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polin\Desktop\Python\Projects\Project@1\"/>
    </mc:Choice>
  </mc:AlternateContent>
  <xr:revisionPtr revIDLastSave="0" documentId="8_{DD7A1F38-997B-4D2E-9526-A64897AA7376}" xr6:coauthVersionLast="47" xr6:coauthVersionMax="47" xr10:uidLastSave="{00000000-0000-0000-0000-000000000000}"/>
  <bookViews>
    <workbookView xWindow="-108" yWindow="-108" windowWidth="23256" windowHeight="12456" xr2:uid="{91791DC5-301A-401A-9839-A9533F4A5C14}"/>
  </bookViews>
  <sheets>
    <sheet name="Sorted_loan_data" sheetId="1" r:id="rId1"/>
  </sheets>
  <calcPr calcId="0"/>
</workbook>
</file>

<file path=xl/sharedStrings.xml><?xml version="1.0" encoding="utf-8"?>
<sst xmlns="http://schemas.openxmlformats.org/spreadsheetml/2006/main" count="1601622" uniqueCount="100519">
  <si>
    <t>loan_id</t>
  </si>
  <si>
    <t>customer_id</t>
  </si>
  <si>
    <t>loan_status</t>
  </si>
  <si>
    <t>loan_amount</t>
  </si>
  <si>
    <t>state_x</t>
  </si>
  <si>
    <t>funded_amount</t>
  </si>
  <si>
    <t>term</t>
  </si>
  <si>
    <t>int_rate</t>
  </si>
  <si>
    <t>installment</t>
  </si>
  <si>
    <t>grade</t>
  </si>
  <si>
    <t>issue_d</t>
  </si>
  <si>
    <t>issue_date</t>
  </si>
  <si>
    <t>issue_year</t>
  </si>
  <si>
    <t>pymnt_plan</t>
  </si>
  <si>
    <t>type</t>
  </si>
  <si>
    <t>purpose</t>
  </si>
  <si>
    <t>description</t>
  </si>
  <si>
    <t>notes</t>
  </si>
  <si>
    <t>emp_length</t>
  </si>
  <si>
    <t>home_ownership</t>
  </si>
  <si>
    <t>annual_inc</t>
  </si>
  <si>
    <t>verification_status</t>
  </si>
  <si>
    <t>zip_code</t>
  </si>
  <si>
    <t>addr_state</t>
  </si>
  <si>
    <t>avg_cur_bal</t>
  </si>
  <si>
    <t>Tot_cur_bal</t>
  </si>
  <si>
    <t>state_y</t>
  </si>
  <si>
    <t>subregion</t>
  </si>
  <si>
    <t>region</t>
  </si>
  <si>
    <t>issue_month</t>
  </si>
  <si>
    <t>defaulted</t>
  </si>
  <si>
    <t>b'\x8d\x1es\xf1\xfep\xba\xfb/\x18,i\xbd\xd5 L4\xf3\xeds(\x13z\xe82\x81h\xad\xbb\xa6\xa9Z'</t>
  </si>
  <si>
    <t>Fully Paid</t>
  </si>
  <si>
    <t>MI</t>
  </si>
  <si>
    <t xml:space="preserve"> 36 months</t>
  </si>
  <si>
    <t>F</t>
  </si>
  <si>
    <t>INDIVIDUAL</t>
  </si>
  <si>
    <t>moving</t>
  </si>
  <si>
    <t>Moving loan</t>
  </si>
  <si>
    <t>desc</t>
  </si>
  <si>
    <t>&lt; 1 year</t>
  </si>
  <si>
    <t>RENT</t>
  </si>
  <si>
    <t>Source Verified</t>
  </si>
  <si>
    <t>481xx</t>
  </si>
  <si>
    <t>East North Central</t>
  </si>
  <si>
    <t>Midwest</t>
  </si>
  <si>
    <t>b"-3\xd4(\x15\xe4@\x08\xab\x11|\xf7\x01\xe8\x86\\me\xd6\x0f\x80\xf1Bd\xa2\xdc\xfe\xd9\x15{'\x1c"</t>
  </si>
  <si>
    <t>AZ</t>
  </si>
  <si>
    <t>D</t>
  </si>
  <si>
    <t>Moving and relocation</t>
  </si>
  <si>
    <t>Not Verified</t>
  </si>
  <si>
    <t>850xx</t>
  </si>
  <si>
    <t>Mountain</t>
  </si>
  <si>
    <t>West</t>
  </si>
  <si>
    <t>b'\x87\xa7\xb6\x9aW\n(P\x08\xbb?@~\x8c\xe1\x04i\x98\x1b\x94\xc1\np\xff\xc24\xfc\xdd\xcdF\x1a\x0f'</t>
  </si>
  <si>
    <t>NV</t>
  </si>
  <si>
    <t>B</t>
  </si>
  <si>
    <t>medical</t>
  </si>
  <si>
    <t>medical expenses</t>
  </si>
  <si>
    <t>5 years</t>
  </si>
  <si>
    <t>MORTGAGE</t>
  </si>
  <si>
    <t>898xx</t>
  </si>
  <si>
    <t>b"\x13\xe7@\xa2F\xe7S\xf9'\rlv&lt;i*\x04\xd0uQ\xe5\x89U\xb4\t\x19\xf2\xa3G\x80\x89\xb60"</t>
  </si>
  <si>
    <t>GA</t>
  </si>
  <si>
    <t>major_purchase</t>
  </si>
  <si>
    <t>Major purchase</t>
  </si>
  <si>
    <t>3 years</t>
  </si>
  <si>
    <t>300xx</t>
  </si>
  <si>
    <t>South Atlantic</t>
  </si>
  <si>
    <t>South</t>
  </si>
  <si>
    <t>b"\xa4w\xfdm\xc7Ud\xa6\xdd_\xaeS_\xcbe\xcc\xa6\xf7O\x08\xda\xd1\xdc\xac\xaa\xbb\xf95\x12\x07'-"</t>
  </si>
  <si>
    <t>Charged Off</t>
  </si>
  <si>
    <t>LA</t>
  </si>
  <si>
    <t>E</t>
  </si>
  <si>
    <t>other</t>
  </si>
  <si>
    <t>Consolidating</t>
  </si>
  <si>
    <t>2 years</t>
  </si>
  <si>
    <t>700xx</t>
  </si>
  <si>
    <t>West South Central</t>
  </si>
  <si>
    <t>b'r\xdc\x19[\xfdL\xb2?Q\xd2\xe2\xe89\x95\x85|\n\x8a\x8eBu\x9d\x85\xf8\x1d\xe9\x1d\x1a\x059w~'</t>
  </si>
  <si>
    <t>FL</t>
  </si>
  <si>
    <t>A</t>
  </si>
  <si>
    <t>AR15 Purchase</t>
  </si>
  <si>
    <t>10+ years</t>
  </si>
  <si>
    <t>333xx</t>
  </si>
  <si>
    <t>b'\xcf\x1aL3\xdf%\xb8\x94B\xa5\x1ds\xe3\x08\x01\xc2\x9f\xa4\xdd\xfc\xc8&gt;\xf3x\x01,\xba\x14\x81\xe6\x8d#'</t>
  </si>
  <si>
    <t>OR</t>
  </si>
  <si>
    <t>debt_consolidation</t>
  </si>
  <si>
    <t>Debt consolidation</t>
  </si>
  <si>
    <t>972xx</t>
  </si>
  <si>
    <t>Pacific</t>
  </si>
  <si>
    <t>b'\xa0EH\x17y\x03P\xe7v"\x9f\x12w\x19\xd7\xd3\xfet\x8au\xe8\xdcs\xdd\xb7C=\ng\x08c\xd6'</t>
  </si>
  <si>
    <t>TN</t>
  </si>
  <si>
    <t>payoff bill</t>
  </si>
  <si>
    <t>377xx</t>
  </si>
  <si>
    <t>East South Central</t>
  </si>
  <si>
    <t>b'%\x9e\xfbVF\xb9\x9c\x13\xaa\xf0\xd5\xc2\x02\xa1\xa8\xbe/0hpk\x00\xda-\x07yK\xfc\xc5n\x86\xa2'</t>
  </si>
  <si>
    <t>MO</t>
  </si>
  <si>
    <t>debt consolidation</t>
  </si>
  <si>
    <t>652xx</t>
  </si>
  <si>
    <t>West North Central</t>
  </si>
  <si>
    <t>b'-\xb8\x1d\x13 \xdak\x90\xc4RU\xd7\x9e\xcfn8\xad\xb3\xb7\x95R\x9e\xf3BO\xec\xa5\xdc\x1c)\xdeU'</t>
  </si>
  <si>
    <t>outofdebtloan</t>
  </si>
  <si>
    <t>8 years</t>
  </si>
  <si>
    <t>Verified</t>
  </si>
  <si>
    <t>891xx</t>
  </si>
  <si>
    <t>b'\x15\xea,r5\xbe\xe1\xbam#jT9\xe1\x8b\x96f\x8fHH\x15\xbd\x1a9o\x02X\x82\xb7E\xc4\xc9'</t>
  </si>
  <si>
    <t>RI</t>
  </si>
  <si>
    <t>faster payoff</t>
  </si>
  <si>
    <t>6 years</t>
  </si>
  <si>
    <t>028xx</t>
  </si>
  <si>
    <t>New England</t>
  </si>
  <si>
    <t>Northeast</t>
  </si>
  <si>
    <t>b'x\x11\xca\x9e\x18\xaa;\x0c\xab\xe8x\xdb\xfb\x9dQ\xf3p\x05Q\xb5C\x12\xdf\x03\x17m\x80b\xd7\xcfH\x9a'</t>
  </si>
  <si>
    <t>IL</t>
  </si>
  <si>
    <t>DEBT CONSOLIDATION</t>
  </si>
  <si>
    <t>OWN</t>
  </si>
  <si>
    <t>606xx</t>
  </si>
  <si>
    <t>b'6\xa2\x81\x17\xc6\xde\x05\xcf\xc6\xe9\xbb5\x8e\xa5/)\x8ae`NA\x1cq\xffgD\xffkp%\x9c\xfc'</t>
  </si>
  <si>
    <t>home_improvement</t>
  </si>
  <si>
    <t>Home improvement</t>
  </si>
  <si>
    <t>9 years</t>
  </si>
  <si>
    <t>600xx</t>
  </si>
  <si>
    <t>b'b\xb9\x9f\x83faQ9\xa0\x85\x1cSR\x8cvO}\x0b\xad\x17\x85\xb4\xdd\x1e\xb3]E*\xc0\x9dpp'</t>
  </si>
  <si>
    <t>C</t>
  </si>
  <si>
    <t>pay off</t>
  </si>
  <si>
    <t>618xx</t>
  </si>
  <si>
    <t>b'\xdf\x8fv,!{\xe4\x07qN\xc2Q\xe1\x1d\x04\xc3#\xe4\xcaI\xf4)~\x9ea\x14\x8c\xbd\xa7\xb6\x98\x96'</t>
  </si>
  <si>
    <t>WA</t>
  </si>
  <si>
    <t>wedding</t>
  </si>
  <si>
    <t>Small Wedding Loan</t>
  </si>
  <si>
    <t>1 year</t>
  </si>
  <si>
    <t>980xx</t>
  </si>
  <si>
    <t>b'\x9cF\xba\xadY\xc7\x9e\rdp\x86J\x0f\xb6_\xb4\x1d\xf4\x99$\xf1\xbc\xd2\xfc\x8a_\xca|ZM+\xa5'</t>
  </si>
  <si>
    <t>TX</t>
  </si>
  <si>
    <t>uknown</t>
  </si>
  <si>
    <t>751xx</t>
  </si>
  <si>
    <t>b'\x94tYt\x86\x83\xed\xf7\xe7\xaa!\xaf\xb2\xd9\xd1E\x16I\xb1Y\x19\xc3m\x9cm\x93\x99\xa6\x88\xbc\xb4"'</t>
  </si>
  <si>
    <t>NY</t>
  </si>
  <si>
    <t>113xx</t>
  </si>
  <si>
    <t>Middle Atlantic</t>
  </si>
  <si>
    <t>b'!\xba)]$\xecB\x95H\xaa\xa9\x13/ \xbd\n\xc7\xb7?!h\xd2\x87\xa4\x80\xe1\x87\xaa\x0b\xd9&lt;\xaa'</t>
  </si>
  <si>
    <t>CA</t>
  </si>
  <si>
    <t>car</t>
  </si>
  <si>
    <t>Car/Consolidation</t>
  </si>
  <si>
    <t>923xx</t>
  </si>
  <si>
    <t>b'b\x87$\x1ev~\xe3\xe5\xaf\x88Og\xfc\xa6\xdfmg\x8bK\xc4\th\x1e\xfd\xca\x8aR\x14\xee`\xa7|'</t>
  </si>
  <si>
    <t>Personal Loan</t>
  </si>
  <si>
    <t>932xx</t>
  </si>
  <si>
    <t>b'f\xa2AU\xfb\x11^\x07\xe3\x0f\xe9&lt;?{8U\x9f&lt;\xd1\x8c\xc0M\x1bN\xe7\x8fh\xe7\xb0\xb5u\xd6'</t>
  </si>
  <si>
    <t>CO</t>
  </si>
  <si>
    <t>credit_card</t>
  </si>
  <si>
    <t>Credit card refinancing</t>
  </si>
  <si>
    <t>7 years</t>
  </si>
  <si>
    <t>800xx</t>
  </si>
  <si>
    <t>b'WH&lt;X\xd2\x02\x9cS\xdb\xf3\n\xf5\xa5\x91"\x9e\xb1\xfe&amp;\x93\xd6\xd8\xc1y\xffS\x0f#\xe6\x94\x98\xcb'</t>
  </si>
  <si>
    <t>b'\x9f0\xf1roe\t\x03T\xe2\x92H\xcaW\xe5$\xef\xc8\nh\x188q\xd2\x1b\xd7\xa7\x92\xcdi\xea/'</t>
  </si>
  <si>
    <t>KY</t>
  </si>
  <si>
    <t>a little sanity</t>
  </si>
  <si>
    <t>405xx</t>
  </si>
  <si>
    <t>b'\xbav,9:\xa0\x8a\xdb:\xfb\xcbX%)\x9cQ\xe4\xc0{\xd2oO\xfc0\xd7\xa7\xd8h\x1e\xc7\xd0\xec'</t>
  </si>
  <si>
    <t>Home Improvement</t>
  </si>
  <si>
    <t>349xx</t>
  </si>
  <si>
    <t>b"\xf0Oz\xbdS\x1e\x9b\x98/'\xeb&lt;\x15I&gt;\xc2\xd2P\xbd?h\xa3\x04{\x8dp\xf0\xde\xfe~\x108"</t>
  </si>
  <si>
    <t>Line of Credit</t>
  </si>
  <si>
    <t>959xx</t>
  </si>
  <si>
    <t>b'+\xdd\xf4eg"\xf8\xc1\xc1\xad&gt;\xa1-\xd6\x16\x8a\xcd]-\x0c\xe4\xcc\xad\xe8wd\x1c\xee\x06\x0f\xee\xa1'</t>
  </si>
  <si>
    <t>AR</t>
  </si>
  <si>
    <t>credit card refinance</t>
  </si>
  <si>
    <t>724xx</t>
  </si>
  <si>
    <t>b'\x19qJ\x85\xc5`\xbaI\x14\xa1D\xe8\xaa\x85\x95\x9aK\x88F\xf4\xcd\xa2f^M\x12\x9a\xb2\x87\x9c\x17`'</t>
  </si>
  <si>
    <t>921xx</t>
  </si>
  <si>
    <t>b'\xd5\xf9\xdd\xf2\xc8\x9e\xf8\xaf\xd0\xff\x8cHC\xdb\x84;e^\x92\xe3\x8b\xb11\xa2\xa4\x0f\x1bB\xf9\x19\x1di'</t>
  </si>
  <si>
    <t>b"&amp;\xd1\rB\xc3\xaf\x17?].\xdf\x8ad\xe3\x96\xd0\xdfX\x93'\xf5\xbb\t-\x87\x1d\xbd\xc7_w{}"</t>
  </si>
  <si>
    <t>Credit Cards</t>
  </si>
  <si>
    <t>852xx</t>
  </si>
  <si>
    <t>b'\xfdx\x0f|K\xfa\x00t\x18v\x1a\xde\x00\xef\x19h\xb8\xa2\xd5\xc0\xfeA\x81\xc7\xeff\xb1\x89\x1fG,\xc6'</t>
  </si>
  <si>
    <t>Student/Personal Loan Debt Consolidation</t>
  </si>
  <si>
    <t>b'\xa2\x0e"\xed\xbf&amp;.\xaf\xce\xcd!\xf0\xe4N\xccR\xe5\x99\xd2\x8c\x954\x81\x03\x80\xf7\x12&gt;4ki\xb2'</t>
  </si>
  <si>
    <t>b'2mC\x8b\xd9\xf0\xf3\xaaM\x16\xe9\xfd\x9e\xfe\xcbs\x11\x1c5\xea\x06$\x9e\xcao\xaf\x0f\x0b\xacV`\x89'</t>
  </si>
  <si>
    <t>633xx</t>
  </si>
  <si>
    <t>b'\x85\xb3\xa2^\xc7\x0c\xea\xe3\x1e\x8e!ZN)\x9do\xce\xd6\xd5\x9a\nv\xbc\x888\x14\xd0\xc9\xe28\x02\xa7'</t>
  </si>
  <si>
    <t>403xx</t>
  </si>
  <si>
    <t>b';\xcb\xb8?\xd1d^\xa9\x07\xbc1\xb5\x0e5!j$\xa2\xc0h\xf1\x88V\xd8\xb0w\xfc`\xb6\x94\xd6\xcb'</t>
  </si>
  <si>
    <t>debt consolodation</t>
  </si>
  <si>
    <t>951xx</t>
  </si>
  <si>
    <t>b'\xd5:\xa3X`"\x86\xe7E\x1c\x1fU\xd6\x80!\xc1[T{\xf8\xe3:\xf3\xefXD\x949,\x8b\xfc\xaf'</t>
  </si>
  <si>
    <t>b'8\xd7\xc9Uhn\x14\x13/\xe6\xd1/8~\t\x8d\xe3\x95\x8c\xa4&gt;^\xfc\x19/W\xe1v\xc3\xfa\xc7l'</t>
  </si>
  <si>
    <t>SC</t>
  </si>
  <si>
    <t>personal</t>
  </si>
  <si>
    <t>295xx</t>
  </si>
  <si>
    <t>b"\xe4iX\xef\x84\xb0\x07\x16\xbbO\xe3\xfcy\x82\xa8|\x8d\xaa\x81\x04'\x84\x9e\xdc,\x1d\x17/\xfdY\xaf,"</t>
  </si>
  <si>
    <t>PA</t>
  </si>
  <si>
    <t>credit card</t>
  </si>
  <si>
    <t>190xx</t>
  </si>
  <si>
    <t>b'7\xaf\'34["\xc4\xb0.\tr\x00\x95\x81Qh\x93\x02\\\xbc\xa5D\xbaG7\x89\xa4\xf5T\x85\x0b'</t>
  </si>
  <si>
    <t>130xx</t>
  </si>
  <si>
    <t>b'\x0b?&gt;;\x97[\xeb\x94\xfc\xeb\xa7\xab\x08\xfaHU\xd0/\xdaw\xec~\x12K\xdf\xec"\x12\xb9\xa8\x95\x9c'</t>
  </si>
  <si>
    <t>OH</t>
  </si>
  <si>
    <t>445xx</t>
  </si>
  <si>
    <t>b'\xf3\x02X\x0b\xb80\x80]\x9cs\x7fu.H\xb4\xcd\x9d!\x92\x04\xcd =\xacl\xed\xf5W\xa8P\xb7\xb8'</t>
  </si>
  <si>
    <t>MD</t>
  </si>
  <si>
    <t>Plumbing and Appliance Replacement</t>
  </si>
  <si>
    <t>211xx</t>
  </si>
  <si>
    <t>b'\xa1e\xa3\x99\xda\xabF{koH\xad\xb3\x82\xb4\x8c\x81{\xa5\xf5\xd4E9|23\x1e\xd8&lt;\x83\xee\x84'</t>
  </si>
  <si>
    <t>601xx</t>
  </si>
  <si>
    <t>b"\xec$\xa0\x90\xd2\xa4\xc01\xab:\xcd\x07\xd0\xfd\xa6\xca\x10\xa2k\x7f\xe2\xcf\xb3\xbc\xdf\xfb\x0e\x12\xc1O'J"</t>
  </si>
  <si>
    <t>435xx</t>
  </si>
  <si>
    <t>b'\xccG\x1fH\xc0=U\x8e+\rp\x0b\x890\xa4\xf16\x8dx\xc1\xf6\xb5a\xd3Q\x8a\xc2\xae\x97V\x93]'</t>
  </si>
  <si>
    <t>Consolidation</t>
  </si>
  <si>
    <t>212xx</t>
  </si>
  <si>
    <t>b"\xb38\xfao\xe91\xd3\xcd'\x9e\xd9H-\x9a\xf7\x0f\xc3\x93\xb3\xf7\xe2y\x8e\xa9\x99=y\xfd\x00\xeds\\"</t>
  </si>
  <si>
    <t>864xx</t>
  </si>
  <si>
    <t>b'\\\x92z[s\xe7YT\xc6n\x93s\xb4\xb3l\x13\x8c\x1em\xa7\x83\x8fi\xddl\xffUz\x94\xe7\xb7\xfd'</t>
  </si>
  <si>
    <t>Other</t>
  </si>
  <si>
    <t>b'\x15\x17\xa0\xb9\x85A\x19\x85\xf5\xc5\xecH\x8e\xa4O\x0bzK\xb0\xbe\x03\xe4\xb4\xed\r\xe7%)b\x10\x8dz'</t>
  </si>
  <si>
    <t>Credit card payment</t>
  </si>
  <si>
    <t>956xx</t>
  </si>
  <si>
    <t>b'f\x8dF\x9aj\xf6\x19c8EHw\xf8\x9c\xf9\xd8i\x0e:\xf8v\x10\xe8\xf5\xff8r\xfc\x85\xafV\x98'</t>
  </si>
  <si>
    <t>Credit Payoff</t>
  </si>
  <si>
    <t>b"3\xbd\xe4\xf9\xfcOL\xdf\xf0\xa34'\x7f6\x96\xean\xdc|\xc6O\xb6\xe6\xac\xa3j\x8fs\x91\xa2\xcd\xa2"</t>
  </si>
  <si>
    <t>small_business</t>
  </si>
  <si>
    <t>Business</t>
  </si>
  <si>
    <t>925xx</t>
  </si>
  <si>
    <t>b'I\xd3\xd9q\xe9\xf2V\xde(\xf9\xfc\xea\xf7.\xe8f4s\xddv\xa3l\xd5\x1f\x87\xf2\x18?\xb7.b\x94'</t>
  </si>
  <si>
    <t xml:space="preserve">Consolidating/Financially Smarter </t>
  </si>
  <si>
    <t>142xx</t>
  </si>
  <si>
    <t>b'\xbb\xcb\x15N\xac\x0e^\xa4\xf1DM\xc9\xc5\xadr\x84\x8d\x9e\xaf\xdd\xe8\x08\xc7\x1ee\x84\x841b&lt;j0'</t>
  </si>
  <si>
    <t>OK</t>
  </si>
  <si>
    <t>730xx</t>
  </si>
  <si>
    <t>b'\xab\xf0\x9e\x1e\xaf!\xe4W\x8c2E\xd8\xa6\x96\xc7\xf6\xd7.\xaf\xe8\x854\xea\xd2P\n\\\xd1TP\x81\xd6'</t>
  </si>
  <si>
    <t>Consolidation Loan</t>
  </si>
  <si>
    <t>194xx</t>
  </si>
  <si>
    <t>b'\x89\xaa\x8bo\x0c\x08\xe6M\xb9\xfe\xcf\xddn\x93\x9f\x1bq\xcf\xdb=\x9c8[\x8ciTl\xfb\x17E\x92\xa1'</t>
  </si>
  <si>
    <t>770xx</t>
  </si>
  <si>
    <t>b'v\xe3\x9f\x8cW\xbc\xe5\xd1\x00\xcc\x9e\x9a\xa8#\x82l\xa0\x92\x1d\xc8\xcc\x97\xc7\x80p,\xdb\xea\xb7Kh\x93'</t>
  </si>
  <si>
    <t>credit card payoff loan</t>
  </si>
  <si>
    <t>948xx</t>
  </si>
  <si>
    <t>b'n\x1f\xffu\xd7y\xb7\xc4\xcb~\x1eM\xdf\xb5\x99\xda\xfarUhE\xc2\xaej\xd8_W\x1b*\xd3C\xbc'</t>
  </si>
  <si>
    <t>Valkarie</t>
  </si>
  <si>
    <t>301xx</t>
  </si>
  <si>
    <t>b"f\x11 &lt;\xaf\x92\xcc\x90N\x0bG\xcd\x82;m2}\x1c'\xd8\xc5\xa8\x9f\xd3yS6\xfc\x92\x8d\xf8r"</t>
  </si>
  <si>
    <t>VA</t>
  </si>
  <si>
    <t>consolidation</t>
  </si>
  <si>
    <t>224xx</t>
  </si>
  <si>
    <t>b'\xf8\xd7\xfd\xfc\xc3pj&lt;C\x9a;\xb5\x9a\x82\x82\x81\xd7\xe3z\x8c\x01\x95\x83\xa3-)\xed0\x1be\x85i'</t>
  </si>
  <si>
    <t>Consolodate</t>
  </si>
  <si>
    <t>927xx</t>
  </si>
  <si>
    <t>b'\x1e\xf3\xcbpW\n\xb1\x84\xd8_\xd5\xb4\xfc\x95\xa1\x87q\xa4\xc6J~E\x0c\x97f)\xe4y\xe9\x85X.'</t>
  </si>
  <si>
    <t>Eliminate Credit Card Debt</t>
  </si>
  <si>
    <t>222xx</t>
  </si>
  <si>
    <t>b'\x92\x85\xd1\xee\xd1Y\xfa\xfe\x87\xb4e}\xeaM\x7f\x92\xa4\xde&lt;\x176\x92\x02\xd9QBY\xe2\xa4\xb2\xb9S'</t>
  </si>
  <si>
    <t>MN</t>
  </si>
  <si>
    <t>house</t>
  </si>
  <si>
    <t>Neighboring Adjacent Lot Purchase</t>
  </si>
  <si>
    <t>4 years</t>
  </si>
  <si>
    <t>563xx</t>
  </si>
  <si>
    <t>b'\x8b\xe5\xeb+\xff]~FO\xe3\xaf\xe0\xf4%[\xf2\x92Q\x82F\xdbg\xbaa\xa1\xc7&lt;\x1dn_s\xee'</t>
  </si>
  <si>
    <t>CT</t>
  </si>
  <si>
    <t>problemsolver</t>
  </si>
  <si>
    <t>066xx</t>
  </si>
  <si>
    <t>b'\xa2\xab\xce\xdf\xc5t=\x1e\x04/\x9eA\x04 e\xd2\x9d\xd7\x1bB=T\x13v\x0f\x9a Q\xe3;\xac^'</t>
  </si>
  <si>
    <t>NJ</t>
  </si>
  <si>
    <t>Debt consolidation loan</t>
  </si>
  <si>
    <t>083xx</t>
  </si>
  <si>
    <t>b'\xc3\xcc\x96\x17/\xce\x05\x08r+Qw\x910\x91\xc5:\x02%\x89q\xc5\xe6\x92\x08\x1d_r\x16X(\xbe'</t>
  </si>
  <si>
    <t>Biz Loan</t>
  </si>
  <si>
    <t>320xx</t>
  </si>
  <si>
    <t>b'\xb9;\xbc\xa8\x9fa\x91\xde\x97T}(+;\x0e\xadR\xebB\xa3\xa9s\x17\xf0*[\xd1F\x14\x8e\x83\xfd'</t>
  </si>
  <si>
    <t>Car/consolidate</t>
  </si>
  <si>
    <t>214xx</t>
  </si>
  <si>
    <t>b'i\xc71\xe7L\nFPY\x19$*\xfe\xa08\x0b\xb1A\xbd+\xd3a\x19\xa4\x11\x0fP\x05`YX\xa4'</t>
  </si>
  <si>
    <t>Loan1</t>
  </si>
  <si>
    <t>338xx</t>
  </si>
  <si>
    <t>b'\xd4\xce\xed\xee\xb1KG\x07\xb9\xb4P\x19\xe9U@\x95\x908\xdcp\xd5\x02\xe0\x0e\xc2\x96\r\xa7\x96\xb7\xb9\xd6'</t>
  </si>
  <si>
    <t>Working Capital for Limo/Party Bus Serv</t>
  </si>
  <si>
    <t>337xx</t>
  </si>
  <si>
    <t>b'1\xf1\xc9\x8a\x18dDm\x9d\x08B3\xd1\xa0\xd9l\x8b!#l\xd8H.R\x9f\xfaI\x12d3L\xf5'</t>
  </si>
  <si>
    <t>creditcard consolidation</t>
  </si>
  <si>
    <t>b'\x81Q_WY\xe6\xcc\xca\xaa\x16\xa2\xd2\xf7\xf8\xeb\xc3\xeaJ\x82 \x03\xfd"\x02CB\xfb\n\x89\xfet&gt;'</t>
  </si>
  <si>
    <t>103xx</t>
  </si>
  <si>
    <t>b'\xb3F\xb8cI\x93Z\xa8Km\xeb\xa5\x87\xf1\xeb\xf6\x103\x13\xa6\xabW\x80\x92W-+\x7fd\xc6\x1c;'</t>
  </si>
  <si>
    <t>926xx</t>
  </si>
  <si>
    <t>b'\xc0\xcb\xef\x1b\x95\x82\xa3\xc0\xecU\x02j|+\x98+\xe8J\x8d,\x1f\\\xf57U\x17\xe9\x99q\x08\xad!'</t>
  </si>
  <si>
    <t xml:space="preserve">new washer dryer frig spa </t>
  </si>
  <si>
    <t>970xx</t>
  </si>
  <si>
    <t>b'\x99\x1b\xb0\xf6\x16Z\x8b\xdf\xa9Ab\xe6\x08E\xfd\x0f\xfe\x1d\xf8V9N\xab.G1\x97\x86\x9e\x07\x9b\xeb'</t>
  </si>
  <si>
    <t>b'\x9e\xee\xa0\x0b\x8f\xaa&lt;\x04\xb6\x96\xd9\x1c\xa1#\xf7V\xac\xd9W\xdcs\xac~Y?+\xdb\xdf\x84\xa07i'</t>
  </si>
  <si>
    <t>NC</t>
  </si>
  <si>
    <t>Freedom Loan</t>
  </si>
  <si>
    <t>272xx</t>
  </si>
  <si>
    <t>b'\xefA\r\xde\xe1\x08s\xc26\x94\xb3\xc8\xdb\xae\xdbh0\x85\xeaf\x88\x03\x81\xc8\x1a\xc6e\x08~\x85\x0e}'</t>
  </si>
  <si>
    <t>Horizon</t>
  </si>
  <si>
    <t>944xx</t>
  </si>
  <si>
    <t>b'Je\xae\xc4$Kr\xf1\xcf\x98\xa4\xb2\xb8\xcc\xba[tS\xd0\x82\xc0\xabM\xe8\xd3\r\x81\xd7\xd0\xb1\xcb\xbd'</t>
  </si>
  <si>
    <t>120xx</t>
  </si>
  <si>
    <t>b'fs\xfeE\x1c\xc01\x80O3z\x7f\xaa\x93\xc5\xc3\xe7\x9e\xb40l/K\x10\xcb{\x89\xe7\xc8=d='</t>
  </si>
  <si>
    <t>Debt Consolidation</t>
  </si>
  <si>
    <t>271xx</t>
  </si>
  <si>
    <t>b'd.\x7fo4\xc5\xed\xce[?\x92L\x948\xf7\x86v\xa8\x91\xbe\xec\x1c\x0c\xd1j&lt;\xc4J\xcfA\x02\\'</t>
  </si>
  <si>
    <t xml:space="preserve"> 60 months</t>
  </si>
  <si>
    <t>b'-\xd8\x0bX\xec\xcc\x18o?\xe7\xfb\xe6\xb3al\x00\x1a\xca\x02k\x15\x18\x93\xef\xe9\xbb\xfeE\xb2\x10\xe9\xf1'</t>
  </si>
  <si>
    <t>New Beginnings</t>
  </si>
  <si>
    <t>112xx</t>
  </si>
  <si>
    <t>b'\xf1~\xa7\xfc\xe0BN\xc4\xb4\xec\xc3\xb4\x83J|\xeb\xce2nD\xb2\xb0\xf3\xd7\xb6\xc7\xc1\xdb\xfb\xb6\x9a\xfd'</t>
  </si>
  <si>
    <t>Personal Home Loan</t>
  </si>
  <si>
    <t>380xx</t>
  </si>
  <si>
    <t>b'\x03\xc7\xaa\xfa*\xfa\x1f\x91U\x05\xb2\xe4\xbc\xfc\x1b\x13Gd\xaa\xd7\x0b\xc1\x83L\xabY8-&amp;v\x80\x0e'</t>
  </si>
  <si>
    <t>Bills</t>
  </si>
  <si>
    <t>328xx</t>
  </si>
  <si>
    <t>b'\x80\xae\xd9\x91 1\x93i\xa6}x\xc6\x1a\x06\xf9S.eg\xad\xd5S\xe9\xdc\xf2\x86\xa6\xb4xi\xd9o'</t>
  </si>
  <si>
    <t>Pay off</t>
  </si>
  <si>
    <t>b'\xc6!\x18\xa80kI\xbc\xe6\xd6c(hs\x8e\x9e\x12\xd2[\x15=R\xf5\x10\xe7\xc5hr.F\xec\xab'</t>
  </si>
  <si>
    <t>CCConsolidate</t>
  </si>
  <si>
    <t>442xx</t>
  </si>
  <si>
    <t>b'\x01\xbeT\x93\xacX\xab\xe2\x11$\xfa\x91(C\xe8\xdf\xfd\xb6\x17\xabpfK!j)Ul8+\xd7\x92'</t>
  </si>
  <si>
    <t>pay off loan</t>
  </si>
  <si>
    <t>b'\x95\x02\x0e\x07\n+\x1e7/\xdf;\x18\xa3gu\xa1\x1d\x9a\xa5\xa4\\\x11=\x83L\x86\xa6\x1ca0\x91\x1e'</t>
  </si>
  <si>
    <t>Truck</t>
  </si>
  <si>
    <t>982xx</t>
  </si>
  <si>
    <t>b'\x94\xe0\xe5\x0b\x9f\x17\x95\x84\xa6G\xcb\xebn\xfd\xeb\xdf\xa4\xe0e\x88\xfa\xa6]\xd3\x16u\x1b\xc8M\xf7\x1d.'</t>
  </si>
  <si>
    <t>064xx</t>
  </si>
  <si>
    <t>b'(\x876{\x88YK\x8d\x04\x17\x8f\x06\xda9\xccF\x91\xa6(\xa2$&lt;\x81xs\x95hsmu\x88\xf5'</t>
  </si>
  <si>
    <t>Home Repairs</t>
  </si>
  <si>
    <t>551xx</t>
  </si>
  <si>
    <t>b"\x93E?0\xbd\x9d\xed\x06\xd6P\x9c'\xdaTYh\xec\xea\xcf\xbd\xb7\xb8\xff8\xaf\x01\x14\\\xb4\r#p"</t>
  </si>
  <si>
    <t>Payoff One Main Financial Loan</t>
  </si>
  <si>
    <t>737xx</t>
  </si>
  <si>
    <t>b'Y\xe2\xe4[c\x9c@\x1eX\xb5A[\xfb3\xcb\xd4\xdb\xbd\xe8\xd6g@\x1f3\x1a\x89-B\x1a\x1fr\x02'</t>
  </si>
  <si>
    <t>DEBT-CONSOLIDATION</t>
  </si>
  <si>
    <t>482xx</t>
  </si>
  <si>
    <t>b'\x14&gt;(&gt;\xcep\x0fG\xb9\xd4\xf7\xbc%\xdb\xf0\xb6\xa3\xa6\x16\x8b\x1ahq\xae\x15\xe5\xa3\xb9\n2\x1f\x05'</t>
  </si>
  <si>
    <t>Driveway</t>
  </si>
  <si>
    <t>b'\x12\xb2\xf8\xffa-FYH\xf9\r\x17\x95vx&gt;^\xa6\xec:f\xf2\xd3g\xce\x9c\xb5\xa5\x0c\x13\xeb\xa8'</t>
  </si>
  <si>
    <t>b'&amp;\x7fE\xf2Z\xf4\xaf\x83\xce\xce\xe0A\x03N)\xcf\x05:\xf5\x9b\xa8\x86\xb2\xa6/K\x1b\x89\xddZ\x9f\x19'</t>
  </si>
  <si>
    <t>help</t>
  </si>
  <si>
    <t>071xx</t>
  </si>
  <si>
    <t>b'\xe5\xe7\xca\x17\xb5\xcd\xc1f\xd9JY&amp;\xb7\xfd\xeb\x8d?\xcfr&gt;\xfe\x13\xb7\x96`\xa8\x18\xdd\xae\xac\xc8\x90'</t>
  </si>
  <si>
    <t>My loan</t>
  </si>
  <si>
    <t>553xx</t>
  </si>
  <si>
    <t>b'\xa4Q\xbd\xce\x80&lt;y^h\xba\xc4\xde\xf0\x1e\xd5\x7f~\x17\xae\xd8\x08\x7f\xb5\x18\xe4\xc5\x9f1\x82\x998\x89'</t>
  </si>
  <si>
    <t>b'kf\xf9N\xf7\xc6{\xe5\xe8\x7f\xc5\xfb\xd4\xf2+\x9c\x1f\xb4\x81\nmC\xe7\xff\xef\xf74Bt\x191U'</t>
  </si>
  <si>
    <t>Credit Card Debt</t>
  </si>
  <si>
    <t>496xx</t>
  </si>
  <si>
    <t>b'\xcb\xdb\xcd\x91\xb6\x1d\xd4\xf3F\xda\xaf\xd0\xda\x12`u\x9e\xc8\xde\x1an\x9e6\x04U?$J_\xff\xf2\xb1'</t>
  </si>
  <si>
    <t>342xx</t>
  </si>
  <si>
    <t>b'^\xf0\xf3K\xcdr\xc92\xa4\xaf\xd5\\\x1f\xb2\xc5HO\x97\xf5?vm/%\xc8M\xd9k\xb2\xe1A\xe8'</t>
  </si>
  <si>
    <t>Success Ahead</t>
  </si>
  <si>
    <t>902xx</t>
  </si>
  <si>
    <t>b'~`\xc5|f\xa0\x01Y\x92$\xbe\x7f\xb3\x11w\xb1\x86C\xac\xcb#\xb0\x0b(b\x05\xcc\xe5\xbc\xbf\xe3\xd7'</t>
  </si>
  <si>
    <t>HI</t>
  </si>
  <si>
    <t>968xx</t>
  </si>
  <si>
    <t>b'\x139\xcf\x84zT\xe5\xd4u\x1e\x9c\xbec\xa4\xec\xb7X6-E"\x1c\xfa\xea\xb63`\x94\x9c5\xb5\xfe'</t>
  </si>
  <si>
    <t>935xx</t>
  </si>
  <si>
    <t>b'\xc6\\r\xf0pG\xe5~\xe8\xc0\xa7K\xb2\xc7\xe6\x8e@\x97\x82\xb8\xc6X&amp;R33{\xe0\xcf\xca*1'</t>
  </si>
  <si>
    <t>105xx</t>
  </si>
  <si>
    <t>b'O\xb5\xf3\x80\xb8p\x99`B\xb6\x18\x12\x00K\xad\x91\x1bp\xe0\x9c\xec\x1e\x8d\x1b\x90\x9cat\xa4\xd8\xb8D'</t>
  </si>
  <si>
    <t>MA</t>
  </si>
  <si>
    <t>life worth living</t>
  </si>
  <si>
    <t>021xx</t>
  </si>
  <si>
    <t>b'%m\xde[D\xb1\x1fUzY\xb13u\x86U\x1f\x08~\xf2D8\x8a\x87\x069~\x91K6\xb9G\xa9'</t>
  </si>
  <si>
    <t>331xx</t>
  </si>
  <si>
    <t>b'?d\xf7\x9f.L\x85Xp`\x19\xe7U:D{\xf8\x98\xa6^\x96\rU\xad\x9b\xb7\xcb\xe14\x02!\xdd'</t>
  </si>
  <si>
    <t>922xx</t>
  </si>
  <si>
    <t>b'\x10;\n\xbc[Wp\t\xb9\xb1\xbb!\xa8u\xa36\x9f\xba\xaas\xbe\x88\xaaZl\xd0\\\x92yb\xa1\x8a'</t>
  </si>
  <si>
    <t>761xx</t>
  </si>
  <si>
    <t>b'\xeeP\x1c\x81\x86\x87\xbb\xf7\xd7r\xfc\x0c\x04\x10\xf2\xde\x82\nu\xb8|9\xf3d\x0fC\xf8\x07\xe0\xc6\x16\xe1'</t>
  </si>
  <si>
    <t>Consolidating and balancing debt</t>
  </si>
  <si>
    <t>117xx</t>
  </si>
  <si>
    <t>b'\xcd64tzo\xde\x83\xbb\x93c\x9d\xd3I\xca\xcb\xdbT\xc2\xe9\xd3\xe7t\xec\xe9\xf4\xa3e\xfa\x07\xd0b'</t>
  </si>
  <si>
    <t xml:space="preserve">Personal debt consolidation </t>
  </si>
  <si>
    <t>955xx</t>
  </si>
  <si>
    <t>b'\x1a\xd3\xd8R\x0fs\xe9\x07\xb8\x83\xb2r\x9f\xcfZ\x91d\xc0\xa9\xdd3\xe8d\x01\x9cT\x7f%\x9al\x98&lt;'</t>
  </si>
  <si>
    <t xml:space="preserve">Credit Cart Refinancing </t>
  </si>
  <si>
    <t>b'#\x08E\nU\x05\xdf*Ys\xd1\xeb\x07\x02\x19=)\x15\x86\xaa\xde\x98\xddO\xb2~m\xdb)Wl&amp;'</t>
  </si>
  <si>
    <t>b'\xa9\xee\xa1\x87%\xf7\xea\xd7\xbdh\xe9\x95\xc4\x14$\x91(\x9c\xc6\xdd\xaa\x10\xc0\xbdp4B\x05\t\xbboR'</t>
  </si>
  <si>
    <t>WV</t>
  </si>
  <si>
    <t>254xx</t>
  </si>
  <si>
    <t>b'\x8a\xc4\xe4uG\xa4uNn\xcd\xdc+\x8e\xcdN\xaba*\xb9w\xf9p\t\xa28\x02S\xf4\x00/\xe6\xa2'</t>
  </si>
  <si>
    <t xml:space="preserve">Debt Consolidation </t>
  </si>
  <si>
    <t>960xx</t>
  </si>
  <si>
    <t>b')\xc7\xd7\xf8)\xa5\xf1K\x98\xde\xbb\x00q2\xe5\xf6\x84v\x1f\x90Xh7\xde\xf0\x94#AC\xe0\xbb\x1f'</t>
  </si>
  <si>
    <t>654xx</t>
  </si>
  <si>
    <t>b'L\xa2\x93Z\xb8@o\xf5{xV\xc7qF\xb2\xf42\x86\xa8\x80!6w+\xd1v\x94\x1eQ52\xd8'</t>
  </si>
  <si>
    <t>DC</t>
  </si>
  <si>
    <t>200xx</t>
  </si>
  <si>
    <t>b'\xddJHQ6\xf1D\xbf{\x12\xc6\xbc\x9b5\x83v\xa6\xd9\xfa\xd2\xb6\x8a)\x99VHc)\x1b*\xb8+'</t>
  </si>
  <si>
    <t>082xx</t>
  </si>
  <si>
    <t>b'\x8c\xfb\xf3F\\\xf5\xb9\xc6\xc87$\x0b\xec\x0fi\xd9?fb\xfcB\x7fdWi\xe2t\x94-\xa0\xf9\xa7'</t>
  </si>
  <si>
    <t>UT</t>
  </si>
  <si>
    <t>840xx</t>
  </si>
  <si>
    <t>b'\xf8 \xc7\x1f5\xe7\xbf\xd0\xcb\xecj \xe7\xb6\x10.n\r\xe0\x8dHg\xd3\xd6\x82\xbf\xfb\x10\x9a\xc8\x8f`'</t>
  </si>
  <si>
    <t>Credit card consolidation</t>
  </si>
  <si>
    <t>949xx</t>
  </si>
  <si>
    <t>b'\xd28\xc6C\x83\x88\xb2\\\xc8\x80c\x11\x03\x8b\x83\xe1\x98\xa1\xeah\xb9P&amp;H\x05N\x1b#\x1e\xd9`\xfc'</t>
  </si>
  <si>
    <t>283xx</t>
  </si>
  <si>
    <t>b'&gt;Vs6\xe8}\xdd\xfb\xb5M\xe8=\xc3\xd4z\x00\xb5\x93h\xa7s[\x1c\xb5\xb6\xfdU\x1dz\x8f\x87\xb0'</t>
  </si>
  <si>
    <t>Credit Card Loan Consolidation</t>
  </si>
  <si>
    <t>b'A\xf8\x8a\x8a\xf8W@\x1ao\x10=\xc1H8)\xd4\xa4c\x89\xc9\xa6\xd3&gt;(r\x1e\x0c\xf1N\x14\xed\xf4'</t>
  </si>
  <si>
    <t>b'Fuy[\x12W\xfc\x91[\x90\xacK\x85\xcf\xe8s[\x82\x19\x95\x9f\xcfW\x8d\xe0\xc1\xf24s\xa0\x98\xb7'</t>
  </si>
  <si>
    <t>335xx</t>
  </si>
  <si>
    <t>b'\x9bX9o\xd6ii\x079\x97;\x06y#\xc4\xb3iKW&lt;8_\xcc\xd6\xed\xc0\xe7\xbd6=[E'</t>
  </si>
  <si>
    <t>b'\xc5!\xc5\xff(\x92I \xfa\xf4pe\xa6\xeb4\xe5qC\xe1\xcc[\xe5S&amp;\x94\x0c\xfcA`\xfe\xda\x87'</t>
  </si>
  <si>
    <t>DEBT PAYOFF</t>
  </si>
  <si>
    <t>b"\xee~\xe9\x0bE\xaeqe\xf0azk\x98e\xe0W'[\x0c\xaf\x06\xfd\xa6\x97\xb4\x143Q[o\x86\xf0"</t>
  </si>
  <si>
    <t>701xx</t>
  </si>
  <si>
    <t>b'\xb7\xd1\xe7\x90\x0f\x0e\x86?\xf5\xd5e\x12\xaf\xd9c%\xa4\xb7\xc2\x98$\xfa\n\x89\x19c @\x98\xf9\xa7\xc1'</t>
  </si>
  <si>
    <t>Hard Working</t>
  </si>
  <si>
    <t>330xx</t>
  </si>
  <si>
    <t>b'\x1e\xf04\x8f\xe0\xc5\xfa7$\xa6\xf3\x13E\xbfXYEOS\x0e\x00"\x9e\xb1\x08Uv\x84\x08\xa9\xe5\xa3'</t>
  </si>
  <si>
    <t>Pay Off Credit Cards</t>
  </si>
  <si>
    <t>242xx</t>
  </si>
  <si>
    <t>b'Y\x80o\xe5g\xfa1|\x03\x9c\xbf,\xb1\x08\xd7\xab\xd7\xe8\xb8\x1fK\xcdo\xe9\xdd\x85h\x86\xf3]\xf0\x02'</t>
  </si>
  <si>
    <t>613xx</t>
  </si>
  <si>
    <t>b'\xca\x84C\xdc\xc3\xf5\xda:\xed\xc0\x04;\xc3u\x96\x85\xa7\xd6wk\x81\x1c\xf0e\n:\xaf"[\xf6\x01"'</t>
  </si>
  <si>
    <t>AL</t>
  </si>
  <si>
    <t>freedom</t>
  </si>
  <si>
    <t>365xx</t>
  </si>
  <si>
    <t>b"\xc8\x15/\x19\xd1\x1d2\x93t_\x05u8J\x131/II\xd3Y\x80.\x03\xdd\xf1'\x92V\xc6M\x81"</t>
  </si>
  <si>
    <t>344xx</t>
  </si>
  <si>
    <t>b'\xaeu\xdb-\xc6m\x08\xf6K\xb0.\xdd\x04\xa0(,V\xed\xdc\xdb\x8c\x9f5\xa0J*.\xcf\xf4\xac\xb4 '</t>
  </si>
  <si>
    <t>Refinance</t>
  </si>
  <si>
    <t>104xx</t>
  </si>
  <si>
    <t>b'ea\x97h\x8c\xb0y\xb0\xd4\x05\xa0d$\x83*\xd4K\x12k\xaf\xa8\xfa\xf5t\x95-H\x0f\xfc\xf7\xd5#'</t>
  </si>
  <si>
    <t>357xx</t>
  </si>
  <si>
    <t>b'\x9f\xb5\xf4r.\xda\xd4@\xfek\x13\xde\xf0\xd1\xa4\xaa\xd7Z\xbe\x9f\xcd\x03\x88\xf5\x19\xb2\x14t\xe0M\x9a9'</t>
  </si>
  <si>
    <t>650xx</t>
  </si>
  <si>
    <t>b'\x8c+s\xc7h#]b\xf21+%c\xa3"\x0b\xe1\xd6\xee\xc0XpR\x9a\xfa\xdd9\xc6\xaa\x1a\xfc&amp;'</t>
  </si>
  <si>
    <t>Credit Card Consolidation</t>
  </si>
  <si>
    <t>945xx</t>
  </si>
  <si>
    <t>b'\x89\x94\x90l\xberQ\x0bt5\xa4K\xff\x18\x85\xc2\xaa\xa8\x7f\xe0S\x8e\x836\xb2x\x10H\xb2Qx\xde'</t>
  </si>
  <si>
    <t>Making Life Easier</t>
  </si>
  <si>
    <t>808xx</t>
  </si>
  <si>
    <t>b'_\x0c\xb54\x94\x85\xf0\xce\xd9D3\xb5\xa6\x1a_\xb9\xdc\xebi\x0e\xda\xdd\x7f\xda\xcc\x9bG\\\tX*6'</t>
  </si>
  <si>
    <t>Pay off my Second Mortgage</t>
  </si>
  <si>
    <t>786xx</t>
  </si>
  <si>
    <t>b'\x83Vt0_8\x8d\x123&amp;\x99\xf9A\x9e\xf12\xd0(%\xd3\xd2\xeca.\xd6\x91O\xc1/\x8cO\xb1'</t>
  </si>
  <si>
    <t>Credit Consolidation</t>
  </si>
  <si>
    <t>234xx</t>
  </si>
  <si>
    <t>b'C\xcc\xd9C\xdb\xf4\x83C-\xc9\xbb\xdd\x0c\xd9lQBd&amp;R\xb6u\xbb\xcc\x95\xba\x04\xb3\xb4\x87\x83\x8b'</t>
  </si>
  <si>
    <t>conso</t>
  </si>
  <si>
    <t>b'CI\x93\xe3\xc5\x14\n:"\xfawf\xca:\xf9\xfa\xa1\xb8,+\x9b\xb4\xdd`\x10\xeas\xd0\xc2\xa9\n\x9d'</t>
  </si>
  <si>
    <t>Credit card loan</t>
  </si>
  <si>
    <t>b'e+\xc1(&lt;v\x1bC\xe8\xf8aW \x7f\xcd\x01-\xec\x08a\xc9\x98\x8c6\xe1H\xe7\xaao.\xc1\xbb'</t>
  </si>
  <si>
    <t>debt free</t>
  </si>
  <si>
    <t>750xx</t>
  </si>
  <si>
    <t>b'\xdf\xc1\xce\x9b\xa8\x00\x84+\xc3\xbb\xe6I\x85h\xcf\xd4.b\xb7\x88y&lt;\xdfZ7\x12l\x14\x0c\x86[^'</t>
  </si>
  <si>
    <t>b'\x0f3\x03PC\x87$K.\xd9\x03C\x05\xc4\x13(\xac\xaf\x97QWq\x94\xc6*I\xde\xe0\xe9\xb4*\xeb'</t>
  </si>
  <si>
    <t>Debt Consolidation Loan</t>
  </si>
  <si>
    <t>913xx</t>
  </si>
  <si>
    <t>b'\x9f\x87*\x94\x8f\x047\xe5_@\x1a\xd6\x1c\xe5\xba\xfd\xea7\x9c8R\x04\x92\xf3\x81\x88\xca]\xb7f\x00\xa6'</t>
  </si>
  <si>
    <t>087xx</t>
  </si>
  <si>
    <t>b"\x0frp\xde\x81\x00\xb2\x90_\x9b\xd9\xa1\xcf,\xc5\xd6_\x93\x93\xf4\xd6\xd0\x1a\xc8',0\xc3J\x1a\x05\xf1"</t>
  </si>
  <si>
    <t>285xx</t>
  </si>
  <si>
    <t>b':\x18\x9dG\xe8g\xb0\x14\xcf?\x08\xad\x9c \xe4\xf2{\xda\n;\x0e\\\xb4QzA\xa0z\x92\x87c\xca'</t>
  </si>
  <si>
    <t>336xx</t>
  </si>
  <si>
    <t>b'#\x81&amp;\x9f\xdb\xe3+\xd3\xbd\xef\xab\xbd\x96\xcdN\xa3\x84\xc7GI\x11\xe7\x08\xa5Fo\x15\xd1\xee\x19F\xfe'</t>
  </si>
  <si>
    <t>consolidate boa/disc</t>
  </si>
  <si>
    <t>279xx</t>
  </si>
  <si>
    <t>b'%\xfb\xb1\x9e\xa5%\x8ek\xf0[\xd9\x96\xfb\x92&amp;;}\x1e\xd6&amp;\xfd)\xaf\xdd\xdd\xee\x036\x99&lt;\xc4^'</t>
  </si>
  <si>
    <t>Personal loan</t>
  </si>
  <si>
    <t>302xx</t>
  </si>
  <si>
    <t>b"\xe93\xb7O}\xb2\xe0\x9e\\'2vF\xb3a\x80)e\xb7%\x0b\x16{\x9e\r\xa0\xa7\xd6\xc3\xda\xa6)"</t>
  </si>
  <si>
    <t>b'\\Q\xec\t\x17\x9e@\x08V\x8a\\\xc2\x8b\xec\xa1&gt;Y|p1\t\x1dv\xff6\x11\xf1E\xb2\x9c\xd0\xa0'</t>
  </si>
  <si>
    <t>920xx</t>
  </si>
  <si>
    <t>b'[&amp;lp44\x9d\xea\x90y\xd3\x1e\x80\x14\xc7G\x90s:("\xbf[o\xc2W\x04Pu\x87fx'</t>
  </si>
  <si>
    <t>b'\xafI\xe4\xefvpI\xea\x01\xc9&gt;_\x82\x13\x99}\xab\xb7k\xd2W#O\xf8#L\xe2^\xf9v\xe8\xa7'</t>
  </si>
  <si>
    <t>Payoff</t>
  </si>
  <si>
    <t>b'\x90\xc1\x05t\n\xab\xee\xdd\x00O}:\xbf\xd1\xb0\xc1-\xf7\xe1\xc4T\x95A\xaf7\xa1Zq?\xb1Ia'</t>
  </si>
  <si>
    <t>b'\xfc\x98\x0f\xcd&amp;\x1a\xc4\xact\xaa\xed\x0798P\\\xe6\xd7\xaf\xaa\xc1\xcbh\xd4\x9f\xc9l0\x98G\xdcP'</t>
  </si>
  <si>
    <t>NH</t>
  </si>
  <si>
    <t>ConsolidationLoan</t>
  </si>
  <si>
    <t>038xx</t>
  </si>
  <si>
    <t>b'\xbc\\\xc7\xef\xb3\x0c\xec\xab\x97\xb1\xa7\xb2,&gt;$\xfb\x9d\x81\xe6\xf9\x16\x95\xa8\x87\xbc\xb9\xc7\x96)\xb8v\xa9'</t>
  </si>
  <si>
    <t>137xx</t>
  </si>
  <si>
    <t>b'Y\x00:\xe4K\x03\xfc;\x9aO@\xd6\x81N\xc43\x9b\xbf\x1b\xb8:\x08\x8d\xa8_\xa0\xe8,&gt;7\xd5\xc7'</t>
  </si>
  <si>
    <t>CC Payoff</t>
  </si>
  <si>
    <t>708xx</t>
  </si>
  <si>
    <t>b'\x99\xab\x8f\x88iN(\x84`\xf6\xb8\x1aU\xb8\xa3K6\xe56\x92\xcf\xbf\x16\xbfQ\xf5\xd4h\xa9\xf1rS'</t>
  </si>
  <si>
    <t>CONSOLODATION</t>
  </si>
  <si>
    <t>752xx</t>
  </si>
  <si>
    <t>b'\xc7\x94\xb8\xb6\xfc\xefu\xcf\xcf\x10ou\xe3\xc0\xe0\x19\x05\x15\x8a\x12\xd7\x17\xec\xda\xd7p\xdf\x02\x08/O\x0c'</t>
  </si>
  <si>
    <t>Debt Freedom</t>
  </si>
  <si>
    <t>275xx</t>
  </si>
  <si>
    <t>b'\xca3\x8f\xf9\x17\xeb\x87\xacj\x907\x9e\xad\xbc\x1b\x0b\xb8\xdda\xd9\xdd\xdb\xfbr\xc9\x85G\xac5:\x13_'</t>
  </si>
  <si>
    <t>loan for home improvements</t>
  </si>
  <si>
    <t>b'4\xa0\xbf\xa6 \x02e\xcf\x19\xb3u\xfagXv\xc7\xd5c\x1d\xd7\xe7\xe9\xcf\xa3\x1eM\xa9r\xbe\xaa\t%'</t>
  </si>
  <si>
    <t>453xx</t>
  </si>
  <si>
    <t>b"\xf7\x13\xb8\xc2\xe0\x9c-\xee@ddE\xc8\xe7\x1b\x1f\x19\xc5\xb5\xd5srd\x07Y\xf7Rd'(t\xbb"</t>
  </si>
  <si>
    <t>615xx</t>
  </si>
  <si>
    <t>b'jF\xe3qjE0(\x8d\x16\x14!\x97\xf265\x91C2L\xd0\xe4\xf8H\x98\x05\x07\xc3\x04\xde(\xe5'</t>
  </si>
  <si>
    <t>IN</t>
  </si>
  <si>
    <t>474xx</t>
  </si>
  <si>
    <t>b'Na\x18k\x9b!\xb2\xa8\xbe\x9d\x04\xfc\x01\xa4\xca\x1d\xed~\xfe|\xea\xf1\xdf\x87\x98\xb2Z\xf6h\xb1\x86\x92'</t>
  </si>
  <si>
    <t>HI Loan</t>
  </si>
  <si>
    <t>171xx</t>
  </si>
  <si>
    <t>b"\xc7\xe0\xad\xb3'Nj\x84\xa6\x04\x1f3e\x0f\x17\xcaA\x9cOk\xb8\xf9\x1e9\x89o\x9e\x10]\xe5\x8cN"</t>
  </si>
  <si>
    <t>WI</t>
  </si>
  <si>
    <t>535xx</t>
  </si>
  <si>
    <t>b'\x04\xa8j\xbd\xed\x0f\xe7V6m\x9bgw\xc9\xce\xde\xfdIF\xca\xde\xa3\x94I\x88M5\r\x03\xfdr\xda'</t>
  </si>
  <si>
    <t>b'\xacz|\x07\xab\x94,\x8d\xec\x03\x85\xfd\xbakl\xd3\x8bo\xd7\xb0\x87\x05E\xa5\xf8\xc4\x83Z\x95\x95N\x82'</t>
  </si>
  <si>
    <t>Debt Relief</t>
  </si>
  <si>
    <t>b'\x1c.\xca\xbd\x18\\\xa9\xdc\xeb\xf3\xddp\xa7\xb1A%\xdb\x1f\xd2Q"\xa4\x936\xbdG\xb0\xda\'M\xf2\xbc'</t>
  </si>
  <si>
    <t>debt  consolidation</t>
  </si>
  <si>
    <t>727xx</t>
  </si>
  <si>
    <t>b'\xee\xfa\x80\x14\x0b\xdd\xae\xcf\xcb\x017\xcc\xe8\xf8zE\x9f\x1c\xba\x16\xc4\xba\x13\xad\x18\xcf\xabS\x11\x1a\xadY'</t>
  </si>
  <si>
    <t>cards</t>
  </si>
  <si>
    <t>b'\x0f\x0cv$zO\x89E\xfe\xde\x13c\x87\xafDc\xc4\xd3\xe9\xce\x8a\xd80\x99\xc0o\x87\xa3\x1d\xb2\xdc\xd5'</t>
  </si>
  <si>
    <t>Debt refinance</t>
  </si>
  <si>
    <t>b'1\xa7\xf0\xb4\x9a\xc6\xb2\xc3\xb0\x1b\xf2 :\x03B \x91\x1eh\x05\x04\xd8\x7fZp\xad&lt;)CY\xe8\x12'</t>
  </si>
  <si>
    <t>Consolidate</t>
  </si>
  <si>
    <t>b'\n1\x1a!S \xb6\xaa+d&lt;\x84\xc87p\x9e\xc0G&lt;\xd7"\x0e\xbd%8V*\xb2\xfd\xcf(\x97'</t>
  </si>
  <si>
    <t>853xx</t>
  </si>
  <si>
    <t>b':\xeb\xa2\xd5\x01Y\x10\xf4k\xa9\x82\x00%\xc02\xa3\xdc\xc2\x08\xa9i[N\xd1m\xea3\x01#\xd7\xf0\x15'</t>
  </si>
  <si>
    <t>b"\xca\xf4\x12)\xe2\x98'\x05\x06U\xd8K\xb0&lt;\x0e\xc3\xa40\xf3jz\xea\xf9\x92I\xf0\xfe\x8d\xb3\xb1\x82e"</t>
  </si>
  <si>
    <t>CREDIT CARD REFINANCE</t>
  </si>
  <si>
    <t>232xx</t>
  </si>
  <si>
    <t>b"Q\xf8\x13\x9c\x1b\xfa\xd3\xd0\xd1\x86\xe0\xcb\xde\xf1\x0b\x8b.\xca\x9f)J\x17w'sy\x8a\xfa\xeb\xb1\x8c\x98"</t>
  </si>
  <si>
    <t>business</t>
  </si>
  <si>
    <t>341xx</t>
  </si>
  <si>
    <t>b'\x81\x0f\x83vx\xab* \xfd\xe4\xf6\x0c?+\xd3\xea\xc2,+\x8a\x04T\x02\x80\xd3*r\x84V\xdf\xca3'</t>
  </si>
  <si>
    <t>Get free</t>
  </si>
  <si>
    <t>939xx</t>
  </si>
  <si>
    <t>b'\xb7\xe8\x9a\x92\xd23s\xaf\x0f\x1bC\x8c\x9c\x7f\xd82\xca\xd3\xf5\xad\x99\x94\x0bB\x18\x8dv\xc9}\x91o\xd0'</t>
  </si>
  <si>
    <t>Debit Loan</t>
  </si>
  <si>
    <t>208xx</t>
  </si>
  <si>
    <t>b'\xc6\x93&amp;9~c\x917\xb4s\x99\x80&gt;\xac\x88a\xc4\x8d\xc6\xbd\x83+S\xe5\xc1\x94\xb7\xc5\xe6.@\x96'</t>
  </si>
  <si>
    <t>all bills</t>
  </si>
  <si>
    <t>151xx</t>
  </si>
  <si>
    <t>b'F\xaa\xa4chpp\xb1(XX-\xbdZ\x96\\\xa5\xcd\x01\x08P\x1f:\xee0RS\x1d\x8a)\x00\xf2'</t>
  </si>
  <si>
    <t>Loan Consolidation</t>
  </si>
  <si>
    <t>088xx</t>
  </si>
  <si>
    <t>b'&lt;\x1c\x17I\x83{c\xd8P.iJ\xfc$\x80zkj32\x01\x7f\xbe`\xe5\x8c\xb6wG\x19D\x87'</t>
  </si>
  <si>
    <t>open up loan</t>
  </si>
  <si>
    <t>731xx</t>
  </si>
  <si>
    <t>b'\xd5\x84"o\xf6\xffS\x95X\xad\xcet=\xd1\x99\xe2\xc0\x04V#2-\xb3:\xca\xfe\x12Z.\xec\xa4\xef'</t>
  </si>
  <si>
    <t>Credit card payoff</t>
  </si>
  <si>
    <t>b'\x07u3\xe1N\x84\x99\x0crb~-\xc3\xc2f\xc8\x7f\xa5+\x81=f\x0e$\xf7\x9e\x95\x10&gt;\xee\xd0\xee'</t>
  </si>
  <si>
    <t>b'\x84A[\xe8\xe9\xe4[\xfe\xec&lt;R\xbdX\xfa#\x83\xb3#\xc8_f\xeb$nB\x9a=\x04\xd3\x96\x06\x88'</t>
  </si>
  <si>
    <t>b'\xa2\x9c\x9a`B,\x0e\xc1\xfc \xa5]\xa7\x1e\xa1\xcc\t~\x920\xf1\x90\x899\xc5j\x189\xc5\x11C\x99'</t>
  </si>
  <si>
    <t>Loan</t>
  </si>
  <si>
    <t>b'\x80\xfd\xeeIU\xf0\xbfa\xb5\xb2,\xb3\xb5\x8b.\x13\x8d\x86\xa7u\x8b\x9f\x10\x7f;A\x05\x19\xdbK\x83\x10'</t>
  </si>
  <si>
    <t>b'\xc3/_\xb3\x8etAG\xff\xd8\xcd\x15\xef\x9c\xf7\xf8=\x98\xabaj\xb7\x86\t0wf\xb9\xc1\xd2\xa6\x9a'</t>
  </si>
  <si>
    <t xml:space="preserve">Home Improvement </t>
  </si>
  <si>
    <t>b'\x10\x02\xdb\x06\xaa] &lt;\xe8\xf25&gt;\xb8\r\x92\x96\xd0=\x12\xabRH\r$\xd7Z\x0e`\xe7s\x9f\xc6'</t>
  </si>
  <si>
    <t>Improvement</t>
  </si>
  <si>
    <t>023xx</t>
  </si>
  <si>
    <t>b"(\xb4\xbd&gt;+U\x8a\x19j\xfd\xd0I\x80\xb8\n\x9f\xb2\x9f\x8d\xae'\xf2\xffjM\xf9\xe7s\x94*\x89v"</t>
  </si>
  <si>
    <t>773xx</t>
  </si>
  <si>
    <t>b'\xa3\xc7\xef\x0b\x80w~\xc8\xcdb\xb2\xfe@4\x06\xcb\x8e3\x99\x9d\x9cR*Q\x8c\xb2\xcd\x0c\t\xb3\xe4t'</t>
  </si>
  <si>
    <t>Debt free in 3</t>
  </si>
  <si>
    <t>911xx</t>
  </si>
  <si>
    <t>b'\x88\x12\x93\xe4\xc5yN(?\xb9\xf0\xb7?H_\x1e,\xd0\x08\x173\xce\xd5-4\r\xa9BA\xd4p\x83'</t>
  </si>
  <si>
    <t>971xx</t>
  </si>
  <si>
    <t>b'Z\xf2\xc38\n.\x01\x8c\xb1#0\xbc\xd8{\xb2\x02\xce\xf5B\x19\xe0\xd6\x81 \xf6\xce\x95\x8a\x82TW\xda'</t>
  </si>
  <si>
    <t>b"PUZ\xb3'\xe6v)!\x88\x80A\xaa\xe3\x0eR\x0f'4\x17H\xd5m'\xee#\x7f\xa5)\t|\x8e"</t>
  </si>
  <si>
    <t>940xx</t>
  </si>
  <si>
    <t>b"'\xbf\xa16\x1b\x92C\xf0\xb6\x1c:\x7f\x8a\xfc\r\x80\xc3\xa7\x00\xe11c6]\x105*\x97\xec\x93\x99?"</t>
  </si>
  <si>
    <t>Credit Card Loan</t>
  </si>
  <si>
    <t>b'\xdbTs\xf6J\xfe\x99\x85U\x0bv\x80\x8dC\xa6\xb0J;\xba\x8e=\xcd\x91\x06\xaa\xb6\x7f\xcf)\x8c\x12I'</t>
  </si>
  <si>
    <t>b'\xee5`*\x00\xd4\rj6\xaed8?U\x1a\xe8\xeb&lt;\x02\xfeW\x85\xe6\\\xd0s~\xb3\x01\xf8\xc1('</t>
  </si>
  <si>
    <t>Reduce my monthly payments!</t>
  </si>
  <si>
    <t>b'\xad\x80\x9a\xef8\x08\xd4\xfa\x90w\x88\x8e\xca\xf4qj\xe9z`y\xd7H\xef\xe2\xc1\xb5G\xe1\x96-\\\xd7'</t>
  </si>
  <si>
    <t>310xx</t>
  </si>
  <si>
    <t>b'\xdf\xcd\xab\xbd%#Y"i\xe2\xe7G\xb1\xeb\x8b\x05\xe1C\x9d;2\xae\xf5{\x07&lt;#\x91\x8b\xa7=\xe9'</t>
  </si>
  <si>
    <t>no more debt</t>
  </si>
  <si>
    <t>118xx</t>
  </si>
  <si>
    <t>b'\x1a\xec\xa2\x0f.\xf5\\\xd6;\x9c:!\x8d\x14\xde\xfa\xbf\x95\xec\xd4\x93\xc6[\x90\xc8}\x85\xcd\xf4\x16\x01\xc4'</t>
  </si>
  <si>
    <t>060xx</t>
  </si>
  <si>
    <t>b'\xba5\n0\xf6n\xb8\xc3lL\xa7;\x8e\x7fn5\x00\xb2u\xf3O7\xc8]=\x0b\xa2`\xa0b*\x99'</t>
  </si>
  <si>
    <t>780xx</t>
  </si>
  <si>
    <t>b'\xf5q\xa5Sc\x11\x17q4\x1c=;F\x06y\x08\xfe\x82\xb1\xfd&gt;\xe4\x99g\xfd\xd2G\x1f\xd3\xc8X\xed'</t>
  </si>
  <si>
    <t>400xx</t>
  </si>
  <si>
    <t>b"\xe0\xfd\x83I\x03,L\xcf`\xe7\x89\xbbgQ\xaaq\xb6\n\xb7W\xbf\xd9R\xd5'\xef\x89\x92goM\x9f"</t>
  </si>
  <si>
    <t>G</t>
  </si>
  <si>
    <t>b'l\x92\x18\x02?`\xfc\xb6\x91\xbe\xa5\xf1\xe1\x05\x97\xff\x81\xb5/ \xc9\x83]k\xf7\xbd\x14\xce\xec\x078\xb2'</t>
  </si>
  <si>
    <t>consolidate</t>
  </si>
  <si>
    <t>359xx</t>
  </si>
  <si>
    <t>b'\xe4CI\x96G\xe4(\x16\xba/|\x1f\xd1\xe81\x08\x9c39aH\xe7\x0f\xcd$\x0e\x00\xe7)\xa8\x14\xeb'</t>
  </si>
  <si>
    <t>b'\x91\x84Z\xb7\x05\xdb\xb9\nA\xf8c\x92 \xe3\xef\xb7:\xe4\x9a\xa6\xd1\xdb88\xc4\xe1\xa2-\x7fI\x02\xaf'</t>
  </si>
  <si>
    <t>Credit card</t>
  </si>
  <si>
    <t>774xx</t>
  </si>
  <si>
    <t>b'\x89MU\xc4\xdf\xea\xf1n\xadY\xc9\x1f\xea!\x90\xddvp|#T\xe5\x9a\xc0_\xb5\x0c\x84~\xb0\x88\xe5'</t>
  </si>
  <si>
    <t>b'8\x18\xd2H\xbfP\x04\xbf\x9dy\xa8W\x06\x16\xc7n\xa0\xe5\x90\xc8Zo\x90\xf8\xa1g\xed\xaa\xb6J%\xd6'</t>
  </si>
  <si>
    <t>063xx</t>
  </si>
  <si>
    <t>b'\x8f\x95x\x93\xa5iHE6\xd5\xee2FB2\xb0\xbb\xac\x95\x9f\x05}A\xc0\x93\x94\x87(\x0f\xa6i,'</t>
  </si>
  <si>
    <t>Fix this</t>
  </si>
  <si>
    <t>074xx</t>
  </si>
  <si>
    <t>b'\x9f47\x9b"\xe7.\xb2GS1J.\xfc\xb2.\xfa[\xe5\xc6\x95\x1a\xd6G\xd3B\x17\xb8v\xe8\x1e]'</t>
  </si>
  <si>
    <t>b'\x06\x0c\xc1\xc7E\x02\xd3\x87RI\xcfR\x087|\xabh\xd2\xd8\xb1\xbd\x13\xf4\xad\x9e\xd7B\xf9\x0b\xf0\xdf|'</t>
  </si>
  <si>
    <t>Credit Card Payoff</t>
  </si>
  <si>
    <t>560xx</t>
  </si>
  <si>
    <t>b'\x12EW\xc9\x18\x95\xe1\xa9b\xeb&amp;\x05\x14$A_\x9f,\x7f\xe4\xef\x0eN\xb0\xb0%1F=\x1aL\x00'</t>
  </si>
  <si>
    <t>Get Out of Debit</t>
  </si>
  <si>
    <t>b"\x9a\x00\x9fg\xec\xaebGm\xe5\xff}\x11\xd3!\xcec\xf8\xe4H\xf9\xea+m\x17\x87'\xe6\xaf\xa6\xbct"</t>
  </si>
  <si>
    <t>b'\x12M\x05Ceq\xd2\xb7\xe7\x86e\x8f\x94\x07K\xd9\x0f\xc6\x06p\xa8\t8\x82\xf8K\x95\x8c\xf8J9\xa2'</t>
  </si>
  <si>
    <t>329xx</t>
  </si>
  <si>
    <t>b'~=\xe7\x1dH\x87\r\xa4N\xc4Q$|E\x7f\xfc\x82\x95&gt;+\xc4)\xc5\x01q]\xe0 \xd5p\x1b\x8f'</t>
  </si>
  <si>
    <t>b'?\xdd*-\xcffL\x96\xcdN\xcdz\xf4\xef\x80%U\x86\xeby\xa2\x80\xc3\xa3X\x15\xc7\xaf8\xf8\xf7\xe2'</t>
  </si>
  <si>
    <t>b"\xe3\x15O\xf3\xaeS\xd5f\x92R\xa4\xb7\xc1\xe0\x89p\xc8\x8a\xbe\x8d\x1fk\x9a\n\x1d\xd9'\x81\x16t\x9f\xdf"</t>
  </si>
  <si>
    <t>480xx</t>
  </si>
  <si>
    <t>b'\xf4\xbb\xb6\xfb\xd4b\xceD\x18K\x0bB\xd5;\x84[&gt;\x1a&lt;\xa3\x03\xae%\xdb\xbf\xc4$2\xcc\x19\xc0\x98'</t>
  </si>
  <si>
    <t>278xx</t>
  </si>
  <si>
    <t>b'\xa5J\xa3fN\xb4\x16A\xdd*\xcf\n\xff\xb6\xf7[\x16\x9b\x07\xb9\xe5_\xc1\xef\x1f\xcb;\x10R\xee\x9aw'</t>
  </si>
  <si>
    <t>450xx</t>
  </si>
  <si>
    <t>b'\xed\xf0\xb4\xdc\x8f\xfd\xe9-\x1f\xf1\x1d\x96\x92\xe4Z\xa7|f+\xe4\xe8\x8f\xc2\xb4\xf7\xdc\x01|\x9d\xb1\x99u'</t>
  </si>
  <si>
    <t>b"e?/\xf9Z\xa2'\x11\xa2j\xb4\xddP\x0c\x7f\xca\xf6h\xc89\xa9\x00~S\xa6g7\x1a\xa4\x84\xd9\x7f"</t>
  </si>
  <si>
    <t>b'\xf31\xe3\x84?n\x8d\xc2\xd6\\j\xbb\x05:`\x82\x816\xca\xd4\xba\xceJ+pKM\x81C\xc0\xder'</t>
  </si>
  <si>
    <t>Credit cards</t>
  </si>
  <si>
    <t>b'\xa9\xba\x94\x895\xca\x02"\xfcwC\x99\xca\xf9\xb9p\xa4+}PB\x00\xb1\xdb\xe8hY\x06\x82\x8a\xcc\xd8'</t>
  </si>
  <si>
    <t>BOA Consolidation</t>
  </si>
  <si>
    <t>b'\x940\xaa\x95\x10\r\x9a\x12\xf5\xcc\x9a6C\xc6\x1c3\xb7\xd9\xef\x1b\x8f \xde\x8bm\xbf\xfb$(\x18\xab&amp;'</t>
  </si>
  <si>
    <t>KS</t>
  </si>
  <si>
    <t>Debt repayment</t>
  </si>
  <si>
    <t>660xx</t>
  </si>
  <si>
    <t>b'I\x00c?\xfe~\x19\xed\x95\x91\x94\xae\xe1J\xc2,\xfbl\xcb\xae\x97/}\xc9{\xcd-\x14\xf9\x98&gt;\x90'</t>
  </si>
  <si>
    <t>b'\xbd\x8a&amp;\xf1\xda\x96\xdd\xe3\xd6v\xf9f\x83S\xb3\xac\xd7\x0c\xd0|\x9c1\xcd\xc0]\xe44\xb1W@\xa4*'</t>
  </si>
  <si>
    <t>b'\xabi5RG\x9e^\xb0\xf2\x04\x11\xf4s\xb4\x81\xf2\r\n\r\x89\x1c\xca\xf8M\xdf\x11GZ\x1a\xc9L\x97'</t>
  </si>
  <si>
    <t>Debt Reduction</t>
  </si>
  <si>
    <t>b'X\xca\xf8L\x90\xd6\xdd\xc7\xff,o\xdf\xd1H\x8d\xef{e\x02e\x1bT\xc1\xa6c\xe2-N\x8f\x15\xfd\x80'</t>
  </si>
  <si>
    <t>debt1</t>
  </si>
  <si>
    <t>421xx</t>
  </si>
  <si>
    <t>b'\xe8\xd4Ls\x0fK\xd4u\x07\xde\xe5\xbc,\x9c\xec\x9dJ.\x0cv\x91EA"=_&gt;\xdb~&gt;\xad+'</t>
  </si>
  <si>
    <t>b'\xd6\xc8.1%a\xc0\x07\xe2@}N\xa7\xe1\x83$\xb2\xbd8.\x07\x06\x03K\xc9\x89\xae-P\\qw'</t>
  </si>
  <si>
    <t>Home buying</t>
  </si>
  <si>
    <t>468xx</t>
  </si>
  <si>
    <t>b'O\xf6\x0b(9\xdd\xb7\x9a\xe4\x14\x85\xa7h\xae=.K?\xad&amp;\xe10\x8b\xd2\xfcN\xa9\xf4&amp;\xc2~\xb5'</t>
  </si>
  <si>
    <t>b'l,Q\xdbs9e\xfe\xdfkgT\x10V\x83\xaf\xf2\x96\x9cz\xa4\xb8\x99\x1a\xb9\xc5\x9cCQ{J\x04'</t>
  </si>
  <si>
    <t>consolidation loan</t>
  </si>
  <si>
    <t>924xx</t>
  </si>
  <si>
    <t>b'\x15mD\xbb\x99\xa7)\xa0]..\x84\x83l\xaaM\xbe\x86\xd4\x8fq,\x88W\x0f~\x92#s\xc7\x9d\xf5'</t>
  </si>
  <si>
    <t>dc loan</t>
  </si>
  <si>
    <t>718xx</t>
  </si>
  <si>
    <t>b'\x1dbo\xb6\r\xc6[\x9f\xd6\x02\xba\x83\x92}\xb5\x82\xff\xbf\xf4}\xbca0wP\x01\x91\xb3\xe4\x8eo\x1a'</t>
  </si>
  <si>
    <t>debt consolidation loan</t>
  </si>
  <si>
    <t>109xx</t>
  </si>
  <si>
    <t>b'H(]\x1a5\xe0$\xf8\xe7QK\x84+\xd0\xfa\xa4m\xef\xd8\xfb=\xdd~f\xf3p\xec\x83\xb6\x93\xad\xfc'</t>
  </si>
  <si>
    <t>PAY BILLS</t>
  </si>
  <si>
    <t>b'\xa6x\xd4j\xd23Z\x18\x8d_F\x96\xdfX\xa4u\xe8|IX\x11dv\xb964\x9a\xeb8\x1b\x87\\'</t>
  </si>
  <si>
    <t>36 month Consolidation Loan</t>
  </si>
  <si>
    <t>795xx</t>
  </si>
  <si>
    <t>b'\xa0\xbe1\xc7*D\x99\x99S\x14|aN\xcf.\xefD;\xe7\xcf\xce\xa2\xbe\x9b\x15BQ\xc0\xba!\x97m'</t>
  </si>
  <si>
    <t>233xx</t>
  </si>
  <si>
    <t>b'\xcb\x98\x17\xe2\x03Q\x07\xc3\xa1?\\\x8bM\x06:E\xa5\xbc4Hn\xb2\x941\xb2\xa9\xd4m\r\x04\x16\xea'</t>
  </si>
  <si>
    <t>Wedding Loan</t>
  </si>
  <si>
    <t>941xx</t>
  </si>
  <si>
    <t>b"\xf5\xc5\xc4\xb8lP\xd1\x9d\xd8O7bZe\xf8\x1b\x19f+\xd0vk\xf8,\x8a\xb6x0\xa3\x85'\xcc"</t>
  </si>
  <si>
    <t>Back Yard Paradise</t>
  </si>
  <si>
    <t>b'\xe0\xe9\x86/X\xd1s\xb5\xb6\x0c\xc7\xcd]\xfcw\xcd@\x12BH\xf2\xf6\x87\x96g\xc8\t\xe9\xe7\xfc\xff\x94'</t>
  </si>
  <si>
    <t>173xx</t>
  </si>
  <si>
    <t>b'\x9a\x89Yc\xdeR`2\xd0\xa3\xfc\xed\xbc\xfd7jc\x8d\x9eO\n\xac\x84`\x1b\xdao\xf03\x9b\x8a['</t>
  </si>
  <si>
    <t>VT</t>
  </si>
  <si>
    <t>consilidation</t>
  </si>
  <si>
    <t>057xx</t>
  </si>
  <si>
    <t>b'\xcc|z\x9e\xd29G&amp;\x00\x10\xe83\x00\xeaV[=\x08v\xb6\x12|\xb9\x91\x97&lt;U\xec!\xcdhI'</t>
  </si>
  <si>
    <t>201xx</t>
  </si>
  <si>
    <t>b'_\xc2\x06\xa5\x17\xc3\xb7\xcezz*\xbcI6&lt;_!$I\xafU\xb7\x9d\x12\xa0\xd7s\x86\xe9\xba\\\xee'</t>
  </si>
  <si>
    <t>b'\xdf&amp;\xb3\xba.\x84\x00n;\xa4\xfc4o\x1e\xa5\x81x\xb4\xfe8E9|M\xf5\xc0\x0c5\x04\xedV\x92'</t>
  </si>
  <si>
    <t>631xx</t>
  </si>
  <si>
    <t>b'\xcf\xef\xe5]\xd8iIRw\x0e\x83\xef\xbap\x1b\xfd\xb6}\xed\xf8@W\xa2\xfc\x81\xed\xd1vf2\x9b\xc8'</t>
  </si>
  <si>
    <t>Emergency Loan</t>
  </si>
  <si>
    <t>b'E\x95\xb3c\xa4\x17\n"\xe6\xc7\xc40&lt;\xae^\x9f\xf7\xcb\xb41\xcac\xb1\xe4\xaa\xeb\xf6\x909^\x96\x1f'</t>
  </si>
  <si>
    <t>New Home</t>
  </si>
  <si>
    <t>078xx</t>
  </si>
  <si>
    <t>b'\xe9u\xf1)\x9d\xb7nt\xfd\x87\x8d)\xc6&lt;\x18\xe8\x94C7\xf4@\xe4\xe8=8.^7\x02w\x9cq'</t>
  </si>
  <si>
    <t>b'"\xfa\xda\x11\xfal\xb9\x8eQ\x1d?\xf4\xcf&lt;\xa8\xd5!\x1b\x01L\xa8\xbc\xaf*\xed\xbd \x0e\xc3\xd5\x9b\xd0'</t>
  </si>
  <si>
    <t>Home AC</t>
  </si>
  <si>
    <t>140xx</t>
  </si>
  <si>
    <t>b'Q\x13\x0f\xe5\x87\xf1b\xe2\xe7j{\xe3\x96\x01b3j)\xce\x80\xc0\xa6\x10bV\xe4Nz\x15l\xfb\xfd'</t>
  </si>
  <si>
    <t>Personal</t>
  </si>
  <si>
    <t>483xx</t>
  </si>
  <si>
    <t>b'\x863\x1a\x17/\x0c\x84M\x83?\xf0\x07\xd7\xbdg#X\xf4\x08Mn\xfd\xa3\xf8\xca\xdbj\x80\xe6\x9b(*'</t>
  </si>
  <si>
    <t>b'V\xd8zVL7g\xbb^\n\xf8l\x0bp\x1a\x1f\xad.\xae\x1f\xb0\xd2\x08\x1a_y\xa1hn\xfeL\xc1'</t>
  </si>
  <si>
    <t>Moving along...</t>
  </si>
  <si>
    <t>347xx</t>
  </si>
  <si>
    <t>b'\x8d\x00\xfeaF\xe0B\x96.\xb5go\x8a -\xf9p\x90\xbe\xed\x99b\xa3\x1aP\xdd\xaf\xd2@\xa2\xba\xaa'</t>
  </si>
  <si>
    <t xml:space="preserve">credit card </t>
  </si>
  <si>
    <t>894xx</t>
  </si>
  <si>
    <t>b'+\xd2\xbe\xf3/h9\xc6\x9f._\xc2\xdf\x1c\xbeg\xe4\x933\x93\x1ep\xb4\x00\\\t\x0b\xc8\xa8\xd4^\xf4'</t>
  </si>
  <si>
    <t>Pay off USAA</t>
  </si>
  <si>
    <t>984xx</t>
  </si>
  <si>
    <t>b'A3[jV\xcc\xdb\xae:\xd8;\x80y\xee\xb7\x05\x16\xe9h{m\xb5\xc4D\xca"\x9dQ=\\\x967'</t>
  </si>
  <si>
    <t>b'\x14\xc9b5\xeb\xcf\xf6\x8cY\xdf\x07\xc9\x86b15g:\x90\xa2bd\xa9\x83`\xec\xc6\xba\x02\x95s('</t>
  </si>
  <si>
    <t>Pay Off</t>
  </si>
  <si>
    <t>b'\xb9O\x14DWt\x16\xa7\x95VU\xa70\xe7}\xca\xfe\x07\xf4\xfc%\x033T\x89\n\xe5\xe2)\x83j\xb2'</t>
  </si>
  <si>
    <t>personall loan</t>
  </si>
  <si>
    <t>b'\xd3\x8e:\xc3\xd1\xda\xcc\xc8\xbc\x9co\xb1x\xb2\xafV\xc1V\xdd\xcbx%\xf7\xaa+\x89;\x83\xae\x91\x1b\xe4'</t>
  </si>
  <si>
    <t>Quick Loan</t>
  </si>
  <si>
    <t>245xx</t>
  </si>
  <si>
    <t>b'\xcbw\xa6\n,\x1f\xf0\x1a9\xce\xe2\x13d\xd1\xfb\x90\x0c\xca\x85\xb8\xe8\x88\xfc\xef1\x02\xa9f\xb1\x01PI'</t>
  </si>
  <si>
    <t>Moving Loan</t>
  </si>
  <si>
    <t>b'\xd1:\x9f\xcbO\xc27\xf3\xc0\xb1y(G\xfe\x98+I\xf5\xd4\x168\x11o\x1c\x19d\xcc\x8c\xc7\xbd\xbcv'</t>
  </si>
  <si>
    <t>890xx</t>
  </si>
  <si>
    <t>b'\xea\xf5A&amp;\x9e\xf4n\xd5X\xaf\x98\xefg37\xb7\x89\xe8\x9cFPSNu\x9c\xc1\x90|r\xcfE\x00'</t>
  </si>
  <si>
    <t>transmission</t>
  </si>
  <si>
    <t>b']G\xc7\xec+\xe6\xbe]\xdb\xf38|4\x8a*\x9cQ\x00\xe0\x81-\x15*\xa1\x1eL\xcb\\&lt;\x17\xbb\x9d'</t>
  </si>
  <si>
    <t>b'#h\xa8L\xb2\xceXvC]\xe8\xbd\xe7\x91O\x02Z\xf2\x1eFE*,\xd5\xe8\x95\x9c&amp; \xa5*\\'</t>
  </si>
  <si>
    <t>Debt Consolidaton</t>
  </si>
  <si>
    <t>207xx</t>
  </si>
  <si>
    <t>b'\x8bMZc\xa7\xe0\x13\x85}\x18%\x93\xd1X\xcf-\x95\x13\x08\xa8o\xeeq\xed\xb2\x10\x9c\x15\x19V\xb1\x89'</t>
  </si>
  <si>
    <t>Paying off high interest credit cards</t>
  </si>
  <si>
    <t>b'|\xa6\x06"\x89[\xbc-\x8a6/\x07\xb7\xea\x94s\xc9\x00\x88\x18\xaf\xbes\xa9&amp;\n\xb2\x8e%\x0b\xb2\xd3'</t>
  </si>
  <si>
    <t>978xx</t>
  </si>
  <si>
    <t>b'\xd2U[\x91\x9d\x02\x85E\x87\xddU2\x82MC\xcf\xbd\xcab\xd3L\xaf\x16\n\xf8\xecGD\xd1\x1a\x8f\x84'</t>
  </si>
  <si>
    <t>Freak Flood Finished Basement Repair</t>
  </si>
  <si>
    <t>461xx</t>
  </si>
  <si>
    <t>b'\xf6\xb1I\x07\xb4\xf6\x0f]\xf8b{-*\xe2b\x04\xf3\x90\xf7H\x13\xb0\xd4d\r\x9ac\x05\x8d8\xd5i'</t>
  </si>
  <si>
    <t>235xx</t>
  </si>
  <si>
    <t>b'\x92\x1c_\x93\xff\xe4c\xddX\xb8A9z\xc0\xf8!,G\xa2\xc7\xeb\x17\xd4p\xe5\xcfv\xb2\xa1\x14+\xa4'</t>
  </si>
  <si>
    <t>refinance cc</t>
  </si>
  <si>
    <t>334xx</t>
  </si>
  <si>
    <t>b'\xa2\x8c\xb1\x1b\xdf\xa2\xc4\x9a\xf4\x96\xa4\x0f\x9eB\xda_\x1d\xfb\xca~\x1c\x9c\x0b\xf2\xb7\x9a\xf5Q7\xd6\xabm'</t>
  </si>
  <si>
    <t>b'XiG\xd1V&gt;\x10\x84j\x87"\xc3\xf7\xe4\x0e\xb6\x97\xde\xa54\xb1\xf9;H30\x06\xd1\x95\x02\x9d['</t>
  </si>
  <si>
    <t>282xx</t>
  </si>
  <si>
    <t>b"'\xdf\xf0\x13Y\xef\xc6\x0f\x93b\xc7\x9a\xf0\x03\xc1\xf7\x97\x86~n\xeda\x8a\x08R\xca?\xbf+\xfa\x08)"</t>
  </si>
  <si>
    <t>debt repayment</t>
  </si>
  <si>
    <t>b'\xa6\x1c\xfe\xdf\xb7DR\xc5\x1c\xa2\x04-N\xc5\xaa\x06+\x8d\xf6\xdd2\xa7{\xff\x83\xd3\xd1b&amp;\xb6\xccd'</t>
  </si>
  <si>
    <t>DE</t>
  </si>
  <si>
    <t>Home Improvement - Hardwood Floor</t>
  </si>
  <si>
    <t>197xx</t>
  </si>
  <si>
    <t>b's/\xc1$\xa5\x89\x1d\xe4%\x1dU#\x9e\x9b\x8f3L\x82\xdb\xb7\xc7\r\x94\x93\xf5\x7fH\x06x\x07l\x08'</t>
  </si>
  <si>
    <t>Debt consolidation/Payoff</t>
  </si>
  <si>
    <t>100xx</t>
  </si>
  <si>
    <t>b'\x1d\n\xe4\xb4\x01%\xcf\xc6Xq\xdfS\x96\x92\x8f\xcb@}}!\xcc\x85\x08&gt;\x93\x82\xe6.\xbc\xbc\x90\x93'</t>
  </si>
  <si>
    <t>b'+Vz^;\xbaX\x8e\xb7\xa9\x98\xd9!{;d\x08(\xa0\x02*K\xdc\xd2:H\xf2\xc5\x0f\x85\xce\x03'</t>
  </si>
  <si>
    <t>PAY OFF CARDS</t>
  </si>
  <si>
    <t>b'\x9d\x16\r\xa69\xc8\xe8\xf5\xc5p\x94\x84\xaea9\x8d\xa1b\xa5\x8c\x10\xc6a\x084\xf6\xd3\xaf\xe5\xfd\x1e3'</t>
  </si>
  <si>
    <t>b'\x03!\xf2\x0c\x8c\xffy\xb5\xc5\xa8P\xd4~\xca\xc2H\xd4Y\xd7_Y\xc9O\xce\n&lt;q\\\x89\xe1\x8a\x04'</t>
  </si>
  <si>
    <t>b"y\xd4\xbdq2I\xdc\xe1\x84\x17\xacE\x90RAB\x01\x12t\xd7\xb8H\xb9\xd2O\xadV\x18\r'\xec\x8f"</t>
  </si>
  <si>
    <t>vacation</t>
  </si>
  <si>
    <t>VACATION</t>
  </si>
  <si>
    <t>061xx</t>
  </si>
  <si>
    <t>b'\x88I\xaa\xf13\x07(6\x1c\x91R\x9fo\x9a\x12\x11-9b\x97\xff\x9a\xd6\xf07\x02M\xff\xe8\x08Dc'</t>
  </si>
  <si>
    <t>Bill Payoffs</t>
  </si>
  <si>
    <t>b'_\xd9-r\xe6IE2\xa9\xbd`\xe7|\xbe\xaa\xd5\x8bj\xa9s\x16es\xba\x85R\xe99\xc2\x98-\xd9'</t>
  </si>
  <si>
    <t>077xx</t>
  </si>
  <si>
    <t>b'!\xeb\x997\xa21\xaf\xb3\xbayz\xc3\x82\xcc\x16.\x0f\x12\x90\xa6\xaa\x8a;\x1c\x85\xa4\xf7\xd3lB\x02w'</t>
  </si>
  <si>
    <t>pay credit card</t>
  </si>
  <si>
    <t>b'\xf8\xf7\xc6\xb5\xe2j(J\x92\x0f\x03\x124\x83\xf6\xb1\xdd\xa9\x81\x9a\xd5\xb6\xb4\xf4g\xbcx\xd3\x84\xf6ku'</t>
  </si>
  <si>
    <t>air conditioner</t>
  </si>
  <si>
    <t>b'\xacU\x9b\xf2\xa7A\x06X`|\x9d\xc6\xf9\xef|\xe8\xec"\x8b_\xd5\xac\xc2\xe5\x9b\x90Z\xde\xb5\xcc\xc8\xe1'</t>
  </si>
  <si>
    <t>credit card payoff</t>
  </si>
  <si>
    <t>135xx</t>
  </si>
  <si>
    <t>b'\xc4\xe2&gt;A%\x89\x99\xbb\x1ci0\x0c\xb7v*QE\x08\x1en\xf7T\xc4\x93h2\x953\xa2\xcf\xfc\xe0'</t>
  </si>
  <si>
    <t>b'\xd24/\xf4O1\xd9/)\xda\xfb}\xeat\xa7O\x95\xe34\xa7\x8de\x96\xbe0\xd9\x8c\xc5\x94!T\x97'</t>
  </si>
  <si>
    <t>credit card refiance</t>
  </si>
  <si>
    <t>b'w\xae\xf5\xdf\xb6\x9c\xb9\xc1\xfe\x8a\xb5X\x90\xfb\xe4\xf1\xe1\x88M\x1b&amp;\xeaS\x8a\xcc`\x8b6\xd8L~\x91'</t>
  </si>
  <si>
    <t>934xx</t>
  </si>
  <si>
    <t>b'\xaf\x81\x84\xc5\xc8\x17\r:\x05\xc8\xff\xc4\t\x0c\xa9\xc9\x82\xbf$\xe8"8\xbfJz\x0e\x17&amp;An\xde\x91'</t>
  </si>
  <si>
    <t>ImproveFirstHome</t>
  </si>
  <si>
    <t>b"\xde$.\xe5\xaa/\xa8\xa2fx'Q]&gt;\xc6@p\n\x98{)\x7f#\xc5R\xde\xd0\xf6\xa3\xc0\xdb)"</t>
  </si>
  <si>
    <t>Refinancing</t>
  </si>
  <si>
    <t>b'\xdeu\xfbMs0\xf2\xcb\x1f\xb5\xd7A\xac5\x87\xde\x82&amp;\xbf\xc3\xe3\t\xc8+V\xc3\x12\xf7~W\xd1v'</t>
  </si>
  <si>
    <t>card payoff</t>
  </si>
  <si>
    <t>967xx</t>
  </si>
  <si>
    <t>b'fm|\x98\xe4\x9ae\xa9\x92\xd4\x06\x8f\xde\xb7d\xf5W\x0eSE\xb7\xe2\x97\x9e\xe7e\xf2\xb3s!\x06\x17'</t>
  </si>
  <si>
    <t>Paying off MBA/New Home debt</t>
  </si>
  <si>
    <t>787xx</t>
  </si>
  <si>
    <t>b':Qb\x8bW\x0c\x1f\x8e\x9e\xc0\xfeV\x12_\xcb$\xb4\xbd\xa1\xcey\x9a\xe2b6\xe2\xb0\x1b\x96\x7f\x10G'</t>
  </si>
  <si>
    <t>075xx</t>
  </si>
  <si>
    <t>b'uA$\t\x85\x02jx\x91\x0c\x87\xfbc\x96\xcd\xa4\xe1\x82\x14/\xe0YZ\xa3\x9fv\xc3(\xc7\n\xc7\x88'</t>
  </si>
  <si>
    <t>322xx</t>
  </si>
  <si>
    <t>b'B\xfb\xe8\xf7\xac\x13\x17bP\xd1\x1c\x00&gt;\xbcb\xc2|bm\xc6]\x1a\xa0_`:\xd0\xb8\xf2\x81\x8b\x17'</t>
  </si>
  <si>
    <t>Pay Bills</t>
  </si>
  <si>
    <t>b'\xa6\x87V\x9d\x1c\xca\xfddpd\xd4wBt\x97/\x1a*\x90tE\x86\x90^;\x99\x1f\xeb6\xc8[\xf0'</t>
  </si>
  <si>
    <t>b'\x9c\xc5\x18q^\x99\x0bDC@~Z,\xd2$\x88\x12\xba0\xb7\xf5\x1f\x04k\xb6\x9f\xb9"u{\xc5\xa0'</t>
  </si>
  <si>
    <t>b'D\x8eV\xa9(\x12\x81\x99\x14&amp;\x10\xe2\xc7\xb9\xc0\xa5Ip\x9c\xdc\x0b\x1c\x86$\xf3\xf7\xdc\x07x}\xf3\x8f'</t>
  </si>
  <si>
    <t>250 Truck</t>
  </si>
  <si>
    <t>430xx</t>
  </si>
  <si>
    <t>b'\x9d\xda]\xdb\x1e\xd6\x04\x08\x05\x08Y\x80:\x96\x92\xde\xb8Y\xac\xa6H\xe1\x072o\xd7jH\xba\xf6\x1a#'</t>
  </si>
  <si>
    <t>moving loan</t>
  </si>
  <si>
    <t>073xx</t>
  </si>
  <si>
    <t>b'D\xe5\xec\xd0\x1cWZ\xd0\x1d\xe8[\x8e\xbb\x12\x12p\xaa\x90\r\xf6\xe4xe\xcd(\x1cE\x12MN\xb5V'</t>
  </si>
  <si>
    <t>Repay old LC Loan</t>
  </si>
  <si>
    <t>b'8\xdb\xb7\xf3\xba\xf2\xf6k7\x96h\xde+\xd7\xa7\x99[\xff\xc8\x93\xceq]/"}\xa4\xb3\xf7R\xc9['</t>
  </si>
  <si>
    <t xml:space="preserve">opportunity to start the new year fresh </t>
  </si>
  <si>
    <t>531xx</t>
  </si>
  <si>
    <t>b'\xf7Y\xdeA\x98\xff\xfd\x9f\x8av\x17\x16\r\x8a"/v\xb0\xdc7qS\x94|\x8c\xbbMb\x07\xe6\xd1^'</t>
  </si>
  <si>
    <t>WY</t>
  </si>
  <si>
    <t>Getrdone</t>
  </si>
  <si>
    <t>826xx</t>
  </si>
  <si>
    <t>b'l\xfbtu6\xedyT\xed\xbfr\xda\xfd\xa7\xd5yk\x99+\xab\xbe\xf4\xdf\xa6\x80M!A\xe9A\n\xbd'</t>
  </si>
  <si>
    <t>b'\xd7K\xd9\x1b\xa3\xb9\xa9{\x8b\x96;\xbf\x02w\x03\x0eW\x98\x9c\xe3v\xc6\x07\xf4F\x93\xbe\x06\x7f\xe8\x1a\x07'</t>
  </si>
  <si>
    <t>b'kGd\xf3\x8eD;m\xd5\xd5\x89\x95\x8f]d\xef\x1a\xaf\xf2\xb3\xe2\xbb\x1d\x9d\xd4M\xb5_\x11`\\\xf9'</t>
  </si>
  <si>
    <t>797xx</t>
  </si>
  <si>
    <t>b'\xc6\xa8\xbc\xf8\x94\xf9\x98\xd3\xec\x11\x86y\xf12B\xf2\x84eS0\xda\xc8\x03\xb8\xef\xabH\xa3\x93\x82\x83\xe4'</t>
  </si>
  <si>
    <t>986xx</t>
  </si>
  <si>
    <t>b'\x94\x83C\xe2D\x06\x9en\x12\xc4D\xab\xab\x8c?\x8a\xfdG\xc4\x88\xe8\xba\xcbR\xb3\x8b\x05\x03Oq\xf5\x16'</t>
  </si>
  <si>
    <t>need help</t>
  </si>
  <si>
    <t>163xx</t>
  </si>
  <si>
    <t>b'i\x1a\xfe\x8e\x82\xd8\xab\xfd#\xf1\xe7\x0bL\x02|\x8f\xe3&gt;\x81\x9d\x84f\xa19\xf1\x98\x12\xe4^\x11r\xdc'</t>
  </si>
  <si>
    <t>721xx</t>
  </si>
  <si>
    <t>b'_F~\xf9\xdet+xXBJ\xdc\xba\xac\xe7\xcc\xff|{\t\\ #x\x875=M\xe4\xf1\xe6)'</t>
  </si>
  <si>
    <t>Eradication By Consolidation</t>
  </si>
  <si>
    <t>441xx</t>
  </si>
  <si>
    <t>b'\xaf\xf0%Q\x08\xf3\x1fn\xdcLN\x85\x02y\x9eRV=;\x12\x7f\x9e\x1d\x02\xa6C\x1d\x81\xdez%8'</t>
  </si>
  <si>
    <t>080xx</t>
  </si>
  <si>
    <t>b'e\xb7d\x84\x0c\x0c\xd7/\xd7\xaf\xfd\t\xb8,\xecG\xca\x13\x1f\xdf\xad\x9d\xdf\x1d\xb8\xe8|\x8a*\x1c:\x05'</t>
  </si>
  <si>
    <t>604xx</t>
  </si>
  <si>
    <t>b'\xe9!\xcd:\n\x1a\xde\x02\x16\x8c\xd1\x8b\xf3\xab\xb4\xd5\xbf\xb8\xd6\x99A\xf9\xc0&gt;\xe7\x13\x98\xe3w\xc8k\xb1'</t>
  </si>
  <si>
    <t>payoff</t>
  </si>
  <si>
    <t>b'\x9b*\x1d\x80\x1c\xe4\\Q\xec~P\x84\x94\nq\xcak\xff\x87\xadz\x95I\xa9\t|\x8a\xd0~\xf2;\x1e'</t>
  </si>
  <si>
    <t>PERSONAL</t>
  </si>
  <si>
    <t>907xx</t>
  </si>
  <si>
    <t>b'e\xa2\xdfT*\xf7\xbe\xab1\x7f\xb2[\xee?\xc6\xf6&gt;\xd7\xbcD\xe5\xea\r\xda\xdc\xc4X&gt;\x99c\x16?'</t>
  </si>
  <si>
    <t>906xx</t>
  </si>
  <si>
    <t>b"\xff1\x95#_\xec\xa1\x90b\xa1'\x8f6\x93\x9b\xaa\x82\xda@\x19\xa4s\xca\x9d,\xec7o\xc4\x07\xd0\xe0"</t>
  </si>
  <si>
    <t>MY CARD LOAN</t>
  </si>
  <si>
    <t>b'\x8f\xb0o \x00-\xcc\xb2\x968d\x9c^BS&gt;\xe4T \x83\x8d\xb7\xe7x\xac@\x05YI\xdd#\xf7'</t>
  </si>
  <si>
    <t>b'Y\x1e"\xf0\xfb\x85L\xb2\xbd&gt;\x008\xcc]N\x04\x88G\xe8\x83\xf5\x0f\x11\xd4M\x91\x06\xc4l\xf1i*'</t>
  </si>
  <si>
    <t>741xx</t>
  </si>
  <si>
    <t>b'\xdary\xa4\xafF\x16\xd0\x1b\xda\x19\x9dRF\\\xf8?\x88b\x80\xb8\xaa\x11\xbe\t\x1b&amp;\x9f,\x7f\xe5\xc8'</t>
  </si>
  <si>
    <t>068xx</t>
  </si>
  <si>
    <t>b'\xa5(\xffZ\xe1\xac\xaf\xdf/c0\x00v\x07\xef\xab0H\xf4\x13\x00L\x94\xc2q\xb8\xe54r\xbe\xdc?'</t>
  </si>
  <si>
    <t>b'\x98\x19\x18\xb3\xa1;\xc13\t\xd9\x8a(\xf0\xbc\xcb\x8e\x1a%#H\xd79J\xb1d\x8c\xd70\xbd\rv\xcd'</t>
  </si>
  <si>
    <t>027xx</t>
  </si>
  <si>
    <t>b'L\x11v\x07}\xc2\x8e~Y\x87Qs\x92:ff\x12\xc8[\xbd\x02\x94\xb0%\xc4p\x0f`\x1fk\xa4\xfe'</t>
  </si>
  <si>
    <t>b'\xf6\x18\x7f\xd7\xebT;\x97\xbf\xa8\x07\x89o\xeb\xd0H\x81\x94\xd4\xfevj)\xc7\x08\x0e\xb5\x7f\x94Ti\x10'</t>
  </si>
  <si>
    <t>b'\xba\x14v\xd5\xa9U\xb3\xd6\xb24_\xfc\x028\x92Ug\x0b#\xa9cHX\x06\xf2\xa6\x82\x13\xf11*e'</t>
  </si>
  <si>
    <t>This is a better rate than the bank</t>
  </si>
  <si>
    <t>b'\xea:\x02\xf8\x81\xfd\xd0\x818\xa6\x9f\xd3\xfa\xdf\n\xe3\xa0\xd9\xb8\xfb&gt;\xbc\x84\x17\xb3\xca"h\x00\'lH'</t>
  </si>
  <si>
    <t>cc</t>
  </si>
  <si>
    <t>549xx</t>
  </si>
  <si>
    <t>b"\tV\xe0\xf7\x18\xbds\x86\x0b\xee[\x05\xdb\x80\xde\xe1C\xb5\xa7\x86\x91'\xf7\x13\xec\x9c\xad4\x13\xd8\x93\xa8"</t>
  </si>
  <si>
    <t>b'\x99\x9d)\xf7w\xe6\xee\x8f\xf2E\xe9}\x9e\xf3\xc0\xc3\x10p\x9fNn=\xdbX\xb7\xb4\xc65hn\xf2\x9b'</t>
  </si>
  <si>
    <t>All-in-One Credit Card Consolidation</t>
  </si>
  <si>
    <t>191xx</t>
  </si>
  <si>
    <t>b"i6\x95'n\xd2c\x8cv\xe2dn\x93\x14\xc9\xbc\x1f\x0e\x04\xda&gt;Y@\t\x85Xq\x1dj\x93a\xbf"</t>
  </si>
  <si>
    <t>Road To No Debt</t>
  </si>
  <si>
    <t>b'&lt;=\xe3\x85\x94H\xa8\x89`k\xb1\xf3\x9c\xbc\xc9\xe0\x0f\x0fg\xdb\xbd!\x95\x02\x08 J\xcd\xf7\x02!\xa8'</t>
  </si>
  <si>
    <t>Never Again</t>
  </si>
  <si>
    <t>b"Y\xdf\xac{R\xb9\xd4\x07\xb5\x0c\x92w\xa9\xa2\x13\xb5'\xee7\xbd\x94\xa1\xbc\x12Dw\xc0\x7f\xdf\xdc\x18H"</t>
  </si>
  <si>
    <t>credit debt</t>
  </si>
  <si>
    <t>b'\xb8\xf7\xd8\xa7\xbf6\xf5b\x06xB(\xac\xf0\xe0Bl\xb20\xbd\n\x1e\x88B#\xd3\xd1\xb5V\xca,\xfd'</t>
  </si>
  <si>
    <t>Credit Card Debt Consolidation</t>
  </si>
  <si>
    <t>b'\x1d\x80\xaa\xdc\xa0\x16[x\xa3}\xc5\x9f%\xeew]\x19\xae&gt;\xf9=\n\x8d\xed\xc7Gq \xfb\xf4\xae\xe1'</t>
  </si>
  <si>
    <t>785xx</t>
  </si>
  <si>
    <t>b'\x18\xf1\x1f\x1a\xde*V\xe5\xec9\xd8\xab\xd4\xcb\xc3\xc90\xd5\x18\xd5\xe8\xa5*\x93\xe6\x97\ts7l\x94\x8e'</t>
  </si>
  <si>
    <t>Wedding expenses</t>
  </si>
  <si>
    <t>895xx</t>
  </si>
  <si>
    <t>b'\xf0x\x9d\x83\x7f\x12]P\xec^\xda\xb2Z\xb10\xde\xb8\xa4\x99\xff`\xe0E\xc6\xb6\r\x80\xa8\xc3\xf6e}'</t>
  </si>
  <si>
    <t>fixmyfinances</t>
  </si>
  <si>
    <t>b'*\x8du\xaay\xc7\xd1_\x9f\xe2[\x88wW6\xf8_\x7f\x10\xf5&amp;T\xc2\xa5\x9c\x17\xe9(~{\x96q'</t>
  </si>
  <si>
    <t>226xx</t>
  </si>
  <si>
    <t>b'\xe3\xe7\xf9\xaa\xc3\xbe\xc0\xf6\xb4\x05\x19\xa2\x8da\xe8\xf3\xd9\x82\xc5\xce\xf0Ki,\x16\x1a\xd0l(z\xe0\xa8'</t>
  </si>
  <si>
    <t>My Loan</t>
  </si>
  <si>
    <t>b"\xe9\xb3|\xcd\xc4\xb1]\xc2,\xea'3\xbb\xd8\xfb\xf0\xe6\x82\xb9*f\xb7\xb8\x17\xfck\xec\xbe\rZs\x04"</t>
  </si>
  <si>
    <t>177xx</t>
  </si>
  <si>
    <t>b'\xe6\xfc\xa7+Wb\x00\xce"\xd0\x1a\xee\x0c7\x03NS\xcd\xce%TS\xab\x13U\xd5)F\x9b&gt;m\x17'</t>
  </si>
  <si>
    <t>139xx</t>
  </si>
  <si>
    <t>b'f\xc5\x04\xb1\xc2\xea\x1d\x05\x93\xc6y\xec\xafh\x9ct\x1d4\x13h\xc02\x125p8gfd\xec\xdbC'</t>
  </si>
  <si>
    <t>b'\xae\xff\xbe(\x17\xfb\x11n?u"\xa3\xcf4n3Z\xc3\xf5\x9a\xa6&lt;:\xe5\xaa\x9abE\x08\xfc\x91O'</t>
  </si>
  <si>
    <t>769xx</t>
  </si>
  <si>
    <t>b'\x13\x8f\xe0\xde\x8d\xa4u@\xbe\xcc\xa4\x88pL\xd6\x15\xb1\xae\xd7I\xe3:\xedxR+\xb4\xa4O\xc3\x84\xdd'</t>
  </si>
  <si>
    <t>Major Purchase Loan</t>
  </si>
  <si>
    <t>722xx</t>
  </si>
  <si>
    <t>b'\xa1@\xe3\x04dSb\x98\xcct\xe2\xff\x19\x8b|\xb4\xaf\xfc\x88\xbe\x9e\xec\x94h\xe9\xc0\xf7\x95\x84\xf5\x0e\xcf'</t>
  </si>
  <si>
    <t>856xx</t>
  </si>
  <si>
    <t>b'\xe7\xb6\xa8\x85|)\x96\x8cPn\xcb?\xe7\xf9_)n\xbd\xba\r \x92\x03\xff\x14\xb4\x1aC\x83\x89+\x0b'</t>
  </si>
  <si>
    <t>LendingClubLoan</t>
  </si>
  <si>
    <t>b'-\x04B\x07\x8a\xdd\xa7g\xb4\x0f\x12\xa0\x82\xfd\xf9\xe56\xa8\xb5\x83\t\x13\xdb\xba\xa4\xde\xfd\x9b\xbb9\xc1_'</t>
  </si>
  <si>
    <t>015xx</t>
  </si>
  <si>
    <t>b'\x1e\x9a|f\xd8\xa0{\xa9e\xbf\x11i\x14\xb4\x07{\x18\xaaq\xf9t\xfcR\xf9\x94\xe6\xae\xda\xa5\x9b\x17~'</t>
  </si>
  <si>
    <t>b'\x8a\xe7\xd74\x8d\xdd\x03\xc4-dG\xeaq\x04\x8b\xe9\xaa\xb9\xa8\xfe\xee\xea\x90\xc6w\x83\xbd\xeax\xcc\x1dD'</t>
  </si>
  <si>
    <t>Credit Card Pay Off</t>
  </si>
  <si>
    <t>065xx</t>
  </si>
  <si>
    <t>b'\x8c\xb3l\xa081\xe3\x1c\x82\x99\xc5\x95\xb92\xd4\xc07\x88\xb8e\xf3M\xc7\xf5\x1e\x8e\xf4e\x04\xdb\x00f'</t>
  </si>
  <si>
    <t>Home</t>
  </si>
  <si>
    <t>991xx</t>
  </si>
  <si>
    <t>b'$\x8d\xbf\xf8\xe2/a\xb0mN\xd3\x06\xddb\x82\xdc\xf5\x04\xbf\\\xae\xf9\xaa+\xff\x01\x93Y\x1f\xae\xde\x98'</t>
  </si>
  <si>
    <t>CCC</t>
  </si>
  <si>
    <t>308xx</t>
  </si>
  <si>
    <t>b'\x10\xfb\x05\xe9\x04\x9cJl\xfb\xe2S\xdd\x00\xe1#Q\xa5\xcc\x8a\xdd\x80\xac\xb0\xc9u1\x07\x85\x1d\xbb\xce\x0e'</t>
  </si>
  <si>
    <t>Loan App</t>
  </si>
  <si>
    <t>b'\xf5?\x93\xf9\xfb\xe7b\r\x82\x92m\xedm\xed\x8d\xee=\x1c\x02\xe4\xec\xf1\xc7\xd7\xdc\xf0\x05\x83.P,\xf6'</t>
  </si>
  <si>
    <t>b"v\xf1U\xf8Ct\xfb&lt;\x16j\x1ex\xa8\xb0=y\x11!\xd7;\x8a\xaa\xea\x01\x1d-'\x89\xe9X\x17P"</t>
  </si>
  <si>
    <t>b'\xfbj3lJ\xe5\xeb\x88\x8a\x14\xc2\xd4\xc3:\xdc\xf6\xf4:\x1a\xa3U\xbaL\xe8\xc9&gt;wi\xac\x93\xa7:'</t>
  </si>
  <si>
    <t>Debt elim</t>
  </si>
  <si>
    <t>b'7\x8a\xfc\xd4\xea4\xb7\xa0\xc03\xc1d\xdbu\x955~\xb45-7\xf4\x90\xbd\xea\xa6\xb7\xed\xbe\x0b*\xa1'</t>
  </si>
  <si>
    <t>114xx</t>
  </si>
  <si>
    <t>b'\x14\xe0\x93\xb38\xbe\xfe\x18P^\x857\x97\x93\xc8\x0f\x96\xbb-\xd5,\xd7\x11\x11\x86\xe4\x11;\xe6V\x90\x88'</t>
  </si>
  <si>
    <t>Debt free soon</t>
  </si>
  <si>
    <t>431xx</t>
  </si>
  <si>
    <t>b"\xaf\xa8\xc5\x84\xdc\xd8\xdcT\x14\xfe\xbe#\xe1A\x03\x00\x10g\xbc\xa1\xd4u\xfeQ\x95\x13+La\x90|'"</t>
  </si>
  <si>
    <t>b'L@\xaf\xb1\x08\xa1\xeb\x9f\xac\x12V1\x8e\x00\xf4\xa56\xf01\x03\x95\xed\x11\x03\xc44\x9e\xe4\xba\xba\xe3%'</t>
  </si>
  <si>
    <t>AK</t>
  </si>
  <si>
    <t>CC Consolidation</t>
  </si>
  <si>
    <t>995xx</t>
  </si>
  <si>
    <t>b'[d\x94\x88\xf7\x82q\x80\xda\xd7\xf5sb\xf6![\x14\xfbL\x90M\xc8c\xa8\x1d\xc3o3*\xb1\x01\xca'</t>
  </si>
  <si>
    <t>b'\x04\x12\xff?\x13\xc0\x15\xe7\xc6\xbc\xf0Sm\xb6\xebWm\xcd\xd27(-\xf5&amp;\xce\xb8\xaaM\x976\x95\xbb'</t>
  </si>
  <si>
    <t>760xx</t>
  </si>
  <si>
    <t>b'\xebC\xb1\xa3l\x1e\x12\x80u`\xea\xb5\x94\xac;v\xb3\xb1\xd4\xc4\x99\r\x98\x0e\xbf#\xda\xcb\x8fZ\x93\xac'</t>
  </si>
  <si>
    <t>b"\xda\x9a\xc7!\xb2I&lt;0()_O\x8a\x93\x98\xa3'5i!\xec\xc3f;C\x97\x12\xdf\x19\x8e\xc1v"</t>
  </si>
  <si>
    <t xml:space="preserve">Money needed for national growth </t>
  </si>
  <si>
    <t>640xx</t>
  </si>
  <si>
    <t>b'\x1ck\xce\t\xeck\x84&gt;\xe8v\xdfD\x19\xb3\xc0\xae\x0c\xd3\xc4P\x8a\xbe\x86\xdb\xc3\xfe\xa7\x85-\x12@\xee'</t>
  </si>
  <si>
    <t>b'm\xe1\xbbo\rI0\x9e\x0cs\xa1\x91,\xc1"t`\x1e\xdf\xc1\xfd.$\xd4\xb1\xda\xc3\x8fhm\x97\xcf'</t>
  </si>
  <si>
    <t>Debt consolidation/Home repairs</t>
  </si>
  <si>
    <t>b'\xcc\xde\xbd\xfe\x80\xd4\xe3M\x89J\xb9\xfb\xc4m\\\xa6\xfe_\xcd\x95)\xf4\x1a\x15\xed\x16\xa4\xfd\x9a:1\x12'</t>
  </si>
  <si>
    <t>Capital one refi</t>
  </si>
  <si>
    <t>218xx</t>
  </si>
  <si>
    <t>b'\xf5K\x82\x8e\xee\xdd)=g\xbd\xf0s\x99mP\xf8\xb9\\\xc2&gt;\x8c\x82\x04\x88\xba\xb6\x8f?\xc2\x9cO\xad'</t>
  </si>
  <si>
    <t>b'\xf4\xda\x93\x1dF\xc8cv\x05;\xf3\xb7\x06n6zS\x1cv\xa2\x1d\xfc\x01\xd1\xda\x12\xa4\xa29\x8f\x13X'</t>
  </si>
  <si>
    <t>802xx</t>
  </si>
  <si>
    <t>b'\xe6\xcb\x9d]\xd3z\x0c\xf9\xa77\'\xff\xb4\xcd\xea6"\x99]\x9f\x18\x81\xe3\xb4\xb8\xea\xb9\xf1)\xec\x89\x15'</t>
  </si>
  <si>
    <t>b'2\xff\x81\xf7~#\\H\xe6\xab\x06W\xad\x029G-t\xd3It\xado\x9e$b\xcb\xf6\xf3\x02\x9eo'</t>
  </si>
  <si>
    <t>Relief</t>
  </si>
  <si>
    <t>b'\xad\x0c\xdf\xee\x9eq_g-\nN\x89\xff\x8b\xd4\x11\x9e\xb1\xe6\x8bpxagM\xd2Z\x11\x9c\x92\xae\x86'</t>
  </si>
  <si>
    <t>b"BVLx{\x86\xfc\xf0h\x8f\xc5\xb1z\x9f\x11\xd23'\x08\x89v \x99\x9e\x9b\xd8\xd9\xfdy2\xf1\xc5"</t>
  </si>
  <si>
    <t>2013 Debt Reduction</t>
  </si>
  <si>
    <t>b"\xd5\x83\x83\xf9\xff\x92\x97&lt;%\x9fG\xcf\xf1KV\x15/\x01\x97\xe3\x03\xf0u\xc7\x08\xbcD\x94\xa4!'{"</t>
  </si>
  <si>
    <t>RV loan</t>
  </si>
  <si>
    <t>952xx</t>
  </si>
  <si>
    <t>b'A\xf2a\xa0\xc8\xf9n\x9d\xfe&gt;=\xc5\x8a\x14\xfb\xeb\xcf&gt;\x85\x04\xa6\xe1\xf0\x8e\x8b\xad\xdd\x0bS\xf3\x95\n'</t>
  </si>
  <si>
    <t>No More</t>
  </si>
  <si>
    <t>b'o\x9a\x8aK"8\x08\t\xcc9\xd1\xb9\xe9_\x14\x82\x07\xbd\xb2#\xfe\x0f)\x80\xe0\x9a\x1fS\xf3\xb08&amp;'</t>
  </si>
  <si>
    <t>841xx</t>
  </si>
  <si>
    <t>b'\xa9\xd0\x8ey7\x98j\xd7&amp;\x9c\x85\xbc\x8b\x89Z\xf6\x98U\xdc\x88%2\xc4[\xe6\x02\to#n\x8a\xcf'</t>
  </si>
  <si>
    <t>b'|\x0cf!\xf5\x7f\xdck,\xea\x8f\xe9\x06`#\xec\x81;\xa3-X\x8e[\xee\xe3\xb1h\x88\xb8pw\x16'</t>
  </si>
  <si>
    <t xml:space="preserve">Debt consolidation </t>
  </si>
  <si>
    <t>b'\xaa(\x83 %\x98\xb5\xd7\x04?$\xae\xc0\xd9a\xc1\xfd.\x8b\xe5\xb5\xac\xaf\xee\xa2P\x85`\x18\x99\xbc^'</t>
  </si>
  <si>
    <t>My pay-off</t>
  </si>
  <si>
    <t>809xx</t>
  </si>
  <si>
    <t>b'Vw\xeb\x86K\xde\xee\x1e\x02\xe3\x04\x0c\xb2\x86\x07\xcbvUz\x07\xf7\xb2\x86C\x10\xa0\xe0\x9c\x88|S\xe6'</t>
  </si>
  <si>
    <t>339xx</t>
  </si>
  <si>
    <t>b'\x11\xcf\xb4\x8a\x14N\x04x\xbe\xcc\xcf\xe6\x83U\xf9\x96\x1f\xb9\x94]\xc7\xfa\xcf\x1d+\xd0\xdc\x9b?X\x04\xf3'</t>
  </si>
  <si>
    <t xml:space="preserve">Lending Club </t>
  </si>
  <si>
    <t>326xx</t>
  </si>
  <si>
    <t>b'\x99\x02\x84\xbd\xe3\xec\x90\xeb1T\x94l\x1a-\x8b/~\xeb\x93\x9ftf\xbe\xe5\xd3\xd3\xc9\x94\xc3nm\xf4'</t>
  </si>
  <si>
    <t>Roof &amp; siding</t>
  </si>
  <si>
    <t>366xx</t>
  </si>
  <si>
    <t>b'\x17\x1a\x04q\x9b\x19\x1d`\xac5\xb2\xa8\x0c\xc2\xbf\x19\xcf\xce1\xdf\x0c\xbd\x80\x1a^\xb8\xb754R\x1d3'</t>
  </si>
  <si>
    <t>paying off bills</t>
  </si>
  <si>
    <t>728xx</t>
  </si>
  <si>
    <t>b'\xea\xa0~\x96E\xccR\x8b\x9a\x9f\xa1\xd0/%\x89\x15R\x89\xfa\x16\x1d\xa3T\x9dP{~\xe0\xc10\xbd\x0c'</t>
  </si>
  <si>
    <t>b'\x89\x06\xe7w\xf8k\xafe\x00E\xf4cu\xbe\xb9\xbb\xf7/P&lt;\x8ae)Y\x11\xcf\xcf\xdc2\xe8\x8c\xdc'</t>
  </si>
  <si>
    <t>b'k4\xf2\xd7\x834\x0ck\x9f\xcf\xf3\xf4a\x00x\xdcA\xb5:\xacOy\xd5k7/\xe2d\xbf\xa5\x05\x07'</t>
  </si>
  <si>
    <t>Pay my bills</t>
  </si>
  <si>
    <t>b'\xa1\xc9\x8b\x92.\xffo3_\xef%!\xa7\xe8n\xa4C\xb3\x9d\xb7\x83f\xe2\xc8\x98\xb6\xab\xe7_@9\xf3'</t>
  </si>
  <si>
    <t>b'y)\xdf\xeeB\x8c\xfc\xabH\xf3\xeb\xbe9\x1b!3$\xa2^\xea\x97\xd6\x87\xc0\x8b\x81MW\xf4Ec\xcf'</t>
  </si>
  <si>
    <t>011xx</t>
  </si>
  <si>
    <t>b'\xf3*\xc3\xc7)Z)\xb4\xf8\xe0\x16^\x88\xb9\x1dO\xc7\xca\xf5fr\x93\xf8\x9c\x8dQ&lt;\xba\x94\xbb\xf0='</t>
  </si>
  <si>
    <t>Here in Texas</t>
  </si>
  <si>
    <t>b'ns\x86[\xcaG\x06\xe4`\xd7\x85\xd9\x1e\x95\x8ci\x99\xc3jj\n\x8c\xf7\x105@\xc6\xd2\x08yWz'</t>
  </si>
  <si>
    <t>b'C\x97\xeb\xfa\xa8\xfe\x9cq\xae8\xed1\x96\xef\xf2s\xd3\xe5\xf0\xc6v\x88\x967\xb7,`\xbd\x01\xd1\x97J'</t>
  </si>
  <si>
    <t>b':\xb8\xb4\x1c]\x03`\xaa\x8d5\xec\x87\nS(\x89F\x8f\xd0z\x14\xb6\xf8\xba\xac\x8bPl\xa7E-\x01'</t>
  </si>
  <si>
    <t>641xx</t>
  </si>
  <si>
    <t>b'a^\x83[&lt;\xd9\xb5\xa42\x9a\x05\x97`\x1b\xe3th\xc7\xbcy\x14\x95\xe8\x11\xc9\x83\xf5\xa8\xb3\x93%\xda'</t>
  </si>
  <si>
    <t>service one financial</t>
  </si>
  <si>
    <t>554xx</t>
  </si>
  <si>
    <t>b'\x8b]\xeez\x12\xb5\xd9\x11G\x8a5m\xa1\xd78\xd0\xe9\xc7\xbbG\x9e\x98\x02?N\xd7\xc0\x01\xea3\xf1^'</t>
  </si>
  <si>
    <t>b'\x83\x85\xa7\x9c\x1e\x9a\xf1u)\x9c\xd0D&lt;\x84\xcb\xe0\xc5|&amp;\xd3\xb6\x01\xd0c\x08\xdb\x97\xdbYK4\xec'</t>
  </si>
  <si>
    <t>Debt Consolidation loan</t>
  </si>
  <si>
    <t>b'8\xdc{o\x9aE\xc4\x88\x9a\x8b\xe3\xa4\xb3\x95x\x16l;!\x16\xa9-\xba\x8cP\xacKQ!8\x80\x08'</t>
  </si>
  <si>
    <t>CC REFI LOAN</t>
  </si>
  <si>
    <t>b'\x00\x89+;h\xceC\xbfl`1\xa7U\xc0B\xee\x9e4\xf3\xb5\xd0\x12\xf9\xdf%\xc9.\xa5\xcc\x85^}'</t>
  </si>
  <si>
    <t>356xx</t>
  </si>
  <si>
    <t>b'\x1dQ\x8b\xb57M\xe4\x9a\xe9\x17&lt;\nC\xe1h@G\xa9ty\x12\xfb]\xf6$\x07\x07\x0e\xa7\xf9\x13\xfc'</t>
  </si>
  <si>
    <t>Debt</t>
  </si>
  <si>
    <t>479xx</t>
  </si>
  <si>
    <t>b'\xe5\x1c\xd5D\x10\xbf\x18\x06j\xd3\x92m\xb7\xf2\x0c\xba\xb0%\xf5{\xe1\x8e^yO\xbe\x8b\xee\xcc&lt;\xdfm'</t>
  </si>
  <si>
    <t>801xx</t>
  </si>
  <si>
    <t>b'q\xd1\x99\xdf\xd7\xbbW\xa9\xff\xb9\xd6s\xddS\x8b\x0b\xf4\x9e\xc9mD\x02\x9cl\xbc\xbb+/h\x1e\x9bH'</t>
  </si>
  <si>
    <t>debt consolidation to refi mortgage</t>
  </si>
  <si>
    <t>b'\xf3V])\\\xf4\xb2\x12\xe3\x13\xf6\xd4\xcd\xcd\xb0\x0f\x8f*T\x00\xcf\xc5Q8\xd8\xce#.I\x82\xa5&amp;'</t>
  </si>
  <si>
    <t>Debt Consolidate</t>
  </si>
  <si>
    <t>321xx</t>
  </si>
  <si>
    <t>b'#\xe9\xc3bvj\xb8xy\xea\x01T\xb6g\x92\x92[T`\xbf\x92\xdb\xa2\xcb\xfd\xbd\xd0\xebm\xc5\xd2\x0f'</t>
  </si>
  <si>
    <t>748xx</t>
  </si>
  <si>
    <t>b'\x1dN\xde\x1c\xf0\x9b\x96\xb0\x1b\x95\x98\x8d[\xbc\xaf\x80\x1b_\xd1\xb1\x7f\xbc\xa3J0\xac\x8c\x88#[\xb2q'</t>
  </si>
  <si>
    <t>368xx</t>
  </si>
  <si>
    <t>b'\xbe^\xdbMAv\xb2\xf5\xe1\xb8p\xb4\xa4\xb1=\x1dB\x7f\x96\x85\n_\xdf\xd8\xa9\xcf\xd3\xa3|xP\xf0'</t>
  </si>
  <si>
    <t>b'o]\x9d\x13@\xaaP\xc1\x18\x1a\xde+\xde\xe8Vf\xcd\xd1 \x84\xbe(\xe5\x95\xc2\x93J\x05\\\xe2\x18\xfe'</t>
  </si>
  <si>
    <t>b'\xb5H\xb0\xb9\xc7\x97\xc1\xe4\x15\xc4L\x99\r\xcf\x1a\xb4\xff*\xca\xd8\xd2J\x84\x98\xfd\xa9\xb3\xf8\xd6d\xce\xad'</t>
  </si>
  <si>
    <t>refinance</t>
  </si>
  <si>
    <t>b'\x9b\xa6k\xbc\t\xeeN\xe3\xa9\x8d\xf4\x14\xf2a\x9d\xad\xc1\xf9/?\xd4\x08P\xe7\xa1C\x06.\x1b\xa0P\xcb'</t>
  </si>
  <si>
    <t>958xx</t>
  </si>
  <si>
    <t>b'\x07Z\xccW\xa3\xcb}\xbb\xe6L\x10\x8b.\x11\x83\x0fa\x84=H]j\xf8S\xbdC\xc33\x91\xb7\xb7\xac'</t>
  </si>
  <si>
    <t>b'\xe8\xebDZ\xea\xd3\x8c\xd4\x88\x94\xfd+\x1c\xcc\x0c,\xf7Xpf\x88\x1b\x0f\xd3\xabH\x0b\x87M\x19\xb2!'</t>
  </si>
  <si>
    <t>908xx</t>
  </si>
  <si>
    <t>b"V\xd9\x14K~\xaf\x8cRk\x16\xa2\x9c\x10\x96\xc0\xa1\xfcX\xfa\xc6:]\xbe'BfH\xc1\xac\x86\x92\x90"</t>
  </si>
  <si>
    <t>b'+\xa6[\xee\x9f\xa1\xb8\xda\xd2\x91U\xe9\xce\x91\xb7\x92\x02`\xaa\x0c\xc6G\xaf\xd8*\x1b\x06\t\xf2\xa2"Z'</t>
  </si>
  <si>
    <t>b'\xfe+\xde\xb4R\x12v/\xb7\xbb!&amp;\x92S\xbd\xda\xaa\xff\xb3\x89\xa89\xecO\x80\xde6\xfc\xdd\xfa\xe4j'</t>
  </si>
  <si>
    <t>210xx</t>
  </si>
  <si>
    <t>b'\xcba\xb1\xc9\x02\xd2\xfe\t\x96\x9d\xcb:\x07\xa5\x8a\xb5\x81\xf6\xb7\x96\xdf\xbf}\xee\xd6\xcd?\xc3R0\x9eW'</t>
  </si>
  <si>
    <t>debt payoff</t>
  </si>
  <si>
    <t>b'\xec\x94\x85[\x8d\xc9\x9b\xf5\xd3\xe8\xcfO;Whd!\x9eL\x90\xf9\xbf\xf9\xcb\xb8\xa7\xa3\r@H\xc0 '</t>
  </si>
  <si>
    <t>Debt Free Soon</t>
  </si>
  <si>
    <t>b'\x81\xa28\x89\x97A\xe5O\xdf[\x03\xa0\xc4\xd1\x1ft\xca\xf3\x18-k\x92\x88\x95\xaf@*\x96\xc3\x9f\x84\xb2'</t>
  </si>
  <si>
    <t>b"\x7f\x93\x88\x1c\xf9e\xf6\xb6@-\xeeE\x95\xe7\xb36\xd6\xb6{\xafz\xaf\x98\x13\xb8\xb7\x0b'-\xa0!\xb9"</t>
  </si>
  <si>
    <t>NM</t>
  </si>
  <si>
    <t>out of debt</t>
  </si>
  <si>
    <t>880xx</t>
  </si>
  <si>
    <t>b'\xe0l*\xcbkL\xf2\x12\n\xed\xd1\t\xe81\xfc\x1b\xd4\x0c\x93\xf0\xd0\xe7\xed\xf7k\x84\x8bt\xa6v\xc6\xee'</t>
  </si>
  <si>
    <t>Credit Refi Loan</t>
  </si>
  <si>
    <t>917xx</t>
  </si>
  <si>
    <t>b'\x84\xb5\x0b\xd1\xb0W\xefN]\xa6\xbaa\x82qDE\xc5 \xd4\xc69\x1du\x12!\x94\xb5\xdf\x1cF\x80\xef'</t>
  </si>
  <si>
    <t>b'\xb2\xe5M\x02_\x93\x1f+\xd1\x97\x8b\x92\xda\xf0\xc6\xf2U*qV)C\xd8\x96\x19\xe1\x8d\x80\xc6i\x85\xc2'</t>
  </si>
  <si>
    <t>b'\xfa\x0eb\xe5\x85\x88}\xaaC&lt;fY\x1e#c\x1d;\xc5\xb7\xe39D\xd4,Io/\xb9\xe1\x1e\xed\x84'</t>
  </si>
  <si>
    <t>Fix Yard</t>
  </si>
  <si>
    <t>b'`\xea;\t\x1d2\xb4f\x93\xcc\x8a\xb3g\x06h\r\xfb\xa8\x95\xcd\xd3\x1cq\xdbT\xb7\xa6^\x0b\x1e\xa9\x91'</t>
  </si>
  <si>
    <t>Bill payment</t>
  </si>
  <si>
    <t>b'\x8a\x0by=\x8f\xde\x94\xdc\xaa\x05\x89\xe6\x1c%G\xe5:\xf80vo\xc3F\xd8\x02\xae\xbf\xd1\x1d\xf8\x05@'</t>
  </si>
  <si>
    <t>DBTCONS</t>
  </si>
  <si>
    <t>b' \x00\xb5\x03a"\x80{p\r\xe2t\xd6L|c\x9e?\x16\xc0\xb7\x97nU\xce(;H\x86\x99G\xce'</t>
  </si>
  <si>
    <t>148xx</t>
  </si>
  <si>
    <t>b'\xbb\r\x1c\xf3\xc3V\x9e\xa5&gt;h7\xa3\xbb9\x00w\x127@\xb7]\xf6\xda\xf1\xdeU\x97]4\xddn\x0c'</t>
  </si>
  <si>
    <t>b"3\x184\xd5\x85\xe6\xbd\x97]D!/\xb4\xa9\xa8\xf2\x89\xdf\xc0\x8d\xd3\x93'\xdd=\xf3~vJ\xda\xc8+"</t>
  </si>
  <si>
    <t xml:space="preserve">2nd mortgage payoff </t>
  </si>
  <si>
    <t>294xx</t>
  </si>
  <si>
    <t>b'sc\xd6\x1a\x18\xb2\xd5qhs\xc4\xbd&gt;\xc0\x86\xcd\xae\x80\xa4w\xb7\xcao\x1a\x00Q)[\xd6H\xa3\x8f'</t>
  </si>
  <si>
    <t>Credit Card Refinance Loan</t>
  </si>
  <si>
    <t>b'\xf55^$\xe9\x08t%QY\x16]\xb3&gt;\xec\xe5&lt;c\x11p\xb7Q\xb8\x01\xd7\x89\xc9\x1e\xd3\x04\xae\xf8'</t>
  </si>
  <si>
    <t>SCHOOL-CREDIT</t>
  </si>
  <si>
    <t>b'ag\x96\xd0O\xa7?\x819\x83\xf6\x10C){^\xbd\xc9\x14\x9d\xcfg\xed+\xdcC\xf1()j\xe6\xa0'</t>
  </si>
  <si>
    <t>CC Refinance</t>
  </si>
  <si>
    <t>b'\xeb\x02|^sD)\xef\xc9gg\xa1mO|\xe3\x82\x81\xce\x833\x19s\xeb\xc5LK\x0b8\x80\xec\x86'</t>
  </si>
  <si>
    <t>054xx</t>
  </si>
  <si>
    <t>b'q8\x9f\xc6\x9d8\xd5M\x87+W\xd8\xdd\xdeI\x87i`\xf73-\x01\xbbv"P\xbc\xc4g\x92\x86\x11'</t>
  </si>
  <si>
    <t>875xx</t>
  </si>
  <si>
    <t>b'\xa0\x95m;=\xec\xf9\x86\xad\x93a\x8f\x9c\xd8&amp;p\xf8\xe86z\x1f0\xc9\xac\xbe\x85L\xb9z\xad1X'</t>
  </si>
  <si>
    <t>756xx</t>
  </si>
  <si>
    <t>b'-\x89\xba\xf6\xd5r\x87\xf6\xe7\xde/`5\xb7Up{\xd7\x83\xcc\xed\xf2"u\x1aW\xbdD\x9d\x02\xe4\x8c'</t>
  </si>
  <si>
    <t>Freedom!</t>
  </si>
  <si>
    <t>857xx</t>
  </si>
  <si>
    <t>b'jE\x87]\x8b\x1773\x1f\xec\xd2\x89h\n\xffO\xba\xf4\xe2\xb0r\x88\x06)+\x97\xcd\xbb9\n\xfd\xe9'</t>
  </si>
  <si>
    <t>DEDT</t>
  </si>
  <si>
    <t>110xx</t>
  </si>
  <si>
    <t>b"\x9fn\xe6h\x8d\xe0\xe2\xd3[\x9c\xe3#\xa0,\x11\nI\xe4\xdd')\xcd5n)-\x17\xfa\x96\t\xe7\xca"</t>
  </si>
  <si>
    <t>Credit Card Refinance</t>
  </si>
  <si>
    <t>657xx</t>
  </si>
  <si>
    <t>b'\x07\xbe\x93\x13\xbb\xfd\xe3\x1e6@\x1d\x03\x85\xb6\xb4\xb2un\x0e\xca\x8d\xb4A\xe4\xce\xc4BW!\xdb\xe7\r'</t>
  </si>
  <si>
    <t>CARD CONSOLIDATE</t>
  </si>
  <si>
    <t>b'0\x12\x89a\xd5\xd1v$s13\xfe"\xc4\x9f6\xe8\xd4\x1dj\x8c\xa5\xd4{\xe9\xa7uQ\x8bT\x13\xc6'</t>
  </si>
  <si>
    <t>Debt Consol</t>
  </si>
  <si>
    <t>147xx</t>
  </si>
  <si>
    <t>b'1\xcdo\xb7\xf3\x07O\xe8\x92\xf4\xa7\xcbRa\xd1\xcau\x06\xaf\xcbR\xbd\xf8\xcf\xa6$AA\xf4#\x80\x98'</t>
  </si>
  <si>
    <t>b'n`0\xda\x94\xc8Z\xbd\xb8h\x16$}[,\xbc\xbaiW\x7f\xee\x88\xa1\x1aiY\xcf\xd8\xb9\x1bH\x89'</t>
  </si>
  <si>
    <t xml:space="preserve">CC Refi for Lower Mo Pmt and APR </t>
  </si>
  <si>
    <t>286xx</t>
  </si>
  <si>
    <t>b'\xcb\xf4\x17\xd9,\xec\x93\x83P\xf6\xb0\xbf\x05\xcfz4\x0f\x7f&gt;\x91\\[eCP,\xff\x90\xf0\x9cH\x04'</t>
  </si>
  <si>
    <t>b'\xaf\xce\x88n\xd4&gt;qhU\x92\x9fz\xab\xe0\x9d$^*\xc4\xa5/9\xc8\xe7\xdc]\xddI\x91\x9e\x8a\xa0'</t>
  </si>
  <si>
    <t>2011 Taxes and high int CC's</t>
  </si>
  <si>
    <t>b'\x11\xfcF%\xc0Dl\xe1\x03\xfeQ\x87R\xd8c\x9c\x9cam#\x08t\xefs\xafy\xaeV\xc4\xeeS]'</t>
  </si>
  <si>
    <t>SD</t>
  </si>
  <si>
    <t>always pays on time</t>
  </si>
  <si>
    <t>571xx</t>
  </si>
  <si>
    <t>b'\xa1\x925:\x0e\xd4\x8dJO\x94.\xbc\x11\x84\x1eK+\xdf\xca,\xba!\xa6\xaa\xd7\xf3\xf0oMT\x90\x9c'</t>
  </si>
  <si>
    <t>b'\xa3\xe2\x11=\xd8\xf2\xad\x84)\x9d!%\x15!\xeb\xed\xf5\x89\xb4\xe4\xf1\x13&lt;\x01]G\xf7\x04\xa8n\x83\xe1'</t>
  </si>
  <si>
    <t>Credit card Consolidation</t>
  </si>
  <si>
    <t>b'7\n\xb0H\xfd\xf7\x8f*\xcc\xda\xfeb\x03\x7f\x1e\xc3[\x12\xa05\xd8\x16H&lt;\x84\x8a\xe1\x87\xdf\xd0\x80\x1d'</t>
  </si>
  <si>
    <t>Consolidation of Higher Rate Debt</t>
  </si>
  <si>
    <t>b'e{\x9d\x8b\xe6x\xc7\xc9\xad\x1f\x97\xf6;\xa7r\xa8\xf64S\xc7p\x04\x94\x16\xcc\xc2{\x9a~t\x81\x8f'</t>
  </si>
  <si>
    <t>014xx</t>
  </si>
  <si>
    <t>b'\xe4\x98\xb0\xf2\xcf\xdc\xf2\xf6\xce\xc1\x15\xd79\x17\xb1\x11\x10\x8d\xd6\t\xc2\x11\xe0\xd4\x01wYu\x1f\xf4\xe0X'</t>
  </si>
  <si>
    <t>CREDIT CARD PAY OFF</t>
  </si>
  <si>
    <t>b'\xec|\xdf\xe5\x17\nw\xc5\x02\xa8=\xdb\x90A\xafQ\xf2\xf6pr2i\x99\xe3X\xcb#\xb4\x94\xbeM\xc1'</t>
  </si>
  <si>
    <t>b'{\xaf\xa1\\o\x0f\xdd\x89h\x1a\x9e\x0f}\x96\xf9\x0c\x89\xf0|\x07q\xe1\x1b\xb6\xa59T{\xfa\xc6XR'</t>
  </si>
  <si>
    <t>Debt Pool</t>
  </si>
  <si>
    <t>b'z\xb3\x10\xb7\xcd\xc1\x1dz\xc1\x99\x88\xbcL\x9f\xcc\xc6\x92\x97\x10\x12\xab\x85^\xc00\xef"*e\xec\xf9('</t>
  </si>
  <si>
    <t>303xx</t>
  </si>
  <si>
    <t>b'{\xc4\xf2r\x10\xd9\xd6\xcc"\xfa\xf4^-\x0c\x93\xce\xe8\xbd\x97V}\xa4Ub\xbc\x89l\xaa\xb0\xaa&amp;:'</t>
  </si>
  <si>
    <t>b"\x84r&lt;'\x10L\x0f\xde\x89\xcdwv\x10\xad\xce\xc47\x19\xab?RS#\xda\xf6m\x94\xb9y\xcdl%"</t>
  </si>
  <si>
    <t>Fixing credit card mistakes</t>
  </si>
  <si>
    <t>b'\x0e\xb2\xc1\x06\xec6l\xd7(Q\xc4\xef\x80\xad\x80*\x96\xbe}X\xb8\x0b\x11\xf4\xe4C1\xd1gB\t\x92'</t>
  </si>
  <si>
    <t>Fresh Start</t>
  </si>
  <si>
    <t>b'\x10&amp;!bzU\xdd\x90\xd5\xd1G\x9a\xa5\x9d\x02)\xbbR}\xad\xea\x91\xeah\x8f\x9c\xcb\xfe\xbdn2\xf4'</t>
  </si>
  <si>
    <t>947xx</t>
  </si>
  <si>
    <t>b'E\xed\x87\xd5\x9b\xa1?}\xec\xecX\x12\x10\xf6\\\x92\xffb\xde\xe01dO\xfby\x03\xd2\xb2\x86\x81r\x82'</t>
  </si>
  <si>
    <t>LOAN</t>
  </si>
  <si>
    <t>b'\x11%\xf2j\x1d\x96K\xcf\xcab:\x8b\x7f\xf2Q \xda6c\x82\xd9\xbb\xa6\x04\rL\x92[\x10l\xf3\xec'</t>
  </si>
  <si>
    <t>263xx</t>
  </si>
  <si>
    <t>b'\x05NL\x88\xa1\xe1M\xf2 \x05\x87-\x92YO\xd9\x92\xf2X\xb8\xaf\xe4$\xb8\xef\x87&amp;+xh\x80\x93'</t>
  </si>
  <si>
    <t>Pay off credit cards</t>
  </si>
  <si>
    <t>b'\xc9s\xe0)\xfeYH\xcd\xc9\xa7=H\x15\xf9e\x12\x891\xeb\xd8?I\x12\xc5\xe60[\xe9\xc0\x18S\xc2'</t>
  </si>
  <si>
    <t>Consolidator</t>
  </si>
  <si>
    <t>b'\x9a\xe6(a\xd8X\x1e\xb7\x07\xfc\xd7\\\xc3\x81\xc3\xab\x93\xe2\x96\xbe4\x0e\xd7\xf6,\xf7\x8cohr\xd7W'</t>
  </si>
  <si>
    <t>Debt Free</t>
  </si>
  <si>
    <t>230xx</t>
  </si>
  <si>
    <t>b'2\x8d\xaf\xad\xb9s\x0e&amp;\x86\x8f8\xb9\x1f\xbc\xc0A\xe7\xaa\xe4\xabLYNT\xab\xf6\xbb\x06Z\x08,\x8e'</t>
  </si>
  <si>
    <t xml:space="preserve"> debt consolidation</t>
  </si>
  <si>
    <t>470xx</t>
  </si>
  <si>
    <t>b'*\xbb\xf0\x0e/\\\xd0\x8b\x0f\xd0f\x10-\xa0\xbb\xb7\\3\xaa\xa1\x96zP\x01\xbf\x0b \xf9L\xfc\x02\xd6'</t>
  </si>
  <si>
    <t>bills</t>
  </si>
  <si>
    <t>b'k\x04}\x81+\xaa\xdf\xe2\r\x98\xbb;;\xd1\x14+\xe7\x0byD\xb3V}$iDi\xb6u(\x850'</t>
  </si>
  <si>
    <t>b'\x9d\x00\xf9\x11fp\xbac\x1c\x8eb\xbd\xc3\xa6#,\x914\xda!\x0c\xb6\x0b\x06\xc1\xbe\xc0\xab\xaf\xc4\x91b'</t>
  </si>
  <si>
    <t>900xx</t>
  </si>
  <si>
    <t>b'g\x8eW Vn\x8dd\xb3\x92\xe6\x96v\xcf\x8c\x01\xb3\xb4\x876)\xe3\xa5\x9c\xf8$\xc9\x0c\xbf\xf6p1'</t>
  </si>
  <si>
    <t>My Debt Consolidation</t>
  </si>
  <si>
    <t>241xx</t>
  </si>
  <si>
    <t>b'\xc20\xf8\xa8\x8c9\x7f\xc7\x89\xe6G\xa8\n\xc13\x903\xb3\xd2#Sc\x8e7\x8a\xc5C\xdd\x1e?G\x14'</t>
  </si>
  <si>
    <t>296xx</t>
  </si>
  <si>
    <t>b'\xdfX\x03|\xbe\xe6\x1d "\xfe\xe6\x07\x05,\x0f\x12\xde0Et\x0e\x0b\xd1\xb7\xe9\x17nt\xe0\xa5Bb'</t>
  </si>
  <si>
    <t>debt/credit cards</t>
  </si>
  <si>
    <t>b'\x9d\xfeT\x84\xe4\xf6\xf8\x9b\xfa\x89\xfeX\xe5N]\xb9\xccX\x91\xb6\xf1yT\x84\x01\xa8\x18\x14\xadcG\xcb'</t>
  </si>
  <si>
    <t>b'\xaf;|S\x7fea\xe4\xdf\xdb\x9f]vl\xc0\xc1\xd95_\x9c\x0c\x18\x80\x06\xf9\x0f\x9d\xdaD)\x9e\xc8'</t>
  </si>
  <si>
    <t>No more debt</t>
  </si>
  <si>
    <t>b'\xd2\xffHa\xa2\xd1w\xdf\xf1\xb5\x02Q\xaa?\xf8\xfa&amp;\xc7\x98\x8a\x81\xe1|\xe6_\xba\x17\x81H\x8a\xe6\t'</t>
  </si>
  <si>
    <t>735xx</t>
  </si>
  <si>
    <t>b'\xda\x9fc\x14\x1e\xcf%\xd7nZ\xaa\xee\x12e\x08\x088N\xdf\xf16U\x0eR\xb3[\xc9]:)v\xea'</t>
  </si>
  <si>
    <t>Personal Lone</t>
  </si>
  <si>
    <t>026xx</t>
  </si>
  <si>
    <t>b'\xaf6\xfe*\xa0\xe3p\xad=\xbb\xf2=\xf7O\x0b\xc11\xa6\xdcN;\xe32\xe5`\x13\xb1\xec\x8f\xd3\xb7\t'</t>
  </si>
  <si>
    <t>b"\xa7\xd8\xa7\xd1\xa0\x9a&lt;O\xf3g\x90\xc3\xb3\xba\xef\xac\xa1\x8c\x85S'\x13\xb7\x1d\xc0\x87D\x92\x0c\xe8\xc1\x8b"</t>
  </si>
  <si>
    <t>530xx</t>
  </si>
  <si>
    <t>b'JO#\x9e\x1bgo\xe5[y\xb6\x92\xac\xaf\x10\x19\xb6\x87sWY\x8c\x00\x1ckX\xc5\x03IN\xbaZ'</t>
  </si>
  <si>
    <t>b'\x12`\xdb\xd8{4\t@K\x009!\xad\x96B\x8d\xee\x0c]\xb2\xa5\xf8\x11F\x1f\xaf\x83\xa7\xa7\x7f\xea\xf9'</t>
  </si>
  <si>
    <t>For my wife</t>
  </si>
  <si>
    <t>b"'1\xb0\x9b$F\xc9\xc8\x10p-\xb2'\x7f\x9fY5\r\x92\xfd^s$d\xd0\xce\xb7\xfc\xd8\x04\x97\x1e"</t>
  </si>
  <si>
    <t>217xx</t>
  </si>
  <si>
    <t>b'E\x8f\x86\x8a\xeb\xc0^\x1d\xd9\x9c\xaa\xa5\xd9\xf5\x14Y6\x91\x9c\x12Y\xa6\x92\xc4\x03\x19\xe6,,iLB'</t>
  </si>
  <si>
    <t>983xx</t>
  </si>
  <si>
    <t>b'jO%\xcc\xdd\x04\xd9\x16&amp;\x9c)I#\x83R\xf1\x16cf\x13\xf9D\xf3\xd1\x7fBb(\xec\xf7\xea\x84'</t>
  </si>
  <si>
    <t>b')\rt\xd5G\x88\x9be\xc2N\xd4\xaa\x1f)\xeeS3\xac#\xce\xe8~\xa0\x16\xda\x02pBkW\xe5\x87'</t>
  </si>
  <si>
    <t>363xx</t>
  </si>
  <si>
    <t>b'*\x0c\xdd\x07\x93\xf0+\x12\x08\xf9\x00\x8bj\x8e\\\x04\x95\xf9{o\xa0v\xafh0.\x85\x7f\xc1\xcd\xfa\x99'</t>
  </si>
  <si>
    <t>460xx</t>
  </si>
  <si>
    <t>b'\x127\xe9\xd1|\xb5\x02\xfc\xaa\xa1\xb4(\x93\x16A\xdfRM\xa9\x07\xd9\x15p\xf8\xe6\xde\xd5\x03\xe1\xca#&gt;'</t>
  </si>
  <si>
    <t>Sugar</t>
  </si>
  <si>
    <t>b'\x13\x92\x98B&gt;\xb2\xd3\xa9\x1fN\x19\x18cH\xe6\xb8\xf0\xef)N\xfc\xa1&amp;5\xa9\xe0Wi\x9a\xd5\xdf%'</t>
  </si>
  <si>
    <t>Fouth Lending Club loan, no late payment</t>
  </si>
  <si>
    <t>b'\xeau3\x06SD\\\xe2\xa5\xc9\x98tb,\xb2\xf4\xd70\x14#7\x1cz:\xc1\x80\xac\xb7\x8f\x8b\x11\x0c'</t>
  </si>
  <si>
    <t>Spa Loan</t>
  </si>
  <si>
    <t>b'\x98\x8b\x00a\x85\x80\xe8`\xec\xcf\xb8\x04\xe3\xaa\x9e\xe8R\x83%x\xac\xd3\xa9sL\x91\\2\xb0\xd8\xa5h'</t>
  </si>
  <si>
    <t>762xx</t>
  </si>
  <si>
    <t>b'/{e\xd1\xcf \xad\xc3\xb2\xa3\x9a\x97\xb6\xceX\xd7\x88\xe5n\xaa\x13\x11\x1el\xc8\xdcGytw\x83G'</t>
  </si>
  <si>
    <t>personal loan</t>
  </si>
  <si>
    <t>b"ci\xad[\x11\xdb\xa5C\xdb\xa7\xeb\xf5'K\x16Qa\xae\x18\xb4\xc1\xe5+\xa6\x83nvnGyt\xe4"</t>
  </si>
  <si>
    <t>b'\x0e\xb1\x9e\x01\xcePgP+j\xa1\x0e\xe6\x81\x93Y\xbb`\xe5|\xc4\xfd\x1fB#\xa3&amp;V\xdasU\x07'</t>
  </si>
  <si>
    <t>Pooltable</t>
  </si>
  <si>
    <t>b'\xb0\xaf\xf6\x9c\xa0\xacy,:\x1f\x9b\xa2\xed\x8b`\xd8Ak\xddbS+\x0b\xd9\xdb\x01w\xf8]\xe5\xf6D'</t>
  </si>
  <si>
    <t>Vacation</t>
  </si>
  <si>
    <t>b'\xd3\xbc\xb3\xdb\x8e\x9b\xea\x04\xbd6\xd8R\xa8\x90\xdf\xde\xe0Z\xe4s\x95$;\x84\xf3\x19$\x97\xf8\xa6;~'</t>
  </si>
  <si>
    <t>Firearms Loan</t>
  </si>
  <si>
    <t>193xx</t>
  </si>
  <si>
    <t>b'\xb6\xbba\x16Fe\xac1\xf8W\xc1\xf59\xad\xaaP\x0b\x03\xab\xbbK\x95)n\r\xfd\xf3&lt;R8\xef\xb5'</t>
  </si>
  <si>
    <t>Daniel Defense</t>
  </si>
  <si>
    <t>b'\xb9\xc6\x05\xcdW\x13\xf7\xa2\xbb_\xda~\xbf\xcbx\x16\xd7\xb7f\xed.\x16\xaf\x9c\xf3\xa2\xc1\x93`\xd6\x1a@'</t>
  </si>
  <si>
    <t>b'\xe4?\xbf\xa6\xf9\xd4\x87\xd5\x8c1v\xb0\x1f\n\x11\x07A\xbe\xebP\xae\x9bP\x9f\x80\xc6\xb8\x94\x88!\x89\x12'</t>
  </si>
  <si>
    <t>950xx</t>
  </si>
  <si>
    <t>b'\xef\xff\x02\xc5\x95{y\xca0\x8bP\xa1,u:\xdc*\x1dC&amp;f.\xd22\xf94\xe0v\xb3O.\x18'</t>
  </si>
  <si>
    <t>b'\xfdJ\xdb\xaa.\xdaV\xbf\xf7\xf5\xbf\xb3QP\x87^2W2\xf3\xa2X\x84\xea\xe1\x85\\\xdc\xd6\xbf\xb2\xfb'</t>
  </si>
  <si>
    <t>Vacation money</t>
  </si>
  <si>
    <t>b'\xce\r\x02\xcd\xa5\x8e~y#\xfeL\x1d\xc7\xca{Fq\x0c\x9e\xc0\x05\x15f%\x89&gt;\x7f\x8dp\xedR\xda'</t>
  </si>
  <si>
    <t>b'Mx,\xd7\x92\xc2\xb89\n^\xbf\x0f\xd3\x10\x10\xdc\xc5&amp;\xbf\t_2\x7f+\xf2\x16\x06*1F\x17-'</t>
  </si>
  <si>
    <t>trailer</t>
  </si>
  <si>
    <t>133xx</t>
  </si>
  <si>
    <t>b'\xb6^\x12\x1a\xe3\xee\xbd \xb3\x9b\xc0Z\xd0\x1a\x90\xdf\xdf\x01\xa8\xe5\x15\x0f\x8e\xb5?-\x87\x17\xe7"E!'</t>
  </si>
  <si>
    <t>loan</t>
  </si>
  <si>
    <t>b'\xef\xb4o\xd7\x94\xefZ\x00V\xd1s\xb1\x9b\t\x10pv\xdbQ\xa1y;\xea&gt;\xf0S\x9aT\xa2\x10\x1e\xd6'</t>
  </si>
  <si>
    <t>b'\xb4\xb0n\xaa\xed\x11\xd9e?o\x13"^\xd5\xe1\xadP\xfb\xeb\x8e\'6\xacf3FGE\xf2\x08L\xbf'</t>
  </si>
  <si>
    <t>145xx</t>
  </si>
  <si>
    <t>b'\xf5\xe40\xd1{7\x07\xcdZ\xdf~\xa9\xb5\xf9\nNZC{\xcc&lt;\xd5g*\x1cc:&amp;\x91\xaf\xe8\x97'</t>
  </si>
  <si>
    <t>on board</t>
  </si>
  <si>
    <t>178xx</t>
  </si>
  <si>
    <t>b'\t\xf0\x139\x80\x8d_\x92\xa9%\xdb\x07\xdc\xd1\xa8\xa1d\x8d\xa4ovJ\x8d\xfa\xe83\x94\x12a\x97\xb9\xd3'</t>
  </si>
  <si>
    <t xml:space="preserve">Last annoying chunk of my student loan </t>
  </si>
  <si>
    <t>b'd\xcc\xbc\x94OA\x8a`\x85k\x83#\x80\xc9\xc3q&gt;Q\xa8|\xd53H\xa3\xed\x14!\xf8\x94\xdb\x94\xe4'</t>
  </si>
  <si>
    <t>LOAN1</t>
  </si>
  <si>
    <t>b'\xcf\xe2\x9a\xe96\xa4\xac\x89\x0c\xe3\xef\xe2R\xd1 \x7f\n\xf3\xca[=TM\xb5\xca\x9e\xfad\xec\xf0@\x9b'</t>
  </si>
  <si>
    <t>b'\x141\xc3\xdc9\x7f\xc5\x04\xe7\x7f4\xb9B.[\x0e\x19\x03-U\xea\xb62K\x9a\x9c0z*l\xc4\xf3'</t>
  </si>
  <si>
    <t>b']\xf2\xc5=32^\xff\xa1-\xc5\xd0R\x07\x99\x9aL&gt;V\xfdw"\xec\x8d*\xed(\xf89\xc5\xc6\x0b'</t>
  </si>
  <si>
    <t>111xx</t>
  </si>
  <si>
    <t>b's]Z\xca\xad\x84\x9e\xa9\xde\xbb\xacs\x83\xdf\xcbD\x8c\xc1\xe4Q\xeeeV\xf0\x10\xbd\xd0SM\x9bK\xa8'</t>
  </si>
  <si>
    <t>Project 1</t>
  </si>
  <si>
    <t>b'\x83&gt;\xff\xe1"\x8br\x9c_\x01\rC\xcdw]}F\\7\x16\x8e\xfb_\xf5\x9a\xc3\xf1\xdc$\xc6\x1c\x9e'</t>
  </si>
  <si>
    <t>b'\xd7\x85\x0cQ\xfd&amp;\xe2\x0c\xd89\xad\x89\xdb\x19\x1eE\x14R\xa5rbw2\x15\x8aB"\x1bu\xdc\xccT'</t>
  </si>
  <si>
    <t>b'k\x1bW+\xe7\x02\x94r\xf8\x18\x16\x96\xb0\x9d2\x91\x14\xb9%\xee\xaa\x9c\xc3\x18\x08\xa8\x90,R\xe5\xcd-'</t>
  </si>
  <si>
    <t>Hot Tub</t>
  </si>
  <si>
    <t>b"\xd5@|\xd2\xff\xd5z\xedf'QZ\xeaK\xb3\xa7YX\xf3\x00n\x82\xd7X?\x0f)\x025n\xae\xe8"</t>
  </si>
  <si>
    <t>credit card pay off</t>
  </si>
  <si>
    <t>b'$\xd4\xd4\xb5:\x0bpi}\xe8V@\xe5{o8\x99J3\xfcq\xd8\xf3\xf2\xe3f\x9c\x0fb\x97\x8e\x11'</t>
  </si>
  <si>
    <t>070xx</t>
  </si>
  <si>
    <t>b"\xe3bqr\x8b'\xdax\xf0\x90\xb5\xbcL\xd9h\x0c\x7fdV\xda\xe3f~\x91&lt;CB\xf0\xfb\xf8\xbb\xbd"</t>
  </si>
  <si>
    <t>Home Loan</t>
  </si>
  <si>
    <t>b'\xb4&amp;\x92(ZY\x0eKc\xac\r\x8f8\xe9\x1a-x\xb5\xa3z\xe6]X\x86tCl\x1d\x05Z8\x03'</t>
  </si>
  <si>
    <t>b'\x07MC\xdeCx\xe1\x9fJGSq\x1a\xf4\x9fA\x97OL\xe6P)\xae\x80\xc5\x9a\x0b\xcd(:\xfaW'</t>
  </si>
  <si>
    <t>Debt Loan</t>
  </si>
  <si>
    <t>b'\xd3q}\xa3C\xedf\xfa\xb1\x9a\x96Z\x014\r&gt;\xd3\xbc\x17px\xb3\xadl\xe7\x16\x96\xcfd\xfcx^'</t>
  </si>
  <si>
    <t>Relocation Expenses and CC Consolidation</t>
  </si>
  <si>
    <t>b"Y\xea\x19\xe1\x829{[\x9e[-\x16\xfcB\xc8\xef\xc1$'xw&lt;0\x82D\xd4\n\xffN)\xbd\xf3"</t>
  </si>
  <si>
    <t>Tuition Debt Consolidation</t>
  </si>
  <si>
    <t>b"\x84\x89E\xed4\xb3\xc1\xe5Z\xd7~vCe\xaa'^\xa4\xcfxK\xe6N)\x88,@\x98n?\xd3\xbc"</t>
  </si>
  <si>
    <t>b'\nuM\x83\x9f\xee^y\xc7\n\xcb\x87r\x1e\xa7\x95\xb7aC\x9f\x1e\x1a\x1exG@\xa9/R\xde\xd6['</t>
  </si>
  <si>
    <t>loan payoff</t>
  </si>
  <si>
    <t>655xx</t>
  </si>
  <si>
    <t>b'\xe7\xaf\xca&amp;\xcd\x8e`E\xca\x00\x99\x98\x98\xb1\x01\xb8\xd0DD\xbc\xf03\xb8\x1a\xc5\xc0\x1b\xa1Z)"\xc2'</t>
  </si>
  <si>
    <t>276xx</t>
  </si>
  <si>
    <t>b'\x12\xc3V\x99\xa5u\x01&amp;\xc4\x00\x9a3r\xd9\xb7\xb6\x95\xd2\xe9J\xed\xf2+b\x9f`\xfc\x93\xaeT\x0fc'</t>
  </si>
  <si>
    <t>667xx</t>
  </si>
  <si>
    <t>b'0\xee\x1b\x1b\xbd^\xacN\x8c\xa6\xd7\x17\xa6\xaf\xf30\x13\x86j;\x123N\xe4B}\t.\xc1\xaa\xccy'</t>
  </si>
  <si>
    <t>b'7c\xd3\rdp\x0b5\xe3\x85|\rj\xe6\xdc\xc3]\xc2"Na\xfc\xa5\x94]\xa3\x93&gt;H\xac\xb8\xaa'</t>
  </si>
  <si>
    <t>Debt Re-Payment</t>
  </si>
  <si>
    <t>b'\xf7\xd4np\xc8j\xb9\x8d\xd5\x1f,.\x990-y\xa0$\x1f\x850\x9b\x1c4\x18`\xcdp&amp;\xb3/\x0c'</t>
  </si>
  <si>
    <t>b'F\x1c\xc2\xbb\x89\x18\x84p:O0Z\x1d\x7f\x1b\x9d\x0c\xfa\xe4_\x9c/G\xb5;HZ\xd4\x1eh\x9e\xf4'</t>
  </si>
  <si>
    <t>b"\xc3j\x0c\xe8\xcb\x8a\xb5\xbaj\xb98}\xb1e(\xd8\xe34@\x14\x1d\xfe\nNyX9'+\xee\xf2\x0f"</t>
  </si>
  <si>
    <t>Breathing Room</t>
  </si>
  <si>
    <t>b'^^&gt;\x06\x9c\x8a\xfcY\x84\xea|\x89\xd8&gt;q\x00\x92\xc1\xdb\x93\x00|a-oI(j\xb1\x91\xa9\x81'</t>
  </si>
  <si>
    <t>b'\xb8I\xd8\xe8O\xfb\x01\x10\x83\x1eyq\xb7\x08odM\xb9p\xa9\x81h~e\xb7[\x84\xccHZ%Y'</t>
  </si>
  <si>
    <t>Credit card debt</t>
  </si>
  <si>
    <t>b'\xccA\xd4\xcd\x9e\xf9F\x95\xe6K7\x01D\xe7\x91\x8b^~\xd1\xd8B-=\xcfi\xd71\xdey\x84\xc9\x11'</t>
  </si>
  <si>
    <t>b'\xc5yg\x82\xdb\x96\xc8l=\xed\xdb%\xa6\x1c\xff\xb4p2B\x0eaE)Sa\tS\x88\xa7\xfe\x99\x8c'</t>
  </si>
  <si>
    <t>b'\x90\x98\x0c\xcbu\x85\xf6\x8e\x8d\x15\x1a4u`\x1a\x82\xfbQ;;v\x9f%:\x93\xea\xd5\x070\xc23\xac'</t>
  </si>
  <si>
    <t>Back on Track l</t>
  </si>
  <si>
    <t>b"\xcc\n\x15\xce9t0.\x07\xef\x84\xd1\x0b\xee\xaf\xba\xb7'\xde\xf7\xa2\xa9\xd1\xbf\xfb\x1c\x08mww4\x80"</t>
  </si>
  <si>
    <t>b'Z\r#\xc2c\x8a\xbbC\xe5`\xb4\xa4v\x90X\x8dZ\xef\xc6\x1d\xab\xfd3\xea\xf5\xabz\x18\x93aA\x91'</t>
  </si>
  <si>
    <t>Debt Consol loan</t>
  </si>
  <si>
    <t>b'e\x81\x1c\x80*\xac\x13q\xb0\x02\xce%\x15\x00\xbc\x82\x88\x97;\x05\x17\x8ch&gt;XLT\x16y\x8d`\x96'</t>
  </si>
  <si>
    <t>personl</t>
  </si>
  <si>
    <t>b'\x1du}\xfd\xf9\xa9(K\xbf~\xb1\x80i:5\xb4\xe0l\x98\x93\x00\x9e\x93\x97@Y\x8a\x88\x0b,\x967'</t>
  </si>
  <si>
    <t>creditpayoff</t>
  </si>
  <si>
    <t>456xx</t>
  </si>
  <si>
    <t>b';\xf1\x066\xcd)g\xda\xa2\xae\xdf\xd1\xae\x9f\xf4\x86\x83B\xa98~\x8dE\xa0\xc6\x08\x88\\KV\t\x8c'</t>
  </si>
  <si>
    <t>b'o\x15+\xed\xe6\x04A\x97\x93\xec)a\x84\x91\xad\xa8\x86\x81\xdb\xba\xcf\t\xb9\xe9}\xe1Y\x8a\x14\x07\x88\x9d'</t>
  </si>
  <si>
    <t>Pay off High Interest Cards</t>
  </si>
  <si>
    <t>b'C\xbb6\xfd\xf2\xc5\xf0&gt;(\xf9Y\x9d\xdf"W\xdb5\xd5\x1f\xd5\x7f\xed0c\n\xeem\xc4\xfcc)\xf6'</t>
  </si>
  <si>
    <t>b'\x1cQy\xe5Y[\xf6\xf9\xb9\x0f1\x91\xb4N\xb1;V\xc8\x8b\x14z\xb0\xc5\xd3\x12\xae\x0c\x83\x06\xb5\x8c\x0c'</t>
  </si>
  <si>
    <t>Home Refinance</t>
  </si>
  <si>
    <t>350xx</t>
  </si>
  <si>
    <t>b"\x8e\x84\x8d\x03\x92\xe9\xe47\xffDw\xc9\xe6\xed\xf56\xd7\x05\xac^sL&lt;\x8a'\xd3\x16\ru&gt;\xfa\xa3"</t>
  </si>
  <si>
    <t>Loan to enable debt consolidation</t>
  </si>
  <si>
    <t>b'f\x945m\xaet\x99#("Q\x00\xd4\xec\xbcJ\xde\x0eP#\x06NE\xe2m\xe4\xe3]\xfe:uB'</t>
  </si>
  <si>
    <t>Debt Help Loan</t>
  </si>
  <si>
    <t>b'0;-M@ZI\xe4\x85\x8b\xdf\x12p\tK]s\x84\xd4M\xa8\x88+c\xbeS&amp;d\x19!&lt;w'</t>
  </si>
  <si>
    <t>Credit Card</t>
  </si>
  <si>
    <t>b'\x0b1\x9c&gt;\xc4\xf9\x02\x1f\xb4\x0c\xf6\xe0\xfb\x883\x82_\xe2\xb4\xb2@\x91\xda\xb8\x16&amp;\xa8\xd2\xc4%\xea-'</t>
  </si>
  <si>
    <t>Chase CC Payoff</t>
  </si>
  <si>
    <t>b'\xb3s\xf4/\x8bK\x1a5&amp;AB\\}\xd5\x0e\xa3X6\x045\x95\xaf\xce7\xf8\x97\x1c2q"\x08+'</t>
  </si>
  <si>
    <t>319xx</t>
  </si>
  <si>
    <t>b']O\x97\x14\xac6O\xe9\xb3\xa7D\xe8\t\x8a\x0c\xa3{M\x1fDePc\xbel\xd6\n\xf1S \xc05'</t>
  </si>
  <si>
    <t>033xx</t>
  </si>
  <si>
    <t>b"\xb4\x9c\xbb\xa1\xa1\xf7\xac'1\xdd\xdc\xb3\x0fe\xf1yPX\xff\x95X\xb3\xe1g\xd62s5\xaa\x9f\xfc\xc1"</t>
  </si>
  <si>
    <t>b'\x0cmT\xfb\tl\xf0P\xef*\x89U\x94=F\xabs\xf8\xb2\x13\xc6 \xb3\xc1O\x1b\xe5LD\xaf\n\xd2'</t>
  </si>
  <si>
    <t>debtpay</t>
  </si>
  <si>
    <t>b'\xb1(\xf9\x81\x0c\x06r\xd4\xac.\x10\x1c\xe3\xd1\xe6\xb0\xbe\\\x1f\x0f;\xeb\xce\x06\xe9\x9f\x1et\xb3\x01\xfa\xdb'</t>
  </si>
  <si>
    <t>544xx</t>
  </si>
  <si>
    <t>b'\xadm \xc3@\xf4V0\x16\x07\xb0\x19\x8b\xc6\xeb\xf4\x8f\x1a\x7f\xc9\xc5\xc2\x86\xed\xc9.\xca\x95\xd6\x9a2\x19'</t>
  </si>
  <si>
    <t>Consolidate CC Debt</t>
  </si>
  <si>
    <t>b'\xe7\xc6\xbb\xe3\xf9!k\xed\xb7\xd1\xc5\xbf\x96\xb3\x80\xc36\xa7ts\xf1\xa0\x8b\x10{w&lt;\xb5\xdb\xea]z'</t>
  </si>
  <si>
    <t>Payoff CC</t>
  </si>
  <si>
    <t>018xx</t>
  </si>
  <si>
    <t>b'#\x94;\xdf\xc7\xb4\xa8&lt;?\x8e)\xda\xa1\xd2\xd8`\x84?|\x80\x91\xca\x9eV|\xe80\x85l\xa1\xa6\xf8'</t>
  </si>
  <si>
    <t>946xx</t>
  </si>
  <si>
    <t>b'\xcfn`j\x17/\xcbUH\x05v\x1c\xd2\x02%\xb0\x9b\xe4\xcb\tPy\x90\xc6\x05\xbd#q3f\x85\x01'</t>
  </si>
  <si>
    <t>b"\x01\x11\xd7'\xcb,\xc2\xdfttS\xb3\xe9\xc9\xa3\xacd\xfe\n\xe2\xd81\xce\xb3\xbc\xd6\x80\xad\n\x0c\xa0!"</t>
  </si>
  <si>
    <t>b'\xe3\xf1)9)\x8f\xc7\x15J\xff7m~6\xf5\x15\xfaDO\x94&gt;\r\xc4\xb1\x865\xf4\x98\xce\xce@K'</t>
  </si>
  <si>
    <t>Money to Spare</t>
  </si>
  <si>
    <t>706xx</t>
  </si>
  <si>
    <t>b'\xd0\x14A4\xfc\xff\xfc\x08%/K\xc5\xeaX\xa2\x87\xb1\x02#\x1fN\xdb@\xf9\x86+\xe6\xacS\xa2\xd9\x91'</t>
  </si>
  <si>
    <t>b'l|d\xd6\xb5B&amp;3oX\xbb_\xac\xfe\xb54\xf7\x85\x14&lt;4"\xde~\xd5\xff)\x1a#n\xef\x85'</t>
  </si>
  <si>
    <t>b'\\YFY\xc6I\x9b\xa9\xc8\r\x1b\x85U7"\xe9\x01\xde\x8f\xf7\xe8G\xe2W\xe9\xd0\xcfl\xc2\xa8\x84\xf7'</t>
  </si>
  <si>
    <t>Consolidate Bills</t>
  </si>
  <si>
    <t>b'\xaf&gt;\x7fv\xbf\x92z\xae\x85f$\xd5\x18\x04\xdb\xbe\x11\xb9\xdf\xa4\xb4)\xd2\xff\xed\x18\xbfp\x99,Z\xed'</t>
  </si>
  <si>
    <t>Consolidate loans &amp; home repair</t>
  </si>
  <si>
    <t>352xx</t>
  </si>
  <si>
    <t>b'&lt;\x80\x9dk\x98\t&amp;\xf6\xea\x15\xc5\xa4d\xdd\x00\xff\x14\x1bl\xf5z\xd2xp\x9d\x15S\xee\xfeT=|'</t>
  </si>
  <si>
    <t>Credit card refinance</t>
  </si>
  <si>
    <t>b'^\xd4%\xbb\\&gt;6\x841R\xe4\xb6M\xa0\xf4\xca\xb1~\xf4\xcc}\x91\x9b\xf4g\xcd\xa4{\xdb\x14\xb9\x96'</t>
  </si>
  <si>
    <t>My Lending Club Loan</t>
  </si>
  <si>
    <t>b',\xbf"\xf3\xab\xc8P\xc7\xeb\xc6\xbe\xad\xe3\x05\xe1\xa4q\xde\xd6\xfcs\xc2\x90h\xaf\xbc\xfc\x06PE\xe8\xbf'</t>
  </si>
  <si>
    <t>ConsolidateMePlease</t>
  </si>
  <si>
    <t>953xx</t>
  </si>
  <si>
    <t>b'&amp;\xa7\xf1\xe1\xbfVb!\x10?\xb7?0\xf6Q\x82\x9e\xa8\x8a\x1d\x07\xf8\x90j\xf1\xb4X\xb5%\xf9\xd7\x1e'</t>
  </si>
  <si>
    <t>b"\xce;5W\x19XZ\x18j\x9f\x19\x04I'\t\xab\x00\xed\xe3\x80\x17N\xaf\xe6\xab\x03_\xde;V\xd3\x1f"</t>
  </si>
  <si>
    <t>CC Combo</t>
  </si>
  <si>
    <t>262xx</t>
  </si>
  <si>
    <t>b'\x83C\xce\x93\x1c\x00|\xfc\x01\x11*{\xc4$\x06+QK\xd8&gt;\x8e\x82y\x9b\xfb\xf3\x16\x03"W\x84\xb6'</t>
  </si>
  <si>
    <t>home</t>
  </si>
  <si>
    <t>b'@\x1eu\xde\xae\xdcw\xbd\x82&gt;\xca\xfe\xef\xa4\x92"\x05\x82\x13\xc0j\x14\x16\xdar\x01\x02\'80\x82\xbe'</t>
  </si>
  <si>
    <t>Credit Payment Loan</t>
  </si>
  <si>
    <t>b'\x92x\xf8\x99\x06\xc6H\xefOe_&lt;\xb2\x15\xdd\xce\x9fd\x0cp\xe9+\xe3)\xe5\x14"\x90\xd0\xa1\xebI'</t>
  </si>
  <si>
    <t>car loan</t>
  </si>
  <si>
    <t>b'\x04\x82m-\xb1\xe7\xea\xaf\x07\x8fq\xf1_. \xbc\x8f\xcf\x15\xd9\x7f\xe8\x00m{\x7f\t\xf9s\x0c\xa4\x12'</t>
  </si>
  <si>
    <t>b'\x99\x16\x0e\xb2I\nf%\x94#A\x85|\xb3@\xcf\x1f\x80\x8368\x03C8PC\x88R\xd5\xc5&gt;\xf1'</t>
  </si>
  <si>
    <t>CREDIT CARD PAYMENT</t>
  </si>
  <si>
    <t>b'\xd3\t\x85,6fwZ\x15\x86\x04\x88\x0c\xa8\x10\x8e\xde\xa2\x90\x15h\xb8\xe7\xa1\xc9\xc8U\xb3\x93b\xd2V'</t>
  </si>
  <si>
    <t>b'\xe9\x8f5\x0ej\xab\x94Hl\xec\x86\xea\xbe~M\xdb.\xea\x12\xfa\xb6c\xcdT\x06OD\x02w%\x89\r'</t>
  </si>
  <si>
    <t>doitright</t>
  </si>
  <si>
    <t>b'\xeb,h$D\xdb\x87\x01Fc.Zs\x08\xe3\xa9\xfc\xa1\xed\xa8Q\xba\x18M\xd7\x04\xeaX\x03\xd0X='</t>
  </si>
  <si>
    <t>MylowerRates</t>
  </si>
  <si>
    <t>b'\x12=&gt;\xe4\xf6\xf6Qe\x8c\xce\xd5q\xf5\xe0\x9e\xc2|\xccy];0o\xdfZ-?\x1b_V\x8b\x90'</t>
  </si>
  <si>
    <t>b"yF\xd2\xd0^c:\xc1\thX\xc1\xd7\xf8\x86\x89\xdc\xb5'g/\xd6\xe6z\x92&gt;\xf1\x16\xff\xa8\xb6\xd8"</t>
  </si>
  <si>
    <t>b'\x7f\x08%\xbf&lt;wA&amp;\xce\xf5D\xf7\xb5\x0fimf\xa4?\x97+\x8f@\xaf\xbe\x1c5&gt;{\xee\x9b\xc0'</t>
  </si>
  <si>
    <t>410xx</t>
  </si>
  <si>
    <t>b'\xae\xe0}\x9dx\x9e\xf76"Ew\xeaz6\xc6:O?\xd1o\xa3\x01iVQ\xfa\xd2\xd4L\x8aN\x99'</t>
  </si>
  <si>
    <t>Wedding</t>
  </si>
  <si>
    <t>454xx</t>
  </si>
  <si>
    <t>b'=b\x81\xf5\xd7+\xd0\xfak\xad\xb4\xd9\xb3\xe2\xd4\x1b=\x9a|\x80S\xe2\xb9\x1d\x8b\x02O\xfc\xf4\xcb\xb55'</t>
  </si>
  <si>
    <t>b'\x8a\x95_xd\x86zNe\x10\xc74e\x8e\xfd\xb3\xd6\xd4\xba{\xb0He\\\xf8\xadx\xec8\xc9\xba:'</t>
  </si>
  <si>
    <t>b'\xacQ\xf3\xe9\x94\xf3\xb7d\xb7\x15\xe6\xf7\xc8v\x1c\x89\x0eF\xfd\x8d\x9f\x7fEd\x88\xe6\xf3\xbf\xee\xbc\xf8\x07'</t>
  </si>
  <si>
    <t>car financing loan</t>
  </si>
  <si>
    <t>b"\xa0\x7f\x1e'\xad\x8b\xaaw+KdU\xee\xff\x15\x9b;xM\xcf\x95r%\xab\xf6\xe7\xd4'l\x01z\xdd"</t>
  </si>
  <si>
    <t>Start Saving</t>
  </si>
  <si>
    <t>b'\xc0+\x96\xdfC\x1eM~\x9e\xfe\xa0\xdf\xba\xe7\x9b\xdbp\xff`7\x13a\xb7\xef\x93t*\xfa\xff\xaf[\x17'</t>
  </si>
  <si>
    <t>b'\x03\x1e\xa8\x7f\x8cX\xe5\xc6p\xdb\x11\x9e"\x01\x85\xe2\xb0\xdd\xb6\xebY\x87+\xfc\xd9\xdb\xb5Z\x98\xb2\xa8G'</t>
  </si>
  <si>
    <t>Credit Card Repayment</t>
  </si>
  <si>
    <t>b'\xae\xe2269\x17t\x08\xe6@\xa2\x9b&amp;\x94&gt;05\t%\xb8\x94K\xc5\x8f\x97\xdaY\xe4\x13o\x9b\xdc'</t>
  </si>
  <si>
    <t>b'z\xd5\x81\xa9\\\xe5\t\x1b;\xfa4V\xa5d\x1d\x0e\xd5\xfe\x0f\xc4\x96M\xf3\xc0~eeH\xd7\x02\xe0\x18'</t>
  </si>
  <si>
    <t>Patio</t>
  </si>
  <si>
    <t>b'\x1b\xc8\xa1\x14\x06=m\xcd\xef\xb8Kf\xe5\xca\xb7=\x96\xc11\xd2\x00\x8e\x7f\x02\xa3@Vo!k\x87\x90'</t>
  </si>
  <si>
    <t>b'\x9f\x10f\x0e\xe3k7/\xe5S\xa6O\xe6g\x8b\x10I6-4\xf2+Y\xe7\xc8.\xfe\xda\xacs\xbem'</t>
  </si>
  <si>
    <t>b'\x7f$\x8e\xa1J\x02^\xc9\n\xbd\x92\x1f\xe9p\xb75\x92G\x93\xa2O\xa0\xcb\xf4Iw$\x17\xfeh\x99\xe5'</t>
  </si>
  <si>
    <t>Insanity Reducer</t>
  </si>
  <si>
    <t>605xx</t>
  </si>
  <si>
    <t>b'O\x8dH\x8f\x16~\x1f%\xc1\x88\xd2\x82\xfc\xdb\xf80\xaf\x82\xb7mGT\x10\x02\xd8\xc3\xc7\x9a\x1a[\x8ce'</t>
  </si>
  <si>
    <t>b']\x1b\x80!ch_\x05d\xce\xda\xbb\xcd\xa9\xaaj=\xb7\xe8j\x8a\x16\xb2\x18\xdc\xb2{0^\x13P\xb5'</t>
  </si>
  <si>
    <t>home improvment/ credit card consolidati</t>
  </si>
  <si>
    <t>b'u\x11\xbe\xe5(\x8b\x1d\xf8\x1c\x84pU\x9fB\x90\xb0D\x99\xe0\xff\xb6\x918b \xd8\xd8\n\x13\x91\xadR'</t>
  </si>
  <si>
    <t>b'|\xf9\xf5\xb3\x15D\xab\x929\xc3\xc8d\xa6w\x1b\x05Xk\xa0\xdf\xda\x06\x93XU\xe2\xf2\xb7B6j3'</t>
  </si>
  <si>
    <t>driveway</t>
  </si>
  <si>
    <t>b'm\x05\x98&gt;M\xa8O4\x82\xc7\xba_\xd5\x1aI&gt;\xe3\xeb\x8f\xb8gH\xcd\xdd \x83F\xcc\xaa\xccJ,'</t>
  </si>
  <si>
    <t>Refinance Loan</t>
  </si>
  <si>
    <t>b'\x90($\x86\x84{\xaf\x14V\xa4\x9c\xff\xd3Z\x9f\xd0r\x16!!Y\x7fN\xbf\xe6\xf6\xe1&amp;\x11bM1'</t>
  </si>
  <si>
    <t>290xx</t>
  </si>
  <si>
    <t>b';\xfabq=B\xa5\xdc\x98\x16A\xf1\xe8\xc2y\xb9Y:\x91v\x19,\xaf\xce\xe32\xd9\x08\x1c\x07h\x13'</t>
  </si>
  <si>
    <t>no. 1 loan</t>
  </si>
  <si>
    <t>775xx</t>
  </si>
  <si>
    <t>b'\x83\x82\xbb\x0e\xb4\x00\x9b\x1fk\x9e=\xea\xc5\x96%4\xa1\x10h\xaa\x80\x9e\x9d\xf5\\\xc1\xf2\xe4\xff\xfbV\xe6'</t>
  </si>
  <si>
    <t>Wedding debit</t>
  </si>
  <si>
    <t>OTHER</t>
  </si>
  <si>
    <t>b'p{\x89Z\xd7$\xdc\x06A\xab\xa0v\xca\xb8\xdb02n0\xea\xa8:\xab\x9e\xb5\x1a\xd7\x7f\xf7\x9d\xc3\xed'</t>
  </si>
  <si>
    <t>019xx</t>
  </si>
  <si>
    <t>b"\x16\xb7\xd6\x17?\xf3\xd8\x1c\xd3\x9a\xe3\x19b\x02\x18zx\xb2\x9c\xe3\x9d\xd1\x85*\xff\xcetY'\xcc\xd8W"</t>
  </si>
  <si>
    <t xml:space="preserve">LOWER INTEREST RATE </t>
  </si>
  <si>
    <t>b'w\x0c\x1d\x051\r\xf5\x9e\xc6k\x07"h\x9a\xbc\x0cY\xc7\xbe\x1c5\x94\x92\xfeP&amp;\xbf\xbe\xcdV\x1c5'</t>
  </si>
  <si>
    <t>b'\xd3\xc2o\x9f\xa1Ti\xdaK\xf3\xb0iM\xb5-\x90\xc9\xf5\xcf\x90\xd9A\xa7\x95\x12g\xa4\xd1\x10\n?\xdc'</t>
  </si>
  <si>
    <t>debt</t>
  </si>
  <si>
    <t>b'{\t\xb4\\\xcd\x95b\xb2\xb5W^~\xfd\x17\xb2\xd4\x9e\xbbk\xa5DSJ*r\x12\xd7\xbevG\xd2\x82'</t>
  </si>
  <si>
    <t>432xx</t>
  </si>
  <si>
    <t>b'\x95\t\x1e\x9b\x0c\xben\xc1\xba\x1c\xb2k\x93\x12ON\xdc\x14O\xe1hlm\x865!\x15\x81\x04{\xce?'</t>
  </si>
  <si>
    <t>Major Purchase loan</t>
  </si>
  <si>
    <t>b'\x94\xa0\xf4\n\x7f\x16\xe4\xbe\x80\x10K\xa3\x8d\x1b[Zb%\xcaeJ\xbf_d\x88\xed\x12\x08\xf7Tp\xbc'</t>
  </si>
  <si>
    <t>b'\xc6\xe6\xe3\xc9!\x82\xeb\xe0\x1d\x83\xa7!\xb9$^\xf7Kq\xbc\xda\xad5\x9a\xa4\xbd\xd5b\xc9@\xf8TS'</t>
  </si>
  <si>
    <t>Make Me Credit Card Free</t>
  </si>
  <si>
    <t>981xx</t>
  </si>
  <si>
    <t>b'=\xcfw\xf1\xd9\x9e\xa2\x8d\x83\xb9\x9e\x1b\x8b"0\xec\n\xdf\x8c\x084S\xd5\x97\xdb\xff\xc0\xd9Z_\xbf\xdf'</t>
  </si>
  <si>
    <t>b"\xe3\xf2\xb5\xfd?\xc0{Y\xbf\x02\x04\xa7\xa9\xf5\x90@\x88\xdbY\xc7\xc7\x9d^z\x979\x95\xa8\xbb\xd1'U"</t>
  </si>
  <si>
    <t>024xx</t>
  </si>
  <si>
    <t>b'$\xc5\x1bF\x94\xe9\x90\xf8~\xd9\xc8j\xbaC\x97!k\xb6S9\xdeR\xd5\x97|EID\x95\x15\\`'</t>
  </si>
  <si>
    <t>Pay off debt</t>
  </si>
  <si>
    <t>b'\xc6\xc8\xb6Nm\xab\xf0+\xaf\xad\xb2xb%\x80\xdd\xdd\x82\xab\xc3\x9b#t\x02L\xb0\xd2\x8dq+\xe3\xf2'</t>
  </si>
  <si>
    <t>2013 Start Over</t>
  </si>
  <si>
    <t>b'zG1\xdf,3\xfa\xb7\xc9\xb3\xb1\x0b\xf0XL\x80\n\xee\xb0\xca%\x99\xea\x9b\x93PX\xa4\xa3\xa2S\xcb'</t>
  </si>
  <si>
    <t>Retreat for new life</t>
  </si>
  <si>
    <t>b'\nK\xb1\x8a\xf0\x8a\x15\xab\xe7\xaa?\xc9\xaa\xcc4\xd9\x838\x80\xa1\xf1\x97\x82&lt;mQ\rZ\xfb \n\xab'</t>
  </si>
  <si>
    <t>AmEx</t>
  </si>
  <si>
    <t>b'\xd0\xe7ek\xbf\n\x82lu\xee\xa8i|\x01Dj\xa4\xf1\x15V\xbd\x96N\xdf\x02[\x84\xbb!mj4'</t>
  </si>
  <si>
    <t>b'O#tAN \xc7`\xc3\xda\xd1\xdb\xb1\xc3\xc2v1\xbe\x87~\xca\xe1\xa4\x12fQ\xa7\xd4\xe3P\xd7D'</t>
  </si>
  <si>
    <t>Consolidation..one easy payment</t>
  </si>
  <si>
    <t>079xx</t>
  </si>
  <si>
    <t>b"j#&amp;\xdb\xbe\xa4+\xd0AOx\x9f\xe5\xd6\x1a\xe31\x12K\xf5}\x07\xe5\x17]*\xfd\xe8&gt;\x19'\x94"</t>
  </si>
  <si>
    <t>b'#%\x98\xd5\xd5\x97\xacr\xf6e\xec\xafL\xba\x0e\x15_\x0b(\xf5A\xe9C\xf5\x15\xe0[\x07qT97'</t>
  </si>
  <si>
    <t>236xx</t>
  </si>
  <si>
    <t>b'&gt;\xcc\x0c\xa0\xf4\xb4M\x1c\r\x18\xbe\x9d\n\x07F\x88\xb2\xcc+5\xcf\xa3G\x91i\x82v\xa2\xf3+b\x9e'</t>
  </si>
  <si>
    <t>creditcardpayoff</t>
  </si>
  <si>
    <t>184xx</t>
  </si>
  <si>
    <t>b' X^\xb1\x85C\xb8\xe4/\xe1\xa2Q\xc2\xac\x1c\x98\x87r\x13\xba\xc0\x88$\x08%\xa7\x949\xf1`\x02\xa5'</t>
  </si>
  <si>
    <t>b'wo2\xb4\xf6\xfbM\xb2\x17\xe7HM\xd5S\xc6\r\xee\xaa\x18\xc9c\xe7 w\xfd\xbb{\n\xb2n\xa9\xd8'</t>
  </si>
  <si>
    <t>b'{\xab\xe3\xac\x84w\xb1\n\xb1\r\xe8\xdc\xde\x9e{\xb1&amp;\x08\xa5\xa4\x7f\xfa\x9bf\xff\xe4+\xf3\x8c\xd6a\xe5'</t>
  </si>
  <si>
    <t>Ring</t>
  </si>
  <si>
    <t>b'\t\xee\x85C\x12h\x16\xcf3\xff*k%@\xdf.\xd8\xca4\xb1\xccu\xa1\x0b\xeb\xdbx\xc8\xe4\xea\xf3\xfb'</t>
  </si>
  <si>
    <t>b"\x8a\x08\xee\xf0\x87\x8d\x1a\x8ey\x0e\xcfK{=\xc0\x9d%'9bk]\xae\xb3\x06\x8fs\xed\x95]\xec\x8a"</t>
  </si>
  <si>
    <t>b'\x8aGN\xed\x83qJA~&lt;\xee\x81*\xce\x99Mw\xbb\x0b\x0e\xbd(\n\x93+pG?\xbf\xb2\xf4u'</t>
  </si>
  <si>
    <t>b'\x1d\xaf\xfb\xbfO\xa7\x10m\xa9k\xaf\xf7[L \x1c\xac\xec`HR\x89\x8dc\xad=\x8a\xa4\xf1A\x92\x9b'</t>
  </si>
  <si>
    <t>306xx</t>
  </si>
  <si>
    <t>b'\xbb\xee\xa4@\x97\x9b\xbf[\x94\xf9})\xb8\x11\x02\x11\x98\x0c\x18}3R\xb5\x9cd\\\xaf^\xe9*\xa7\xec'</t>
  </si>
  <si>
    <t>b'"\xfa\xb0\x92\xfdyx\x1c\xf1\xc5\xac\xf1\x89\xc0\xcf\x84\x01-\xa3\xe2\x87WcH1\xf1\x93h0}\x7fv'</t>
  </si>
  <si>
    <t>928xx</t>
  </si>
  <si>
    <t>b'}2\x8dG\xc3\xadg\xf7\x1f\xdd\x13\x15\x06n- \xf3C&lt;n\x1bfZ\x91US\x88kb\x93\x12\x89'</t>
  </si>
  <si>
    <t>b"\xc8R\xc6\xac\t\x11@\x98\xe0\xb3:\xccp\xd0\re\xfd0\x87F'\xf9\x06\x00&gt;\n)=\x8f\xd3h^"</t>
  </si>
  <si>
    <t>Consolidation loan</t>
  </si>
  <si>
    <t>281xx</t>
  </si>
  <si>
    <t>b"\x80\xf7\x0f:\x81.W\x9c\x06Y=\x07\xc1\xfb\x98G?\xb4\x82\ni\xba\xbb\xeb\xc9l2f\x18'\x9d\xf6"</t>
  </si>
  <si>
    <t>b'o\x1a\xc9\x19\x94d1\xa0X&amp;U\xe2\xf1\x9e\xebv:T\xbdnX\xb4\x94\xfe+\x0f\xd4["b\x18R'</t>
  </si>
  <si>
    <t>413xx</t>
  </si>
  <si>
    <t>b'N\xc1"\xad)\xbc+\x19\xd3\xad\xb8:\xfd\xcd\xf3\xe6\xf6\xecu8\x90y\xfbu\xe0\n\x00/\xbf\xc0\xb0d'</t>
  </si>
  <si>
    <t>Lower debt payments</t>
  </si>
  <si>
    <t>b'\xf4\xc3/W\xe0D`\xc8\xdfhy\x9a\x83\x89\xc1U\x9b\x12f\x95V%\xe98\x1b8\x96n\x1a\xe2\xf9X'</t>
  </si>
  <si>
    <t>b'\xa3\xd9n\x9cc\xc2\x06X\xf2#\x8bI\xcbC\xbay\xc17?g\x03\x1dk\xa6\xf9\xb4\xd3sn\x85-\x08'</t>
  </si>
  <si>
    <t>764xx</t>
  </si>
  <si>
    <t>b'\xd5\xe2v\x95\xc3\x00=\xef^\xabC\xed[\x9e\xb6\xfa\x7f\x18\xbc\xf9\xc9&amp;\xae\xe5\xed2\x02\xd8\xc4\xc6Jv'</t>
  </si>
  <si>
    <t>b"\xe2\x93\xd8~\xb99K\xff\x19\xa8\x00\xa2S\xeb'\xfc\xb5A\xc9\xcd\xda\xf6\xb3\xc7\x7f\xc4\xde\x7f\xcb\x91\x95\xd8"</t>
  </si>
  <si>
    <t>remodel me</t>
  </si>
  <si>
    <t>b'\x89\x13fW\xcd\xe33Q\xcb\x18\xde\xbav\xd0\xcfm\x00\xed\xc9\x9c=\xdc\xce\nc^\xb1*\x82GEr'</t>
  </si>
  <si>
    <t>b'\t\x02\xcf\xcf\x0f:\xd6\x95y\xe6\xa9.\x97{\xb5\xdd\xe3~~*\xf4h\x7f\x17\x0c\xa1sf\x91a0W'</t>
  </si>
  <si>
    <t>Freedom from high interest!</t>
  </si>
  <si>
    <t>b'\x9agJ\xca\x00\xf0\xe9\xd3\xc2\xd4\xb1\x97/\xf0\xd0p\xe7f\x05\xc2U^\xc9\xc7\xd6R\x90\xeej\x980\x12'</t>
  </si>
  <si>
    <t>871xx</t>
  </si>
  <si>
    <t>b'\x99bV\x8a\xdd\xb8n\xf8\xeb\xce\xf9\x04\xc8\xb3#E\xd6v&lt;\x83\xf9\xa9\xf5\rN.8\xd0]\xe6\x82\xd0'</t>
  </si>
  <si>
    <t>payoff my citicard account please</t>
  </si>
  <si>
    <t>b'\x11\x9eA\x81i\xb6\xdb\x01&lt;\x05\x8b\xadM{U\xbfCz\xa6\x1b\xd1T\xa9{z5h\x04\n\x1a\xcf\x90'</t>
  </si>
  <si>
    <t>b'i\xfb\x8a\xf0\xe8g\x12k9\xc0\x10\xc6\xdc\xab.\xd4\rj\xf4\x9bE\x9a\x1e\xec \xcd\xacc\n\x99\xcf\x93'</t>
  </si>
  <si>
    <t>b'7\x89\xa4\x94\xde\xa71\xd5\x1a\x97\xcf\x1c@gz\xaa\x9f,\xf4\x9f{A/c\xdb\xb4\x8b+~m2_'</t>
  </si>
  <si>
    <t>b'\xb1\xe7=\xd8I1\x941\xdd\x0fN\xaf\xe7\xe0\xb7\xff\x0bv\x91O-]\xf0\xa5\x96]\xe2\xc2{\xce\x8e\x04'</t>
  </si>
  <si>
    <t>b'u\xa0r\xcfQ-\xb9\xd8\xc1\xc2\xaf\xf6\x86\xc2\xa3\n{\xc35\xedN\x03\xc1\xa8_|\xbd\xfd\x17\x03V\x05'</t>
  </si>
  <si>
    <t>MEDICAL</t>
  </si>
  <si>
    <t>b'4z\xcc\xb8~\xb4\x00\xdd\xb7\xa4\xaa9\xdc?m,\xcc\xe7Og\x14q+#\xf7ko\x95\x82\xad\x1a\x14'</t>
  </si>
  <si>
    <t>b'\xa4u\t\xa3\x94\xb8\xbd\x03\x14b#\xe6\x19\xd5\xd3\xf8\xd4\xabOd\x13\xa1\xc4\x96#=n\xe3\xdcI\xa0\xc5'</t>
  </si>
  <si>
    <t>Refinance debt</t>
  </si>
  <si>
    <t>181xx</t>
  </si>
  <si>
    <t>b's\x0b\x86\xd4\x14VA\x92*\x00d\xf8\x9cHXu0\x07\xfd|\xe2\xd9y;w\x97\x8b\x92u\x05Z\x8d'</t>
  </si>
  <si>
    <t>REFI</t>
  </si>
  <si>
    <t>b'Z:|\x8b\xeb!\x9eS\n\t ]\xa9\xa0\x16\x1607\x0f@\xf6\x08\x04k\x8d\xac\xe0\xce\xed&gt;\x8cw'</t>
  </si>
  <si>
    <t>Out of Debt</t>
  </si>
  <si>
    <t>b'\xce\r\xdbI,\xa0q\x1bR2Q\x0eq\x1a\xd3\x18\x179\x11\x96\xe5\r\xc0\xce\x0f\x8b\x8d\x90\xb2\xd9\x10,'</t>
  </si>
  <si>
    <t>498xx</t>
  </si>
  <si>
    <t>b'\xbc\x10\xd1\xacqH7;\x0cn\xc2\x84\x0e\x8f\xda\xfc\x9e[\xb9\x19\xb9\xe0\xf4vK\xbb/\xd8\xd2\xb1\xd0\xf8'</t>
  </si>
  <si>
    <t>ConsolidationMay2013</t>
  </si>
  <si>
    <t>020xx</t>
  </si>
  <si>
    <t>b'(0\xb7\xee\xee72N\xab^]n\xbe\xe5\xd6xd\xa80\xf2\x013\xc3\xfc\xaa\xce\x13w\xeb*\x92\x0c'</t>
  </si>
  <si>
    <t>b'\x08\xd6\xd9\x9c\xef@q\x16\xd8wU\xee\\H=\xed\xb42\xa3\xf2\x80\xd8U\xddkR\x06\xbd\xb5\xe4\xc3\x1c'</t>
  </si>
  <si>
    <t>b'\xfd\xa2\x14\xe2\x08\x9f\x8fq\xc2\x9b\x94r\xff){\x99\x14\xfb\x00\xe78X\xe4-\xfb5U\x12\x0f:\xces'</t>
  </si>
  <si>
    <t>b'1wo\xc8\x8d^\\\x91\xc6\xbf+\x99\xb9\xd2\xedZ\x9cv\x89\xf6l\xc7\xdc\x8b\xcd)\xe3\xab\xd6\x99\x16\xf8'</t>
  </si>
  <si>
    <t>Final debt consolidation</t>
  </si>
  <si>
    <t>b'\xb3\x17\x84\xdbar\xcb\xee\xb0\xdezn\x9ez\xe2\x18\x8e\x13\x9buf\x8dUb\xe5\xa0\xd1\x10\x9a\xf7\xe0T'</t>
  </si>
  <si>
    <t>b'QXf:\xf1\xb9&amp;Xk\x0b\xd4"\xb1\x87\xfffn\xb0\xf6-r\x11F\xe9\x8aB\x8c\x84\t\xdf\xbe\x7f'</t>
  </si>
  <si>
    <t>b'\xfcj\xd6]II+\xf8\xacsm6_\xed\xcc\xe7\xc7\xc7\xe9\xd0\xe5{\x9d\xc5\x17\xcaU\xb7$`\xb7\x14'</t>
  </si>
  <si>
    <t>right choice</t>
  </si>
  <si>
    <t>b'2\x15\xe0\x8d&gt;\x1b\x1e\t\xa3\xc0\x80Jf\xac\xab\xb2\xac\x00\x87\xb4\xca$rB\xb3\x12_\xc6&lt;\xf9X\x9c'</t>
  </si>
  <si>
    <t>b'T0\t\xf7pv\xe2\x0b\xd1\xe5\xb3\xdf\xf0\xf1\x9d\xa9\xf8\xae\x0f\xac\xc4R\x84\xc9T\xa6\x18\xf6=\xa1xU'</t>
  </si>
  <si>
    <t>b'\xcc\x97\x9c\x91\xea9\xb6s\xc6u\xac6`\x83c\x98\xe9\xee\x17\x10\xd9\xd3\x7fGal\x92\xf0\xed\x8c$\x16'</t>
  </si>
  <si>
    <t>b'\x08$i\xe5\xfe\xaeY\x82C\x97\x12\x96\xf8\x1c\x87\x08\xa0\xf5\x0fV\xddR\xf8"\tob\xd8\xb6\xa2\xdc!'</t>
  </si>
  <si>
    <t>Credit card pay off</t>
  </si>
  <si>
    <t>b'k\xb8O\xcb\xa4\x8c^3PXx\x8fc\xc9X\xabN\xe4\xb7\xfaz\x16\xd8 \x11\x10\\&amp;g\xa1\xe3\xa8'</t>
  </si>
  <si>
    <t>debt consol 1</t>
  </si>
  <si>
    <t>b'\xdfr\xa3\x16Cz\xb9\xf3\xd6\x14-\xac|\x11\x87qJ\\m\x11\x93\x92\x93\xec\x1f6Tkj\x03\rA'</t>
  </si>
  <si>
    <t>Turning Three Payments into One Low One</t>
  </si>
  <si>
    <t>806xx</t>
  </si>
  <si>
    <t>b'\xcf&amp;\x80\x00&amp;\xcb\xbdM\x9f\xf1\xa0\xc9\xfa\n\xd4\xccfR\xcb\x05MM\xaa\xda\xfa5\x13\x03\xa5\x93\x9d\x1f'</t>
  </si>
  <si>
    <t>b'\xea\xc9\xbc\x1bo\xeb\x12\xbdt\xeb^\xe1W\x03\xbep\x80\xdc2\xe8\x916\xf9\x85\x8ds\x1e\xad\xe3\x13_C'</t>
  </si>
  <si>
    <t>b'\xa8^)\xa0\xa7@\x83.\xefJ\xcf\x02\xc6\xbf\x96\xc5\xfb\xb7\x82\x1cy\xd9\x95FA\x16\xad\xa9\xe0}\xb3\x99'</t>
  </si>
  <si>
    <t>b'2\xf3T^\xe2\xda\xc5\xab%F\x9ea\x1f,`*\xc2r\xc2\xc9F\xd8\xc8~\xa0\xf2\xd4\xb5\x12V\xc4Q'</t>
  </si>
  <si>
    <t>Financial Freedom Express</t>
  </si>
  <si>
    <t>b'\x7f\x95\xc7jd\xe0\x94k\x06\x9b+\xbd\xf0\xbf\x00\x1a\xd56\x8c\xc7\xed\xba(!\x95m\x1f\x7f\xd2*\xf68'</t>
  </si>
  <si>
    <t>Debt Consoldation</t>
  </si>
  <si>
    <t>b"\xcf'\xa1]\xf3Q\xd03ZOp\x8b\x85j\xcep\xd5\xa7r\xc6+j\x97Sxx)m\xa0\x07\x16{"</t>
  </si>
  <si>
    <t>b'\xabx\xe1*xN\xc6\x80\xff^\x152\xa7[\xa6&lt;dz\xaa\x10\xfe\xb3\xa1k\x14PB\xa1\xc0.\xaf\xbb'</t>
  </si>
  <si>
    <t>b')d"\xce6\x85\x99\xaf\xee?\xf1\x16\xdba%\x8c\x02\x87\x93\ny0\x9b\x8be0\xbf/R\xfa\xbf\x83'</t>
  </si>
  <si>
    <t>Debt free in 5</t>
  </si>
  <si>
    <t>b'\xec\xf6\xae\x15h\xaczMv\xc7g\x1d\x16\xac"\xf0&lt;\x17\xa1\xbe\xd8%\xe5\xab\xc8K\x93\x17t\xa2\x1f.'</t>
  </si>
  <si>
    <t>Bill consolidation</t>
  </si>
  <si>
    <t>b'\xe0\x15C\xf89.y\xd9\x00A0\x9bUzl\x8e\xc3\xb6\xe1o\xa8^ \xd4\xa4\t\xad\x1c|\xe5.\x89'</t>
  </si>
  <si>
    <t>Consolidate and New Roof Loan</t>
  </si>
  <si>
    <t>b'\xa6+0r`\x89\x98\xa1\x8b\x99\x8cl\xb6;\x85\x12\xcd\xe9\x05\xbc\xdfS\xd8\xb9\x9d\xfeW2u\x81\xa2\xc9'</t>
  </si>
  <si>
    <t>b'H\xb5\x92\x7f\x92\xd0\xeb\xe7\x12Z\x08)\xbc\x18\xe7\xb0\x08/\x0fz\x07f\x9c\xd2\x1ec*F\x8e\xa5\xeay'</t>
  </si>
  <si>
    <t>low apr</t>
  </si>
  <si>
    <t>b'\x9e+?:-@\xe8\xa8\x9f\xfb:\xe6\xdb\xbf\xf1\xac\x1f\xae\xf4Q\xce\xfb\x12\x82r]\xa8\x0bG\xf7\xa3A'</t>
  </si>
  <si>
    <t>973xx</t>
  </si>
  <si>
    <t>b'\x8bB\xae\x10\x90\xc71m\xb0U\xcc\xaf\x81\x94\xe0\x08FB\x17x35\xc2\x97!\xa1\xfan\x01nm\xb8'</t>
  </si>
  <si>
    <t>b'\xa1\x03\xfa\x94\x0b\xccXz\x98DX\xb1\x1a\x9f\x0e&amp;s\xb1)\xb5\x84\t\x958\xa3\x1f\xa9\xe8.\x06\x10c'</t>
  </si>
  <si>
    <t xml:space="preserve">Credit Cards Consolidation </t>
  </si>
  <si>
    <t>b'\x80\t\xc8m\x93\xc1\x0f2\xf2\xe9\xc5D\xbd\x9ej\xd5\x17\x02\x08\x02\x93\xaa\xfe\x9eA\xdb\xdb.\xe4\xeb\x9c\xee'</t>
  </si>
  <si>
    <t>Zero Balance</t>
  </si>
  <si>
    <t>b'\x97\xcb\xda[Eh\x1e\xc8\xdd\xb2\x93\x06ip\xcel\xbba\xb8\xcb\xb5\xb3\x07\x1d?\x18\xa2\xa0\xdc\x98M\xe8'</t>
  </si>
  <si>
    <t>648xx</t>
  </si>
  <si>
    <t>b'\\\xe9,+\xb0\x8b&gt;\x95g\xaeoN\xe6\xf4\xb5\x17\xf2\xed\xee\x19\x16\xb3\xa8\x0b\x1b\xbb\xa7f\x10i\xc8\x00'</t>
  </si>
  <si>
    <t>home improvement/debt cosolidation</t>
  </si>
  <si>
    <t>b'\x1f\xe9\xe16\xc7u\x1a\xdc\x8d\x1fa%h\x9fA\xd8\xc0\xbe\x14\xbc\xdb\x9a\xe9\xe8\xb5\xf5\x0b\x1f\xc7\x9ax*'</t>
  </si>
  <si>
    <t>consolidate debit</t>
  </si>
  <si>
    <t>346xx</t>
  </si>
  <si>
    <t>b'\xa5L\x04\xb1-,\x18\xc7y6\xb9g\x88\x18H\xd5\x13\x15\xd5"\x9d\x89\xb3%\x83\xda\xb6/eY\n\x81'</t>
  </si>
  <si>
    <t>Invest Loan</t>
  </si>
  <si>
    <t>b'gE\x14$Q\x05\x10\xac\xb6\xecj)\x9c\x15\n%\x97h\x7f.\x85\x97QNJw`\xfe\x88\xcd\x15}'</t>
  </si>
  <si>
    <t>374xx</t>
  </si>
  <si>
    <t>b'\x14\xaf\x92&lt;\x14Y\xceGN\x9f\x9f\xca\x9c\xbc\x89\xed\xe5\xad\xae\xd9h\x07r=\x0ec\xbb(\xc9&amp;1\x1b'</t>
  </si>
  <si>
    <t>957xx</t>
  </si>
  <si>
    <t>b'\xa6\xa5~\xf6\xe2"S0|\x8a\x1b\x87"\xfbk\xe6T)\xd0\xde\rF%UEq\x02\xb2\x02w\x9f\xd2'</t>
  </si>
  <si>
    <t>3YearPlan</t>
  </si>
  <si>
    <t>846xx</t>
  </si>
  <si>
    <t>b'\x9e[s\xae\xadr9\xfd\xd8\x0786\xf1\xe9\x90\xe2\x03N\xb9N\x91\xa5\x90\x89\x1e\x03t[\xe6"n2'</t>
  </si>
  <si>
    <t>b'\x15\xf21\x04\xf3\xd2\xeb\x9e\xc4%F\xb0\x94\x12\xbc\x97\xce\xc9\x1a\x02\xbdU\x11\xd7\'"\'\xe5\xdf\x078Q'</t>
  </si>
  <si>
    <t>b'\xd12V\x8b\xa9Sl\x8eZ{\xb9\x95\x07\xa1DGz\x07\xb1\x08\xc2"C\x14\xdd\xf6\xb1\x81\xb1\xbd\x1a\x8a'</t>
  </si>
  <si>
    <t>489xx</t>
  </si>
  <si>
    <t>b'\x13\xd12\xaeUf\x83\xa9\xfc`k\x11U\xef6\xe0\xfe\xd9\x01\x100\xca\xbb\x07\xdd\xf4\x04\x06\xe2\xfb\xd7\xd4'</t>
  </si>
  <si>
    <t>b'\xc2\x94\x9ei\xce+\x91*&lt;\xab%u\x0f%\n\x8bI\x96\xbf\xe5#\x07\x85\xee/].\x15\xb4Z\x17\x1d'</t>
  </si>
  <si>
    <t>payment1</t>
  </si>
  <si>
    <t>NONE</t>
  </si>
  <si>
    <t>b'\xba\x95\xc4\x98Y\xe18\x084\x00Z\xf3\x0e\x0e\xaaf~4\xfc\x9c`\x97\xcdl4i\xb9\xfem\x80\x19\x9a'</t>
  </si>
  <si>
    <t>Credit Card Consolidation Loan</t>
  </si>
  <si>
    <t>b'\xd0\xfeX&amp;\x8aP\xcbm\xfe\xfd\x05tUhO$\x07QM\xf8\xa6LP\xd7\x85\xf8\xb9\x97\xc0R\xc1\\'</t>
  </si>
  <si>
    <t>Freedom</t>
  </si>
  <si>
    <t>325xx</t>
  </si>
  <si>
    <t>b'\x95p\x1e6t?@\x10\xde\xaa\xa5\x02\x8d\x84/\xe6\x92\xa6g\xf7G\x8f\x0f\xbe3EEC\xd9\xee\xad\x9a'</t>
  </si>
  <si>
    <t>b'\xf4\xe6i\x9b\xd3\xbbD\xa2\x86\xffX\xb1\xdau\x0f|0\xfe0q\x92\x90\xc4#7-l\xb7\xf9\x805\x19'</t>
  </si>
  <si>
    <t>My Debt Reduction</t>
  </si>
  <si>
    <t>b'9"|1\xeb\x12\xa1\xf4\xe2\xcc\xfc\xdd\xee\xc8I\x13&amp;3\xfa\xfa\xfe\xc4\xc3aY\x8c\xe9\x9aEs^\x17'</t>
  </si>
  <si>
    <t>card refinance</t>
  </si>
  <si>
    <t>b'7\x02\x1f\xd4\xbdX)\xc3\r\xf1\xbe\xe3\xcb\x95\xdc\ne\x8b\xad5\x9f\x8eO_\xad9s%\x04\xf9\xac\xf4'</t>
  </si>
  <si>
    <t>b"\x12\xb9\x90U\x10R\x99\xd6bFX\x12\x98\x967\xe0\xce\xa7'\xb8\x17\xac{d\xbc1Y\xad\x86\x82`\x8f"</t>
  </si>
  <si>
    <t>b'\xfc\xde|5\xc8\xfa\xf8\x10u\xae\xd9\xac\x92L\xd3\xa8\x0b\x14\x14\xe2E\x93\r8\xa1\x19\x99\x9e\xe3sG\xaf'</t>
  </si>
  <si>
    <t>creditcrunch</t>
  </si>
  <si>
    <t>b"\xa0\xe2\xea'\x89x\x142\x92hBG\xcd\x95*\x854\xd0\\\xfd\xde\x07+\xb6Az\xedh-x\x0bW"</t>
  </si>
  <si>
    <t>b'\x1e\x93\xdd\x81\xef\xe9\xc4vz\x94P\\&lt;\xbb\x1f?\x8b\x00\nI:\x99S\x17\x9d\xa9\xb7|\x8cn\xfa\xf2'</t>
  </si>
  <si>
    <t>Expanding Restaurant Business Loan</t>
  </si>
  <si>
    <t>b'a\xec\xbe\x17\xb7\xff\x93P^\xe2j\x84\x85F6\x7f\xca@\xcd\x89\xf5\x7f\xc4\xbd.!B\x9b\x08\xb5cP'</t>
  </si>
  <si>
    <t>Debt Refinancing/Consolidation</t>
  </si>
  <si>
    <t>492xx</t>
  </si>
  <si>
    <t>b"x\xdd\x9f\xefvM)\xc2u\xeco\xa5\xbc\xd8\xdav\tg^w\x95q\x9d\x14'\xd3n\xb27\x96\xfcA"</t>
  </si>
  <si>
    <t>Discovery</t>
  </si>
  <si>
    <t>b'R\xd1\xe6"\xd9f\xa0\xf33wY%\xce\'\x82"\xa0\xa0\xf8\x83\x89.8\x88q&gt;\xe1\x11\x04\x01\x15\xac'</t>
  </si>
  <si>
    <t>CreditRepay</t>
  </si>
  <si>
    <t>910xx</t>
  </si>
  <si>
    <t>b'\x88\x10P\xa4\x98x,\x90\xed\xe8,\xb13\xc8\xca\xa4P\xb9\xb5l\x9c\xf1\xf4g/%+\xf5\xf5\xb6)J'</t>
  </si>
  <si>
    <t>b'\xb1f\xed\xcd_\xd0\xd6\xd7\xef\x89\xa6\x8e\x1aA\xfd\x80\xfae\x95\x192\xad\xe3\xc8\xfb\xb6\xc8Z\xcb\x05\xa4\xc5'</t>
  </si>
  <si>
    <t>b'\xed\xd7\to\x1dr\xd5\xfch\xb2\x7f\xbb\xe9M\r$\tg\x01bk\xcc\x05[\x1b\xf9\xc1\xf4\xf2\xdf-e'</t>
  </si>
  <si>
    <t>b'%\x8e\xe9\xec\tu)&amp;C\xacvI\xfc\xc5\x96\xcf\xb78\x9d\xd9\x15(\x8f\xae\x04\x83\x19]\x0f\x97[\x85'</t>
  </si>
  <si>
    <t>Pay off credit card debt</t>
  </si>
  <si>
    <t>b'\x14\x1f\xc3"\xcaqR*\x01\x95N\xf6\x7f\x8e\t\xcfe$\x1a\xca\xa0&amp;\x98\xc3\x18\xc9\xdaH\xdb+qu'</t>
  </si>
  <si>
    <t>b'\x04\xb5~\xb4#s\xef%\x8c\x8bn\xfc_\x8eg9/eaF\xccH\xcf\xb6\x8b?\xa0\x80\x10\xff\x17\x07'</t>
  </si>
  <si>
    <t xml:space="preserve">consolidated CC refin loan </t>
  </si>
  <si>
    <t>b'&gt;t?u\xf8C\x0f\xc4\x8d\x95\x83:R\xd1\x89\xe4\xd9\x15\xe4D\x7f\xff;\x89\xa1\xcan\xf5\xa2S[\x91'</t>
  </si>
  <si>
    <t>Home Improvements (Pool)</t>
  </si>
  <si>
    <t>b'\xb6\xa2\xd7\xa1\x85\xc4R\x92e)\xe6\x80d?9\xc2i@-\t\x9e\x9a\x86&lt;\xdf\x8d?\x87\x97\x90\xa2\x8a'</t>
  </si>
  <si>
    <t>b'\xab\xd9\x15)\x15)K\xa0\xcf\xb5B\x8a\xcb\x18\xd9\xb2\xe4\xf2[NZ\xfc\xda(I\x90Xl\x1f\xf4}B'</t>
  </si>
  <si>
    <t>736xx</t>
  </si>
  <si>
    <t>b'u\xce\xba\xff\r \xd7\x1e\x10\x92a\x03v:A\x97;\x7f\xe9\xb4\x97\x84R\xca\xc2i\xd3\xff,\x81x\xd7'</t>
  </si>
  <si>
    <t>225xx</t>
  </si>
  <si>
    <t>b'H\x8c\xd0\x11\x9f@f\x1a\x17_x\xac1"FU\xee\xd7R d\x13\xe3\xad\xc6T\x93\x1e\xb5!3\x12'</t>
  </si>
  <si>
    <t>b'\t\xf8\xa9P\x9e\x0b_Dm9L\xff\x0ex\xda\xe08\x82U\xd2\xbci\xef&lt;\xa5S\xb2\x0f[$\x03\xae'</t>
  </si>
  <si>
    <t>Moving Time</t>
  </si>
  <si>
    <t>446xx</t>
  </si>
  <si>
    <t>b'\x0bM\rP/\xef)A^E3\xa8V\x9f\x9b\xc7\xd5H\xd4E\x0f.^\xa5\xfb\xb9X\x1dD\x93w\xca'</t>
  </si>
  <si>
    <t>115xx</t>
  </si>
  <si>
    <t>b'S58.\x1bRB\x8cl\xb53I\x90$\xf1!\x14o\xdfb\xb4\x81K\x9bF\xea\xa1\x11!\xbe\xe2S'</t>
  </si>
  <si>
    <t>debt consolation</t>
  </si>
  <si>
    <t>b'\xad\xce\xefeO:\x8bL-a\x9c\xd1\x93\xbb|\xa9\xe1\xf8Y\xa8y\xcc\x1d3\x96D\xb2l\xe6\xf0\x95\x8c'</t>
  </si>
  <si>
    <t>car repairs</t>
  </si>
  <si>
    <t>782xx</t>
  </si>
  <si>
    <t>b'\xde\x059\xdb\xbf\xfb\x82\xc0a\x11:B\x93*\xe4=\xa8\r\xeeB*\xdb+~\xf9\xee\xa6\x8a\x19\xee\xd4\xb3'</t>
  </si>
  <si>
    <t>Vaca</t>
  </si>
  <si>
    <t>b"s\xbf\xd2h\x8c\xbfqw\x0fc\xe7v\xfe\xbd\xb4\x07\x9a\x96x\xb4\x9a'7\xb1\xa3H\xb0C\xb8\xcd\x93\xd8"</t>
  </si>
  <si>
    <t>Consolidating my 4 credit cards.</t>
  </si>
  <si>
    <t>b'6\xb8\xf5\x14r\xfa\x9f\xa0sN\xdcl\xd4\xcb\x9c\x80\x08\xca\r7D\xd1V\xfbb\x88h\x7f\x90\xd5L\xcd'</t>
  </si>
  <si>
    <t>Retainer</t>
  </si>
  <si>
    <t>304xx</t>
  </si>
  <si>
    <t>b'\xb7\xc3J\xa1x\xe2\xe5\x14\xd2\xdd=I\xee\x9d\x7fiP\xb2\xe6\xdbn\xa8\x07\xaf7\x9cF@\x93f\x05\xe1'</t>
  </si>
  <si>
    <t>Credit Card Refi</t>
  </si>
  <si>
    <t>859xx</t>
  </si>
  <si>
    <t>b'\xf2]v\xe9\x1d\xe7\x16\x89G\xcaD\xcb\xcc|x\xd1\xd9\xec\xa6\xbf\xb2\x80T\xa2\\\x1c+\x9a\x17\xfaC\x86'</t>
  </si>
  <si>
    <t>Spa</t>
  </si>
  <si>
    <t>b'^\xc7h\xf5\xd0\xa9~\x81\x0e\xef\xbe%\x8aLrs\xe6y\xb9\\\xda\x9cei\x86\x810\x86\x1a{\xc7_'</t>
  </si>
  <si>
    <t>b'\x95\x124\xd6Ao:\xabH\xe0\xca\xb4\xb0HL\x00\xe1\x91|\xae\x9f\n\x9b\x93c\xc9\xae\xfb\x9b\xdf\x86\x01'</t>
  </si>
  <si>
    <t>b'\n\x01\xf6\x059\\\xa6\xe4\x8a\x11\xb1\x1d\x1b`\xe3\\&lt;\xae\x93\xa7}B\xda\x04\xc8\xd7\x8aJ\x84F\xcd%'</t>
  </si>
  <si>
    <t>b'}+U\xa7\xca\xe9\x0e\xeb\xa6\'~]l\xed"\xe6\x96\xc0\xaa "eu\xbf\x88\x9e\x97\x90\x11\xde\x82%'</t>
  </si>
  <si>
    <t>Car Repairs</t>
  </si>
  <si>
    <t>b'N\x1e]\xd950\xa1\x9c4\xd0QqNdp\x15\r\xc6\x084\x9a\xf0\xc8\xbcR[P\xa5\x81\x85y^'</t>
  </si>
  <si>
    <t>b'W\xb3\x01i\xe5\xd3jV{I\xa1\x065\xb8i\x12\xb3\xaa\xf0F@\xf7\xe4\x03\x83^C\x12\xfefN['</t>
  </si>
  <si>
    <t xml:space="preserve">My medi loan </t>
  </si>
  <si>
    <t>b'c\x14O\xd4:&lt;U\xca\x9b2X\xca\xbb\x18\xbe\xba\x1e\x9e\xae2\x8e~\xa63\x93\x05\xd23\xb2,\x80;'</t>
  </si>
  <si>
    <t>buying a car</t>
  </si>
  <si>
    <t>b'^\x0c\xbb\x00\xa0\xbf\xd7\xa3hM\x102b\xf3\x94\x82(A\xf0\xff#L\xed\xffO\xcek_k\xa7\x94\xf9'</t>
  </si>
  <si>
    <t>Wedding Day</t>
  </si>
  <si>
    <t>b'U\x06\xd5\xc9;+\x99p\x8dU\xd3\xbc\xfeXE\xa4/\xfa\xcbI\xb9\xed\xdd(tI\xcf\x16\x93;_\x1d'</t>
  </si>
  <si>
    <t>b'\xcbk\x89\x8f\xf8\x7fn\x89=@\x08N\xbe\x87 \xe8\xe6\xf8\xcd\x9c\x05p\x9d,\xde\x9du\x0ej\xba_\x03'</t>
  </si>
  <si>
    <t xml:space="preserve">wedding loan </t>
  </si>
  <si>
    <t>b'\xea\xd2\xa2\x02LB\xe7\xd6rU\xc7(\xfcp\xd2\xa0\xf3\xcc$\x12\xbb\x07x\xbc\x901e\xea\xf7t\xc60'</t>
  </si>
  <si>
    <t>b"8\xd2\xed\xa6tW\xc0\xfc\x98\x11\x13\xd3'\x8c\xa4\x05\x88\xfa=ndt\xb4\x109\xd9\xde_\xae\xc2q`"</t>
  </si>
  <si>
    <t>b'\xff\x07\xec\xbdo9\xf2\x05\xda\xde\x9bzpH\\\xdce\x18\xdc{\xfa]\xe4\xca\x11v\x86\x9e\x19Y\xc0\xde'</t>
  </si>
  <si>
    <t>Credit Card Refinnce</t>
  </si>
  <si>
    <t>174xx</t>
  </si>
  <si>
    <t>b'\xaft\xf8\x19\xf4\x0f\x1bu\xcb\xf6\x11T\xfa]C/\x05\x94&gt;\xac\x8bu\xb0\xa6-_T\x81\xc6\xaf\xcd\xe5'</t>
  </si>
  <si>
    <t>Refi</t>
  </si>
  <si>
    <t>451xx</t>
  </si>
  <si>
    <t>b'+[\x85\xac\tT()\xc8\x04\xc6\xc7\x0f\xad\x05\xcf\xd1?1\x15*\\\xcei5\xca\xde\x88\xab\xc4\xf8s'</t>
  </si>
  <si>
    <t>b'\x82\xdd6\xbeZi\xdajb\x8a\xc2\xb7\xf3v\xd6\xa5\xa3\xd4\xf7l\xa2\xa1\xfd$\xdbUe\x1f!q]Z'</t>
  </si>
  <si>
    <t>Tahoe Wedding</t>
  </si>
  <si>
    <t>b'\xbd\x0b\x96\xab\x99\x07E\xb4#\x01v\xe1\x8bu\xcf:\x0b}H\x00\x06W\x0bn;\xdb\xd6g\x12\xd7\x80\xe9'</t>
  </si>
  <si>
    <t>shortloan</t>
  </si>
  <si>
    <t>b'I\x8a\xa1\xael\xf62\x11\x0f_i\xcf*%;;\xec0`\xe8\xd0\xadBk\xadx%yS\xf62\x11'</t>
  </si>
  <si>
    <t>108xx</t>
  </si>
  <si>
    <t>b'K\xe5Lr\xbd&amp;\x8b\xa2{H\xc5!\xa1B\xd4\xea\x84\xd7\xb5z\x8fvG;\xea\x88\xee\xf3\xa2\x84E\x98'</t>
  </si>
  <si>
    <t>jeep1</t>
  </si>
  <si>
    <t>777xx</t>
  </si>
  <si>
    <t>b'\xc1v`p`}u\xee\xce%\x1b\x14\xb0\x01+\xbc`\x19\x89\xb3\xe1\x8d\x06\x88\x1b\xc2Bf\x8b(\xda\x93'</t>
  </si>
  <si>
    <t>Dept consolidation</t>
  </si>
  <si>
    <t>b'J\xb8\x0b\xf8\xaa\xf8"\xbb\x98\x10\x98\xf3\x07\xa9\xdb\x8d\xf5\xd8\x804x\xe7\xf1\xb4\x85\x9df\t\x1a\x95\x8e\x8d'</t>
  </si>
  <si>
    <t>b'S\x8a\x93\xec}\x08a\x89\xbd\x80c\xdf4\x1a\xb2\xe4\xbb\x99\xf3F\xc8\xc37u\xc1:\\\xdf\xee\x98\xf9&amp;'</t>
  </si>
  <si>
    <t>PersonalLoan</t>
  </si>
  <si>
    <t>b'?\xb5W\xabS7T\xc5\xdf\xb7\xf4\xb05\xbc\x0b\x0e\xb98\x14\xcc\xdaJ\xb2\xa5\xac\xc4\x9d\x83\x88\x94\x875'</t>
  </si>
  <si>
    <t>One Payment Loan</t>
  </si>
  <si>
    <t>b's\xac\xdc\x14\x1b\x8b\xf8EG\xa7\xcb/\x08\x90\xe4\xb9\xe3\xe6\xf7CWG\x84*E\x9f\xf9\x8d\xf1\x08\xe3\xc0'</t>
  </si>
  <si>
    <t>b'\xcd\xea\xe5~v\x0f\xe3J1\xe6.\x0c\xc7e\xa3\xe9I\x90S\xdb\xedf\x12\xff\xfc\xa0\x95\xda\x1d\xd2\xd8P'</t>
  </si>
  <si>
    <t>b'\x98\x17\x9b8\x18\xe0`\x89\xa8\x84\xa5Zd\xe2\xcaG=\xd1\xd9\x1f[\x12p\xe1\x9amp!\xb8 \x80v'</t>
  </si>
  <si>
    <t>Credit Pay off</t>
  </si>
  <si>
    <t>b'o\xb1\xf1h\xba\x89\xcc\xf0\xc3\x9b\x8c\x04!\x8aB\xae\xa8\x9e\x9eER\xbc\x97\xe2\xb4M\x8dv\xf8D\x01K'</t>
  </si>
  <si>
    <t>Refinance Higher Rate Loan</t>
  </si>
  <si>
    <t>b' J+3\xe4\x993A\x97A\xe9\x97I\x80\xa66\xc7\x1d\xf2)\xe9\xc7\xae\x8b\xaa\x95\x0b\xc2&gt;\xeew$'</t>
  </si>
  <si>
    <t>b'\xd9\xd4\xd7x\xf4\xa13a8\x00\xef\x9c|?\xb5\xd9\x14\xb9\x19(_p\\^\x97\xe5\xcf47\x84+W'</t>
  </si>
  <si>
    <t>b'h\xaar]s\xc5}\xae\x17\xb5\x17\x1c\x8d\x98\x10|\x1b\xad\xf5\xff\x98\xb8\xcc\xabtx\x12wd\x05\xc7\xfb'</t>
  </si>
  <si>
    <t xml:space="preserve">Credit Card Refinance </t>
  </si>
  <si>
    <t>b"\xb7k.0\x98\xc6c\x86\xe7\xcd\xd6\xdb\x12\xa8'~Z\xa5\x88|\xf6K\x02\xd9\xc7\x02y\xfc\xf5\xbc7s"</t>
  </si>
  <si>
    <t>Consoli-debt!</t>
  </si>
  <si>
    <t>b'b\xbbH\x9d\xa2\x80\xc7\xc82wO-EYH\xc0\x83+\xe4q\xfc\xd07c\xa7\xd61\xf7 \xe6\x07\x89'</t>
  </si>
  <si>
    <t>Remodel Kitchen</t>
  </si>
  <si>
    <t>b'%\x10\xee_\xd6\xd8\x9d\xa5\xd5\xe4"\xdb\xebP\xc8\x9b\xa6\xed\xe7\xad\x02%%\xa8"}dwt\xdd\xc8\xc5'</t>
  </si>
  <si>
    <t>993xx</t>
  </si>
  <si>
    <t>b'oP\x1a{\xae\xfbj\xf5\xb9\x04\xf7\xee\x95\x82\\\x8b\x97\xf4\xec\x19\x04D,\xe1\xbbaqU\x08l\xdb\xf1'</t>
  </si>
  <si>
    <t xml:space="preserve">New Start </t>
  </si>
  <si>
    <t>b'\x05\xdcO\xd2&lt;7:\x01\xcc&gt;\xcb\x92\xce\x8c\xe3Uk\x94\xfc\x95LN\x98\x1d\xdeT\xe2\xc1e\x92\x80\x81'</t>
  </si>
  <si>
    <t>b'\xf0#\x9d\x19\xa1\x97\xb4b\xdf0x\x8e\xa6P\xa5\xee\x1c\xd7#\x06A\xe5\x1fkR\xeff\xdf\xc5m\x06\x0b'</t>
  </si>
  <si>
    <t>b'\xea\xadA\x93\xf03\x08M\xc0\x1e\xa2*\x03\no\xe57\x08A\\Y\x16\x10\x0e\xa5\x17\x16\x1b\xedv$\x0f'</t>
  </si>
  <si>
    <t>b"\x85['&amp;\xc7\x8eG!\xff\xa4\x8bi\x99\xac\xc5p6\x83r\xb1^\x0c\xd4F\xf6)#\xaeX\x04\xed\xf8"</t>
  </si>
  <si>
    <t>b's\xc0\xa2\xf1z{\xe3g[u.Ry\x15\xc6$\xd5\xfc\xde\xda2\x867\x1aRs\x8e\xdcL\x15\x1a\xbb'</t>
  </si>
  <si>
    <t>Emergency relief assistance</t>
  </si>
  <si>
    <t>b"\xee\x1b\x88\xdf\xa1'\x15\x04\x96\xa4\xb7\xc8\x81\xbfP\\\xfa\x97e\xf7\x94\xdeLp=\x13\xf8\xac\xc2\xd3\xd0\xfe"</t>
  </si>
  <si>
    <t>b'\xfbEj\x90\x00\x13PQx\x8a\xd9#\rmoVyheO\xeaQo\x0f\xe9L\x94\xbe\xa1\x0bB\x12'</t>
  </si>
  <si>
    <t>THE ALL IN ONE LOAN</t>
  </si>
  <si>
    <t>448xx</t>
  </si>
  <si>
    <t>b'\x01\xf6K(m\xc4r\x0c\xce\xaf\xab\x85z\xafrm!:2\x08x\x90Z\xde-K\x13\x8a\xf3\xf8\xe9g'</t>
  </si>
  <si>
    <t>b'i\x93s\xdd\x9a\xf7\xe1\x0ch\xf3t\xc4T\xe1\xfd\x9a=\xd3\x00\xa2\x88\xcc\xcei\x16(Iv8_\x92\xb3'</t>
  </si>
  <si>
    <t>cc loan</t>
  </si>
  <si>
    <t>b't%-6t\xf1\x12\x00j\x07*J\xbc\xde\x8fD\\8\xfd\xddU\xe0\xe0\xa0\r7t7\x85\x8d\xd4\xf6'</t>
  </si>
  <si>
    <t>getting it done</t>
  </si>
  <si>
    <t>665xx</t>
  </si>
  <si>
    <t>b'\xdc)D\r\xfc2\xa1"\x9c43\x84\x1f\x03\xe48\xa9\xc4\x03\x80\xfbQ\xed `\xa0\xe3v\xe3bq\xe4'</t>
  </si>
  <si>
    <t>b'\x9a\x00\xb8\x84\xa4\xbed\xa19\xbc.\xa3H"\xc1@G\xe9\xc5\xbc\x128\x85edt\x8e7t\xec\xdf\t'</t>
  </si>
  <si>
    <t>b'c\xfd\xa1\x9f\xf1G\x8b%t\xb1\x9c\xa0XF5\x0e\x1c\x1dmT\x01\xdfs\x86p\xb7h\xf2_\xf6\x0b\xca'</t>
  </si>
  <si>
    <t>b'\x18\x01HO\x0f1\xe6\xba\x9d[\xd1PjR\x1c\xc8\xc6E\xd57/\xb7\xc2\xb9\x83\xfaj\x9a\x99\xed\xd7\x8d'</t>
  </si>
  <si>
    <t>H. imporvement</t>
  </si>
  <si>
    <t>b'&lt;\x8dN\t(\x102m\x85\xd3@z\x7f\xe4\x86\xea\x9a\xda\xb2w?\xdc,\x81#\xf8\x9e\xaf\xa7\x1b\xc02'</t>
  </si>
  <si>
    <t>Moving Expenses</t>
  </si>
  <si>
    <t>611xx</t>
  </si>
  <si>
    <t>b'\xd9\xf1\x12\x94\x0fz\xb2O\xb1A\xd5\x81\xf0\xed\x1e`\x01\x9f\x96?\xff\xc8\xa2?~dVwT\xf3\xc8]'</t>
  </si>
  <si>
    <t>b'4X\x05$\x10\x8bXv\xfblY]\xa8\x85\xd6\xe0\xa4\xba\x8eT\xef\xd3\xd3\x05\xc6y\t @\x8e\xf9\x9b'</t>
  </si>
  <si>
    <t>Control my Debt</t>
  </si>
  <si>
    <t>672xx</t>
  </si>
  <si>
    <t>b'\xaa\xc5\x95\xee\xb9.VX\x169~\x8e$\xb0\x16\\]0\xcd\x88\xcew}\xdaM\x12\xb5\xf7\xc6`\xf6\xdc'</t>
  </si>
  <si>
    <t>pay off rest of credit cards</t>
  </si>
  <si>
    <t>b'@\xd6\x1eKE\\\x02\xa5\x1e\x07\nKQ\xea&gt;(\x9b\x8d\xe4\xf2*:\xe4^\x13\x0el=\xf7\t\xdf\xc7'</t>
  </si>
  <si>
    <t>One Bill</t>
  </si>
  <si>
    <t>b'\x00\x1f\xe3\xd0G\x96\x8f\x92h%#H[\x07\x0bZv\x03Y\x9a\xb8e/\xae\xcf\x85Q\xd5=\xcc B'</t>
  </si>
  <si>
    <t>Debt Consolidation for Great Borrower</t>
  </si>
  <si>
    <t>b'\x85\xcbe;x4M\xe3\xc0\x00^\x9a\x82H\xae\xa2N\x86C4v\x03}n\xecN\xa2 \xcbV\xc1\x18'</t>
  </si>
  <si>
    <t>985xx</t>
  </si>
  <si>
    <t>b'X\xcb&amp;\x08\x9e\x12\xecy\xf3\xd0\xe3+K\xba\x1eM\x98\xae\xd7\xfa\xe7\x1b\x07-\x17AO\xea\x87\xc8\xf7\xd0'</t>
  </si>
  <si>
    <t>Out of the credit card debt circus</t>
  </si>
  <si>
    <t>807xx</t>
  </si>
  <si>
    <t>b';g\xfa\xd3K\xb6\xc7/\xbe8V\t\xf9\xcc%\x87;[@A\xd3\x1d\xaf\xb2\x8a\xad\xb60p2\xc9 '</t>
  </si>
  <si>
    <t>Home Improvement Loan</t>
  </si>
  <si>
    <t>141xx</t>
  </si>
  <si>
    <t>b'\\\xb2P\x91f\xef\x93\x15(\x11H\x10\xd6\xa0\x02\xf5}M\r\xba\x9b\xec\x88\xad=L\xe1\xde\x99\xca\x80M'</t>
  </si>
  <si>
    <t>paycreditcardsoff</t>
  </si>
  <si>
    <t>b'q~r8S\xbf\xb8!\xcd;\x1d\xc17}\xb0z*\x0c\xcfN\xe0\xcb\xac\xc5J\xcf\xe0?\x98\xc7m\xfe'</t>
  </si>
  <si>
    <t>b'7\xdd\xf4\xd3g\x1c\x8eCZn\x8f\xd5\x90\xec\xcd\xbc\xaa\x17E\x8f!\xe9\xd6@u\xabc\x0e\xf6\xe4\xfd\x13'</t>
  </si>
  <si>
    <t>b'\xcb\xa9\xbf\xfe\xd5\x93\x00\xc4\x0fIG0X\xdd\x94!\xd2\x07N \xf7\xf8W\xcb\xe4\x1d\xf3\x11\x0f\n\xc49'</t>
  </si>
  <si>
    <t>happy vacation</t>
  </si>
  <si>
    <t>b'cg\xd8\x90\xef\xc9\xfb\x1c\xf1Ed\x84\xb0m\x12\r@\x04\x12m\x9c\t\x8cI%J\x94\xea\xd2\x9e\xf8 '</t>
  </si>
  <si>
    <t>Debt con loan</t>
  </si>
  <si>
    <t>121xx</t>
  </si>
  <si>
    <t>b'\xd5\xf5\x84\xc9\x16\xbc\xce\xd2s\x1f\x1e\x8e6P\xa1\xce\x84\xc2{\x81\xe1[\x06p\xc2\xc0s\xaf\xfez\xb0\x15'</t>
  </si>
  <si>
    <t>354xx</t>
  </si>
  <si>
    <t>b'"\x89\xea\x1d\x07b\x81\xb3\xd3,!a\xbd\x05\xae\xee;k\\#L\x8ab\xbf\xd8\x1b\x94\x0e\xf7!\xe3{'</t>
  </si>
  <si>
    <t>Second loan to pay off bills</t>
  </si>
  <si>
    <t>b"\x90\x0b\x8e\xd3\x8dZ\xac@\x96_\x03\xe7\xae&amp;S!'\n\x80\x88h\xa4\xa5\xb6\x1c$\xf7\x007\x9cy)"</t>
  </si>
  <si>
    <t>b'\xc7r\xe6\xa0F\x18qx\xc4\x94 \xac\x8d\x8e\x14L\xbc\x97\xe6\x7fY)\xf6\xedM?n\xcc\x82\xf7@\xa6'</t>
  </si>
  <si>
    <t xml:space="preserve">Debt </t>
  </si>
  <si>
    <t>b'\x9f\x07tY\xde\xcec\x11aU3\x1b\xf8@\xc2i\xc2\xa0&amp;\xc5\x86\x88\xcb\xa7\xfb\x0bd\xea\xe7\xcf5\xf8'</t>
  </si>
  <si>
    <t>loan consolidation</t>
  </si>
  <si>
    <t>720xx</t>
  </si>
  <si>
    <t>b'b\x89b\x87\x99\xd8\xd7\xba\xea\x8f\xad\xd3\xdf\x18\xae\xb1\xf5\x8f\xe9\xa50s\xc11\xc5\x0b\xd1\xc26\x11|\x98'</t>
  </si>
  <si>
    <t>b'62#AP\\\\\xf6\x9b\x88\xfa\xf31\xdc\x0b8\x08\xb8\x18A\xce\x00d\x11\x9cO[\xc8\xb7\x7f\xf3\xa3'</t>
  </si>
  <si>
    <t>251xx</t>
  </si>
  <si>
    <t>b'\xa6o\xe5&lt;6f\xe4\x03\x18\xd9\x93lc\x82}Z\xdfo=9U\xb8h+R\x7fy(\x06\xdev0'</t>
  </si>
  <si>
    <t>b'\xaf\x93N7\xc3N\xe5q:\x05\xd1na\tq\x19\x13\x18GO\xb0P\xb4\xf0V\x95\xf9N\x1a\x8d,\xba'</t>
  </si>
  <si>
    <t>Consolidating my debt</t>
  </si>
  <si>
    <t>490xx</t>
  </si>
  <si>
    <t>b'\xbf\xbb\xf8\xfd\xbf\x9a\xdf\xad\xa8\xa7\xf0\xa6z\xd0\xbe\x99hm\xff\tw\xa9\x00\x982\xa5\x19K/+\x97\xc0'</t>
  </si>
  <si>
    <t>452xx</t>
  </si>
  <si>
    <t>b'\xd5\xec\x95\x18\xb7zx\x00\x9bMs\xd5\xeb\xff\r\xcb\xe23\x0c\xa0\xdbN\x08\xad\x11\x1a?~\xae\xb0H\x8c'</t>
  </si>
  <si>
    <t>Debt reduction</t>
  </si>
  <si>
    <t>258xx</t>
  </si>
  <si>
    <t>b'\xef\xafs\x9d\x1f\xc8\xfby\xd7R\x01)U&lt;\x0bmg*\xd91kc\xb9\xbb\xab\x99\x1f\xb5\xa4\x1c\x0c\x17'</t>
  </si>
  <si>
    <t>Credit Card Consolidaiton</t>
  </si>
  <si>
    <t>b'y!\xbb\xbe\x83z\x8a%\xa2\xaa\x8a_G\x8a\xecAX:\x17jF\x05A\\\xba{\x8a\xa5\xb8\xd2\x9f\xa4'</t>
  </si>
  <si>
    <t>b'3\x19.e\t\x1c\\\x88}\xb2\x86BQck+0\xac?\x0bu\xa8\xae\x1b-\x7f\x7f%L\xfcy\xcc'</t>
  </si>
  <si>
    <t>b'F=5\x0bXD\xac(\xe6\xb4\r\xf8\x90K5\x1f\x91\xac\x86\xa5\xda&lt;\xd0\x13\xeeR\xe3\x8fT\x9f\x11\x0c'</t>
  </si>
  <si>
    <t>150xx</t>
  </si>
  <si>
    <t>b"\xbb\x8cyY\xc7;\x86\x12\xf2\x17\x8b\xef9)'\x08u\x99(`\xdb\x84\x8a\xb2\x88\xf1\xea\xe6\xcf\x8e\xfe\x93"</t>
  </si>
  <si>
    <t>b'\xcb7\xf0\x1e\xaf\xd1\x80\x1e\xb4\xbcGU5l\x1a_\xcb\xa2}4\xd5\x131\x16\xb3E\xa2|G\xd0/\x1d'</t>
  </si>
  <si>
    <t>b'C\xb7\x11;\xd3\xda\xa5\x82C\x88\x80\xc9S\x19\xe6\x96G\xf2\x04]\xdbz?fl\x87\x03iCu)\xb6'</t>
  </si>
  <si>
    <t>b'#9!\xa2n\xf0@\\*\x9fK\xe2CTR\xf2\x9e/9\x1a \x99Ht(\xac5%d\xfc\xaa\n'</t>
  </si>
  <si>
    <t>b'\xc8\xf2\xc8\xbdP)\xd9M3\xba\xb8\x94\xa5\x8dmv\xff\x9b\xf4\xa7\x8d\xba\x01uz\xa4#&lt;\x91\x0f\xbbX'</t>
  </si>
  <si>
    <t>602xx</t>
  </si>
  <si>
    <t>b"\x8b\xe54\x1f\n\xf7\x9fi9-f3)\xfc\x0cg\xe3\x10\xf8'\x07\xa7\xcbr\x9b3N\xaf\x14\x1fxp"</t>
  </si>
  <si>
    <t>903xx</t>
  </si>
  <si>
    <t>b"\xae\xd6\xeb\x8f\xca\xec~\xf1d\xc6Q\x1c{&amp;)\x01f-&lt;t\xb7'i\xa8\x97$q75;p\xaf"</t>
  </si>
  <si>
    <t>THINKFREEDOM</t>
  </si>
  <si>
    <t>b'\xbc\xff\x1bo\xeepn\xc9=\xd7*\x17\xb1:n\x04\x82S\x9e\x91\x0b\xcd\x1e\x92\xb6:\x8c\xf4\xa0\xf6K\xdc'</t>
  </si>
  <si>
    <t>b"\xdb\xd4\xf8]\xe8\xa4\xb4v\xfe \xc6'k&gt;R\x8et\x1f\xb7\x89\x83)_G\xffu*\x94\x9f[M2"</t>
  </si>
  <si>
    <t>b'"g\xf3\x13\x9d\xe0\x044\x91\x1b\x1b\xaex\xa8\x01B\xf9\x1e\xaa\x1d\xd3\x96\x8c@|\xcf\xdc]\xbd@\xb1\x9f'</t>
  </si>
  <si>
    <t>124xx</t>
  </si>
  <si>
    <t>b'\xe4\xb6\x9b\xa7\x9cW\xedj\xc1B\xd0\x0cI\xad\xf2\xc2\xf9\x84\x9a\x17\x17\xc0\xdf\xff\xd4\x95ak!\xc1;\xde'</t>
  </si>
  <si>
    <t>b':_\xadz]\x18\xee\x8e\x1cN\xdc\xfd\x1a\xc2\xa9\xf3T\xc9\x02P/\x8e\xaf\xef\x83\xa5\xa2mj\xe4\xa1\xf9'</t>
  </si>
  <si>
    <t>b'\xefi\x82\x97\x179\x01&lt;b\xdf\x19e{\x95\xad\xde,ZEN\x01\x9e(\xdb\xd1\x91\xd9\xbd\xe4\xdd\x0b\t'</t>
  </si>
  <si>
    <t>b'p\xa2\x17\xf6t\x94\x9a\x96S\xd09~\xc1\xf76\xbc\xd2Qe\xd9\xfc\xb2E\xe6\xd7\xce\x06\xb8j~\xc3\xb8'</t>
  </si>
  <si>
    <t>get out of debt</t>
  </si>
  <si>
    <t>b'O\xbc0mU\\\xd3\x97\x1e\x88\xb2\xe3\xe8\n A\xe5\xf0\x11A\xd7\x90J!ct!\x8c.\x00\xdcr'</t>
  </si>
  <si>
    <t>085xx</t>
  </si>
  <si>
    <t>b"\xe1\xaa\x1fQ\xc2\xbddN\xb6\xb2\x10\xe2{@\x0ck\x87\x14?\xa77\x99'\xe7\xdf\x05\xd8`\x98\xb6,+"</t>
  </si>
  <si>
    <t>pay off truck and credit cards</t>
  </si>
  <si>
    <t>b'\x87\xf9\xb9\xc4\x87x3\x1cH.\x0f&amp;~p\x07\t\xfd&lt;\xb1\xab\xf6\xb5\xfc@\x8b\x0f\x93\xa3\xe4\x08\xd7\x84'</t>
  </si>
  <si>
    <t>b'\xbe\x0bx\n\xfadk\xcao\xdf\xe0b\x9a\x96\xd6\xb6\xc8\xf5\x18+\xc9\xb9\\\x94\x9bpGTg\xa7\x12w'</t>
  </si>
  <si>
    <t xml:space="preserve"> lower my monthy payment</t>
  </si>
  <si>
    <t>990xx</t>
  </si>
  <si>
    <t>b'\x90Y\xb5\x02\xe3\xd75\xdd\x85\xe6&amp;\xb8]\xcbZ^{\x0f\xcc\x92n\xf1\x90qts\xdc\xd3\xdfX\xa8\xc3'</t>
  </si>
  <si>
    <t>Efficiency</t>
  </si>
  <si>
    <t>b'&amp;\x7f\x11E\xf8\x14\xc4\x17^h\xf6}z\x9a\xa6\xb8]K$,[o\xe7\xfe{m}?\xde"\x1a\xf0'</t>
  </si>
  <si>
    <t>b'\x10\xc1\xe6\n\xd6\xe6M\xea%\x893W\x81\xcb\x0f\x8ew\x9e\xe39!\xdb\xda(\xec\xed9\x18\x15b\xb8\xf4'</t>
  </si>
  <si>
    <t>b'4\xfa\xd2\x99W2\x97\xc2\x1a\x8f^\xca\x80a\xee}\xa6\x9d@\x92\xc9I\xef~F&lt;\xa0\x0f\x9f\xbc2\xc6'</t>
  </si>
  <si>
    <t>b'\xe0L0i\xb9\x7fZ\x82u \x0c\xb1:\x06\xfe_\x05\x0f\x9d\x9d\xb3\x02\x01\x03\xf9\xbd\x93g\x91H\xabY'</t>
  </si>
  <si>
    <t>MT</t>
  </si>
  <si>
    <t>LC2</t>
  </si>
  <si>
    <t>591xx</t>
  </si>
  <si>
    <t>b'\xf1CV\x9e\xcf\xb7&amp;\xdbp\xcc0\x0b\x80\xb3\x87\x82\xc5\xc3B\xf1\xd9\xd6\x05\x93\xcc\x9d\x06\xf8\\\x92\xcfH'</t>
  </si>
  <si>
    <t>Dept freedom</t>
  </si>
  <si>
    <t>b'o_2p\xae7\x87\x12\\\x801\xd3a\xe1\xc5\xf0\x07"\x9f}\xbbH?\x82\xb5CC5\x85N\x18\xcb'</t>
  </si>
  <si>
    <t>676xx</t>
  </si>
  <si>
    <t>b'n \xe3\\\x13x\x89U\x8e\xb5\x14O\xb6\x06\xc2I\r \xbcgK\x84\xd0\x07z\xa8\x9e\xd9,\xa2\x961'</t>
  </si>
  <si>
    <t>b'#\xa6\xec\t\xa7$\xfe\x86\xb8\xf9\x17\x92s"aG\'L\xa6\xac\xf2\xb6\xe3\x07}\xaaK\x85\x9b\xb5\xfd\xc8'</t>
  </si>
  <si>
    <t>consildate bills</t>
  </si>
  <si>
    <t>b'\xa9Y.\x1a\x82&amp;\xd3\xbc\x8b\xa0\xef\x98\xd9\xa0m\x157\x9e\xf9\xad\xef,`\x13\x1d:\xc7\xdb.A\xe4\xf0'</t>
  </si>
  <si>
    <t>Universal Consolidation Loan</t>
  </si>
  <si>
    <t>180xx</t>
  </si>
  <si>
    <t>b'\xe0\xea\x97\x9d\xa9\x99\xffi$[\xa3\xe2j\x89uL\xcde\x8d\xfd\x0e\xfa\xfenR\x91\xf7\xe5\xa0\xec\xf6E'</t>
  </si>
  <si>
    <t>312xx</t>
  </si>
  <si>
    <t>b'ZS\x07S{\xa8 %\x04X\xc8\x1f\xd7)\x0b|\xb7\xdf=\xc7\xd8\xb3\xc6bG\xfa\xa2\xbe\x1e\xb9\xbb\xa9'</t>
  </si>
  <si>
    <t>b"}\x11\xaa\xf2U\xde\x1c\x1a\xed\xcc\x11u=4xf\xdd\x1d\xc1:\xce\x90\xcbF\x96\xffv\x90\xb1'\xe3\x19"</t>
  </si>
  <si>
    <t>LifeSimplified</t>
  </si>
  <si>
    <t>b'\xd3\x1c\xad\x8c\xc5]?@\xf9\x1ar[\x11"\xf4\xf8\x93\xfb\xe9x#)\xfc\xfcQ\xdeS\xca\xbe\xca1\n'</t>
  </si>
  <si>
    <t>b'8W\xdd\\\x8d\x01&amp;V\x83\xf3\xc3\xc4\xe0y\x0bi\x8f4fk\xe0\xcb\xc1a6\xca\xb7B9\xa2\xf8\xed'</t>
  </si>
  <si>
    <t>b'\x01\x17\x92Hg\x1c{T\xa9#\x0cL\xe4:\x96P3p\xbe;\x17\xf8\x0c\xbauYX\xbe\xe31\x9b\x1f'</t>
  </si>
  <si>
    <t>327xx</t>
  </si>
  <si>
    <t>b'r\xcci\xf6\x8fe1\xda\xe9\x01\xc3\xfc\xfd~\xc3\xd7\xb6p\x89/\xc4\xdc\xfag\x80I\xc1\xa1i\xd5\xd5q'</t>
  </si>
  <si>
    <t>919xx</t>
  </si>
  <si>
    <t>b'&amp;/\xf8\x82\xb482\xa6\xfb\xf1\xc4\xc0\x1aL~l\xbb\x9b0K*w\x0e\xa3\x16\x95\xb3\xbc\x19\x91\xe2\xb0'</t>
  </si>
  <si>
    <t>b'\xf1\t,\x84\xfbC-\x97\x13\xa9\xa4/\x15\x88y\xe5\xc6d\x8bg+{\x8aZ\x969\xceN\xdb1w\xe5'</t>
  </si>
  <si>
    <t>b'e\xe7\x19K\xef\xe3\x17\xda\x8d\xcbX\xebF\xf1\xd7\x8f&amp;\x95\x9f\x1f{IJ\xaf[S\x01vt\x91\xd7v'</t>
  </si>
  <si>
    <t>Debt Payoff</t>
  </si>
  <si>
    <t>b'\xa9\xd4Y=\x90\xab\xfc\x19j\xc9\xc0\x98\x08\x10~O\xc4s\xa4\x11\xb1\x14\x11\xb1T\x95\x81I\x92j\xe0\xcc'</t>
  </si>
  <si>
    <t>b'\xfd\xef\x8f\x92\xc8\x9b~+\xa6\xdd\xa3V\xaazt1\xd7\xa7\x9d\x7f\x9a\x8e\x95\x18\xff\x9cV\\\xd0\xd2X\n'</t>
  </si>
  <si>
    <t>RE FINANCE CREDIT CARDS</t>
  </si>
  <si>
    <t>b'\xe1`F;o\x08\x90z\r\x95\x00\x07\xf8\xd7Zy:\xc8\x84d\x91*\x15)\x1e\x82:Ui\xee\x18\x18'</t>
  </si>
  <si>
    <t>662xx</t>
  </si>
  <si>
    <t>b'\xed\xe8\xe2ek\\\xc2`*\xd7\xbb\xbc!\xd7\r"*{\x92\xc6\xf9Ns\x84Z\xb5\x95sOV\xc8V'</t>
  </si>
  <si>
    <t>b'\x10uhS\xcf\xe0\xab\xf4HQ_\x1f\xb8\xc4\xefu[\xe2\xf7\xb6\xbf\xfa7\xc1\xe4\xf6cX$K\xf4\xa7'</t>
  </si>
  <si>
    <t>CC Loan</t>
  </si>
  <si>
    <t>b'U\x15\xd3$\x9b\x81\x08#N\x10\xf0?\xba\xdc\x8a\x87\x8c`J\xb16J\x93r\xcc\xe2\x87\xc1\xf0\xb6\xa6\xfd'</t>
  </si>
  <si>
    <t>b'\x03\xac\xb7S\xe3C&amp;\xbag\xfa\xc0\xb0\xe3\x95\x89\'^\xdd"\xcbig\xe6\xcb\xe4\x176\x92\x84|\x1d\xeb'</t>
  </si>
  <si>
    <t>Pay it off</t>
  </si>
  <si>
    <t>b'v\xa8\xbb\x94~\xe7G\x9f\xbc\x97\\\xdctF\xca\xd6\xa7h\xa2iK-\xd9\xc02\x9c8EK\xcc\xe4\x8e'</t>
  </si>
  <si>
    <t>b'pa?\x1bRx\xe5\x81\xc8\x8c#bT\xb4\xbf\xa3\x08J\xed\x170\xdd%\xbf\xad,\xcf\xf8\x83\xec\xea\x0e'</t>
  </si>
  <si>
    <t>b'[\x96h#\\\x00[cl5\xcb\xab]\xb4A\x96\xe3\xa2r*\x9c\x91\x7f\x86\xe8&amp;\x0b\x80\x1a\x15\xf4\x86'</t>
  </si>
  <si>
    <t>b'm\xac`\x0e\x92\xeeCY\xdcZ\xe7\x14z\xbd\xbc\xc9\x10\x91\x00\xdc\xe8fq\x94~\xeb\xa5\x87\xe0;\xaa\x04'</t>
  </si>
  <si>
    <t>b'|\xd7\xcc\x95\xe9=\xa7\xfb\xb2\x05\xbc\xa81\x1d[\x8ck\x11\x8bGo\x0ex\xad\xa5\x8e\xe2-^A&gt;p'</t>
  </si>
  <si>
    <t>2013 Boat</t>
  </si>
  <si>
    <t>b'\x80\x04\xe4\x8f\xc6\x01I\xfa\xd1\xae\x80*\xf14\xa2\xc4\x0ep\xedP\xc3R\x80\th.w\x9f\xffNY\x04'</t>
  </si>
  <si>
    <t>106xx</t>
  </si>
  <si>
    <t>b'\xff\x8a=\xa8\x83\x8b+a:vw$\xd4^\xad\x05\xf0\x16L\xec\xc3\x00\x17\xcb\\\x03\x1dBU#\xed\r'</t>
  </si>
  <si>
    <t>158xx</t>
  </si>
  <si>
    <t>b'W\xaf\xb2u\xac\x1eR\x918/1I5\x8cI)\x01\xdf\x04\xdf\xc7\xaapq\xbfi\xc6\x16\xf2\xf5d\x92'</t>
  </si>
  <si>
    <t>b'\xfd\xa6\xa6\xec\x07\x12\xcdU\xb8_-v\xdc\xe0\xc8\xc4\xbct\xd1\xf8-\xb9\x8b\xe7]\xac\x90^\xc8vK\xa3'</t>
  </si>
  <si>
    <t>b'\x96[\xef\xc1\xb9\x00\xc9\xc9\xe5\x92\xf1\xdd\xb5\x05W\xb8!\x93\xd0N\x10_\xb2\xe3\xba\xf5\xf3\x90\xdd&lt;\xcbn'</t>
  </si>
  <si>
    <t>Loan 1</t>
  </si>
  <si>
    <t>b'\x08\xa3\x8cJ5\x89\xc9h\x1f"AH\xea`n\xc4\xd7\xe3\x1e"(\xd0\xb7p&gt;aN\xef\xa7\x9c5\xa0'</t>
  </si>
  <si>
    <t>MY PROGRESS</t>
  </si>
  <si>
    <t>b'L&lt;\x8a\x10\x19\xa39\xb5\x82\xcb\xdf\xfe\r\xe3Z\xe1\xd9S\x0fW\x95j\xdcm-\xb0\xb9\\\xc7?\xa8\x06'</t>
  </si>
  <si>
    <t>b'\xab\xb5\r\\X\xd4\x05-_\x94#\xbeK\xc7&amp;\n\x88l \xc6\x1eE\xc5,\xddX\xb5\xd3\x7f\xea\xb8M'</t>
  </si>
  <si>
    <t>b'\x02F\x16\xd6^\xc3\x84w%?_\x00\xf1\xaeP\xd12\xdd\xd6\xedqS\x9b\xf6OA\xfb\xab\xed\xec&gt;&lt;'</t>
  </si>
  <si>
    <t>b'\x8a\xca\nf\xdf\xc225K\x89X\xf3\x94L\xe8\x92\xf2Fe\x14\xc3n-\xf5L\x98\xd9f\x82\x0e\x04\xf5'</t>
  </si>
  <si>
    <t>Dept Con</t>
  </si>
  <si>
    <t>b'o\x1e\xe2\x8a\x7f\x84"!%\xc9\xc6\xed\x95\xde2e\xc6\xc5:\x05\xccY\xad".d\xf5\xadv\xba\x80q'</t>
  </si>
  <si>
    <t>Navy federal payoff</t>
  </si>
  <si>
    <t>620xx</t>
  </si>
  <si>
    <t>b's[\xbe \xad\x984\xf4\x19\xbb\x1c\\o\xa6\xf2\xf0\xabK~\x14\xce\xb3\xba\x8a\xc5\xef\xb8\xd7\xa9\xea\x1a\x89'</t>
  </si>
  <si>
    <t>b'\xce,\xf4\xe7\x1f\xba+w-\xd1\x99\x84\xaf\x83\xbby\xbc\x02\xda%$Ry\x98[J\tL\xaa%\xd6\x87'</t>
  </si>
  <si>
    <t>b'\x91\xc7\x0b*\xd5\xa1\x8e\x8d\xa8\xaf\x92\x98i\xd2o\xee&lt;\xe24t\xfa"r=R\\\xe0\xe3\x1b\xe2\x9a.'</t>
  </si>
  <si>
    <t>b'\x97\x19\xc3\x92=\xf7\xa1\x16&amp;\x98\x9d\xbb\x02\xc7\xc9\xcfX\xbcj\xc2#Q7\xdd\x0e\xfb!(W\xa4\x85p'</t>
  </si>
  <si>
    <t>166xx</t>
  </si>
  <si>
    <t>b'\tG\xc81\xb5\xa9zc\xea\x1c&amp;\x02/\x0c{\x959$b`v\x8d\x97d\xc1\x10\xdfD6"\xe7:'</t>
  </si>
  <si>
    <t>b'Ij\xe8!\x83J\xf3\xb0\x8b\x9e\xdc;\x1c\xd4\x17\x13\x1a-\x18C\xe6\xb7\xdd\x1cH\x19\x0f\x84\xb7\xf5\xf9\x1c'</t>
  </si>
  <si>
    <t>b'\xa9\x9e\x02\x01\xc9\xe3-\xb9[ |\x96\xc3\xda\x1a%2S\xe7\xe2@.\xc0\x06\xcb3\xd5\xf7\xd0\nb!'</t>
  </si>
  <si>
    <t>b'\xa9\xc7\xab\x80\xcdl\xf5#f\x7f\xe68\xedI\xbd+\tN\xe0\xab\xeb\xf9\xc7\xfd\x0f\x0c\xb2BO\x07q}'</t>
  </si>
  <si>
    <t>card pay off</t>
  </si>
  <si>
    <t>b'\x80\xb3\xf0\x1dr:\x1d\xccY\x88\xdb\xc5\x13h\xb8\xf4q~\xdeu\x17X\x1f\x97\xaee\xdf\xb7\xc2\xb3,Y'</t>
  </si>
  <si>
    <t>Sanity Plan</t>
  </si>
  <si>
    <t>793xx</t>
  </si>
  <si>
    <t>b'\\\x96\xfd\xca\xd8\xce63Nz\xe3G\xc8\x03\x9f/\xbe\xd3\xb1\xd3p\xd4F\xaaF\xc3\x82C`\xd5H\xa8'</t>
  </si>
  <si>
    <t>427xx</t>
  </si>
  <si>
    <t>b'\x01j(\xb2D\xab\xe8eV\xc7\xbf\xefk\xf9\x1av\xde\x1b\x96\x95\x06x\x95\t\xe3\xa2\x01c\xc8Ssb'</t>
  </si>
  <si>
    <t>b'\x81\xff.;\x86\xce}3\x8b\x8c\xc8\xdc\x86R:]Z\xd0{[\xbbQ\x80{\x1b\x117U\xfd\xee\x00\xac'</t>
  </si>
  <si>
    <t>b'\x8cW\xdfe\xb5\x8c\xfe\xfb\x07#\x16xK\x91 \x07\xa4\xbd\x95\xcd\x07\x1b\xbe\'"S\xca\x04\xfa\xaeGG'</t>
  </si>
  <si>
    <t>one payment</t>
  </si>
  <si>
    <t>b'\xa8\xacC3\xd6\xd2\xa7\xc2\x97\x938\xfd\xd9a\x15\xf9\x1c}6\xb4\x9b\xbb\xedy\xca5\xa1\tw\xe2\xf4)'</t>
  </si>
  <si>
    <t>My debt consolidation</t>
  </si>
  <si>
    <t>b'\xcf\xf1\x83\x96\xde[5\x0c\xf7W_\x92\xb3{\x1cxL\x1f\x8c\xc7\xd5\xd5h@\x81{\xc6\xcc\xc6\xb6\x1d\x90'</t>
  </si>
  <si>
    <t>b'\xd6\xc3\x14\xa8F\xe7\xca~x\xaa\xf1\xb8R\xe6A\x81\xacG\xde\xf8\xc5C!\x00-r\xa5(\xd2\x1dNS'</t>
  </si>
  <si>
    <t>b'\xab\x98\t\x7f\xc7\xee\xeb/Gj\r|&gt;U/\x84\xaf\x9a\xc6U\x06\xeb\x8a(\xb3\x81\x0b\x9b#\x85\x95\x07'</t>
  </si>
  <si>
    <t>608xx</t>
  </si>
  <si>
    <t>b'e&gt;Vq`W\x16\xd9\x94x\x9f\xf1i$\xaa\x0e6w\xcd\xfcB\xca\x82 \x05\xa7XPw\x91\xc0\xbc'</t>
  </si>
  <si>
    <t>b'\xabx\xb3\xb8B:\x16\xb3S\xaa\xea\x0e\xfda1\xc7:\xb7\xe7\x0c\x93\x89\xaa\x11k\xfdf\xf2\xa7\xdf\xb5\xa9'</t>
  </si>
  <si>
    <t>b'A=Z)\xbf\xc0:/\x01\x81-\xe0NK\xfd\xbf\xae\xd9\xd4\x8f\x12.5\xf8\xddz\xee\xa1a\x96i\x15'</t>
  </si>
  <si>
    <t>Debt Re-Fi</t>
  </si>
  <si>
    <t>371xx</t>
  </si>
  <si>
    <t>b"\x8f}\xc0\xcf'e\xbc\x9a\xce\t\xb7&gt;\xe2\xab\xe0\xe3\x847\x91\x84\x8e\x08\x1c \xb7b\x9cr\x15\xef\x7f2"</t>
  </si>
  <si>
    <t>b'o\x90\xeb\x13%\x87-1\x0c.&lt;\xcb\x05\x0e\x04f\x9a\xf2\x9f:\r\x1cg\x8f^\xe7Q\xde\x16\x80.p'</t>
  </si>
  <si>
    <t>183xx</t>
  </si>
  <si>
    <t>b'\x9bx\x17Eo\xdbhUt\x1f\xc6\xcaJ\x02\xf06\xfe\x00\xc9\\\x17\x15\x16\x1d12\x88\x1f\xe5s\xd5\xce'</t>
  </si>
  <si>
    <t>making life pretty</t>
  </si>
  <si>
    <t>779xx</t>
  </si>
  <si>
    <t>b'\xa2\xf2\xe9\xec\x9a\xa9P\x1f8\xfaA\x1d\xd3\xe2\x9d+*|\x0ba\x12% J\xd7L\xd5\xe9\x0e6\x87\x98'</t>
  </si>
  <si>
    <t>933xx</t>
  </si>
  <si>
    <t>b'/\x9f\xbep\xf0N\x15\xbc\x92V4\xfb\x97\xa3\xda\xb4-\xb0\xff\x80\x0e2}\xcc\xf2&amp;\x86\xd0\xf3\xb0\xd8\xc1'</t>
  </si>
  <si>
    <t>440xx</t>
  </si>
  <si>
    <t>b'\x13\x08\x10Igr\xc8\xd3\r\xed/\xdf\xe9\xc38\xc7~fa\x04~k\x8cy!\x14\xeb\xf0\xc8\xbf\xae\x8e'</t>
  </si>
  <si>
    <t>Debt Consolidation / Final Wedding Exp</t>
  </si>
  <si>
    <t>b'\xda\x0f\x01\x87T\xd4Hu\x0cl\x17\x98\xc7]\x83F\xdb-\x11k\x0eh\x02Q\x07\x04PE)\x15\xb1\xa8'</t>
  </si>
  <si>
    <t>463xx</t>
  </si>
  <si>
    <t>b'\xa0\x7f\xc3%\xe7\xca\x1f\xd0\xfc!,\x7fPKR \xc0\xa7\x96|^#\xf4Ia!.\xc5;\xac\xf27'</t>
  </si>
  <si>
    <t>Consolidate Outstanding Debt</t>
  </si>
  <si>
    <t>b".\x8f\xefS\x88\xc3\xf7[\xc8\x10&gt;\xea\x1bGl\xd1\xfet:N',\xeb/\xe9\x9eq\xf7S\xcdH7"</t>
  </si>
  <si>
    <t>b"\xba\t{sjB\xd3\x08\x05\r\x04\x85\x9e\xd6\x1b1\xfeO$21O\x06'\xcd\t\xcb\xc89\xc7\xb0\xd0"</t>
  </si>
  <si>
    <t>b'\xd4\xbf2\\\x93v_\x8f\x83\xf8\xe0\xdc\x0b\xab\xf3\xf6\xc1\xbe\xc6\x19\x0c[\xb9\x99\xdb\xbe\xae\x99\xe3@\xd9\x8a'</t>
  </si>
  <si>
    <t>b'\t;\x1e\xdeI\x06\xec\x816.\xf4G\xc3\xbd\xdc\x9b\xbb\xab\x8f\xe6\xef\xc4\x05\xbdO1|\xb1\xea\xcb-\xf0'</t>
  </si>
  <si>
    <t>b'6\x9c\xd9\x80\xda\x12\xa55\x8d|\xb5Ua\xb7}\xd9\xd0\xe7:8\x9eOi;/\x81\x94U\xf4\xf1@\xe0'</t>
  </si>
  <si>
    <t>b"Z\xa3\x0e\xbe\xa9\x18\xec\xb7\x8a$\xdf\x12\x89\xc1u\xc6\xe7az\x11\xed\xbb1\xfd;\xd2\xe8\xb6\x0e'\xdc\x8f"</t>
  </si>
  <si>
    <t>b'\xbc\x12\xfb8N\x81\x82\xc4o\xa19\x00d\xe0R[\x08\xedq\x13\tUs\x121~\xc2\xea\xe4\x85\xe0o'</t>
  </si>
  <si>
    <t>Debt Consolidation 2012</t>
  </si>
  <si>
    <t>b'\xa2\xee\xa0\xd7\xa8\xd9\x14&lt;\x9f\x9ey\x19\x83Cfz\xeej\xe0.\x9f\xdf\xe9+\xd2^\x14+.\xb9\x06\x9b'</t>
  </si>
  <si>
    <t>b"\rR'\xb2\xf0\xbcl\xc5Oz?\xbd\xad\xa7\xfet\xfe\x9d\xf2+\xc2k\xfbY4\x1a\xc9\x16\xd5V\xb3 "</t>
  </si>
  <si>
    <t>b"\x91\x93\x08\xaf?\xcbl\x8a\x10\xec\xbd'\xb6j\t\r\xc6\xd7=\x11B\xbc\xec\xf37\x83;\xf67\x8f\xce\x8e"</t>
  </si>
  <si>
    <t>b'P\xd4\x18b\xbf\xe5\xd0\xb7\xa5J\x9e\xa0TQNF\x00T\xba\xe6\xc9rT\xf4\xa6\x9c_u\xc8\xd3\xb8\x89'</t>
  </si>
  <si>
    <t>loan 1</t>
  </si>
  <si>
    <t>b"\x00\xdft\xb2\xde\xa7\xc7\xb9\\\x0f\x92\xdc\xe8\x82\x81'\xb9\xaa[\xf3\xb9L\xcb\xee\xc3JCG\x80 4\x96"</t>
  </si>
  <si>
    <t>LAST PLEASE</t>
  </si>
  <si>
    <t>b'\xda\x07\xdd\xa6v\x0e\xf4\xfb4\x97dro\x8c\x01\xe5\x16n\x99 ja!\x90{\x03\xcdz-vn\xca'</t>
  </si>
  <si>
    <t>b'!\xe6\xecn\xfe\xb7\x90\n\x97N\xca\xde(\xecRi(2\xd0\x93\x84\x83U4\x0e\x91\xd3\xbe\x0b\x9b(\xd6'</t>
  </si>
  <si>
    <t>Consolidation / Home repair</t>
  </si>
  <si>
    <t>b'0tae\x01c\xc3\x11\x83)S\xf97\xdb\xdf\xf0}\xce-\xd4\xce\x83\x83\x1b\x13\xdd\xce\xd7\x0f\xf8\xefu'</t>
  </si>
  <si>
    <t>b'\xac\xf9\x92_\xfa\xe0\x83w\x89\xca&gt;\xd5\x9bYA\xfa(Z\x93?\x08`\x89R\x10\x1e\t\x9aC\x8aw\r'</t>
  </si>
  <si>
    <t>Debt Relief / Consolidation</t>
  </si>
  <si>
    <t>814xx</t>
  </si>
  <si>
    <t>b'\xd0a\xbc:Ympl~\xe5\x88"\xe9"\x06_\xa5\xe2[)\x81\x0eVn\xe9\x08\xedyn!\xd5}'</t>
  </si>
  <si>
    <t>b'\xa0\xa4mLk\xb4[\xb7*\xe0\xad\xb1\x19\x11\x0f\x7fX\xf3\xee\xe6{\xf5\x9d\x02w&gt;#I\xe2\x03`\xf8'</t>
  </si>
  <si>
    <t>loan to help</t>
  </si>
  <si>
    <t>449xx</t>
  </si>
  <si>
    <t>b'\xc7a\xf4o\xc0ulx\xb4\x08r\x13\x0e2&amp;ScM\x94X\xb4\x94\x98i\xb4\x0bLRC\x92\xc9:'</t>
  </si>
  <si>
    <t>b'\xf8\xa6\x85v;\x0eU\xa2{\x90\xfa\x10X\x13\xf7z\xea\xf8\xbf19\x00\xd9x\x19\xdc\xac\xaa\xc7\x9aO\x9d'</t>
  </si>
  <si>
    <t>b'\x92\xa1\xf6`\xfc\xfelT\x83\x18A\x04\x93\x1bs\xc5\x94\xe4\x1c\xb4\x05\xce \x828\x1bfm{\xd1ob'</t>
  </si>
  <si>
    <t>IAlwaysPayMyWay</t>
  </si>
  <si>
    <t>b"\xefubL]\xcd\x90g\xf4\x15'\xa5L\xe0?0\x1eG\x88^z\x90\xa4q8m|z\xc9\xf3x\xf2"</t>
  </si>
  <si>
    <t>b'\xf3\xab\x1e\xcb\x0fCl\xa5EEO\x0c\xb5,\xfb\x9b\xac\xcb5\x91\xa9\xc5\x87\x9a~2G~\x8e\x99\xf3O'</t>
  </si>
  <si>
    <t>b'\xaf\xc0\\:j\xb2"\'\xd5\xfc\xb1\xdb\x9e\xf3\xc4#\x88:\x1f=&lt;\xb71\xb6 p1\x1c\x9fw#\xfc'</t>
  </si>
  <si>
    <t>594xx</t>
  </si>
  <si>
    <t>b'r\xe7\x19-K\xd9RM\x8cD\x96I%\x18KX\x137b\xfd:\xf4\xdd\x86L8\xa1\xe2\x81\x8erj'</t>
  </si>
  <si>
    <t>b'\x83\x9a\xe29\x1b\x98\xc6v\x90\xcfI\xb61\xa1&amp;\xf3/\xa8\xa6 \x95\x1fd\x84\x1auaX\xc0p\x84\x83'</t>
  </si>
  <si>
    <t>b'\x9b\xf6\xba\x15\x89\x93P\xfd\xf3\x84\xc7"\xf9H\xddba\xfeW-\xc7\xca\x99 q\x9e}\x0f\x15\xa8\xcc\xf1'</t>
  </si>
  <si>
    <t>All debt wrapped up into one payment!</t>
  </si>
  <si>
    <t>b'\xa4\xbf\xbe\x98|\x01\x15p\x12\x17+\x92\x06\x9d\x8d\x8d\xfd1\xcb\x15\xefkfQ\xe8\xf0\xd7\xf3m\xdfy0'</t>
  </si>
  <si>
    <t xml:space="preserve">Credit Card Debt </t>
  </si>
  <si>
    <t>b'5\xad^\xb2\xc2M3}\xb5u\\\xc9\xe6\xa3ag\x1a\x18\xb0\x17\x0e\xf3\xd6f\x07\xaep\x80N\xc2\r\x04'</t>
  </si>
  <si>
    <t>b'\x8c\x19Fr\xd3\x9b\x10\xb2K\x8b\x86\xb2\x14u\x9c6\x1c#\xef\xa2\xb8\r\xac\x7f\x06b\xd8\x9a]j\xbb\xa1'</t>
  </si>
  <si>
    <t>b'\x9f\xe9C;\x1d\xaf%\xd3o\xd4\xc8\xe2wQ\xca\x17\xddY&amp;/\xbb\xc5isFF\x81Z\nU\x93\xe3'</t>
  </si>
  <si>
    <t>851xx</t>
  </si>
  <si>
    <t>b'0e\xe3{P{\x91\x96H\xf8\xf4`V\xd4|\xe1\xd5\xcd\x8b\x8e\x9a\x89\x8ew\xbf\x93G\xbb\xfb%\x82\x8a'</t>
  </si>
  <si>
    <t>b'\x06\'%\x14\x08\x97\x99m\x19\xef\xff\x81\xfa\x02\xd59[\x83S\x97\xad\xf9"\xfe\x02\x0f\x96\xeb\xef\xe5Z\xb0'</t>
  </si>
  <si>
    <t>b'j\x07\xd2\xd8\xde\x04\xd7\xb3\xbe\x0b\xa7u\x14\xd6\x08c\xe7\xe8\x12\xf6\xd0\xa2x\xc85*\x83\xcfV\xc83S'</t>
  </si>
  <si>
    <t>2013 Credit Card Reduction</t>
  </si>
  <si>
    <t>b'cz&lt;Z\xf7D\x7f8\xdc\x98\xb3\xb9\xe1\tw\x95&lt;Y\x8f\xfc\x9f\x9d\x87\xcc\x8a\xb5\x8c\xee\xb04\xd4\x98'</t>
  </si>
  <si>
    <t>home -upgrade</t>
  </si>
  <si>
    <t>b"\xd8y\xd1\x04\x9a\x1dDS\x95~,Qp\xf2\xed@\x14Y\x14'3\xedG\x8aFv\xb3n\x0e\x90\x7f\xf7"</t>
  </si>
  <si>
    <t>b'\x1a\xbbG\xd2\xfc\xc2\xe29jL\xb2H^\xc5\x87\x9c\x1c\xda\x90\xe7\xd2\x84r~W\x9ac\xaeg\xb5\xb8\x85'</t>
  </si>
  <si>
    <t>b'oe\x87\x87\\zx\x96\x001N\x19&lt;\x83~\xd7\x92\x81\xfe(\xc8d6^\x8a\xf3)F\x8d\xbd\x93\xd7'</t>
  </si>
  <si>
    <t>227xx</t>
  </si>
  <si>
    <t>b';\xb0x\xe1\x9d\x95\xc1\x17\xf3\xdaH\x9d-,\xeb2\xb1\x14\xc9\xf5J*\xf2\xd7\xeeq\xdc#\xda\x84\xe8\xe0'</t>
  </si>
  <si>
    <t>b'4?H\x8a\xfb\x11j\xd6/\xf1\rC\xedPU\xe2&lt;P d\xc1\xd3\xfd\xd0\xdb\xd7\xe6\xcb\x8e\xa7\xc2F'</t>
  </si>
  <si>
    <t>b'5C"\x04\xed\xd9D|\xd3(\xde\xd6\x82+\xee\xb4\x9a\x15p\xf0\xe8\xc7\xb8\xd8\xfc\xe7n\x96(&gt;\xb6\xb2'</t>
  </si>
  <si>
    <t>b'\xc5\x9cW\nqA\xe4\x11\xc0\x1e\x90\xd8\x89\xb9d,_E+\x18\xe4\x9d\x1e\x89Yj\x06yJMu\xe9'</t>
  </si>
  <si>
    <t>Payoff debt plan</t>
  </si>
  <si>
    <t>b"Vvoo'1e\xed\xed\xcb\x1f\x05iJN\xd3\xafPU\xfa/\xd2O\x18P\xa1\xe4\xe8\xee\xca\xf2}"</t>
  </si>
  <si>
    <t>437xx</t>
  </si>
  <si>
    <t>b'\xc6\xb97Wm\xea\x7f\xba\xfc\x85\x9aO\x83\xe5\x8e\x08\x8d\xb4veX0\x89N]u]3\x8e&gt;^p'</t>
  </si>
  <si>
    <t>b'1\x97\xf4F\xb9-+\x90\x97\xc7\xa9L\xe88\xc5\x17\xee\xaa\xe4Cq\x8c0`\x16\xb5\xe3N\x0c\\9\xcb'</t>
  </si>
  <si>
    <t>b'\xb9D{\xb9\xfc\x82\x06\xff\xe6@\xda\x92\xfd\x126\xc8_\xa7E|\x93r\xe0\xc2\x8d\x0e%\xfd\x00%\x12\xaa'</t>
  </si>
  <si>
    <t>freedom loan</t>
  </si>
  <si>
    <t>307xx</t>
  </si>
  <si>
    <t>b'\xca\x82c\xa2lF\xb3\xf5\xb4\x05\xe0\x83\xa4\x9d\xdc\x16\x9f\x08\x8a\r\x8a_h\x90\xafL\x18YYz\x04\xd5'</t>
  </si>
  <si>
    <t>home improvement loan</t>
  </si>
  <si>
    <t>b'\x96S\x00=\x98\x0e(z\xd3\xd6\xef)/\xd9\x97\xcb\xea]\x11\xab\x82\x95YG|\x8e\xdc~L !\r'</t>
  </si>
  <si>
    <t>60 Month Personal Loan</t>
  </si>
  <si>
    <t>b'.f\x10\x9c\xcc\xd7\xbax"\x12\x84DL{\xa2h\xd5\xc9\xa15\xb8\xa1\xf27Bq\xe0p\xecas)'</t>
  </si>
  <si>
    <t>b"\xd4\xccR\\K5\xc4\xd4`Y.;\x89\xc9\xd7JQ\xc6WN\\w\x9d\xcdi\xbf}&amp;\xba'X\xc0"</t>
  </si>
  <si>
    <t xml:space="preserve">Credit Card refinance </t>
  </si>
  <si>
    <t>443xx</t>
  </si>
  <si>
    <t>b'4\xd3s77;tg\x0c,\x15j\xdc\x04\x8f\xb5c\x00x\xc9\xb7]\xc2\xc6\x96\x899\x89d\x14\xd9`'</t>
  </si>
  <si>
    <t>b'\xab\xaa\x11u\xcc\xe8\xc8\x9d\xf6\xca|\r,C\xc5\x94\xed\xf10[*a\xb2)\xd2\x987\xbf\xaa\x9aO\x8d'</t>
  </si>
  <si>
    <t>b'\x08\x9b\xe9\xcf\xa7$\x1f\xc1&gt;\xdf\xd8\x84K`\xceM\xca\x1a\xa7\xfa\xa2\xa3.\x82\x15\xd4\xfa\xeeF\x90#\xc1'</t>
  </si>
  <si>
    <t>b'\xbaf\x7fL2#\xb2\xa7\xf9\xa5\x94\x05m\xf2\x80nRc\xba\x88o@M\x8dH\xe5\xffb\x97\xfa\xfcy'</t>
  </si>
  <si>
    <t>CAPITAL FUTURES</t>
  </si>
  <si>
    <t>931xx</t>
  </si>
  <si>
    <t>b"#FOR\xe5U&amp;?\xf4\xec\xaa8\xb0W\xcf\xcd\xd5\xba\xe2'\x1c\x11\xa38\xaf\x01\x98\xe0\xa8\xb9\xb8\x85"</t>
  </si>
  <si>
    <t>b'\xb3H\x07]_"MA&amp;_Z\x0b\x82\xe2\x10y\xed6\x1b\xff~nf\xfa\xdf3!cbW\x81S'</t>
  </si>
  <si>
    <t>Payoff my debts</t>
  </si>
  <si>
    <t>b",\xc8\x9fF2\n?\xab\xe2m/\xfcy1\x0e`'\xbf\xabO\x93\x1a\xfe\xf5\xff-\x05]\xa8\x18\xc4\xe7"</t>
  </si>
  <si>
    <t>b'\x0f7\xda\x9f\xbdz\xb4\xba\xe2\xaf\x0c\x96\xc5&amp;\x97\x8e(\xec\xa6L\xb8\xde\x13E7s\x8eE\xbav\xf7\xae'</t>
  </si>
  <si>
    <t>b'!$l3\x98C\xc8\xd95\xd1J\xf7\x87Z\xf0k\x1c&amp;Q\x85YZ\xfd\xab\x179$\xb1\n\xbf\x9a\xd0'</t>
  </si>
  <si>
    <t>b'\x82\x0c\x1ec\x8f\'\xe3v\x0b\x88\xb0\x85\xd6\xab\xab\xd3\x05\x9d\x92\x93\x8b\xd3b\xd3\xcb9"B\x9b\xb1\xec\xf1'</t>
  </si>
  <si>
    <t>609xx</t>
  </si>
  <si>
    <t>b'\x80h\xc7\xce\xa4\x9e\x96\xdf\xaa\xd6U\xe8\x8e\x1b\xcaq\x7f\xdd\xf8\xe7\xebQ\x91\xe7\xe7\xe9\x87\xdf\xed`\x15O'</t>
  </si>
  <si>
    <t>032xx</t>
  </si>
  <si>
    <t>b'\xe5$EG\xee\xf1\xae\xc1\xb0k\xcc\xee?/{\xaf\xde\x84\x19\xa5=\xe9\xbe\xea\xdf\t\xe8\x86\x97\x89\xc4\xe3'</t>
  </si>
  <si>
    <t>b'\xc9\xab\xf4\xee\xd7\xfc\x8b\xd7%AO\xb7\x8e\xb8\x9b\xab{\xe6\xc5#\x00\x1c\xa8\xe1\xe1\xc8(Q\xdfQ\xe8D'</t>
  </si>
  <si>
    <t>162xx</t>
  </si>
  <si>
    <t>b'\xb2\xc5\xb7j\xd5\xa2`\xa1\xad\xd9t\xc1$\xb4(l\x92]\xcc\xd1,\xd9\x03\xfb=4\xb2rH\x81\xb9W'</t>
  </si>
  <si>
    <t xml:space="preserve">Consolidate Credit ! </t>
  </si>
  <si>
    <t>b'TNJX\xa9\x07\nc\x08\xf9"/\xf3\xeec\xd4\xf7\xea\x9bW[K\x9f\xc8\x97\x82\xd0\xce\x1b\x8d\\R'</t>
  </si>
  <si>
    <t>231xx</t>
  </si>
  <si>
    <t>b'\xe4\xf2\xd1\xe7\x08B\xb7Z/\xe8/\xa2\xc5\xa7\x99-\xb5\x01\xf4kTS\x95\xd0\xad\xfc2\xe2w\xaeL\xd0'</t>
  </si>
  <si>
    <t xml:space="preserve">debt </t>
  </si>
  <si>
    <t>b'&gt;\t\xc5\x15]}YK}\x92\xb5&gt;\xc2\xb4b~XQ\x1e`\x84r\xc5|&lt;\x87\xceY\xa9M\xd7\\'</t>
  </si>
  <si>
    <t>DEBT FREE</t>
  </si>
  <si>
    <t>b'nIrNW\xb5A\xcf\xc2(\x8e\xa2\xdd\xa8\x81\x93\xf4\x17\xc0\x97\xd5\xf6!V\x08\xbb\xfd64\x94\xca\x01'</t>
  </si>
  <si>
    <t>565xx</t>
  </si>
  <si>
    <t>b'\x07o\xb9\xe1\xe9\x9dI0\x85\xfe\xa5\x1c\xb0\x93B,\x9a63\xdbxJ\xd8\xe1F\x0f\xa8\xd6\xc8xQ\x0b'</t>
  </si>
  <si>
    <t>b'r\x13\x8fbb\xd6Fb\xc7\x18\xb6\xf1v\xf4\x13\x00\xfe\xc2\x1b\xaf\x14&gt;EZ|Y\x87\x18\x88\xbd#,'</t>
  </si>
  <si>
    <t xml:space="preserve">Consolidation </t>
  </si>
  <si>
    <t>b'Q\x02l\x8d\xa3\x1f\x903s\xca\x85\x9eUK\xcd|\xb9\xe6\x85\xf1\x19\xbe\xb7\xac\x0e\x99\xd7\xadi\xa3:5'</t>
  </si>
  <si>
    <t>b"\xdf\rh\xbd\t7'4\x04\xaejH\xc4\x19\x1f\x87\x97\x04\xb3\xbdw\xc26\xd3\xb9\xffs\x88\xf1\xbd0 "</t>
  </si>
  <si>
    <t>b'\x8a\x7f\x96\x92\x8f\xb3g\x1a8\xb9\xe5\xef\x11\x10\xa1\xddMIg\xbf\x7f]y\x8e\xb3.4Pz\xbf\xa4\x1c'</t>
  </si>
  <si>
    <t>b'\x8a\r:2\x9a\x90\xb3\xd6W\xea\xab@\xcd\xa0\xedN^\xc7\x88\xbc\r\xdd\x87\xffl\xcc\x19KB\x16\x85\xa3'</t>
  </si>
  <si>
    <t>b'M\x02\xdb\x1f\x83\xa8\n\xb8\xb41h\xe4S\x1f\xf5b"\x84\x0e\x96\r\xf1\x9c\xd8l3\x92NA9\x15\x18'</t>
  </si>
  <si>
    <t>b'\xf6\x85B\xa7\x8b\xa1\xcfQ\x82\x0f\x9b\xad\xf8uN\xa8\x14\xfe;\x8e\x82^\x92\x16\x8a\xd5\x8d\xba\xd2H\x91G'</t>
  </si>
  <si>
    <t>b'\xa5\xc7\r\x82\x16\xf2\xa4\xbf\xe3\xcb\x11\xd5\xa0\xe7z,\x1c\x12\x87\x85C\x99\xeb\xc3\xe6\xe5&gt;I\x06\xe2\xbf\x92'</t>
  </si>
  <si>
    <t>b'M\xfeo\x07s\x97\xb1\x1b7{wo\x1e\xf9A\xe8\x08\x04\xab\xc1&amp;K\xdci\xa8\xcc\r@.\x7f\x87\x0e'</t>
  </si>
  <si>
    <t>Lost in debt</t>
  </si>
  <si>
    <t>b'y\x82\xee\xc7c8\x1f\xc5\xa3\xc1\xd3\xa1b\xb3\x8e+C{\xc2\x96b\xda\n\xf3\x11\x89e\x0ed\x06\xaey'</t>
  </si>
  <si>
    <t>H. Improvement Loan</t>
  </si>
  <si>
    <t>b'\xbdW\x903\xa0\x0c I0LV\x05\xfbA\xca!|\xd6\\\xbb8.5\xdd\xcf\xd8`\xce-\xfbOu'</t>
  </si>
  <si>
    <t>Payment help</t>
  </si>
  <si>
    <t>152xx</t>
  </si>
  <si>
    <t>b"\xdfgL'$j\xce\xe7\x82)O!\xea\x8bEC\xd7\xedM\xcf\xf2@\xcee\xa60\x7fw!J\xdc\xfe"</t>
  </si>
  <si>
    <t>Path to zero debt</t>
  </si>
  <si>
    <t>b'\xf8\x8c\x1c\x1c\xbfNK\x8a\xf6\xa5\xae\xf0\xb9kO\n\xbfS\x9bm:D\xbf\x08\x16\xfa=\xeb\xdc%-\xd6'</t>
  </si>
  <si>
    <t>b'\xb8{H\xce\xf2Z\x17\xca\xed\x86\xac\x1b^\xb0\x97ux&gt;\x0c\xc5A\x08&gt;5PV\x895P\xd7\x8f\xb6'</t>
  </si>
  <si>
    <t>b'\xf3&gt;\xa2\x1a\xf8\xac\xdcpZ\x15\x87h\x15Y*\ral\xe0\xa1\xd9J\xb1v_\xc6S\x82\xc3w\xfc\x0c'</t>
  </si>
  <si>
    <t>2013 Consolidation</t>
  </si>
  <si>
    <t>930xx</t>
  </si>
  <si>
    <t>b"\x92\x8e7'\xe0\xb7iU\xb6\xd2\x93\xfb\x94\xb1\xb1\x91\xf9ee\xbd\x9ef\xc8\x190\xeb[t\x8f\t\x06\x90"</t>
  </si>
  <si>
    <t>b"\xa6\x16Ghb\xa8\xb1\xbd/\x83);\x9b\x1d\xb0{\x9f\x01J\xd1\xa4\xea\xb6\xaf\x89\xa2\x9c'\xd0\xa3d\xa5"</t>
  </si>
  <si>
    <t>Debt Reduction Loan</t>
  </si>
  <si>
    <t>b'\xd5\x9f\xfdW\xdaK\xad\xc3%^\x94\x0c\x02\xf8*"~\x7f\x83\xda\x13\xf9\x87\x8c\xf3\x06\xbc\x8a\x07l\xa9\xb0'</t>
  </si>
  <si>
    <t>b'\xfd\x87\x14\x9d\xd3\xa3\xa3z\x18a\xe9\x01Za\xe3\xc6\x97\xe7\xe0=\xd2/\xd8V9fZ\xb8\xd3;\x87\x11'</t>
  </si>
  <si>
    <t>Home Improvements</t>
  </si>
  <si>
    <t>b'XN\x85\xfa\xfe\xaf/zG\xf9\x95\xb4\xf7\x1c\xe2\xd4\x9bs\x15\x17\x8a!KA4\x8a\xdfr\xa2\xd8\x86)'</t>
  </si>
  <si>
    <t>b"$Hb\x06\x7f\xe9T\xbc=\xab\xe5\xe5V\x01g\x1c9\x00'\xe5\xfa&gt;\xa9\x10\xf9\xc8j\xc7\x1c\xc8\x156"</t>
  </si>
  <si>
    <t>Moving</t>
  </si>
  <si>
    <t>b"'\x91\\\xf0\xdc\xf9\x8f\x03\xe8\x99-\x9bQlU\xbf\xaa\nt\xf2o\xdb\xea\xd6z\xf1\x00\x81fw\xa3\xcc"</t>
  </si>
  <si>
    <t>small loan</t>
  </si>
  <si>
    <t>b'&amp;*\x1dz\x07t\x98\xb8@^,\xec\xe0\xf5\x7fH\xb4F\xb3\xf1\x91\xf9\x01\xa7\xab\x9a\xe7Zk\xc7\x00&lt;'</t>
  </si>
  <si>
    <t>Closing High-Interest Card and Loan</t>
  </si>
  <si>
    <t>209xx</t>
  </si>
  <si>
    <t>b'~\xb9\xe9\xf7\x14w\rI\x1f\x0e\x03YF\x8a\x97\x0f\x90\x13e\x10%V\xf6jq\xda\xa1\x02\x10\xed\xe6\xcf'</t>
  </si>
  <si>
    <t>b'\x81\x05w=#7\xcfj\x8b\xde\x17,\x9aoG\x92\x8dQ\xe3\xfb [2\xa3X\xe2\xd9tw\x14w|'</t>
  </si>
  <si>
    <t>b'\xacEE\x86\xa9\xabnW\xe9=\xb2\xf9c\x01\x82\xa43U\xe3\x16\xd9\xf4\xa0}S\x81JI\xf6\xf4\xb6C'</t>
  </si>
  <si>
    <t>128xx</t>
  </si>
  <si>
    <t>b'\xab\x90mW\xc6\x1at\xe9\xc9\xc68\x9d\x92\xde\xfc\x97\x97J\xe9b-\x93&gt;h\xce\xc7\xa8v-\xcb\xc9\xe2'</t>
  </si>
  <si>
    <t>CC Debt Consolidation</t>
  </si>
  <si>
    <t>b'f\x04\xd8xw\x13y^eg\x81z\xe8a\x1d\r#%\xbf&gt; \x8cY\n\x808\xdd}\xd0\xa5\x8d\x95'</t>
  </si>
  <si>
    <t>helpful</t>
  </si>
  <si>
    <t>b'GL\xd6\xc3\x96&gt;8\x9e\xa6\xa8Hi|\xf3Pb!W\x96\xcb\x86\xc4&gt;\xc2\xd6\x91\xd3\xdazL\xdd\x1d'</t>
  </si>
  <si>
    <t>b'\x88h\xf6\x81t\xf0\x7f@k\xfd\xcdG2\x9a+v\xfa\x17fq\xdf\xbb\xde\x14\xab\xc8=&lt;\xf2\x97\xd5\xa6'</t>
  </si>
  <si>
    <t>pay off credit cards</t>
  </si>
  <si>
    <t>b'\xb4=\xb9\xcf\x8e\xee\xb6;\x13(\x0f\xc3\x88\xaf\xe5\x94A\x8e\xfb\x03\xfd\xc0\xc1\x86=\xf1e\xb1\xf7\xea\xd0\xe3'</t>
  </si>
  <si>
    <t>Car financing</t>
  </si>
  <si>
    <t>b'^\xe4z^\xc5\xb0\xd9\xeb\xa6\x0f\xca\x0c\x1a\x08\xd0\x08T\xa1\xc13A$\x82\xdc\x0c\xbc\xb99\r\x07\xb6\x83'</t>
  </si>
  <si>
    <t>Auto Loan Consolidation/Refinancing</t>
  </si>
  <si>
    <t>b'\xed\x1c\x15H\x89\x05^\xd32\xce\xb1V\xa6\x89\xa8\x89\xdaA\x98=\x8bH\xa6U\xb7H\xe9\x85TWY\xe5'</t>
  </si>
  <si>
    <t>b'\x81\xde\x16\x85\xfd|n\x04mi\x1f\xaa\xae\x10\x93C7\xa0\xf6|\x13\xc5M\x01T`\xfd\x9d\xe5\xeai\xbe'</t>
  </si>
  <si>
    <t>b'w\xeb\xf2\xbd\xa3:\xd9\x9b\xf7\xa56h\x99\xfa#\x8f*\x0e\xa9\xb2\xe0\xa9\xfe\xdc\xa6\xacq\xce\xdc\x82\xda\xfa'</t>
  </si>
  <si>
    <t>catching up</t>
  </si>
  <si>
    <t>b'\xdc\x15\xc1\x9c^11\xebm\xe2hy\x0c\xceC0\x902\x95liI\x9e"A\xb4\xd1\x18q|B\xb2'</t>
  </si>
  <si>
    <t>b"\x10\xcei\x9d\x8b\x1b/\x83\xf0d\xeb\x80ss%\xf5\xfd\xd2\x86t[\x98\xa9h\xdb\x8b\x13'\xa4+%B"</t>
  </si>
  <si>
    <t>b'@\xe0\xc3\x1a+\xe9j\r\xee\xee\x98I\xd7s\xa0\x9di\x04/\x11\xe6Q\xf4\x15E-;=\x99\xb2\x0c\x87'</t>
  </si>
  <si>
    <t>b'\xdaVu\xc4\x8c\xd2\x9dh\xb9Z\xe2F\x02\x93m\x8cTu\xd0\x9c\xf3&amp;\x93\x12\xb0Z\xd7)\x10\x04\x98\xb6'</t>
  </si>
  <si>
    <t>traveling to vietnam</t>
  </si>
  <si>
    <t>b'\xef\xbf\xd7\xc7Y\xc2\xe8f,\x163Z\x8a\xd2s\x91\xb5\xb4%\xc3.\x94\xca?\xc9\xb1\x91n\x13\x85j\x12'</t>
  </si>
  <si>
    <t>Move to MA</t>
  </si>
  <si>
    <t>b'l\xb0H6\xf2\xc0e\xa7\xb3\x9dUi\xb3\xa4]JqCS\xde?\xff\x81_\xac\x85\xf9d\xde\x0f\xc6\x85'</t>
  </si>
  <si>
    <t>Consolidate Credit Card Debt</t>
  </si>
  <si>
    <t>b'\xb1\x89\x93\xfc\xfd\xed\xaeQ\xb4\xc8\xe4\xabV\xeeD\xc9\x0b\xa4f\x96\xfa5\xac\x80;\xa6\xfc\xb5\xbc`\x18\xfd'</t>
  </si>
  <si>
    <t>DynaFund</t>
  </si>
  <si>
    <t>b'\\\xb7\x15\x1fJ\x06\xff\xd2\x12\x01\xd1\xea\xfe3\xf4\xdar\x84\xfdH)G,ba/I\\\x0ei\x9f\x8a'</t>
  </si>
  <si>
    <t>b"t\x911\x8c\xe7\xee\xc3\x82\xc5'\xbb\xe3\x1a\xde\xda\xb64\xd0;m\x88I&gt;\x9eh\x12\x1e\xb5\xc8:\xcd/"</t>
  </si>
  <si>
    <t>Credit Card Refinancing</t>
  </si>
  <si>
    <t>b'\xa5Ma\x9d0\x12\xa0~\xfa\x03\x1cr1H\xba\x8c\xb4\xde*\x8a\xba\xf6-5w\xd7\xe5\x93e\xf4\xb7\xd6'</t>
  </si>
  <si>
    <t>Short Term Loan</t>
  </si>
  <si>
    <t>b'\x05\xc4\xef~\xae\x8d\x8c\xadA\x04o\x010\xb4\x93\x133|\xea\x99\t\xc3\xc4\xbe\xc2oy\x946\xb4\xbd\xd9'</t>
  </si>
  <si>
    <t>Responsibly Refinancing</t>
  </si>
  <si>
    <t>156xx</t>
  </si>
  <si>
    <t>b'\x98\xc0\x12\xb4\x00\xb1H\xcca\x04Z\x9dfLR\xc5#\x9f\x17\x9cC\xb5\xf4\xf34\xa7\x8f\x9f\x04\xb0\x17\xc6'</t>
  </si>
  <si>
    <t>b'\x8f\xf8\xa9&amp;~,\xbb}\xc4\x07\xe8\xc2\xc4s\x9fVs\x87\xc8\x14\xb7;\x92\x0c_\x96\x1dG\xe1\xdfK('</t>
  </si>
  <si>
    <t>No More Credit Cards!!!!</t>
  </si>
  <si>
    <t>936xx</t>
  </si>
  <si>
    <t>b'\x12C\xc5*\xa4Ez\xaac\xfa"z\x0cF\xab\x95\xb0\x13\xde\xae\xd5\xb3\xb9\xb8\xe8\x97\x08\xcc \xa7\x84\xe2'</t>
  </si>
  <si>
    <t>american express</t>
  </si>
  <si>
    <t>b'\xf3\'\xa6q9\xa8qe\xdd\xb8\xde\xea\x87\x91\xee\x7f\xa5\x97\x07"\xa6vy\xabFk\xf2M\x7f\xc2\xdb\x8f'</t>
  </si>
  <si>
    <t>b'\\\xbb\x95\xe0\xd5\x1a\x1a\xee\xcf\x94\x1f\xf2p9\xc5(\xb3\xca=\xe4\x82\xd0+\x89\xc1\xc7\x9av\xd7\xc5yW'</t>
  </si>
  <si>
    <t>825xx</t>
  </si>
  <si>
    <t>b'\x9f\x03\xea\x0cJh\xc7\xa0(\xb9\x93J-L\x94\x06\xd4A\x9f\xbdD\xac\x91g:\xf9&gt;\x9bNW@w'</t>
  </si>
  <si>
    <t>b"\xe9\xbf\x93\xf8#Q\xca\xea\x0bk\xd7\xf8Z'\xad\xf9/\xcb6\x92\x7f7\xe5\xa2\xf9\xc3\xa4\xa7\xd8\x82\xfbR"</t>
  </si>
  <si>
    <t>Debt consolidate</t>
  </si>
  <si>
    <t>b'S\x90\xb4\x89S\xf8`d\x9c\xb59\xef\x94\xb0\xea\xd4\x89M:3\xf5P\xbe\x1b4\xac\xfa=Ux}\xa6'</t>
  </si>
  <si>
    <t>b'\xf35\xb6\xf1\xe1I\xfda\xbcsh\xed\x98o\x94\xb8\xc9W\xacF\xdb\x10\xee\x06\x0e\xad\x9e-\x90\xac\xd7\x14'</t>
  </si>
  <si>
    <t>b'\xd0"\x00;\xc4\xb1U\xaa:Y\xfc\xb0\x1e\x17\xb6Ag^=Z\x02\x8dO8\x15\x1d\x8d\x81\xaf\xbaS\xca'</t>
  </si>
  <si>
    <t>Investment</t>
  </si>
  <si>
    <t>b'dP\x81J\xe8\xa9u\xafR\xa6\xba\x9e\xb3\xff\xfe5\xa6\xa9+_\xe2O\xeb|,\xc7{\x96Req\xce'</t>
  </si>
  <si>
    <t>562xx</t>
  </si>
  <si>
    <t>b'\xd2\x16\xd8M@(\x84^A\xc5\x93\xfb\x14\xd5[4)\xc2\x1c\xe4F\x1fy\x1bF\xb7\x04\xfdN\x8dl"'</t>
  </si>
  <si>
    <t>b'\xd1\xfcl\xd2x\x9fC4\x9d\xf2CDH\xaa\x1c\xc8V\xe8\xa4l\xfe6Z\xc3\xfc5x[SP\xca\xb1'</t>
  </si>
  <si>
    <t xml:space="preserve">Refinance debt </t>
  </si>
  <si>
    <t>757xx</t>
  </si>
  <si>
    <t>b'\xed?\xaa\x0f8\x7f\xc11/t\xc2\xe8\xa5\x04\x1c\x8f\xdbh\xef\x9bBG\x1d\xf5\xb0/\x81gC\x15\x94T'</t>
  </si>
  <si>
    <t>Credit card repayment</t>
  </si>
  <si>
    <t>b'\xe2\x8e\x02\xd5\xa2\xae\x1f\x1e\x98\xbfj\xfc\x0b\x1f\xe3\x16\xf2~UF\xdb0\x02\x0e"\xfeo\x10\x15\xf2\x01\x0b'</t>
  </si>
  <si>
    <t>Wedding Expenses</t>
  </si>
  <si>
    <t>b'0\xa1\xd1\x10\x18\xaa\x99/\x9cr\xa1\x94\xb3\x8f/T\x0f\x95\xe9\xf1\xf2\xeb\xb1F7\xb1j\x86b\x07\x93\xa3'</t>
  </si>
  <si>
    <t>Medical expenses</t>
  </si>
  <si>
    <t>471xx</t>
  </si>
  <si>
    <t>b'_vy=\xb4\xcfO\xed\xec\xde0i\x8f\xe3\xb1\xabn\x1bi\x8c\xb9\xc7\xc1\xc7|\x8c\xadw\x01\x1b\x0c\x1a'</t>
  </si>
  <si>
    <t>credit refiance</t>
  </si>
  <si>
    <t>794xx</t>
  </si>
  <si>
    <t>b'\x0eyz\xf0pO\x0cOZ\xe7&amp;\xf2j\\?\x89~\x8b\xc9\x08\xe5\xa8u=$k\xc4\x19t\xe1\xd2E'</t>
  </si>
  <si>
    <t>Credit Card Debbt</t>
  </si>
  <si>
    <t>b'T\x9d\x1d\xaa\xe1\x8a\x8a\x90\xb9\x93\xf5*\x8a:\xcf\x1b\xbf[h\xdat\x80\xf9\x08"/\x13 \xc2e\xcc]'</t>
  </si>
  <si>
    <t>Credit Card Payoff Loan</t>
  </si>
  <si>
    <t>b'X\xf5\xf0\xb9\x1f\x93\x10\xb6\xc0+\xdb\x06\x0bS\xbdF\xe9\xecM\xa2)eOt3\xe4\x1aK\xa9G\xd6\xac'</t>
  </si>
  <si>
    <t>988xx</t>
  </si>
  <si>
    <t>b'i\xfb\x0b\xd7\xb6\x17K\xe1\xc7\x9fl\xe9l\xb6\x8d\x11\x1c\x90\x9c\xf88\xb9\xfa2%\xb0[\xe1#t{y'</t>
  </si>
  <si>
    <t>debt consolidator</t>
  </si>
  <si>
    <t>b'{\x11\xb3\xa4\x15\x06L\xf6)!\x04!\xaf\xbb@d\xdb\xef\xc6{\xc7\xae\xec\x85\x90\xb0\xfb[\xc2f\x84\x7f'</t>
  </si>
  <si>
    <t>b'\xe4\xd2Y\x02\x85\'\xea\xf8\xaa\x9d\xae\x11\xab\xbe\xa6\xf0\x95"\x8f\xc6\t\xbeIM\x0bA\xed\x84\xa2P\x95\x93'</t>
  </si>
  <si>
    <t>b'\xc7\xb4\xe3[\xbf:\x9e\x92\xa7c\x1cM\x17@\xdf\xf5\x94\xb5\x81\x94\x07\xdc)\xea\xcc\xb05\xe6ai~\x1b'</t>
  </si>
  <si>
    <t>b'&lt;}u\x04\x01y\xfew\xf5\x95y!fO\xccM6\xcbw\xf5&amp;\xc2\xb8\xc0\xd7:\xb3\x81\xd5e\x16\x85'</t>
  </si>
  <si>
    <t>b'\xeb\x9d\xd2\xc3\x13\xe1\xef\xea"\xd0,\x1c&gt;\'\'n?\xb2\xaa=\x96\x92V\xd2\xf0\x12\xe0a\x81@\x8b\xc8'</t>
  </si>
  <si>
    <t>Credit Refi</t>
  </si>
  <si>
    <t>b"\xbc\x18\xcb$\xb3\x05\xe8wZw\x8e\xce'\xb4\x88\xa3\xcb6\n\xcdI\x8d\x00\x93\xa5\xb1F\xa1T\x91\x1e\xc3"</t>
  </si>
  <si>
    <t>No more high interest credit card</t>
  </si>
  <si>
    <t>b'\x16X\xcd\x16\x8c)\xae\x9b\xb21@A\x87@\x86\xd3x\xb3\x93C\xe77\x03\xc3\xe5g\xde\xa4A\xf2V\xde'</t>
  </si>
  <si>
    <t>160xx</t>
  </si>
  <si>
    <t>b'\x13/\xe0#\xa4\x8aN\xe1\xcbY\x91\x90\xab\xc2\xa9 LH)\xb2}\xdaJ7\x1a&amp;4\xa3\xc3\xea\xceH'</t>
  </si>
  <si>
    <t>b'\x8b-\xd3\x16\x90 \xc9\xe0\x10\x11v\x05)\x06\xbfd\x1c\x1a\x9e(\\\xc8\xf9\xc2:\x81\xffj\xc1I\x885'</t>
  </si>
  <si>
    <t>358xx</t>
  </si>
  <si>
    <t>b'\xaf\xbd\xba\xab{\xe7\xb9\xb2\x9e\x0f\xd6&lt;\x10#2\xf4P\x8e\xc3\x0cj\x7f\xedD\xae\x05\x99\xf0\t\xf5W:'</t>
  </si>
  <si>
    <t>Pay off Discovercard</t>
  </si>
  <si>
    <t>b'\x89\x8f\xc4T$\xb0\x05j\x1b\xdec|r\xb8\x83\x96\xa4^\x87\xf7Zw\x8a3E\xea\xd4Jsw\x1e\xd7'</t>
  </si>
  <si>
    <t>b'(\x88E;w\x8b\x8c&lt;\xb6!h\xf7\x08\xf7\x17\x9bz\x16\x89\xe4\xe0\xbc\xd1s\xe5\xcc\rE\xa9f\x81s'</t>
  </si>
  <si>
    <t>b'S\xd7\xc2\xc1)7n\x97\xf5\x9dt&amp;\xcb\xe4\xbe\xa7\xe1\xcfCZ\x14a\xf5N\x0eY\xd8O~\xec\xf8\x8a'</t>
  </si>
  <si>
    <t>b'\xfd:\xad\xc0\x8d\xb7\xb9\xbd\xd5d\rV\xd3\xe2(\xeeB\x91\xea7\xc5\x8b7\xb7\xbd\xa4\xab\x8a\xc7I\xa9\xde'</t>
  </si>
  <si>
    <t>LC Loan</t>
  </si>
  <si>
    <t>645xx</t>
  </si>
  <si>
    <t>b'\x17\x03\x1e\xd5\xc5T\x17\xe8\n\x12[\xe5\x10\xd3!\x14\x07}\xbb\xc4\xa7\x96\n\x99_[du\xdd\xd4\xcc\xdc'</t>
  </si>
  <si>
    <t xml:space="preserve">consolidation loan </t>
  </si>
  <si>
    <t>b'\x08\xca\xf1\xf4I\xc1\xa0:\x8f\xb8\xf3N:\xd8\xb6m\x1eiI\xb3\x19\xfb\xafV/\x002\xc3IdW7'</t>
  </si>
  <si>
    <t>b'z\x81\x9e&amp;\xe3\xb5\x91\xc7b\x97\x8e\x83\xf4~\xafs&amp;Qtzw\xd7\x8eV\x9fd\xe3\x1c\xbc\xb6[\xe2'</t>
  </si>
  <si>
    <t>Debt Consolodation Loan</t>
  </si>
  <si>
    <t>488xx</t>
  </si>
  <si>
    <t>b'\xf2n\xba\xa2\xc1\x8f\xc2\xc8*\xe9bQ\xd3\xf2\xd9u\xcdY9\x1c\x0e\xcf\xf8\xd5\xfe%6\xf6*4+r'</t>
  </si>
  <si>
    <t>Get out of Debt</t>
  </si>
  <si>
    <t>b'\xa2\xbd\xf6\x85`\x99\xc5\xf0\x0b\x0eJ\x95\xb9\x99y\xb9&amp;g`iPT9xN(\xc2\xd8\x18~\x80\x0f'</t>
  </si>
  <si>
    <t>dept consolidation</t>
  </si>
  <si>
    <t>b'\x19\xf4\x99\xcd1\x8d\xc5\x12\xec\xe4WDt\xd0o`h\xb5\xb1\xe8\xf3\x9e\xc3k\x7f?\xad\x92\xba\x10\xe7\x12'</t>
  </si>
  <si>
    <t>b'\x99\xa0m\x05\xd7\xb8\xa0\xe1\x80Q\xb4s5p\n\\\xba)1\xc0!\xf41\xee)\xd8\xf3\xc4\xb3\xcc\x03*'</t>
  </si>
  <si>
    <t xml:space="preserve">Debt Consolidation and New Move </t>
  </si>
  <si>
    <t>b'Q\xe7\x18\x9f\xd1%~\x19\xcbpz\xef\xd9)Y\xa9\x02\xe0\x91c\xa9\xc5\xd7c[\x03\xda\xa6\x97\xe2\x9a\xc0'</t>
  </si>
  <si>
    <t>b'\x06\xad5\xa1\xd91\xe1e\xd3\xfe\xd6\x0b~\xa3\xa5\x99\xca\x1bbU\x9e\xcd\xa8\x8dp\xe5\x8d\x88;\xc7\x1c\xca'</t>
  </si>
  <si>
    <t>Personal Loan - Debt Consolidation</t>
  </si>
  <si>
    <t>b'\x84\x7f\\\x92\xca(\xbcP\x00|\xd4F\xfb\xc7H%\x07\x86~\xe2\x1ay\xa8\xffR@\xa9zN=p\xa3'</t>
  </si>
  <si>
    <t>b'\xbfJd\xdca\xf3\x16\xaeYCg\xf7\xefk\x0e\xb6\xdf\x99\x91FH\xfb\xba\x92\x8a\x04\x97\x94\x04\x95)\xa2'</t>
  </si>
  <si>
    <t>123xx</t>
  </si>
  <si>
    <t>b'\x94\x12\xc2\tG\xc5\xde\xbf\x14d\xc1NcYw\x8b*\x7f\xe7`\x87\x9d\x07M\xb7\x01SZ\x0b,L\x89'</t>
  </si>
  <si>
    <t>credit cards</t>
  </si>
  <si>
    <t>146xx</t>
  </si>
  <si>
    <t>b"\xcc7j\xa1i`JpK\x0e\xeb\x17\xfb\xe1Tv'\xdaY\x1eN\x85\x9cQ$:\xd5{X\xf6\xb8\r"</t>
  </si>
  <si>
    <t>b',\xdc\xe7H^s$t\xe3\x99\xd9Q-Q"\xcd\xa3\xd6\xce\x02\xa0\xd1\x1f\x82\xef\x1d\xdf\x7f1\xaa\x0b\xeb'</t>
  </si>
  <si>
    <t>CONSOLIDATION</t>
  </si>
  <si>
    <t>486xx</t>
  </si>
  <si>
    <t>b'\x87F\xcdh\x05PG\x83A\xdfF!a7\xaaT\xcb\x14[\x99\xe7Z\xaa\xc3\x12B\xed.R:\xf6\xb4'</t>
  </si>
  <si>
    <t>550xx</t>
  </si>
  <si>
    <t>b'\xa7\xdb*I\xad\x053,\xe47\xd9\xbd]\\\xa2\xfa\rqlyX"\xd7\xa1\xb5\xe0\xb9\xaaL\xb1\xda&amp;'</t>
  </si>
  <si>
    <t>b'Ayt\xde\xd9\x006\x92\xc9,\xb9\x17wk\xa7$z$K\xfft&gt;\x17\x95\xdav\xca\x18E\xc5\x9f\x1a'</t>
  </si>
  <si>
    <t>713xx</t>
  </si>
  <si>
    <t>b'\xa0x\\\x17\x13B\xf3\x91~+i\x83f\xd9^\xba\x9a\xbb?k\xefu\x9e\x89\xf3_\xbe\xfb\xe9\xafK\xb3'</t>
  </si>
  <si>
    <t>b'\x17\x8d\xfe\x9d,^\x83\xc3\x92\xe1a\x94\\\x9a=\x7f\x95\xdd\x0cl-F^\xefjm\x17P\xfed\x91\xae'</t>
  </si>
  <si>
    <t>b'\xe6\x98m\xbf\xaf\x9b.\x80\x8d"\xb1\xbd\xe2K\x99\xbbF\x11\xc9\t(\xf4\x0f\x15\x1a\xc7\xc3\x99^\xef\x02$'</t>
  </si>
  <si>
    <t>needhelp</t>
  </si>
  <si>
    <t>434xx</t>
  </si>
  <si>
    <t>b'\x8f\xeaNG\n\xe9L\xdc\xd0\xe0\xe7\xa4w\xd7\x04\xa1\x1b\x0e\xc8\xda\x9b\xa15\x0eX*~75\xa5\xd44'</t>
  </si>
  <si>
    <t>532xx</t>
  </si>
  <si>
    <t>b'\x93`\n\x7f\x85\xe1\xc0f$\xb3\xd5\xf6\xa3\xd4\x17\x9e\x15\xc4\xbe\x10[\x98\x8e\xa7\nn\xb3\xafK\x8c\xc2\xfe'</t>
  </si>
  <si>
    <t>Attorney Fees</t>
  </si>
  <si>
    <t>b'\xe1\xd5\x96\x1c\xa8$]\xde\x82\xb9N\x85Q\xc0&lt;\xfex\x1d\xb6,T\xaeYgX#\x83\x88H\x06P\x9d'</t>
  </si>
  <si>
    <t>473xx</t>
  </si>
  <si>
    <t>b'\xd5\xe2\x9e\xab\x89\xc3\x00x\x17\xdf\xcc\xe55\xd8\x1f\x9e\xf7\x1d%\xa7c\x0f\xe6\xcaj)\xccm\x83E|)'</t>
  </si>
  <si>
    <t>998xx</t>
  </si>
  <si>
    <t>b'\xd6\x9f}(L\xd2x :\xa1\x98\xd4*% \x19\\\x118&lt;\x12\xd8\xf3\xaat*x\x07\xb9\x0f\xc7/'</t>
  </si>
  <si>
    <t>b'\x04C\x08\xdd\x87Sw\x81\xb2\xb1\t\x80\xa1\xc8\xe8\x99\xbf)\nL\xb4\x84\xcf]\xda\xc2\x8a\xbe\x85\xe3\x17E'</t>
  </si>
  <si>
    <t>Debt Consolidator</t>
  </si>
  <si>
    <t>b'\x16\xc1\xe9c\x8c\xf3+\x17|P\xa4\xfbV\xef\xf2\xf5\xcf$V6\x01V\x06;[\x15G\xc2\x00 X&lt;'</t>
  </si>
  <si>
    <t>b'\xe07\xb4?\xb8\xbc\xfb\xbd\x93\x9b\x04\xc9\x0eR\xc6\xbc\x84\x92B=I\xfe[r\x9a\x89\xbfjZ\xda\xce\xf5'</t>
  </si>
  <si>
    <t>Three Cards</t>
  </si>
  <si>
    <t>198xx</t>
  </si>
  <si>
    <t>b'\xa0\x16\x94G\xe3a`\x17\x05\xf5\xd1X\xe0&gt;\x04X\xe5O\x8a\x02\xd6t\xba\xbf\xba\xa9\xbc\x07i\xf8"\xd8'</t>
  </si>
  <si>
    <t>b"\x866\x8d}\xb9\x0f'\x17z\x11\x03\xe8\x99\xbd\x1d\x11\x86y\x06\xd7\xcf\x8e\x1fU\x9cR%\xe6sZ\xd2\xe3"</t>
  </si>
  <si>
    <t>CC_Refi</t>
  </si>
  <si>
    <t>974xx</t>
  </si>
  <si>
    <t>b'\xea\x15\xa3m  \x07Q_\xe8\x19\xc4X\xf1\x02=/\x15\xa9q\xce\xe5+\xb5\xf5\x06{\xd22\xc8F\x08'</t>
  </si>
  <si>
    <t>b'\x9e\x81U\xb7-\x83\x1b\x95\\J\xd4m\xa3\x8b\x0f\xaa\x02\xc6\x8f\xa3\xcf&gt;\x03\x88\xf0l\xfc\x1a3G\xcc\xa8'</t>
  </si>
  <si>
    <t>Truck Repairs and debt consolidation</t>
  </si>
  <si>
    <t>726xx</t>
  </si>
  <si>
    <t>b'\xd7\xa0\x9b\xf9\xe0+\xddVal\xf22H\\\xaa\xe5\x9f\xe4\x9e\xa2o\xe5&gt;)\x82\xe1\xa0\x91\xc2\xc7/\x14'</t>
  </si>
  <si>
    <t>497xx</t>
  </si>
  <si>
    <t>b'\x83(k\xa2\x8ey\xe0\xe8\x82c\x03\x02m\x92a\n\x82\x06X}\xd8\xf7\x1f-5M\xff\x8e\x0b\xef\xec\x98'</t>
  </si>
  <si>
    <t>Pay off Credit Cards</t>
  </si>
  <si>
    <t>b'}\xfb\xe0yg3\x8e\x1a#a(F\xb0\xe2\xdc\xd0O\x96\x13}r\x05kJ\xbd\xbd\xf6\xa4M\x96\x01\xd0'</t>
  </si>
  <si>
    <t>b'\xb6\x89\xc8\xf0\x1c\xf8p\xa2Cb\xd6yQ*I\xf9\xe4M\x9b.5\x83`\xa1l\x1f\xaf\x99\x1eh\xda\xff'</t>
  </si>
  <si>
    <t>b'\x12G\x00|A,{\x8e\xfc3(\xdd\xcb\xc8\xaa\x1c\x8e\xb3O\x06\xdd\xa5\xb1\x03\xe0\xad\\\xed\xf3&lt;H\xe1'</t>
  </si>
  <si>
    <t>Business Loan</t>
  </si>
  <si>
    <t>b'% \x8b@\xb7Sw\xfeE\x15\x9b\x17\x8bT\xab,\xb4\x12\xb1\xda\x9e\x9b\x1e\xc3\x07\xba\x9a\xaf\xffq\xa9\xf0'</t>
  </si>
  <si>
    <t>Personal Consolidation</t>
  </si>
  <si>
    <t>b'\xbcm\x7f#\xad\xde;nZ\xf0\x11\xcb\xdb"\xf5\xbc\xad\xff \xcd^\x11\x92&lt;\x1b\xe3\x97\xdc\x12\xf1\x18\x89'</t>
  </si>
  <si>
    <t>b'\x94\xd1\xb03\xbf\xe0\x87\xdd\xa0OX\x91^qg\xc8\xa2_\x1a8D\xe0\xbe\x19\x8c\xb1\xa9Y\x1dlc\xb7'</t>
  </si>
  <si>
    <t>cc debt consolidation</t>
  </si>
  <si>
    <t>b'\x86\xc8\xe1\xbd\xfc\xaaY\rsX\xd2\x8f\x00)6^\xc2\xaaw\xc6\x07\xcd"\x0e-\xef)\x0c\x8eA\xa7\xbc'</t>
  </si>
  <si>
    <t>Car Loan!</t>
  </si>
  <si>
    <t>b"\x1c\x12\x08OQ\xfdKk\xce\xee\xc2\x87@\xdc\xa9a\xa0\xf9 =\xc6m\x7f\x1e'\x1eIG\xf3H\xa3\x8d"</t>
  </si>
  <si>
    <t>b'7\xa09a\x99\xb40H\xb9\xc6\x82l\xc0\x0f\xd5\xd9P\xd6d\xe3F36\xect!\x887P\x1c.\xbf'</t>
  </si>
  <si>
    <t>Consolidate &amp; Kitchen</t>
  </si>
  <si>
    <t>b'\xc77\xb4\xfe\x9d\x97H\x1c\xa1\x95\xd1\xc1yo\xb9\xe4\xc5\xbf3\x91\x87\xe1x\xef\x80 \xfb\xf8.l\x0el'</t>
  </si>
  <si>
    <t>The Rock</t>
  </si>
  <si>
    <t>b'\x12\xa8c\xbd\xda\xb0\xa8w\xa3XO\xce\x8e\xceUct\x0ff\xac\x91Hj\xda`\xb7f\x8cP~\xab$'</t>
  </si>
  <si>
    <t>b'b\xc0\xf2\x06\xd7Rv\xc9\xb3\xc3pJ\xee\xd8l\x0f\x86^R\xb0\xea&gt;\x9e\xf8(\x9a\xa1\xbf\x18\xab5\x85'</t>
  </si>
  <si>
    <t>Credit Refinance</t>
  </si>
  <si>
    <t>b"0'\xcbO\xd8\xb2\xd2\x9c*~(\x11\x0f\xa9\xda\xf3\xec\xa5p\xd3\xfe\x7fZ&lt;9\xb8y*\xd9\xcc&amp;\xfc"</t>
  </si>
  <si>
    <t>b'\x12\xe9\xdc\x8eb\xfd\xd2X\xe1\xfe\x19\xf2\x8c\x04\xc5d\x81a,\xea\xdb\xafw\x10\xcfeJ\xf4\x14#$\n'</t>
  </si>
  <si>
    <t>getoutofdebt</t>
  </si>
  <si>
    <t>b'\xd4\xd2\x83\x8f\x9f\x1c\x01-}\x113D&lt;\xdc\x8d\xbf\xfc\x8d\x8d\xfb\x071\xf1\x9ei\xea\xfb$\x1eP\xeb\xc9'</t>
  </si>
  <si>
    <t>b' \x81\x1db\xa8\xc3\x1a\xa2\xc1\xd2\x8e\x02\x1f~\xfb\x85\x02\x0e|"\xd6\xa0\x91\xd8\xb7h\xccu\xce\x91\xe4%'</t>
  </si>
  <si>
    <t>Paying off One Main &amp; 2 credit cards</t>
  </si>
  <si>
    <t>361xx</t>
  </si>
  <si>
    <t>b'\xfaQ;\x03L\x10E\xaax\xc8\x0c\xf5\xabKKQ\xb1eBx\xd8\xcf\xecZ\x98G&gt;\x80sl\x88\xc8'</t>
  </si>
  <si>
    <t>b',tU\x1aD\xb3?\xeb\xbc\xc7"z\x1e\xc0e#\xea\xa6\x8f$\xfa\xce(i\xda\x1f\x169\x07\xdf\xd5\x03'</t>
  </si>
  <si>
    <t>619xx</t>
  </si>
  <si>
    <t>b'3H\xb8\xa3\xdc\xac{\xacb\xf6\x98\x00\xe9\xda\x8c\xc7\xdb\xe8B\xb3P\xc2 V\xd1\xc8\x99\xdf\xfa,z0'</t>
  </si>
  <si>
    <t>030xx</t>
  </si>
  <si>
    <t>b"\rQG\xec\xdc\x93\xbf\xb0\x1b\xa0&lt;S\xd3\x00\xcc\xf5P/: A;Io\x1f\x00'\t@zR\xa3"</t>
  </si>
  <si>
    <t>paybill</t>
  </si>
  <si>
    <t>b'r\x04\xfa\xbc\xd9\xce(\xcf\xf5\x17\x9d\xf3h\xbc\x89\xb9\xfb\xeb\xb8Ej&amp;U\x1a]&gt;E\xd3\xc1\xbc\x1dA'</t>
  </si>
  <si>
    <t>DebtFree</t>
  </si>
  <si>
    <t>778xx</t>
  </si>
  <si>
    <t>b'\x89\x17\x8b\xc3\xf4v\x9baf\xeb\xd0\x84\x87\x85N\xa3Be?\xb4\xd2\xe6\x82\x13\xe5\xd1\xff\xdb\xe2sK\xcd'</t>
  </si>
  <si>
    <t>DEBT FREE IN 36 MONTHS</t>
  </si>
  <si>
    <t>b'y\xb1N\xa1%\xa9\xea\x8e\x96\x99\x1a\x1eX\x8fi~\xe7\xd4\x9av\t/K(\xd8_r\x1cT\x01\x1b\x80'</t>
  </si>
  <si>
    <t>b'\xed\xeb}\xd6\x9c\x85\x11\x9cV\xff$M\xd0\xf25\x16\xb4\xffe\xd7\xbcv\xb94\xad\x9e\x12\xe1P\rU\xb0'</t>
  </si>
  <si>
    <t>b'\x8c\xdc\xee\xaf17&gt;\xe9\x9a\n\x9a\x9b\xa8x\x87\xa9\x19\xb6S\xee\xb2\xca\xd05e\x819\xf3\xce\xc4.\xb9'</t>
  </si>
  <si>
    <t xml:space="preserve">Loan Pay Off  </t>
  </si>
  <si>
    <t>b'\xf80\x7f\xe5\x0c:Q\x14]\xdb\xdd.\x9c\xaa\x90,)`\xe7H\xcee\xeb\xda\xadnl\xc7\xa0\x0c\xb4\x9d'</t>
  </si>
  <si>
    <t>274xx</t>
  </si>
  <si>
    <t>b'W$0M\x9dw{\x16\xa4C\xbe\x8a\xe0X$\x98\x0b\xb9\xf3\xb0\xd6y\xcaa\xccFV\xef\xa6 +\xfd'</t>
  </si>
  <si>
    <t>Credit utilization ratio</t>
  </si>
  <si>
    <t>b'=\xa1T\xdauJ\x1dD\x94g\xc6\x92|\xc0nm\xadD\x19b_\x8b\xa75Q\x93\x19\x8bZ\xa9\x89\xf6'</t>
  </si>
  <si>
    <t>b'C\x99`/\x90~\x1f\xd9\xeaI\xd8\xf0H\xbe\x95\x14\xac\x8a\xbc6\x87\x9d\xcd\xbd\xbcD\xf4\x9am{\tU'</t>
  </si>
  <si>
    <t>Debt-ator</t>
  </si>
  <si>
    <t>b'\x85\x9e\xa6\xc8\xb3|\x0bU8\x90\xe9\xaaXT\x0e\xfb\x96*\xd4J\x06\x82E4\x87\xc0.=p\x83\xc5\xad'</t>
  </si>
  <si>
    <t>b'As\x84\x08\x0bj\xbcm|\xcf\xe8\x93\xb0l!\xb4\xab~~\tU\xbbK\xa1K\x84\xae?\x05\x7f|\x90'</t>
  </si>
  <si>
    <t>b'\xad\xc9 \x1aU\xbf4\x89[\xa8\x15\xa63,&gt;-\xfe\x8e\x1bN\xd5A\xb5\xa6\xbdC\x82\xcb\x17\x84\x9b\xbe'</t>
  </si>
  <si>
    <t>b'X)/\x01\x9b\x13\xd7\x980\xf7eL\xa3\x1e\xfa\xa3suQ} \xb7Cs@\xe2\xa9\xc7\xf8Y6d'</t>
  </si>
  <si>
    <t>b'\xdf\xbc\xf2\x87Db\r\x0e\xfb\x99\xbcpI\xdc\xd8\xb7\xcflQe\x11\x1f\x86Z\xa1\t\xef\xa6\xf6\xe57\xf5'</t>
  </si>
  <si>
    <t>b's\xfe\xff\xceI\x9c\xf9g\xd8\x8b\x04\xf3\xf3\xf5JPmTz\xa7\xf3c(Mf U\x00W\xcf\xcd8'</t>
  </si>
  <si>
    <t>For a Good Cause</t>
  </si>
  <si>
    <t>b'\xeb\xfd\xc9\x90gEy\xbe\xdc\xd8\xbc\x85\x86\x16l\xc9\xf0\xfc\xef\xfby\xb0\x1b\xc0P\xfe7(\x96\xbd\xf3V'</t>
  </si>
  <si>
    <t>b'XZ\x15P\xefS.K\x1f\xf5\x19U#\xcc\xe2C\xc9U\x84n!\x93\x17\xf2\x0fs\xf4\x18\xc0\xf9;k'</t>
  </si>
  <si>
    <t>pool loan</t>
  </si>
  <si>
    <t>b'\xf4\x885\t\xd2\xc1\x16\x92\xc75_\xa9\xbb\xd4\x98\xe8}\x93\x93po\xec|\x06\x06u\xdf\xea\xf1\xa4G\xa2'</t>
  </si>
  <si>
    <t>roof repair</t>
  </si>
  <si>
    <t>b'\x07\x95\xbe\xcaT\x04q\xc2&amp;\xd3\xa5\xd2 \xb3\x9a\xa9\x8cQ\xdb\xf2M\xf0\xa5\xa5\xb6\xd0V^\x8e\xc6L-'</t>
  </si>
  <si>
    <t>b"$\xbb\xd9i\x83o\xdb\xb9\r\xad\xdd\xd79\xad'LW\x04Cad\x975+ \xabT$\x16\xaa\xba\xca"</t>
  </si>
  <si>
    <t>credit payment</t>
  </si>
  <si>
    <t>b'\xe1\xed\xe2\x15d\xc8\x9c\xa6\x146\x80\x94\xe7\xfd\x9f|\xff\x89\x98\xe1`}1\xe3\x96V\x98u3\xce\xcb/'</t>
  </si>
  <si>
    <t>b'\x9e\x89\x1cR)3\x14\x1a\xd2\xb4\x9e\xc1ep\x91\xa3\xa1=}\xf2\xb4\xda\x1dY\x083+\xaea\xcd\\.'</t>
  </si>
  <si>
    <t>Lending loan</t>
  </si>
  <si>
    <t>407xx</t>
  </si>
  <si>
    <t>b'\x98\x85\x18\xf3\xa4WPwnV\xe6\n\xddU\x8dO\xe9\xe1\x186*\xd8\x9eJY&lt;\x0e\xe7\xdd\xd5\xbc\xef'</t>
  </si>
  <si>
    <t>My Loan-2</t>
  </si>
  <si>
    <t>b"\xc8\xea\xc3E\x8f\x8fn\x8aae\xef'T\xed\xf7\x9fA5N\xe44d\x99]\x1eSaN\xcc\xac\xc3\x91"</t>
  </si>
  <si>
    <t>062xx</t>
  </si>
  <si>
    <t>b'\x99\xaf=\x8e\xfd\x18\xabN[\xb3*\xceg\xce\xff\x1e\xc8=UWXL\xca@&gt;\xb9\x87\x8b&gt;i\x90\n'</t>
  </si>
  <si>
    <t>Credit Shuffle</t>
  </si>
  <si>
    <t>b'\xbdtt\x7f(8i\xeaS\xcd\xfa\xf9c\x99\xce\xf4/\xa7/\xc1&gt;\xd6k&amp;XNl-\xff9~\xe6'</t>
  </si>
  <si>
    <t>996xx</t>
  </si>
  <si>
    <t>b'reK\x06\xac\xc4\xe5\x8f\x87\xf0\x8c\xa9ggx\xfb\xdda\tq\xe9\x02\xee\xe9:0Yx0\xe7,.'</t>
  </si>
  <si>
    <t>b'x`\xf2\xc9I\xdb"\xf0\xde\xe3+=:.a\x12\xbe\xb3\xacst\xf1W\x8f`3\xcf\xdc\x80\xf1\xdau'</t>
  </si>
  <si>
    <t>b"\xcd\xcc^\xc6mW\xe7'\xbb\x83MR_F\xbdf\xb0\x08\xf9\xb9E!\x1d Yf\xbe\x0f\xd1Y9^"</t>
  </si>
  <si>
    <t>b'\xe9A\x86\x0e\xbf\x8as\xae\x1az\xc4v\x01\xb5\xcb\xd0H\xa9?H1\x1fu\xe5=\xbc\x15=\x04\xb9r\x06'</t>
  </si>
  <si>
    <t>b'\x05\xa1q\xea\xe8\xde\xe1\x06\x938\x98\xb8\x9e\x90\xf9\x83\x8e&gt;\xd3Pb\x84\xb8\xbd\xa0x\x9b\xb8\xd0=$u'</t>
  </si>
  <si>
    <t>b'\x9b\xa9Rq6Z\xb3\x05\x81\xe0\xff\x14\x1a\xc9\xd0\xee\x91\xc3\xeb\xbd\xb8Ht\x8egP\n\xfeD\x07=\xd8'</t>
  </si>
  <si>
    <t>Move Forward</t>
  </si>
  <si>
    <t>b'\x08\x168\x0e\xab\xa1E~\x96N\xfcY\xf4\xb1P\xc0\xf3\xb9I%\x90\xcct\xaa~MJw+\xa7\xb5\xa1'</t>
  </si>
  <si>
    <t>b'n\xbd\x87\xe2\x98\x95\x14\x9crf\x15\xb4}n;\xd2\xd29\x12\x05J\x1e\xd7G\xf9\xe3\xb5B\xde\xbf\xed5'</t>
  </si>
  <si>
    <t>Credit Card Free</t>
  </si>
  <si>
    <t>b'\xb7\x91\x00\xe4\xf6\xbc  \xb6\xfd},\x0b\xbf\xed\x95\xdb&lt;\x7fM\x8ag\x97\x8d8\xbe&lt;\xc5O\x1f\xb3\x99'</t>
  </si>
  <si>
    <t>b'/\xd1kp\x13~K)\xc5\xb7\x13\xd9\xce\xb9Acv\xc3\xc3\xd4\xa1E\x8aM\xde\xc8\xfeK2\xbb\x14A'</t>
  </si>
  <si>
    <t>Debt payoff</t>
  </si>
  <si>
    <t>b'\xaem\xde\xfb\x0c\xc7\xc8p\x10\xf0\x11\xafen) e\x9e\xadh\xc0\xea%Z\xe4{\xd8\xc6\x91:c\xba'</t>
  </si>
  <si>
    <t>Cosol1</t>
  </si>
  <si>
    <t>b'\x88\x85\xe5g\x99\x8c\x11\xd4\xd4\xf7\x82)\xc1\x0b\xd5!\x80\xdd\xc5R\xfav\x13eS\x85C\x1f\x887{\xbd'</t>
  </si>
  <si>
    <t>b'M\xa8j\xa1c\x1d\x12T\xcb4\xcd\x17"E\x1f=E}\x85NvI\xcfw\xf1\xa8+\n\xd0\xb5r+'</t>
  </si>
  <si>
    <t>University debt consolidation</t>
  </si>
  <si>
    <t>b'\x17\xd1[\x87\xb2H,\xc7\xca\xcc\x0c\xc1u&gt;&gt;L`]\xcbp\x9e\x04\xa9C\xaa\x9e02\x87T\xda\x1a'</t>
  </si>
  <si>
    <t>Consolidate Loan</t>
  </si>
  <si>
    <t>b"\xf3%;\x01y\xf8\x86\x7f7K0'\xa5l\xef\xf5eK`\x11dE\xa2#\x89\x85\x9f\xd1\xc9)\x91_"</t>
  </si>
  <si>
    <t>b'wnr\xd35\xb0py\xec_\xb0\x91\xc6.\xbd\x16\xdb\xedy\xa79\xc3\x92\xca\x9e\xf1\x99B\x06@\x8cW'</t>
  </si>
  <si>
    <t>b'\xbe\x90|\xa6KX]\x92\xa1\x98\x9c4\xaa\xcbJDB\x12\x88L\x8617\x87c2\xe1g\xe6\xf1r\xb3'</t>
  </si>
  <si>
    <t>b'\x97\xa5\xa6\x9d\xac!\xfa\x8d\x9d:f\xaf\xa9i\x93l\x11x\x9b0`\x0e\x8d\x9aYJ\xcbpc\xf7\x9c '</t>
  </si>
  <si>
    <t>b'~\x1e\x05\x17\xd7\xa96\x01\xa1\xb2\xf5\xb6\x80\x9a\x9f\x8e\xf2\xfc\\\xa8?\xc1\xab\xd9Kn\xdc\x19}\x1a\x037'</t>
  </si>
  <si>
    <t>Possibly able to breathe</t>
  </si>
  <si>
    <t>b'\x1b6\x888\xc4\xd8$\xd8\xcb\xd1\x99Q\x19\xfeB\xfc\xea\x12rw\xb3(\xe2\x85\x18\xa9\xe2\xec\xd0\xb3]\x9e'</t>
  </si>
  <si>
    <t>b'\x9ed\xe5z\xbe&gt;&gt;\x02\xa1i\xfa\xe7\x7f=\xa3\xd9\x03R\xd0/\xdf\xc7\x06Q\x01\xee\xfcNRap\x00'</t>
  </si>
  <si>
    <t>Stress Free</t>
  </si>
  <si>
    <t>b'\xdf}\xe1\xa6\x98\xd6?\x88\x8b\x1d\xb3%\xa4\xde\x9ff\xe7)[\xaaL\x94.\xb9\x9741[?\xe1\xdb\x1e'</t>
  </si>
  <si>
    <t>out of dept</t>
  </si>
  <si>
    <t>b"\xe4zE\xbf\n?[\xd0n#\xb9\x16\x88\x1b\xd3LAi\xec\xd7`}'\xa5w\x0c\x19j\x98\r\xab\xbe"</t>
  </si>
  <si>
    <t>954xx</t>
  </si>
  <si>
    <t>b'?\xc8\xd1OP\xcb\x03;\xd9\x8b/\x83\xa1\x8a\x8b\x886w_\xd7t\x1f\x85\xa9\xf4\xb5\xa5:\x16\x86VB'</t>
  </si>
  <si>
    <t>Credit Card Payments</t>
  </si>
  <si>
    <t>b'\rBv\xdc\xacWS\xd3\x9cH{\xe6k\xc1.W\x03\xdd\x83b\xf15\xabr\xbe\xb1g^{\x9cZ\x83'</t>
  </si>
  <si>
    <t>b'\xc8\x91z\xaf\xfdi\x00p\rS\xa1\x1a\xc4\xae\x1c\x89\xe7\xb0\xaa\xef\xc1C&gt;\x7f\xa1+&amp;\x03\x83S\xb3C'</t>
  </si>
  <si>
    <t>combining debt loan</t>
  </si>
  <si>
    <t>b'\x96p\xa3\xd2\xed \xb6\x9e\xcf\xf0\xff0\xb4:\x8adA\xb5b\xff\x80\xedi\xd9i\xefSozn\xbc\xc5'</t>
  </si>
  <si>
    <t>b'\xff\x9e/\xf9\xd8\xb0\xf9\x06\x0b0h\x88&gt;\x8c0/U\x1b\x82&amp;\xba)\xa7\x97|OB\xfb\x08\x00\xf3F'</t>
  </si>
  <si>
    <t>b'\x0b\xef&lt;\xf1N@\x83\xa8\xd3\xde\x9b"\x85{\xfa\x9f\xec\x08\x81b`Q\x14r\xdb\xd93\x0ftx% '</t>
  </si>
  <si>
    <t>b"\xf8\x98\x07\xd3\xd0\xcabx\xa8\x03\x02!\xc8h\xa8\xcb\x02\xa4\x9bS\x8e\xb7\xfe'\xcb\xca\xc59\x9b\x87\xfb\xfb"</t>
  </si>
  <si>
    <t>Debt Paydown</t>
  </si>
  <si>
    <t>b'\xd3yPT\x85\xc1[{8D\xe8DF\xac\x04$f\x0b\x18\x9a\x15\xa4q\x9cH\xec\x1b\x1d\xe8\x80\x97\t'</t>
  </si>
  <si>
    <t>Financial Relief</t>
  </si>
  <si>
    <t>b'\x16\x15\xc5&lt;\xd0z\xda\x95\xfb\xaf \xe9\xdb^a[y\xb2\x1fS|\x9f\x11\x8fl876\x87\xc0\xd8\xd9'</t>
  </si>
  <si>
    <t>b'Qx2?W~^\x16R\x85\x98\xa1\x9dc\x8a\xf0C\xd8\x9eu-i\xbe\xa8\x98\xf8\x97.\xad#\x89\xcd'</t>
  </si>
  <si>
    <t>b'_\x13\xc1\x91\xa4\x94\x8bm@\rx\x88\xf5\\\xb5T\x17\x00\x9ce\xce\xaf\xa5\x97\xf8\xf1r+%\xd0\xea\x11'</t>
  </si>
  <si>
    <t>Debt consol</t>
  </si>
  <si>
    <t>223xx</t>
  </si>
  <si>
    <t>b'2DWb\xa5{\xdf\x9cD\x9e\xd6d\xfe\x17Ze7&amp;\x81\xe0\xfc\x86&amp;\xf9\x07\x15]\xbc\xe1\xaaqA'</t>
  </si>
  <si>
    <t>b'\xd3\xc0\xcdv\xe1\xbb\xbf\xc4US\x84\t\x99\xb9\x1f2\xb8\xc8\x07E\xce\xca\x95Z\x12\xda\xe9\x0f\x91ky\xe4'</t>
  </si>
  <si>
    <t>b'k*\xb0&amp;4~l\xe0\xfe\xb8\xbfT\x8a\xab\x19\x0f\x9fT\x8f\x8e-\x0bh\xe11*"99\x86\x9d\xbf'</t>
  </si>
  <si>
    <t>b'\xf6\xc9\x15w\xb4\x12A\x9b;o\xdb^\x8d \xfe8\xd6\xd2\x8b\xcf^S\x1a\xee\x8a\xd4\xc4\xc70\xe5\xe0\xbb'</t>
  </si>
  <si>
    <t>b' \xb6\xee&lt;\x8d\x10t\x05\xb5\xad.Sa\x8c\x81\x9a-\xa8\xbb\x0e\xaa\xca\x00k\x1dez\xea\xe7\xf6]D'</t>
  </si>
  <si>
    <t>b'\xb8 \xe6\x82\x0e\xff\xac\x82mX\x10\xe2\xdf\x99\xd1E5\xf4\x96\x89F\xa7LN\xf1\xa2\x81\xdd\x19jk\xb7'</t>
  </si>
  <si>
    <t>b"7\xb9\xd6\xb4u\x8b\x8d\x83\xde\xba\x96\xb5\xcao\x8d\x94H\x81z\x88\xde\xc8\x15A-U\xf7\x86'E\n\xe2"</t>
  </si>
  <si>
    <t>904xx</t>
  </si>
  <si>
    <t>b'\xb3\xfd\xdd\xe3\xbfO\xcd\x84\xe0BQ\x7f6\x88\x150\x843\xc4^@\xe1d\xb2\xfbv$W`K\xd3l'</t>
  </si>
  <si>
    <t>081xx</t>
  </si>
  <si>
    <t>b'Y\x17\x02\x9e\xc21\xd1\xbf\x83\xb7\xf9\xc9\x96m\xaa\xe5\x8dLUJ,\xb7A\xe0hT\xa6\xc0\x03"\xd7='</t>
  </si>
  <si>
    <t>b'M\xb9\xad\x0c\xa4\xca(\x83A\x90\x1b,\xa6V9r4\x83\x1c\xb0\x00\x937B\xfdmT\x0fd\xe6\xec\x80'</t>
  </si>
  <si>
    <t>b'\x80\xe5\\\x8e\xfc\x0cQ\xe9\xb31\xb7\x10\x8c\xff\tP80\xd8\xe1M#:\x122\xc1\xf9)\xf6\x05\x8f\xeb'</t>
  </si>
  <si>
    <t>credit card laon</t>
  </si>
  <si>
    <t>b'\xf2F\x94\xa8\x98\xd0y\x92e|\xfa\xabu\x0cD\nO\r\x9b\xf4\n\xf7\xc0\x9cG\x04b$\x07\x83\xfcw'</t>
  </si>
  <si>
    <t>253xx</t>
  </si>
  <si>
    <t>b'M\xfeMK$\xb2\xd4\xbd\xa8C9\xb2o\x08\xb8\xe4\xa2l\xcf\xe5\xb8\xc5\x94\xecoJK\xaa\xac\xb1\xd8r'</t>
  </si>
  <si>
    <t>b'\\C\x02\xaf\x93K\xf8\xaa}\x99\xe4G\xb5p\xb6\x98\xfd\xc3\xdcN\x86:j1\x08\x01\xc1\xb6\xf4\x88\xf1\x88'</t>
  </si>
  <si>
    <t>b'ZCA\xa2\xea0\x1dM\xb3\x9akx\x86)\xa2\xc22\x8c&gt;\xbb,\xa3\xa6\x1d#ld\xc0\x0e\xf8\x96\xac'</t>
  </si>
  <si>
    <t>b'8\x12Ks\rK\xec\xd8\x00\x83\xa9\xb6\\\xfc\xafG_\x83\xe5\xc5\xb5\r\xb6\x05\x83\xab\x9e\xb0&amp;l$\xce'</t>
  </si>
  <si>
    <t>b'\xfb\xdc\xdcS\xf6\xcd\xf7\xe9\x8c,\xb0\xb7&gt;x\xc1\xfa\x8cY\x84\x98\xd8{\x07\xe1_\x91\x0c\xfb\xfa\x80\x02\xcb'</t>
  </si>
  <si>
    <t>b"\xf10\xb7\xf2\xf3m\xc0'3~\xe8\xca\x1b\x01\xcf;\x9df\xf8b\x0b\x89H\xd3\x1e\xb6g\xaa}\xfdVS"</t>
  </si>
  <si>
    <t>b':B!@h\xeb\x1e^[-\xba"*5R\xde\xcb\xea/\x8b\x93\xa3Fo\x81\xd7HQ\xd2\xcb\xd8\xc9'</t>
  </si>
  <si>
    <t>Major CC Debt Consolidation Loan</t>
  </si>
  <si>
    <t>b'\xd3\xb1\x97V\xf8b\xc3\x1dN\x0b\xbb\xf00\xb4\xa0\x1b\x12\xaf\xa7\x81\x1c_\xef@\x180\xc0C\xcce\xca\xc6'</t>
  </si>
  <si>
    <t>PAY OFF BILLS</t>
  </si>
  <si>
    <t>b'\xc83k\x91\xba\x94\xad\xf9\x8an\xe9w\xab\x9e\x18\xb3a\xe6\xafU\xbcD\xbe\xe4\xb4\xd2\x92)\xa9\xafv\x19'</t>
  </si>
  <si>
    <t>HOME IMPROVEMENT</t>
  </si>
  <si>
    <t>b'\xbb.\xd3\x98L_\x9d\x90\xaf\x90\x90x\xf4\xf2?\x94uj\xe5$\xd1gR"S\x1b[\x08\nw\xee\xed'</t>
  </si>
  <si>
    <t>Payment</t>
  </si>
  <si>
    <t>b'\xc3\xfec\xae73\xd1u\xe9\xd7\xab-\x97\xd2\x95\xd3\xaa8j\xb3LZ$\xd2\x0bEf\xe0\xc0?N&amp;'</t>
  </si>
  <si>
    <t>373xx</t>
  </si>
  <si>
    <t>b'\xbe\xe3\xc5\xbePm\xb8\x02Y\x9dN#\x7f\x7fh51\xf5y\xe3\xfa\x80\x12V\x919\xf8\xcba\x81\xf9\x9e'</t>
  </si>
  <si>
    <t>MajorPurchase</t>
  </si>
  <si>
    <t>b'X\xa7C\xbb\xde\xcf\xb5\x1cuit\xa6\x06\x8f2\x8ck\xfe\x00\x19\xfe\x97\xfe\x16M\xea\x1a\r\x7fY\xb8\xe4'</t>
  </si>
  <si>
    <t>Debt Refinance</t>
  </si>
  <si>
    <t>b'\xe7F\xfd\x1f;\xb7\x8f\xb2\xb9!\x93\x92G\xee\x8b\x07v\xf33\x10\xbe\x8a\xd7\r\xbb\xc4\xea/\xe8$A\x83'</t>
  </si>
  <si>
    <t>401xx</t>
  </si>
  <si>
    <t>b'\xbc\xdd\x17\x89\xcd,\xfd\xb0a\xf3\xff2\x023l\xee\x9b\xb40\xe1\x03Z\xb8zuZ\x11\xe7\xc1\xd5\x05\x83'</t>
  </si>
  <si>
    <t>b'\x12\xf6\xa1\xfe\xb6&lt;\n/\xe7\xef\xe9G\xd4\xd5\x9d"\x07\xbb\xd6\xc5\x17L5\x89K\x8a\xaf\xcca\x84\xe2\xef'</t>
  </si>
  <si>
    <t>b'\x1d\x8c\\\xacf\xe4\xc8,\x81g\xbey-\xad\x13p\xb7+\x86A\xb1\xa9\xacE1\xa4\xfc\xf4\xeb\xe3\x00\x8a'</t>
  </si>
  <si>
    <t>379xx</t>
  </si>
  <si>
    <t>b'R\xec\xab\xd3\x93\xberZ\x96x4\x0c\xce\x1eF\x1a\xb7S\x0f9\x06\x94\rEtP\xd2JC9\x8c\xe0'</t>
  </si>
  <si>
    <t>b'\x97]g\x1c\xee7\xf3\xdb\xc7%\xc9\x12\xf2\xd9\xab\x01\xe8\xdc\x83a\xc8\xc5*\xde@\x92[\x80,\xfd\xbf\xbb'</t>
  </si>
  <si>
    <t>b'\xdc\x9a\x02\x06b\xb3\x02Y\x7fQ\x10\x0f\xbc\x10\xe9\xa5gi\xc9\xbd\x81c\x9e\xbf\\\x84C\xd2^0\xfb\x12'</t>
  </si>
  <si>
    <t>206xx</t>
  </si>
  <si>
    <t>b'\xa7\xd4\xfcI\xdc\xbc\xc4d\xb0\x8f\xc6\x00v\xa5\xd0|\xa4nLP\xe4\xe0+\x89\x98\xb9\xc5\xa7\x19\xeb\xf0\xb4'</t>
  </si>
  <si>
    <t>b'\x02\xd0\xc6yWE\xbb\xcfgca\xcd\x8a\xd8\x10\xc3\xe2\xf5\xa3\x08A$F\xb4\x00"\xc0&lt;\x9f\x0b m'</t>
  </si>
  <si>
    <t>b'\xf4\xcfsQ\x98\x08=\x9cg\xb9K$\xb7S\x17\x92\xcdun\xf7k\r\x89\x9b\x1b\x94vB\x82OH\xf3'</t>
  </si>
  <si>
    <t>Debt eliminator</t>
  </si>
  <si>
    <t>b'5yB\x10j\x15\xd4\xe0\xe2\xe5Am\xf8$\xba=^&lt;r-V\xfe\x85\x94\x10\x87\xc6B\xa1\x80)\xa9'</t>
  </si>
  <si>
    <t>b'\xa1\xb1\xd5\xcc\x9b\x16,\xf2\x9d\xc0\xf6\x17\xe5\xeb\xfd:\x81\xd0\xd2\xb0\x99\x88/\xc7\xd2\x00\xa6\xe2\x88\x15E\x8d'</t>
  </si>
  <si>
    <t>b'\xf8\xe5\xb4n\x14IVGXB\xfb\xaeK\x8f\x94\xb7\xe0h\xb6z*\xd9\xcc\x80\xd0\x8a\xder\xa4\xcc\xde\x9c'</t>
  </si>
  <si>
    <t>b'S\xbb=\xb84\xc4\xc7U@VA\x9eEf\x00\x81\xb1\x10\xc07w\xf2j \xf5\xd2\x0e\x11\x83\xa2\xc5P'</t>
  </si>
  <si>
    <t>Debt Consolidation Help</t>
  </si>
  <si>
    <t>b'-\x19\xc4u=\x009\xe4\xccR\x1b\xd5}\x13\xb9\xe8\xb28I\x04b\xe7ab\xd9\xc3:n\x04t9\r'</t>
  </si>
  <si>
    <t>989xx</t>
  </si>
  <si>
    <t>b"\xd8)\xa0\x07oF\xa6u'\xd9\xcdqm\x88\xe2@\x7f\x062G\x04p\xad\x95\xcf\xcf}\x97\xf1\xe4\xe8&lt;"</t>
  </si>
  <si>
    <t>b'&lt;\x18\xe0\xaf~\xff\xed\xd7_A%\xae{|\x85\xa1\xc9\x93n\x04\xac+\xea\xce\x87`D\xdc\xfd\xc3\x84\r'</t>
  </si>
  <si>
    <t>b'9\xa0\xbe@\xe1\xe7&amp;\xb8\xc9\xdc\xa1\x8a\x93\x18\x02\x03I\xc1\x98\xc0Yp+\xfe\xae\xcbE\xcc\xbct"k'</t>
  </si>
  <si>
    <t>b'\x1a\x95V\x888\x84\x0f\xbf\x18\xbd\xc8\xf1\x90z\xaf\x8e5H\xcf\x0e\x97)\xaa_*T\xdf\x8af\xe5\xb4\x18'</t>
  </si>
  <si>
    <t>b'\xffa\xa7k=\xc2+\xac\x0fW\xd5(\xe8e\xa2\x93\xd6\x8d\x04\xe4~NWV\x9a\xa9g\xdeg\xb4\xa1\x1f'</t>
  </si>
  <si>
    <t>Much Needed Vacation</t>
  </si>
  <si>
    <t>b'\xf6\xb4\xc7\xdd9\x90g.\x93\xd0l\xfe\xaaPU\tD\xff\xff\xa2\xc1\xa3\x15\xb21 =].\xfa\xda\xbd'</t>
  </si>
  <si>
    <t>b'g\x9cr\xc2t\xbc\xdd\xf9\xc9\xe1\x14\xab\xdfV\x94\x9c\xf3Q7\xd7\x1a\xe0\xddB\xf2\xbd&lt;C\x06\x0fV\x7f'</t>
  </si>
  <si>
    <t>540xx</t>
  </si>
  <si>
    <t>b'i\x81\xf9\x0e!O\x93S*\xb2m^\xa4\xe1\xbef\xed\xb1\x9d\xd4\xad\x04\x07\x11\xfdJ\xfdW\x19-P\xf6'</t>
  </si>
  <si>
    <t>Instance offer</t>
  </si>
  <si>
    <t>b'""\xc6\xe1\xad\x00$\\\xa6\xe4\xaeD%u\xf4\xc3\xfba\x96N\xd4\xbcz\xd1\xc3\x11\xabF\xb1\x8b5\x03'</t>
  </si>
  <si>
    <t>To live life at the present life.</t>
  </si>
  <si>
    <t>b'\xf2\x15cT\r\x9cv\xd6\xd2?p\xe4A\xdb\xf9\x8f\xb5\xe4\x12\xb6X\x1fW\xc5p\xa5h\xce\x80L\x80b'</t>
  </si>
  <si>
    <t>916xx</t>
  </si>
  <si>
    <t>b'\xcfh}D\x99Nk\xc8\xfaS\xd2\x9c\xde%\x81\xd6w\x9cA\xc9\x83:\x94\xca\xcb\x0f\xf9\x8f\xb9\xb8\xf1&lt;'</t>
  </si>
  <si>
    <t>Event Loan</t>
  </si>
  <si>
    <t>b'Iija\x96\xa1\xf0\xbd\tZN&gt;~c\xa8\xa8\xe5\xe3\xa8\xa4\x90$\x96\xe3=a\x04\x96\xcb^\x90\xe2'</t>
  </si>
  <si>
    <t xml:space="preserve">Eliminate high debt </t>
  </si>
  <si>
    <t>b'\x7fP"\xf3\xc2kZ\x81H\xf6f\x91\\\x9a\xdb\x8f8\xde\x1c\xa9\xbc\x122-\xaf\x05\xd3\x0f)fv\xc7'</t>
  </si>
  <si>
    <t>Credit payoff</t>
  </si>
  <si>
    <t>b'\xd6\xbdVZ\x05j?pS1\xb8pw9\x8aV\x03c\x19\xdb\xff\xb4\xc4\xae`\xb8\x8c\xc4\x8eF^\xd3'</t>
  </si>
  <si>
    <t>b'\xc6b\x89\x83\xc8\xc3\xfb\xbd\xef\x83\x82\x19h\xddO\x85h\r\xb1W\xd7;Pz\xb5:u`\xe7\xb3\xa2\x0b'</t>
  </si>
  <si>
    <t>Adding new room</t>
  </si>
  <si>
    <t>717xx</t>
  </si>
  <si>
    <t>b'o\xf7W\xaf\xb8\x1c[\xd6\x8c\x04\x93J\xdf\xb2\x97\x17I\xff\xa8\xc1\xb9x\x0f\xb7@\xe0\x8a5\xa6\xe2\xc2h'</t>
  </si>
  <si>
    <t>Refinance credit cards</t>
  </si>
  <si>
    <t>559xx</t>
  </si>
  <si>
    <t>b'F3\xc9\x0c*D\xf7\xd8E\xac\xadS\xf6D\xa9\xf1\x98.\xf2\xa9l\x9e;\x96@\xdbJ\x04\xe4\x90\x12\x1b'</t>
  </si>
  <si>
    <t>New Life</t>
  </si>
  <si>
    <t>b'-\x18\x9e\xcbo\xa4\xbcr\x87\xfb\x12z\x1f\xad^\xd8iL\xabI3\xe6\xc6\xacrL\xac\xa7\xeb\xf7\xe4\x8b'</t>
  </si>
  <si>
    <t>Debt concolidation</t>
  </si>
  <si>
    <t>b'\x1d\\\xbf:p\xdc\x9e\xbc\xca\xb7RG)\xc8\x8eS\xe8\xdb\x80\xfe\xdd\x9f\n_:\x8fi\x14\x83L\x16p'</t>
  </si>
  <si>
    <t>b'\xc4\xf7\xc8H\xa1\x98\x83\x94\xf6\x84\xe9\xc3\x02\xb5`\x01f\xb2"\x90I\xed\xde-9\xc0\x81\xaa+\x02P\xd0'</t>
  </si>
  <si>
    <t>b'\x97\xda\x11\xe5\x82|+\x81\xa1@\xf1\xb8\xea\x1c\xea\xe0,R\xd2\xd2V&lt;!\x0f\x959{\xd1\xa3\n\xb8\xe0'</t>
  </si>
  <si>
    <t>b',\xb5\xaf\t\x88\xf7\x8e\xb58\x03\xca\x0c!\xb84AS\xef\xcez\xa56u8M\xefY\xc5\x1c\x9aP\xc6'</t>
  </si>
  <si>
    <t>Get out of debt so I can live a happy li</t>
  </si>
  <si>
    <t>494xx</t>
  </si>
  <si>
    <t>b'/\tD\xc4\xd8nW\xc2`-\x98\x1cP\x90\x14\xa7\xf5\xc9\xc7\xcb\xb2\x90\x99\xff\xa1`:\x17\x8e\xa8L.'</t>
  </si>
  <si>
    <t>b"\x17\x17d\xa5=wn\x11\xdeB\xe1\x10\xae\xef\x8b\xc7(\xb4\xc9\xc7\xde%\x16\x1fF'IH\xc7l@\xa9"</t>
  </si>
  <si>
    <t>Help!</t>
  </si>
  <si>
    <t>b'&gt;\xc4\x81\xbfpc\x05\xe1d\xadH4\xc5\xd5\x17\x9b/\x81\xddx&lt;\x18\x97\xdd\xef\xc1\xee"O\xadc\xd2'</t>
  </si>
  <si>
    <t>Loan # 2</t>
  </si>
  <si>
    <t>b'\xf8$\xcf\x0b\x1f\x1b\xcaf\xba\xa9$1I\x84\xe5^\x18\n\x88C\x9fp\x88o\x10+\xe9g\x8f\xf1\x15\xeb'</t>
  </si>
  <si>
    <t>b"0\x12[\xc5\xb3\xb6\xbb}Jp%Y'\xa7\x93\xb1\xf4*Q\xb5\xd4-3\x05\xa3\x8c-!\xbf*\xcc="</t>
  </si>
  <si>
    <t>107xx</t>
  </si>
  <si>
    <t>b'\x91|\x0c\xe3,\x15y\x13qzK\xd1\x95x\xa1\x91e\x15z\x8e\xf3N;\xbf\xf4\xaf\xf4\x88\xa9+\xdc\xdb'</t>
  </si>
  <si>
    <t>b'l\xba&gt;\xbd\xbf\x83\x81.i\x18\\\xef\xfb\x02tG\x9c2z\x97\xbe\x08\xee]\x1b\nWA\x9c\x94\x18\xef'</t>
  </si>
  <si>
    <t>b'\x1b\x8b\xbbC@R\xf2\xa1\xe7\x0bm\xbb\x15\x03\xe3V\xbcr\x19\xc8lJe\x9d4\x86He(,\xa7='</t>
  </si>
  <si>
    <t>Used Vehicle Purchase</t>
  </si>
  <si>
    <t>b'\xf9\xeb 1\x0b\x93V\xee\x0fU\x88\xee\xb1\xc2\xdd\x93\xab\xca*\x0c(\xd2[\x9e\x89TS!\xdc\x12\xd5\n'</t>
  </si>
  <si>
    <t>b'\xc7\x87\xee\x9f\t,\xd4%\x02P\xe4 \xa1\xe6\xf4b|\x1f\xeb\x7f\x96\xf8\xb5x\x10\xfaC\x82L)Z\xc1'</t>
  </si>
  <si>
    <t>Moving Costs</t>
  </si>
  <si>
    <t>b'\xe9\x88\'\x1e\xb7w%"\xacr]\x874\xb0\xd7\x9b\'\xbe)_\x8f2\x8f\x91\xce\xcd\\\x99\xf6\x97\x17\x02'</t>
  </si>
  <si>
    <t>Loan payoff</t>
  </si>
  <si>
    <t>b'\xd5\xaf\xa8\xfb\x1a\x1c\xc0m\xee\xc4_\x87\xc4\xd5\xe0\xdf]H\x13\xb8yD\xd2[Y\xde}\x1b\xc7o\x1b\x9c'</t>
  </si>
  <si>
    <t>Chicago</t>
  </si>
  <si>
    <t>b'\x96\xc8\x0fI\x13\xd5\xdcv\xef\xa9\xba\xe8\xa5\xf7&amp;\xb2F\xc5E\xa9\xed\x890\xc3\xae\xf8\xfam\xcf\xf5\x10\xb3'</t>
  </si>
  <si>
    <t>lower monthly payments</t>
  </si>
  <si>
    <t>b'\x87\x84u\x06\xd9_\x17\x8f|t\xbb\xb3^\xa0\xed\xd4\xcb\xba\x0bq\x11 S\x14(u+S\x0b!\xee\x97'</t>
  </si>
  <si>
    <t>199xx</t>
  </si>
  <si>
    <t>b"'\xbe)\xfb\xbb\x1d\x7f\xb8n\x1d\xb3hn\xa4\x85\x9d\x98)\xde\xfd\xc7,\xc6\xddI\x8d\xf0\xd9B\xf8\xf3z"</t>
  </si>
  <si>
    <t>b'\x94\xd5\xaa\x1d&amp;l8\xdc\x02\x87\x0b\xbeG\x05\t\xc3:Q\xf3\x9b\xb6\x19\xdf\xa8\xa2\x89(\xa3\xe21\xe4\x80'</t>
  </si>
  <si>
    <t>b'0\xb8WCER\xfeu\xbf\xaey\x16\xa2\x19\x07\x8e\x83\xa2\xf4i\x8f\xc8w:\x91\x90\xf4u2\x97\xa1\xeb'</t>
  </si>
  <si>
    <t>b'\x12+\xbc\xac\x9f\xfc\x0b`\x87\xc2\x7f\x91NW\xa4\xcc\x87\xec\xa4O\xd3\xe9]\xdaa\xcaO\xbe\xd72\x89\xd7'</t>
  </si>
  <si>
    <t>381xx</t>
  </si>
  <si>
    <t>b'\x88\xe07K\x80\\U\xa1\x97J\x8a\xd0\x87\x0b\x80\x1e\xb0 \xc0\xa0\x11\xe1\xe9\xa6+\xc4\xc80\x94\x84&lt;A'</t>
  </si>
  <si>
    <t>803xx</t>
  </si>
  <si>
    <t>b'C\xeei\x9f&gt;\xaa;[\x06u\xd0G\xafczf\xd72\xc2\xf7\xa3f\xfb\xc3\xfeQzh\x8cm\xbc\x96'</t>
  </si>
  <si>
    <t>BMW 745</t>
  </si>
  <si>
    <t>b"_\xa0\xea\xb6\x9b\xa6\x8aw\x8b\x83\xf3`30S\xafgW\x94\x88P\xa3\xf3\x05\xf3'\xce\x1b:\xc6\xb6\x1c"</t>
  </si>
  <si>
    <t>132xx</t>
  </si>
  <si>
    <t>b'\xad\x1b\x0e&amp;\xfa\xedr\xb1\x9es&gt;\xab\x0e\xd0\xdeT@\x05\x88\xac ,\xe9l\xc2\xf4\xa9%F5b|'</t>
  </si>
  <si>
    <t>pulling tractor repairs</t>
  </si>
  <si>
    <t>467xx</t>
  </si>
  <si>
    <t>b'\x7fL\xceX@&gt;N\xb9\x02,\xd5\x17j\x0fJ\x0bA\x84\xb6|\x1c#s\xac\xac\xafs]\x89\x8e\x8a\x95'</t>
  </si>
  <si>
    <t>Debt Consolodation</t>
  </si>
  <si>
    <t>b'\x8c\x8b0\xc86\x90\xab\x98Y37(\xce,\x8ah\xc9\x1e\x8a=\xac\xa9\xbc\xfb\xcb\xa4H\xfbT\x16\x17\xa5'</t>
  </si>
  <si>
    <t>402xx</t>
  </si>
  <si>
    <t>b'R\x0e4\x99\xc7\x96l\xe5\xc2?\xb3{\xfdtbi7\x91\xe9\x9aU*E*"\xe2\xc7\x18o\xd1\x047'</t>
  </si>
  <si>
    <t>b"JH\xf7\xbe\xe4\x82\xa0\xcc\xca\xe3H\xee\x10\xcb\x0e\xb5\xfc\xb3\xf1\x9cAu;\x98M\xd54\x81\x94\x94\xe3'"</t>
  </si>
  <si>
    <t>payback</t>
  </si>
  <si>
    <t>b'\x8a\xd7&lt;\xae\x19*f\x06&gt;`\xb1`T{\xc7\x965\xfdr1\xf8T\x07\xed0\xfbwc\x94E\n\x04'</t>
  </si>
  <si>
    <t>My Salvation</t>
  </si>
  <si>
    <t>b'\xee\xb7o\xf8\xb7\x8cQ\x13;\x0c[XQm\x03}\\U\x054\x854\xa9\xc9\x17\xad&lt;\xa0\xf3\xb7z\xae'</t>
  </si>
  <si>
    <t>239xx</t>
  </si>
  <si>
    <t>b'w;?\x94-\xd0\xe9\xb4\\\x85b\xd5\x1f\x10W&gt;\xfcJRu^\xc2L\xbe\xc2\x15?\xe1\x98\xcf/\xf1'</t>
  </si>
  <si>
    <t>b'\xbd\xcf#\x8a&lt;X\x1f\xe1\xaaC\xfe\x9b\\\x14\xd1H*%\x89\x019(U\xa8\x10\xa6\x97\xd2d\x16\\O'</t>
  </si>
  <si>
    <t>b'\xa9\x8e\xd1\xce\x91\x94\x05`\xe1\x13.\xf4;\xbc#\xee\xda\xdf\xe6a\xe7\xce*&gt;\xf2\x00x\x99\x8aC\xb8\x12'</t>
  </si>
  <si>
    <t>b'\x15d\x17\xc1x\xa3\x9c\x1d&lt;9A\x16\x8e\xe70u;e\xfb\xc07\x1a\xb3\x94\xc7)g-\xa4\x9e\x8e\x9b'</t>
  </si>
  <si>
    <t>b"\x97==2A#t?z\x83gf\x14z\x1fh\xda\xf2\x08n&amp;\xce\xbe\x86'|9\tz\x04\x8d\xde"</t>
  </si>
  <si>
    <t>b'\xb4\xeb\xb6\x9a\x81B\xc0\xee\x83\xcc\x9dr46\xc5]Nt#x?\xdf\xf6\x1b]w\xf9\xc2\xd0\x15\xf7\x19'</t>
  </si>
  <si>
    <t>home improvement</t>
  </si>
  <si>
    <t>b'\xc5\x8e\xc2\xff\xb6q\xf1T.[NgW\x97\x99\x91\x02\xd5\xef@\xe2\xf3F\x83\x9e\x9e!\xa5\x8d\xd5K\xf8'</t>
  </si>
  <si>
    <t>b'Op\xe9Xq\x7f7\xdcy\xf1g\x8a\x8a\x94a\x9ax\x10f\x81afYFbE\xac\xea\xfb\xb7\xb0\xc7'</t>
  </si>
  <si>
    <t>b'@\x99\x94J\x83^\x87K\xeb@*9\x90f\xe2\x84\x85\xd6@M\x91&amp;\xf2a\xb8U\x1e\xdc\xd5\x82aj'</t>
  </si>
  <si>
    <t>Consolidation Loan 2</t>
  </si>
  <si>
    <t>627xx</t>
  </si>
  <si>
    <t>b'\xf6#\x14$i\xffi\xaan\xc0\xb5\xb0r\xf5\x11\xe1q!@\x0f"^\xe1~E\xa5\xda1}\xf5%\xfb'</t>
  </si>
  <si>
    <t>b'\xb9s\xcf\xf7\xa2\x08"o\xc5o\xa9j\x13\xfc\xcb\x03\xe3\x1auq\xf1\xc3\xc0(\x9d\xd3\xcdtq&amp;\x93:'</t>
  </si>
  <si>
    <t>658xx</t>
  </si>
  <si>
    <t>b'\xc1\xe3\xea\x94\xf1\x03\x8fd\xa5\x10\x8e\xc4#\xfa)W\x91\xf0\xc2U"\xafe7\xba\xc2\xeb\x19\x8c\xdao\xc9'</t>
  </si>
  <si>
    <t>b'\xe4+V\xc9=\xec+nti\x0f\xb3q,ks\xd4\x1c\x18\xecI\xc9\xc7\xf8\xa1\x01\x86\xfb$\xa4\xc2@'</t>
  </si>
  <si>
    <t>Credit Card Refinancing Loan</t>
  </si>
  <si>
    <t>b'C&amp;\x98q&gt;H\xe2e\x81\xf8\xeeZ/\xe2\xe0\xf8\x97\xdd56\x97\xb9L\xd2\xef\xe2\xa5B\xd1GH@'</t>
  </si>
  <si>
    <t>543xx</t>
  </si>
  <si>
    <t>b"i\x7f\x9cZ\x80\x16KV7\xdd\xd5\x99\x7f\x1c\xb7\xd3\x14\xff\x91\x1c\xb5\x13\x84\xf1!w6\xe8#\xf4\xc9'"</t>
  </si>
  <si>
    <t>pay offs</t>
  </si>
  <si>
    <t>b'\xa7\x102\x95\xe5f\xa1\x97\x1fit\xd7Vz\xd50\xb1\x80-\xec \xf7\xd1\xbb\xb7q\x93\x86\xb2\xc9\x1bh'</t>
  </si>
  <si>
    <t>b'\x98.Q\xc8=R\r\x9dj#\x8cQqN\xf5$\x85\x86(\xab\x90e\xda\xb8I\xd2C\xc7\x968J\x9a'</t>
  </si>
  <si>
    <t>b'\x03\x08\xe7\xacS\xbb\x01\xe2xx\xafw-\x9d.\xefr\x81~{_\x87~\x11\x84\xfa\x06\xc0\x1d\xdf.\x8c'</t>
  </si>
  <si>
    <t>CLEAR DEBT</t>
  </si>
  <si>
    <t>b'\x83\x80e\x85\x13\xbb9$F\xdb\x1a3n\x84\t\\G\x0f\xd8\xbf\xf5\x1d\x82\xaa\xfa!\xa6\xbd\x9c\xc1w}'</t>
  </si>
  <si>
    <t>b'$\xbf\xd4\xf0C\x95\x1cK\xa09\x00@l\x0bw\xfb\xbfq\xc6,[T\x1e\xbdr\xc2@\xe4\xb6\x81e\xd4'</t>
  </si>
  <si>
    <t>b"\xb2\xdbW |\xdd@'']\xed1\xbfB\x1a\xab$\xa3W{\x8d\x8f\xef\x8e0A\x9e:V\xaf\x11\x1c"</t>
  </si>
  <si>
    <t>b'i\x10\xb6\x16\t\xf6\xda\xce\x101@\x19\x8a\xb7dl\xbe\x9c\xfbc&gt;\x96\xd8\xd9x\xcbl\xd4;\x87\xb7\xa5'</t>
  </si>
  <si>
    <t>b'\x0c?\x95\xa5\xe5-]01~\xd0\x93\xcf\x11\xe4\x03~|~\xfb\x17\xbck\x12\xb7\xa8\xd2/\xdd\x17/R'</t>
  </si>
  <si>
    <t xml:space="preserve"> catch up</t>
  </si>
  <si>
    <t>462xx</t>
  </si>
  <si>
    <t>b'\xa9m/\x19\x1bO+u,^((\xb3\xa8\xdc\x9a\xecB\xb7A\xbb\xb9p\x99\xbaw\x13l%\xc2\x1a@'</t>
  </si>
  <si>
    <t>Debt Cosolidation</t>
  </si>
  <si>
    <t>b'\x96\xde\xd3\xb3;\xc4\x98V\xc4\x1fM\xb9\xee(\x9d\xe0Sd91\xbc\x1d\x03B\xc0!M\xb8\xb2U\x03i'</t>
  </si>
  <si>
    <t>b'\xe4\x96\x0c_FZ\x9a\xe2\x8bVh;\x95\xa0EI2\x907\xe9-\xffQ\x83Z\xe1\x80\xa9\xf5\xcb\x82\xa4'</t>
  </si>
  <si>
    <t>b'\xbc\x89\xa4\nX\xf4\xee\xcd)\x83|\xf9\xe6@\xad.?{r)\xb4\xaf\xe7.\\\xd0\x06\xfc\xce=&amp;\xe8'</t>
  </si>
  <si>
    <t>Moving/Debt Consolidation Loan</t>
  </si>
  <si>
    <t>b'\xa73\xd9\x9f\x08v\xd1\xfa\xd05\xf3p\xc2\x14N6Y\x0f\xb3c\xcd\xec\x7f2N\xbd.7\x15[:\xf6'</t>
  </si>
  <si>
    <t>Lending</t>
  </si>
  <si>
    <t>b'\xfd\x06\xd6,1/1\xf2\xb5\x9d\x11\xd5\x18\xcd\xe8\xfc&gt;\n\xd0Q#\xd2\xa0\x1db\x91\x85D\x02\xc8\x01r'</t>
  </si>
  <si>
    <t>Consolidation Express</t>
  </si>
  <si>
    <t>447xx</t>
  </si>
  <si>
    <t>b"\x9f\x98p-\xcc\x93\x8e.\xf9\xc3\xde4p\xa9\xf4e\xd5\xb4g\x03?V\x1c\xb6\xb9\xa5\x82a{Q'x"</t>
  </si>
  <si>
    <t>Only temporary</t>
  </si>
  <si>
    <t>b'\xea\x18\xc2\xbb\x93\x19\x88x\xd5\x06H\x80U4j\xc3\xd7\x0c\xe6\x00\x86cbj\x8e\x15\x1f\xf9\xb5\xb5\xa2\xbc'</t>
  </si>
  <si>
    <t>Grad School Loan Repayment</t>
  </si>
  <si>
    <t>b'\x80,\x02\xb3\x06RYj\x8e\xaa`3\x8f{\xb2\xf8Z\t\x9d\x8d\xc4\x86\xa7\xa0\xc0\xeb\x87U\xae\xf4\xcef'</t>
  </si>
  <si>
    <t>b'\xd4\xee\x88*\xd4\x84\xc2\xdf\xb8\x8a\xda\xc7\x1aTPvC\x9d\xe5\xba\xa8sJ\xb7\xcb_\xfe7\xea\x97\xee\xd1'</t>
  </si>
  <si>
    <t>b'\xbb==\xfe\x03\x08o\x0c(-]6\xa2k\x1b\xb2\xe8gE#q\xc4\x1a\xe80t\xda\x0c\x88I\xdeo'</t>
  </si>
  <si>
    <t>b'\xdd\xd1&amp;\x0c\xd4j\xf3\x8c\x83\x1e3X\x88cF27\r/[Q\xd5"\xf5n\xdc\x1b\x9a\xa6\xdc\xf6\xb7'</t>
  </si>
  <si>
    <t>CC refinance</t>
  </si>
  <si>
    <t>b'\xfdj\xe3s\xdb\xb5\xabW\xc0\xd2{q\x0b\x11\xda\xc7z\x94\xabY}\xb0\x06\xee\x96\x07\xb0\x80\x05&amp;;X'</t>
  </si>
  <si>
    <t>b'I_\xe4\x0f\xe5\xbe\x1b\xaf6\xfb\x12\x17h\xabakz\xd0r+\xd2\x06z\xddw\x08:= JG\xc6'</t>
  </si>
  <si>
    <t>b"\x05\xf5\xd1{\x1b\xaf\xa2/zf$!M+!\xdflA\xec'\xe1l\xc6\xb5\xcfi=\x19&gt;\x134}"</t>
  </si>
  <si>
    <t>b"\xdc\x19\x17)\x8e]\x809\xb7\xfe\xa3\xbd\xef{Y'\xb9\x96\xe8\x87vA\x80\xdd\xac\xbd\xe4SW\x8c$\xdb"</t>
  </si>
  <si>
    <t>b'^\x8f`N-\x9f\xd7\xc4/\xb9#P\xb5\xc3\x83\x94\x9cEw_\x8d\xd6\xbeA\xa5\x83\xb2dK\xc7&lt;\x15'</t>
  </si>
  <si>
    <t>consolidated into one payment</t>
  </si>
  <si>
    <t>b'\xc6?\xba\x91\x85\xfe%jy\x82\x0c\xb4\x9e\xd4\xa3?\x93\rb\xd9\xbc\xc1\x9b\xbdw\xda(\x9dR\x03\x88\x80'</t>
  </si>
  <si>
    <t>b'\trl\xbf\xa6`\x88cB\x14+yW\xe4\x95\xde\xfe\xd9Z\x7fH4\x01\x04\xecw\xb3\xbbhpQF'</t>
  </si>
  <si>
    <t>b'\xf6%|\xc8\x86_x\x86b\xe6L\\\x18\ny\x1f\xe5\xc1*\x0e\x11\xe8\xd0\x04\xb4p*o:\xb8\xed~'</t>
  </si>
  <si>
    <t>Credit Card Bailout</t>
  </si>
  <si>
    <t>b'\x95Z\xac0lB\xbc\xa0\x02z\xff*\x9e\xb7a\x8a6\xca\x9b\xedgCe\xec\x10\xe2\x00\xbdG\xa1o\xcd'</t>
  </si>
  <si>
    <t>new beginning</t>
  </si>
  <si>
    <t>b'\x0b\x08\x11\r\xd8\xc15Nn\xdeX\xe4\x96\xd3\x82J\x00zN&gt;\xd7c-\x16b\x1b\xe7ey-\xa4U'</t>
  </si>
  <si>
    <t>New car</t>
  </si>
  <si>
    <t>076xx</t>
  </si>
  <si>
    <t>b'W\x16\xbf^\x03\xcc\x88B! r\xb3ps\xd7\x94E*\xcb\x19\x19\xcb\xd3\x12\x14\xb1\xbf\x89U,\x16P'</t>
  </si>
  <si>
    <t xml:space="preserve">Appliances </t>
  </si>
  <si>
    <t>b'8\xa74e\xd8\xb0\t\xa3\xb0\x0e\xa8p\x1f\xa1\x92\xa2\xabn\xb89`\xe3\xfd@\xba\xd9\xfe\xb8\x86\x8b\xb9\x96'</t>
  </si>
  <si>
    <t xml:space="preserve">Credit card reconciliation </t>
  </si>
  <si>
    <t>b'\xf1\xe2&amp;\xc2\xbd=\xbc\xbaywwa/\x8fb\xe7\xfd\xd6\x1fy\xaf\x1amX\x03*\xa8p;\xed\xc1\xca'</t>
  </si>
  <si>
    <t>b'~\xf4\xcb\xb4F\x9e\xa0`nY4&gt;\x88N\xab4|9\ng\x06\xca\x17\x92\xc9;\x80\xe7p[\xea\x05'</t>
  </si>
  <si>
    <t>b'0\x95t\xff.\xc6k\x87\xdf\xe5\x0c[I\xe2\xa0%\x02\xda\x17\xa5\x10\xa6;#yLK\xcd0/\xe2\xc2'</t>
  </si>
  <si>
    <t>b'\xf2\r?\xa0\xaaq\xa8\rj\xd8\xdd\xd6\xe2\xc7\xc3\xf4~w,C\xf5\x89\x9c\xe7\x18U\xf7&amp;\xadC\x9c\xb4'</t>
  </si>
  <si>
    <t xml:space="preserve">Debt Consolidation 2013 </t>
  </si>
  <si>
    <t>b'$\xc8\x8d\xb9\xea\xaep3\xc0\x9b\xe7\xb6-y\x08*\xb5\xc2\x05\xd7\xd2\xdc)`PO)\x0f.\xb0\x1dN'</t>
  </si>
  <si>
    <t>b'\x11\x89m\x8f\xa7x\xb6jw\xaa\xe3\x1d\xa4\xb7\x91;p\x97\xe2\x8b\xe3\xe0&lt;\x8c\t\x9d\xb4zU\x19\x1fW'</t>
  </si>
  <si>
    <t xml:space="preserve">2013 Clean Slate </t>
  </si>
  <si>
    <t>b"\xcaz\xebc\x8b\xe9\xb9B\x9a\xc8\x80\x84A\xe8\xaeH\xe2\xae\xff\xb8'\x83\xc6\xce\x1a\x8f\x1fy\x1b\xb11\x1e"</t>
  </si>
  <si>
    <t>For everything</t>
  </si>
  <si>
    <t>977xx</t>
  </si>
  <si>
    <t>b'r\xe01\xf8\xa4\xac\x01Z\xecV0\x8f7i/\x15\\W\xd9\xab4\x98\xc8\x98k,\x86\x8b\x08\xda\x94\x04'</t>
  </si>
  <si>
    <t>NO MORE HEADACHES</t>
  </si>
  <si>
    <t>b'\xec\xfb\x1cJ\x0f\xef\x07\x9b\r\xe0\x1f\xf7w6\x8b\xd2\xd0\x00\xde\x0bG\xd6\xa9\x19Fl4j\xcePrV'</t>
  </si>
  <si>
    <t>b'\xdd\xf3W+\x84\xea\xef\r\xee\x9c\x1b\xde\x97\x00B\xd9\xacZ\x98h\xa1\x83\xcc\x99\x16\x19\x1e~nf\xc9\xa4'</t>
  </si>
  <si>
    <t>Car pay off</t>
  </si>
  <si>
    <t>b'\x9e\xdcU\x85u\xe7\x8c\x82R\xfeDf\x81\x14Dt(\xc9\xa3\x14C\x94\x05\xb2\x86\xa2{\x15\xec\r\xdd\x1d'</t>
  </si>
  <si>
    <t>240xx</t>
  </si>
  <si>
    <t>b'\xbd\xa9\xa8\xa5$&amp;1"\xfc\xf8\xdf(\xf9\x8e2\xcb\xb8M)\xe59$\xcfA\t\xcb%l0\x1e\xa4\xad'</t>
  </si>
  <si>
    <t>016xx</t>
  </si>
  <si>
    <t>b'\xc75`\xc8\xa4@\xe5nwK\xd0&lt;\xb7\x8d\t\xdc\x08\xf42N\x89\x10\x95\xf9\x8b\x176N\xcc\xad\xadq'</t>
  </si>
  <si>
    <t>Pay incomes taxes</t>
  </si>
  <si>
    <t>b'\x12\xaf\xf0\x11\xb7\x19D\xac\xb9\xefm8r\xe9\xcf\xe7$\xfe\x95\x81\xfe\x8d\x88F\xb0nk\xe2\xbes$['</t>
  </si>
  <si>
    <t>b'\x1f\xea\xc8V\x00\xe6,=\xb6.\x86m.\xcf\xedG\x9a\xad\xf7\xd5\xcaZ\xf3\xd6\xb5\x83\rhZk\x1aF'</t>
  </si>
  <si>
    <t>b'RQ\xc4\xf1\xbd\x13\xf2\x95?\x00bF\xe5\xcf|\x02RA\xd4\x16\xcb7\x83W\x7f\x92\x8c\xc6l\xab\xefV'</t>
  </si>
  <si>
    <t>799xx</t>
  </si>
  <si>
    <t>b'\xc6%\x03\xc2\xe0\x9f\xf8\xbf\x95\xeb1\xd8t\xdd/6\xdf\xa5\x93\x8c\t!r\t\x9c\xd2\x7f\xb2\xf52\x9f\x91'</t>
  </si>
  <si>
    <t>b"#k\xbdS2\xf9R\x96\x0b\x8by\xe0(&lt;K\x15\x9a\xa1/\x9c\x8f\xb1\xb5\xd9\x8b\xc5\xcdxl\xec#'"</t>
  </si>
  <si>
    <t>b's\x9d\xcf\xf5\x8f\xd4c\x166w\xd9\xb5\x91\xd3\xc8\xa08\x06\x12\xe1Q\x1d\x0c\x0b\x0c\x97\xba\xc6\xe2\xefb\xc4'</t>
  </si>
  <si>
    <t>b'\x1c\xdac\xbc\xa8\xb5\xa6\x93\x02\x9a1*\x9aY\x11T`\xe0\xa4\xe1H\xdf\xa7\x9f\xfa\x15E\x96\xa3[K='</t>
  </si>
  <si>
    <t>b':\xf6\x82\x07\xb0D\x88\xa3":\xce_\x12\xae\x14\xf3&gt;\x94o\n\xddb\xe9\x93\x82\xcan\xf6\xb5\xa8\xd8Q'</t>
  </si>
  <si>
    <t>666xx</t>
  </si>
  <si>
    <t>b':V\xc5\x0c\xean\x9c\xf5B\x9b\xf2\x86\x8b\xa1z\xd0\xcbj\x05\xb7\xd40\xc5\xd9\x0bo\xdd\x03}7\xd9c'</t>
  </si>
  <si>
    <t>LCDebt</t>
  </si>
  <si>
    <t>b'\x8c\xd7\x19]\xa4}\xfd\x04\xf6\x19\x82]\xa8`\xd9g\xeb\x17\x99&amp;\xe0\xa5\xcf{P6\x8e\xd0\xc0\x1c\xa3\xa1'</t>
  </si>
  <si>
    <t>b'\xe5|U8=\x1e\xf1\n-M][\x13\xca/\x81\x96\xb1#\xa9q\x9c~&gt;,k\xf4\x80\xea\x07\x17\xc1'</t>
  </si>
  <si>
    <t>Refinancing Loan</t>
  </si>
  <si>
    <t>b'F\x99W5\x1f\xcahy\'\x1f\xd7\xb1\x03"mw\xbe\xf3\\\x16\x12\x96$_5\xc5\xf9\x0e+\x82uy'</t>
  </si>
  <si>
    <t>b'\xe50^c\x97\x1a\n\x10H=\xb3D\x0e!.\x06q\xab\xdfb\x18We\x7f\x83t\xac\xd4"\xb7\xfb\x8b'</t>
  </si>
  <si>
    <t>Iam free</t>
  </si>
  <si>
    <t>b'\xae\xaa\xa9\xd8\xda\r\x0e^\x96\xb3\x10K\xf2\x96\x8a\xd3;\xd0\xf1\xc3Q\x05\x1e\xe4\x18\xa9\xc8I-\xd7=H'</t>
  </si>
  <si>
    <t>b':\xb6\xab\xc3\xb4\xe1\xe4\xeb\x03\x1e\xfd\xd74\xf61\x9b\xcf\xe4\xff\xaf&amp;\xeaLjL\xfd \x9c`poJ'</t>
  </si>
  <si>
    <t>b'\xbc\x13\x1d1q\x1e\x99[^\xfa\xf6\x03\xcf\xbb\xb2\xf4\xe2?;u1yk\x12{b\xba\xfb\xfb\x1bj\xce'</t>
  </si>
  <si>
    <t>b'p\xee1\rW\xcd\xba\n\x81\xa3\xd1\x99\x1c\x99\xadH\x19\x97\xd6\xb0\xf6\xa1\xd6;\x1c\xbbuI\xd6\xcdZ\xc0'</t>
  </si>
  <si>
    <t>b'n\x17\x8b\x95$\x16+\x93\x18\x83\xf7/\x94\x91\xc9\x9cZ\x02\xf5\x10:C\xb8\x83;\x8e\xfd\x88\x84\x0e3\xea'</t>
  </si>
  <si>
    <t>First Loan</t>
  </si>
  <si>
    <t>b'#\x10TCXrT\xd7\n\xce\xe9%[\xdex\xcc\x9f9\x01\x03\x03J\xd55\xa31s\xb9K\xa2\xf9\xb2'</t>
  </si>
  <si>
    <t>b'\x83\x9b\x1e\xad\xa4\x82\xf9\xea\x03H\x82\x03l\xfdi\xac\xceWLr\xcd\x02{1\xed\xdc{\x0en\xb8\xf5\x85'</t>
  </si>
  <si>
    <t>Consolidated</t>
  </si>
  <si>
    <t>b'B\x1a\xf0V\xc8B\x92h\x83\xf2N^\n[\xdcA3\xbf\xa6\xfc\x1cW~\x9f\xf0\xee\x12\xe4\x9c\x82\xb9&lt;'</t>
  </si>
  <si>
    <t>b'\xbcg\xa0&lt;\xder-&amp;\xdfI\xa5\xfb\xc3\x85\x95\xbe\x01\xb71\xe7Y\x83xu!\xa9\t\xc4\x9eyb\x9b'</t>
  </si>
  <si>
    <t>270xx</t>
  </si>
  <si>
    <t>b'\x06%\xd4\xa1s?4\xab\xdb#:\xd6^\xa8\x19\x81\xc3\xda\xf2\xd7\xf5\xe6\x10\xea\xf1\x94mt\xfcy\xbe,'</t>
  </si>
  <si>
    <t>credit card  pay off</t>
  </si>
  <si>
    <t>b'_i\xea\xfc\xbf\xca6"\xb3\xefy\xf6\xa3\xf4=\x13\x1f/\xee\n:\xe0\xd4\xa8\xe0HhM\xd0\x17\x0c\xa5'</t>
  </si>
  <si>
    <t>refinancing for lower rate</t>
  </si>
  <si>
    <t>b'=2\x82\x0bb\xa4\xf5\x01\x9c]^\xe7\xeby\xb7/\xfdJ\xbf\x00\x17\xf6a@\xca}\x86\x90\x1eg\xedH'</t>
  </si>
  <si>
    <t>b'\xa4\x00--\xd8D\x8a\xadlB\xd2\xfe9\xbf\xe5\xd4wN&lt;\x83kI\xf4\xd4\x7f\xc8W\n\xfd\xb1_\x00'</t>
  </si>
  <si>
    <t>495xx</t>
  </si>
  <si>
    <t>b'\x9f3\xa7U\xa6\xa2R\x94\xf5vW\x8a\x0777\xd80\x9eE\xbc\xbbB\xb2O\xbfU\xf8\x82\x82\xb4\x9ci'</t>
  </si>
  <si>
    <t>b'M\r\x19A\xf31\x19\xd6\xa78\xa6s\xf9\xc6\x11\xf3\xa2\x985\x9f\x81\xa7:\x0c\xc8&gt;L\xdc\xdb\xc9w\xbe'</t>
  </si>
  <si>
    <t>Lending Loan</t>
  </si>
  <si>
    <t>b'TR1\xb8(\xa5\xb7b\xe6x\xe23^"\xc8\xab\xdd\xbdW\xd5\xd9\xf1\\N\x16\xc0\x8c\xe0\x07\t=\xa1'</t>
  </si>
  <si>
    <t>b'O\xd4\xe0\x80t\x97zk\xcc\xca\x0e\x9a{\x897\x12t]\x842\xe2\xb2\xcc\x9c\x84b\xf5\xa9\xad\xd9\r\xae'</t>
  </si>
  <si>
    <t>My debt</t>
  </si>
  <si>
    <t>b'\x82\x18?\xe2\xc9\x8fP3\xf1\x99W\x9f\x9dv9\x891R\x1at{\x86\x89\xe1O\x8c\x1a\xaa\x7fOU\x19'</t>
  </si>
  <si>
    <t>b'\xb6\x91y\x1f\x8fA\x98\xf8\x94\xc4\x10nHm\x84\xd4-Y\xcf\x87ss\xd2\x91Q\xda\x12\xc3\xc7\xa3\x9e,'</t>
  </si>
  <si>
    <t>Debt loan</t>
  </si>
  <si>
    <t>b'\x97\x1e\xa8\x04~k\xfc(\xd7\xc2\x1c\x02\xa1\xc5\xcd\xab\x05;\xe66"\x9d\x83\x80\xff\xde;\x96\xb6\xa7\'\xc5'</t>
  </si>
  <si>
    <t>b'\x17\x80\x11\x1by\xe4\xf3\x0e/\xc7\x12\xab\xa6\x02\xec\x86P\xda+\x93\x17\x81\xb6 \xe4\xf39\x14\x9c\xab \xec'</t>
  </si>
  <si>
    <t>b'\x00+[\xf7\x8f\x15\\\xbb^\xcd\x8f\xef\xab-"\x1d\x00OU\xb6\xe9\xd4bO\xe9\xbc\x92\xbb\xb79\xcb\xcb'</t>
  </si>
  <si>
    <t>b'&lt;\xfd\x9b\xd3\x19QgW\xceI\xc8s!\x0fZ(\xde\x18\xe6\x13\xe1\x0f\xae\xf9\x19O\xff+\xf8$U\xdd'</t>
  </si>
  <si>
    <t>b'\x16\xc7\xab\xb5\xdc\x00-Q\xe6\xb0LU\xb3\x0fR|\xb2\xaa\xa7\x03\x853#\xf9\x97\x14K\xd6\xd6\x8bE1'</t>
  </si>
  <si>
    <t>Credit Card  Refinance</t>
  </si>
  <si>
    <t>b'\x0fH\xda\x87z\xa9\x95a\x02\xd2\x057\xc5\xda\x88\x0f\x1b\x03+9\xeb\x83`\xe4r\x82H\x1d\xdc\t\x851'</t>
  </si>
  <si>
    <t>b'\x87\x03\x12\x12&gt;\xc9u\xed\xb1`A\xe2\xd3\xa8\xcc\x87lW\xdb\x11\xd2\xf4\xd1\xc8@\xa3A|IP\x85\xe4'</t>
  </si>
  <si>
    <t>Breathe More Freely</t>
  </si>
  <si>
    <t>b'\xe3\x8a\xba\x89h\xae\x8b_T\xe8%\x7fi\xb3w5&lt;\x9bnt\x82\xad+\x96\xf9=\x13\xd7\x96u\xb2?'</t>
  </si>
  <si>
    <t>CC clear</t>
  </si>
  <si>
    <t>b'\xad&lt;\xa3\x82D\xea\x9d\xc8r\xc0*\xee\x11\xdd\xee~\x80\xa2~\xd8\xbb\xd1\xda \x10+\x80\xa3\xf6\x02\x03\xab'</t>
  </si>
  <si>
    <t>DebtConSol</t>
  </si>
  <si>
    <t>b'\xe4zm\xbe\x88,\x95\xedD\x1d\x97e%x\'\xd1B\xd8\xbc\x882"%#\xec`\x0e\xe0\xf3H\xa6\xdd'</t>
  </si>
  <si>
    <t>Resolution Loan</t>
  </si>
  <si>
    <t>b'\x93\x9b\xec\x1d\x83\xf3\x85\xf56\xf1\x141\xf4E\xb2\xa4T\x97\x11\xef]d,\xf0\x03\x83\xfa\x86ld5\n'</t>
  </si>
  <si>
    <t>Relief loan</t>
  </si>
  <si>
    <t>b'k&gt;\x80\xd5v\xf9\xaa}&gt;-oq\xf4\x9d\xf6VSY$\xdc\x16\xa8^_D{J\x06O~R0'</t>
  </si>
  <si>
    <t>b'\xda\xbd\xfe:0\xe7\xfd\x03\xd7x\xdb\xe6\xe3\xc54\x19u\x14\x1aT\x87\xdc\x81T\xda-\xf55\xe3\x19\xc9\x7f'</t>
  </si>
  <si>
    <t>961xx</t>
  </si>
  <si>
    <t>b'\x81\xb6\xf8\x1d\xdde\x9d\xbb\xbc\x05\x16&lt;\xfbn\xbf,\xb7\xc0\x1br\x90\x8b\x91\xe3\xdfE\x9bq\xf0\xc7\x94\xa8'</t>
  </si>
  <si>
    <t>b'\x16\xee#~\x88\x82#X\xb3\x94\xcb\x9f\xf3O\xbeq\xffK\xcd:$3\xd9!\xa1\x92\x82bt%\xb8f'</t>
  </si>
  <si>
    <t>STEAMLINE</t>
  </si>
  <si>
    <t>b'\x94\xf0\x00m\xd2\xef\x9a4%\xa2\xc6q\xd0\xbaV\xabp\x15^\xed\xa4\x90\x80\xc8\xf8\xaf\xcbE\xb7\x98Z,'</t>
  </si>
  <si>
    <t>219xx</t>
  </si>
  <si>
    <t>b'\xffg\n`\x08{\xe5\x938\xb2(\xaa\xe2\x11\xf9\x98\x98\xc8\x0e\x9b\xa3\xd4k[\xe0R\xc1h\x08\x8a\x81\x06'</t>
  </si>
  <si>
    <t>b'\x1f\x12\x1b\n\x12s\x83\xd4\xc7N\x1f\xbc`\xee\xebs\xeeZ\xa3G\x8bld\xbbdG\xe6g\x13u\xab\x88'</t>
  </si>
  <si>
    <t>pay off bills</t>
  </si>
  <si>
    <t>b'n\xe3\x98\xf8.\xeb\xcf\xd9\rC\x7f\xfaPv\x99\xc4\xbeX\xd7\x7f\xc6\xfbs\xb7b\xb7W\x88\xb0\n\xab\x80'</t>
  </si>
  <si>
    <t>Credit Card Pay-Off</t>
  </si>
  <si>
    <t>b'\xfb\x02\xe2\xa8\\\xeb\xe1\x9b(O\x1d.\xdb\x1d\x1e\xa2\xd0\xb9\xba\xf6h\xd2en\xab\xcfq\x1d0\x10\x91\x06'</t>
  </si>
  <si>
    <t>Debt Consolidation I see the finish line</t>
  </si>
  <si>
    <t>b'nS{,P\x10\xa7\xf4\xc3{K\x04\xc8G\xe5\xae\x97EU-3\r&gt;\x12\xae\xb6P\x0c\xb7p\xc0\xbe'</t>
  </si>
  <si>
    <t>534xx</t>
  </si>
  <si>
    <t>b'\xd8\x0cB\xc4\xfba\xdc\xaf)-4L\xb5rx!\x94Oe\xb3\xfa\xbc\xb6?k\xd4\xc2\xf6Ar\xe0\xf7'</t>
  </si>
  <si>
    <t>Proview Technocity</t>
  </si>
  <si>
    <t>b'R\xd8\xc7\xe4(\x07c\xdf|\xa7\\l\xeb\x89\x97\x9a\x11Oo\x96T\xae\r\xe91p\x90\x00K[\xc3\x00'</t>
  </si>
  <si>
    <t>b'\xce\xe1\xe6\xbc\xb6\xd5\x9b(W\xc5\x1d\xf7^k\xfc\x966s\xd9\xcc^\xd6&gt;\x000\xa0D\x90\xc2\xff:\x1d'</t>
  </si>
  <si>
    <t>helful loan</t>
  </si>
  <si>
    <t>b'y\xf8!Z(\xfc\xdb\x8c\xec\xb0\xf9\xea\xa4I\xc5k\xcb\xb4\xc46VI\x89\x9a\xfc\xb3\xd0\xf6z\xe5\xf8f'</t>
  </si>
  <si>
    <t>cc conciliation</t>
  </si>
  <si>
    <t>b'R\xc8_D~&amp;,\xe7\xae\x1e\xecR\xb3,\xb9&gt;\xdfA\xed\t\xfd\xc3|U\x12\xa27Y\xaa\xf5\xf8b'</t>
  </si>
  <si>
    <t>Loan cons</t>
  </si>
  <si>
    <t>b'b\xfd;\xbd\xfbT\xf2\x0e\xb2\x9atO!\xf9k7gzN\x9e\x7f\x02\xect?2\x00\xc0\x14\x8f\xf0\x0b'</t>
  </si>
  <si>
    <t>b'\xd9\xcc7\x81\xcd\x16h\xbe\xd6\x13\xb9\xdf~ \xf3{\\\xbe\xad\x0c\x1b"vR\x00*\xc7{\xc8u_w'</t>
  </si>
  <si>
    <t>b'0\x81\xb4\xdc\x81^!\xa313\xe4z\x18}&gt;\\jCE\x84\x95{\xb5cE\xeaD.\xb9\xba\xbe\x07'</t>
  </si>
  <si>
    <t>b'\xbc\xdd&amp;\x10`\xb7\xfc\x83\xe1X\xcdA\x8b\xedja\xe5\x00+\xa9\x1d\xfc\x1b`\xbb\x8d%V\x8c\x95}4'</t>
  </si>
  <si>
    <t>b'\xaa&lt;\x9de\x0fj\xa7\xd8\x8b\x0c\xc7u\xa2\x0c\xac&amp;\xff\x18\xc9_y\xe1\x815l\x1d\xfe\x9d\x19,\xe2\x10'</t>
  </si>
  <si>
    <t>consolidation Loan</t>
  </si>
  <si>
    <t>b'\xa0\xbaU4\x15\x93\x1b\xe1\x86\x1f\xd0%W\xe0FA\x0e\x00\'"\x9f\xb9\x17k|\xc3+s\xa7\xd5\xf7\x97'</t>
  </si>
  <si>
    <t>b'\x8fx\xd1z\xda\xc8\xeb\xa6\xc3S^\x83\x80g\x98\xaf\x97\xc7\x97\xe7\x92?\xcd\x94\xa3(\x97\xf7!eK\xca'</t>
  </si>
  <si>
    <t>My Consolidation</t>
  </si>
  <si>
    <t>b'1%\x03\xb5\x03\x04\xdb\xc6\xd6M\xdf\x1f\xb2\xab~\xe5ko\xc1-U\x9b\xfb&lt;~&gt;v\xe4V]`\xd4'</t>
  </si>
  <si>
    <t>b"A\xff\xdc\xdbt59\xed\x0e!\x00'G\xc8#\xed\xa9\x94\t\xd5\xd3\xf2\xbe\x7f\x9b\xa4\xa5y\xd4\xe1\x82^"</t>
  </si>
  <si>
    <t>b"\xb4\x81\xe7;\x0c\xd8\xe4\xee\xd73T\xc4\xc9\x89\x19\\M\xcdc\x03\xef]J'\x14\x8d1\x82\xdeo\xa3\xe0"</t>
  </si>
  <si>
    <t>b'\x87\xf6:\xc1\xed\xef\xc1\x1a\x13;\x1b@\xb1v\xfd@\x03\xca\xaf\xfdQ\xd0BH\xd3\x1d\xa6\xcat4&lt;9'</t>
  </si>
  <si>
    <t>b'\x9f5/\xdf\x8a\xd0G"/\xc4\xafdO\x82\xc1\xd1\x14g\x94\xd9\xadX\xcb\xfa\xcf\xb1z\xfa\x9f\t\xc1\x1a'</t>
  </si>
  <si>
    <t>b'\xd9\xddC\x18;w\xe1^yq\xd2\xdd\x0e\x02\x16q\x16\xef]\x86\xe06\xc1\x8c\x12e}\xc7\xf7\xd0~\xe4'</t>
  </si>
  <si>
    <t>b'\x01T\xaf\x9e_-o\xbc\xf8*E\xf2~\xcc\xaa\t\xebxc\x8e\x98L\x03\xe29j/\xae\x97^\xa3\xbd'</t>
  </si>
  <si>
    <t>789xx</t>
  </si>
  <si>
    <t>b'\x153\x83\xe5\x03&amp;x\xfd+~\x04N.r\xc1\xc4\x12&gt;\x08\n\x98\xbc\xb4\xae\x90\x83\xca\xf3o\xfe;\x8a'</t>
  </si>
  <si>
    <t>b' O\xea8F\xcc\xb8\xccR\x81\x8fs?*\xa8\xaf9\x0br\xa7\x8a\xcdl;\xaf\x00\xe9K\x8a["\xac'</t>
  </si>
  <si>
    <t>b'\x81\xbc\xdcCg\x00_\xd8+(\xac\xd7m\x1d\xf1\x83\xc7\xb3Vpx2\xc5\xf5\xfc\x8e\x1dIv\xfa\xfa\xf2'</t>
  </si>
  <si>
    <t>cut up credit cards</t>
  </si>
  <si>
    <t>b'\x15\xcf\xb6\xb7\xf1\x12\xf0\x9f3}#\x1fc\xa0\xb3\xbe\x01!\xd8\xdf\xb8\xcc\x0e\xe4\xca\xda\x06\x13\xb6\x99\xa2\xd3'</t>
  </si>
  <si>
    <t>b'\x96\xc0\xe0}\x1c\xe9\xd1\x1b\n&lt;s\xbf\x85\x9c\xec\x02\xd5z\xfb?\xb8\x99\xba|\x1f\xc1\xd5\xcd\xfb\\\xb8m'</t>
  </si>
  <si>
    <t>Debt Consol Loan</t>
  </si>
  <si>
    <t>b'C\xd2];6\x89\xb3\xcbk&amp;*\xcb\x01F\x1c\xa17O;\xa7\xdbN\xa0\tX\x8e\xcf\xe6\xadFh\xf9'</t>
  </si>
  <si>
    <t>CREDIT CARD CONSOLIDATION</t>
  </si>
  <si>
    <t>b'\xae6\xe2\xaaU\xf8\xde\x12\xa88T\x07MD\xcb\xa5\xec\x8d\xa9_c\x1bbUo+\x91\x8c\xdfW\x8e{'</t>
  </si>
  <si>
    <t>b'\xf6\xd6\x11G\x92\xb1\xbc\x91\x07\t\xf3\xf09@&lt;/+\x1d\x01\xae\xef\xf8&gt;w\xe57"\xca\xfa\xe4\x1a\xde'</t>
  </si>
  <si>
    <t>b'\x93\x11k\xc9\x1cP7\x01\xc8D\xba\x9c\xea\xd3P\xda: \xfc\xab\xb5:\xfdI\xe4e\xd7\xf4\xf9qT\xfb'</t>
  </si>
  <si>
    <t>New Year Consolidation</t>
  </si>
  <si>
    <t>b'\xacD;u\xae\xc1\xbbaw\xb3\x0b2\x97\xefZ\xc7]\xf1\xcb\xd2\xb2\x8f\x90k\xa7\xa6M\xbe\xbdQ\x1f\xe3'</t>
  </si>
  <si>
    <t>b'\xa9\n\x95\x96\t\xf0\xd0\xa5a\xfaUU\x99\xcb_\x99k\xf0\x0b\xder\xc8\xe3L\xee\xb3\xd0\x8d"/\xe3\x8b'</t>
  </si>
  <si>
    <t>617xx</t>
  </si>
  <si>
    <t>b'\x8d\x87\t\xbb\xe0\xd8\xec0\xab\x0b\xc4\rQ\xc6-\xba\xf5\x88\xe3\xd0\xb1\xee\xa4\xf02\xf5Fd\x81\xefV}'</t>
  </si>
  <si>
    <t>b'\xd9#Uo\x90\xfd\x18#}w\x02\xab\xcd!!&gt;u\xd9\x94\xe8\xe9fc\x87\xe4\xc7\x144\xc3m]3'</t>
  </si>
  <si>
    <t>fixer uppr</t>
  </si>
  <si>
    <t>703xx</t>
  </si>
  <si>
    <t>b'^K2\xbb\x1c\xe6-\xe2\xe8\x14\\\x94\x9e\xa4\x10I\x10\xcc)!HJ\x0c?%\xe4\xaa\x94\x83\xeeS&amp;'</t>
  </si>
  <si>
    <t>b'.\xfa\x1fW\xd9\xac\xb9\r\xd8\x95:\xb3L\xbe\xfb\xe6\xfap\x07bp\xbb\xef\x86[G}/\x92\xf0\x9c\x97'</t>
  </si>
  <si>
    <t>b"!w]\x05\xf5\xba3mI\xcf\t\x07p'\xd2\x0e\xa2\xe1\xe0\xc7\xbfp\xeev\x94&gt;\xa4\x9f\x8e\xbb\xf7Q"</t>
  </si>
  <si>
    <t>Debt Consolidation/Taxes/Deceased father</t>
  </si>
  <si>
    <t>025xx</t>
  </si>
  <si>
    <t>b'$A\xad\x85\x17~e\xa41\x0c\xb3*c\xcc\xb5\x19\x16\xce\xf1\xdc\xaa\xa0C5\xaa\xbe\x97x\xe5\xa9\x9am'</t>
  </si>
  <si>
    <t>b'\xd2\xcb\x1a2?\xac\x1d\xde;\xf0\x18\xbe\xc2H\xdc\x9c\x8a\x1c\xcb\xc43\xde\x08\xefd\xf7cz\x01sp\xa9'</t>
  </si>
  <si>
    <t>b'\xca\x98/\x94\x0e\xe3H~rH\xe3\x05[\xf3\x19p.9N\xaf\xb4`\xf3a\xdd)\x95M\xb5\xbeY\xa6'</t>
  </si>
  <si>
    <t>548xx</t>
  </si>
  <si>
    <t>b'1\x06\x1ad\xd9\xc4\xb4\x04\xb0\x1cp \xb8\xaf-a\xc3\x15\xb0\xf7\nL\xeb\xda\xf7\xc2B\x82\x10\xb31^'</t>
  </si>
  <si>
    <t>Credit card consolidation.</t>
  </si>
  <si>
    <t>b'\x08\xb3\xc4\xa9\xab&amp;y\xb3^\xa45\x8c5\xa8\xe4h-&gt;\xb1\x97\x80`\xcb\x9d\xb48\xc7\x89\x1c_h\xca'</t>
  </si>
  <si>
    <t>DEBT PAY OFF</t>
  </si>
  <si>
    <t>b'\xc6\x16td\xbf\x88\xcb4\xb5\xf4O\xf2\xee\xb2q\xbc\xcd\xc7fi\xb7\xaaU\xcd"\xf0\xa1y\x91\xbf\xbbu'</t>
  </si>
  <si>
    <t>b'\x8a.}\xe6KX\xb0\xb0\x8a\x14\x04\x86\xa6\xcc\xb9\xde:;\x98\xb9\xce\x82\x10\xf0\x84n\xa9)\xd5\x17\xaf\xc8'</t>
  </si>
  <si>
    <t>b'\x90\xa1\xc8\xe2M\x15g\x01\x8816\xf80\x0fT\xda\x1f\x1a\x81\xa03\xc8\xa7;\xcd?\xf7\x90\xa3\xd1\xdfK'</t>
  </si>
  <si>
    <t>b'\xd7\xd0q\x1c\xfb\x1b\xc0\x8e\t\xa9\x9a\x85b\xb5\xeeZJ\x08F\xdd\xa2\xdb\x0b\x98\xcaE\x16\\\xc0K\xa62'</t>
  </si>
  <si>
    <t>b'\xaa\xb1~\xc3g\x982\x86T\xcb\xc8\xdaY3h\x11\xcb \xa8\xfe\xb3%8\x83z2\x17/O5\xd1\x11'</t>
  </si>
  <si>
    <t>Pay</t>
  </si>
  <si>
    <t>b'gzbm\x8b\xb1\xd4\xb6\xc5\xe1\xf3F\xaa\xf5\x1aw2E]\x81\x82\xb3\x02U.`\x15M\x83\xba\xe1\xf9'</t>
  </si>
  <si>
    <t>b'/B\xa1\x06\x19f\xda\x1e*F\xd612\xb7G\xb8x)\xb61\x00\xf5\x18\xad\xdc\xf3\xbdGNbm\x13'</t>
  </si>
  <si>
    <t>Home Repair on forclosure</t>
  </si>
  <si>
    <t>b'\x8e\xba\xca9\x15d\xe6\x96U\x91b\x0b\xf9IT\xb3C\x1b\x1e\x1eji\xcc\x0fT;\xeb#*\xe8\xb1['</t>
  </si>
  <si>
    <t>b"JK\x9b\xe9\xea6\xf3\xd8\x15\x82\x84\x99\xb6&gt;\xef\xd7\xf7\xa9\x94\xb66\x91\xa6\x9a'm\x83\xd6!2\x0f\xed"</t>
  </si>
  <si>
    <t>b'\x84\xbf:\xe9\xd5\x01\xce\xe7\xf9\xfe\x07\x1f#\xb9\xab5"|k\xbem0\xee\xf4\x9d\x8cy9\x018\xb3e'</t>
  </si>
  <si>
    <t>MyBetterRate</t>
  </si>
  <si>
    <t>b'\xd3?\xa7.E\x99a\xaf&lt;\x99\xa8\x81\xcc\xfb\nk\xa0\xf9\xd0%+\xc4i\x86.\x8e}&lt;5\xdd\x06\xee'</t>
  </si>
  <si>
    <t>b'\x1cs\xfe^\xe4O\x88\x1c\x14\xfeQ\xe2\xc4\xe4-\x13\x04G\xf1tXN\x9cGZ\xd7$Q\x14\xc5\x88X'</t>
  </si>
  <si>
    <t>b'\xac\xfa\xcb{zsr\xb6\xe2\x01\xb92\xec\xbc(\xee\x87\xff\x00\xca\xbd\xf2tk\x9c\x81\x80\xc2\x075\x9dq'</t>
  </si>
  <si>
    <t>b'\x1f\x88\xbc\xb3[\x1d\x9b_b\xa6A\xdf-\x805\xa8\x11\xcd|\x1f:\xe1\xa8\xd08w\x1e/\xfb\xf3\xd9\xe7'</t>
  </si>
  <si>
    <t>b'\tD\x0c8\xc5\xd7\x9d\x87\x19\xc8\x1a\xcfou\xd1\x96\xbe\x048\xd65h\xd7\x93\xf2\xdf\x96\x17\xaao\xca\xf4'</t>
  </si>
  <si>
    <t>b'\x8f\xa6\x90\xeb\xb5\x0bf\xc5\x06U\xe37\xf4:\xcf\x9d\xd8B\x1a\x94\x07\xa5\xdc\x8aa\xbe\x19X\x92\xa0\xc23'</t>
  </si>
  <si>
    <t>b'\x08*\xban\xf5E\xba\xfc\xd8FP&gt;\x05]U\x9c\r\x11\xf5S#\xc5t\xa1\xb4\xf0\x9e?@\xd2\xd8?'</t>
  </si>
  <si>
    <t>b'\x131\xd9\xe4\x16q\xaf\xa1\xfd\x91\x86\xba\x96\x11\x1d@\x8c\xbeLh\x93\x8b@\xa4H\xf3\xf2\xe3\x1b\x92c\xa3'</t>
  </si>
  <si>
    <t>b'\x0e8\xe00\xd0\xb6\tr\xbe\x89O\x82Z2H \xb1\xfb\x8a\xa5\xf2\x89"\x7f\xbb\xe8\xce\x14\x03hIX'</t>
  </si>
  <si>
    <t>029xx</t>
  </si>
  <si>
    <t>b'\x08\x17\x0b\x1a\xa9\xc4v\xb7\xce\xa6\xa3#\xfa/I\x11\xddlw]\x11g\xd3Z\x88\x04BQ\x9d\xf3\xbd\x87'</t>
  </si>
  <si>
    <t>b'\x97(Q(aa\xe5-\n\xcc\n\x04r\xac\xa0:-\xe4;\xa5\xe4\xc7\xde \xc3\x99\xc8.d\x0b\xc2R'</t>
  </si>
  <si>
    <t xml:space="preserve">medical </t>
  </si>
  <si>
    <t>b'\xd3\xec\xf0\xbc}\xa7\xae]\xef\xca&lt;)\x83\x80\xfa\xaa\x81mt\x97s\x0e\x8bv\xfa\xdd\xceaN\x93=\xa0'</t>
  </si>
  <si>
    <t>b'\x87\x03\xbc?\x7f\xa9\xdd(#\x826\xcf\xb4X\x95\x97\xafv\xf8%C\x05\xa0\xd5\x9b\xb5\x15\x01##\xd8\xe4'</t>
  </si>
  <si>
    <t>b'\xf1?\xc7+\x0b\xa5\xe6\xefQTW\x00\x8ey\xaf&amp;\xff%\xe5W\xa60\x11w\x9avx|W\x95\x9b4'</t>
  </si>
  <si>
    <t>Credit Card Control</t>
  </si>
  <si>
    <t>855xx</t>
  </si>
  <si>
    <t>b' =\xee\\\xa6\x89@\xbc\x10*\xcc\x13\xd0\xe5p\xcf\x9a\x11q\xe3/\xd0\xf1\x04`\xf6 \xbc\xbaYs\x0f'</t>
  </si>
  <si>
    <t>b'ce\xc4\xf9\xeai\xa2;\xc0\xe1\xceM)$K\xd8(D6\xa7$\\\x05\xef\xa7\xa1s"\x913\x89\xd5'</t>
  </si>
  <si>
    <t>b'\x0f\xbf\x7f?\xbd\x92\x07T\xca\xc9R\x8f(\xe9.\x82\x02\x94\n\xaax\xcf\xaa[\xa9v\x8b2nq\xb6;'</t>
  </si>
  <si>
    <t>b'\xa6{\xff\x02\x8f\x9cL\x83\x03\x1e}\xfeg\xc9\xe0 l\xc6\x84\r\xa3\x18W-\xdd\xb0\xac\xaf!s\x941'</t>
  </si>
  <si>
    <t>b"\xa3\xe0\xde\xeb\x0c1\xab\x04D8\xeb\xee)\xe9'\xd2\x8e\xb9\r\x96*\x84\xf5!\x9a1N\xc1]\t\xcf\x85"</t>
  </si>
  <si>
    <t>b'\x8c\xe5\x90\x00\xabZU\x80\xa5)\xc4\xc2_\xd7C\x0f!\t\xe7\xbeD\x83!\xe5\xda\xb3:\x8b\xd9@?\x1e'</t>
  </si>
  <si>
    <t>b'\xb0_\xbd\xea\xa6P\x13\xf2&amp;\x1a\xac\xed\x14\xbaA\xe1\x05\xfc\\F\xd1\x0b\x8d=\x95\xd5\x00l\x8a\xf3c3'</t>
  </si>
  <si>
    <t>Anniversary</t>
  </si>
  <si>
    <t>b'\xeeCx\xa0\x05l&gt;\xb6\xe7?\x05rON\x1e\x12\x9dx\x88j\xf7X\xea\x9e\xea\xed~h\xb7\xb68\xb6'</t>
  </si>
  <si>
    <t>b'Rc\xc0GC)\xc7MZW\xd7ay\xc6\x87\xbe\xad\xbb\x1cM"\x85XgK\xd73\x1b\xbe\xbb\xf9\xad'</t>
  </si>
  <si>
    <t>b'\xa4\xc6\xe6,\xf4Kl\xa0\xe0\x818\xf5\xe7\xde\x10\xe5lW@\x96\\\xd9\xad^\xbe\x03c\xd2\xd77Q\x90'</t>
  </si>
  <si>
    <t>b'2\x1c |0\xaf\xd94\xd1\x1a\x1c\xb5\xad\\+\xad\x05,\xd4N\x8c\xf6C\x91\xce\\&gt;\x84-\xc9\xa5\xb7'</t>
  </si>
  <si>
    <t>Vinegar manufacturing - seed capital</t>
  </si>
  <si>
    <t>b"\x9f\t\x8b\x0f\x1d'\x99\x16\xd0]z\t\xc3\xd2!\x8f\xef\xde\x91n\xd1\x15\x1bC: \xf3\xc8pX\x05M"</t>
  </si>
  <si>
    <t>b'u\x94d.\x11\xf7\xbcp\xe8\xb2|\xff\xb5\xe8PMg\xd5\x08\xd8\x03\xa8\xbd\xd1S\xbd&lt;\xb3]\x03.\xb2'</t>
  </si>
  <si>
    <t>bill loan</t>
  </si>
  <si>
    <t>b'\xf6r\xe7\x0b\xba\xa9\xa2\xfd\x94-\xf8\xfa\xbe\x11K\xf7\xe6\xe6\x11O\x9c\xd7\x85\x1f\xd0Yd\xbf\x9b\x84\x9e\x19'</t>
  </si>
  <si>
    <t>b"\xe7\xa6\x8aq)\x19\x9c\x8aE\x81:\xbbo-\xee\xee\x07\xc0\xd9\x8b\xaa\xc8\x85\x95\xe2\x05|`\x8bxW'"</t>
  </si>
  <si>
    <t>b"_\x91\x98\x9f\x87\x1f\x19Q\xb7\xa5\x8c4\xe4\x12\xc9\xc6('=;'\xc2\xe5o\xf8\x1a\xf8\x17P[B\x12"</t>
  </si>
  <si>
    <t>b'\xf4\xf2;,\x00\x884\xf9\x00[\xf1O\xf8)\x0e\xa9\xfaj\xc19\x99\xbf\xce\xecW\xe2\x9f\xfd\x8a\xbbE\x08'</t>
  </si>
  <si>
    <t>Patio Cover</t>
  </si>
  <si>
    <t>b'\x05R\x92JgAx\x80\x83X!K+~\xc3\xf2\xb8\xe0\x85\xe8O1\xb4(,9\xceu\xcf\xc2#l'</t>
  </si>
  <si>
    <t>Payday</t>
  </si>
  <si>
    <t>b'\x88\xd1\xdc\x86\xa5J\x90\x10\xa7\x9f\x9d5H\xc6\x8d\xf5\xb2\xcfU\xafZm\xaf^\xdc\xb5,\xc7\xab\xd65^'</t>
  </si>
  <si>
    <t>b'U\x86\xf1\x0b\x19\xc2\x15\xc1\x9b\xff\xb5\x803R\xfe\xea\xd0?\x9a\x83$\x1c\xffN\x16\xa6\x9dI\xc65E@'</t>
  </si>
  <si>
    <t>b"a\xc3$_{\xa4,\xaeG\xbc$\xc5\xad\xe5\xe8\xfep\x82d\x1cV\x9b\x9f\x07;'lZ{\x9c\xb0\xd3"</t>
  </si>
  <si>
    <t>Paying off small loans</t>
  </si>
  <si>
    <t>767xx</t>
  </si>
  <si>
    <t>b'\xa5\x0fwp\x1c\x18\x04\xca\x01?\xef\x7f\xd6\xa9\x89\x87Jp\xbaW\x94\x05S\x89&lt;&gt;\xdf\xedFxH\xda'</t>
  </si>
  <si>
    <t>b'\xac\x84\\\xfeF\xcf\x9c\xc7N\xaaK\xd4\xd5\x88\x7f\xd9\x1dNu\x16\xf6d\x9eeX\x05U\t\xe5\x7f\xc7\x1b'</t>
  </si>
  <si>
    <t>b"\xcdp\x14\xe3'S\x06\xbcZ\x95\xfaV\x8b/\xf2\xbe\x18&amp;\x18\x9c\x94\xc2\xf5\xfb\xda\x13\xed\x83\xcb\xc8-\xd4"</t>
  </si>
  <si>
    <t>Fixed Term</t>
  </si>
  <si>
    <t>b'\x13\xdb[r\x9d6\x85\xb1\t}6\xb1,\xde\x8b;*\xc2*,s9\xad\xf8!N1@P\r\xab\xcc'</t>
  </si>
  <si>
    <t>Credit Relief</t>
  </si>
  <si>
    <t>b'\xae\xd7&gt;&lt;1\x8a+\x91\xd9\xfcx\xa0\xa0\xbd\xdcQ\x04\x88C^\xa8\x80\xf5\x10b7\x90r\xc7|aY'</t>
  </si>
  <si>
    <t>opprotunity</t>
  </si>
  <si>
    <t>b'x\x92\xfc\xe8V\x07\xb3\xf0\xc9\x8a\xfeP\t\x1c[\x1e\xef\x0f\x01\\\x89\xf6N\xe6&amp;\xec\x17y\xf3\rM\xd1'</t>
  </si>
  <si>
    <t>Credit Card Relief</t>
  </si>
  <si>
    <t>b'\xc2\x92KK*\x89xO\xca\xb9\xe3(b\xccA\x94aPQi\x8at0\x0b\x10-L\xe1\xe9\x10Q\xb5'</t>
  </si>
  <si>
    <t>b'\x94\xb9U9\xe2\xd8\x15,\xbd,\\\xad\xe0o^\x92\x13\xf5:BI\x8e\x12]3\xd4Q\xe8K\xe2\xe4\xac'</t>
  </si>
  <si>
    <t>pay off high intrest rate credit card</t>
  </si>
  <si>
    <t>273xx</t>
  </si>
  <si>
    <t>b'\x92@\x86\xe8M9\xb0Az\x07*S\t\xe8hyO\xbc\x80e\x81\xb2*_)\xf4(1T\x08\x00\xd4'</t>
  </si>
  <si>
    <t>484xx</t>
  </si>
  <si>
    <t>b'f\x14\xc0\xeb\x10S \x82I\xdd\x18\x16\x9fOi\x8fr\xaf\x8b)\xb4#\x11v\x9e\xed\xd1\x15&gt;0\xff@'</t>
  </si>
  <si>
    <t>b'9\xfc\x94.qR\x8f\xd4\x8b\xba\xe6\x01\x9fo\xb1\x9e\x95\xa1\xc8P\x8e\xbc\xa0&lt;\xfe\xd6B\xb4\xb8\xc1$\x1f'</t>
  </si>
  <si>
    <t>705xx</t>
  </si>
  <si>
    <t>b'\xa1O\x17\xf5\xbf\ta\xc8\x08\x917\x19o*R)@\x9a\x00V&amp;\xe8W+&amp;\x04\xfd6\xd76$}'</t>
  </si>
  <si>
    <t>b'6\xd7\xeb\xe1]\xf4\x8c{\xbc\x01\xf8\x80\xb3F\xc0\x13[\xcc\xfa\n5V\x85--^\xee\x04/?2\xe1'</t>
  </si>
  <si>
    <t>I need help</t>
  </si>
  <si>
    <t>b'\xf9+p\xd2&amp;\x95\xb5d\xe9P\xb2\xdb\xf6\xa5&amp;\x16\x8e\x84\x9c\x0bD~S@4]u\x06\x0f\x88\xad\x86'</t>
  </si>
  <si>
    <t>937xx</t>
  </si>
  <si>
    <t>b'\x02\xf8\xeb\xcb\xf3Y\x9b\xaa\xad!\xe2f\xfd\x05d\xe9|\xde\xac\x86\xbb\x11\x9f\x91\x88\xdf\xd4?\x91\x1a\xecX'</t>
  </si>
  <si>
    <t>CC debt Consolidation</t>
  </si>
  <si>
    <t>b'p\xa7\x1bGK\x0f\xdb\x1dA\x98L\r\xf6\x1a\xb1\x05\xb3\xc6\xa4\xbe\xd5,\xd1\xbbx\xc7\xecQ\xcc\x01\xc1\x9d'</t>
  </si>
  <si>
    <t>b'\xa4\x98\xc4\xc7\xb6h2\x9b\x8ba\xf9a\x02\xb0\xe8U\xa0\xa0\xf5\xb1\x9e\r\xc1\x0f]X\x15\x9c\xc0\x167\t'</t>
  </si>
  <si>
    <t>b'\x8a\xa4\xe5K/?W\xae\r\n\\\x96\xa5~\x92\xceC{\xcb\x92\xcd;\x184\xaajM\x9c\xb4\xcc\xc8U'</t>
  </si>
  <si>
    <t>Credit</t>
  </si>
  <si>
    <t>790xx</t>
  </si>
  <si>
    <t>b'\xbe}\x0c+\xcf\x94\x04w\xa77\xff\x07#\x856\xc4^m\xb8$x\xad6\xcd\x8a#\xe3-M&lt;m\xaf'</t>
  </si>
  <si>
    <t>fixer upper</t>
  </si>
  <si>
    <t>b'@\x0c\xc5\x843\xe1\xc8\xad\x96\x86\xb1\x1f\x10\x9ax\xccX\xca\x13@\xf2W\xf1\xa07\xdd\\o\xd7\xa8 1'</t>
  </si>
  <si>
    <t>Car payoff</t>
  </si>
  <si>
    <t>b"\x14$\xdd\x81n2H-\xf8b9\x8a\xcf\x92\x07j\x1eL2\xcc\xfb\xecW\x83\t\x98/'\xeb\x8d\xd5\x95"</t>
  </si>
  <si>
    <t>debtBOApayoff</t>
  </si>
  <si>
    <t>b'\xf91\xb2\xb3\xf7Mr\x8a\xa3\xf0)2;\xcc"+\x04\xcf\xc7K!j%\x98`\xbbz\xfb\x1a\xf5TH'</t>
  </si>
  <si>
    <t>b"\xcc$\x9f\x9c\x97r/'\xbaV\x14\xe8(v\x8b0\xa8=S\xfdke\xf2\x87\x06\x05\xc1~\xce\x9e\r\x98"</t>
  </si>
  <si>
    <t>Credit Card Consolidate</t>
  </si>
  <si>
    <t>b'\xbb\x03\x94Z\x1d\x9a\x81s\x91\x0fLta9\x8f\x17&lt;rh\xc0x\x161\xf3\r\x17;\x9b\x99\xac.\xa6'</t>
  </si>
  <si>
    <t>b'\xa7x[\xd5\xdf\x90*\xe5\x97m\x9fs\x95\xb4\x93\xa7\xd0DFx\xe8\x9c.\x83\x90%5*]\x18\x1e\x16'</t>
  </si>
  <si>
    <t>Pellet Stove</t>
  </si>
  <si>
    <t>b'\x10\xf0\xe5Tr\\\xa8U\xab1d(\xa2\xf8\xbcH\xcb\x1d\xc6\xedO\x86\xb4\x88l\xc9.\x90\xae\xeb\xc7\xc1'</t>
  </si>
  <si>
    <t>b'l\n\xb6\x14\xbd\x82z\xd3\xf5{\xcd\xfd\x84\xe6D\x83b#\x96\xd3\\{]\xc7\x15\xf2\x94\xdee\x93\x00\x87'</t>
  </si>
  <si>
    <t>b'g\xd4\xaa\xe3BG\xa1fo"\xe4jW \xc4h\x9a\xac\x1a\x8e=7\xaf\xa3P\x1c\x00\xc0\xde\x01\x7f\xa8'</t>
  </si>
  <si>
    <t>b'\x84&amp;g\x19\x90g/6\xdb\x9a\x12\x7f\xe7\x99\xd4X\xeaZ\xcd \x81.\x172\xce\x8fK\xea"X\xbf\x96'</t>
  </si>
  <si>
    <t>CC and personal</t>
  </si>
  <si>
    <t>436xx</t>
  </si>
  <si>
    <t>b'R\x03Jo\x9b`\xd4\xf3\xb4\xd7\xb2&gt;\xbd\x9e\xaa\xc2\xe0\xa0\xf6\x1b\x175U\x8c\xe0\xf0g\xf55hOS'</t>
  </si>
  <si>
    <t>b'\x11(\x8b\xa1\xf3\x07XI\x8c\x06\xa3\x91\x1f\xe1\x05\xbd`\xae\x8b\r\x8f/(\rx\xe2i\xeb\x93\xec\x02\xa3'</t>
  </si>
  <si>
    <t>372xx</t>
  </si>
  <si>
    <t>b'u\x8d\xab\x7f\xb9\x86z\xbc;M\x87$3{\xbc\x8bM\xa1\xc46\xc0C\x0f\x98j\x0f\xe8\xc06\xb52\xf6'</t>
  </si>
  <si>
    <t>My Debts</t>
  </si>
  <si>
    <t>b'\xc8\x8b\x0b\x92\xbd\x08\x93|\x9d\xb53\xa1F\xa6\xe6#\xaf^Q\xef\xa9\xcc\t\xca\xed\x0f\xf7\xaf@`\xa5E'</t>
  </si>
  <si>
    <t>Home Impr Loan</t>
  </si>
  <si>
    <t>b"\\&amp;'\xf2-\x00\xd1\xe0\xb2{\x8a\xd9_['\xcd\xb8\x90\x11O}TG\xdb\x11\x18\xfb\xc5\xfe\x10\x91\xce"</t>
  </si>
  <si>
    <t>Debit Consolidation</t>
  </si>
  <si>
    <t>b'!\x1b\x98&gt;\x0fk\xf2\xdf\xa78\xcd\xe3;\xef\xde\xdd\x9f?S\xf3Y\x7fx\x91\x99\xb3\xb0\x0b\xa9\xa4\x8a\xe1'</t>
  </si>
  <si>
    <t>Debt relief</t>
  </si>
  <si>
    <t>b'&amp;=\xfa\x0c(\xa6\xef\x9a\x0f\xd0\xe5\xfdr\xb6\xf1\xc5\x1e~\xf7\xc7|\xa1H\n\xaaV\xdf\xa1$\xef\xac1'</t>
  </si>
  <si>
    <t>b'Vd\x88\xc2\x19Qecb\xb6*~J9\xe5\x80\xd0\x18\xdah\xef\x82-\x1b&amp;\xc0NA\x8f\xc6\xe3\xaf'</t>
  </si>
  <si>
    <t>paying credit cards</t>
  </si>
  <si>
    <t>943xx</t>
  </si>
  <si>
    <t>b'r\x18x\xf6\xb38\x06\xb3\x00\xb6D\xc3\xa9\xe95\x8cY\x8e\x8a\xc4%g$b\xc1)\x8c\xc2\xb7\t\xdb\x08'</t>
  </si>
  <si>
    <t>refinance credit cards</t>
  </si>
  <si>
    <t>b"\xc3G\x17\xa6_O\x01\xf1r\xec\x98P\xe3w\x99\xd7Q\x99u2ve\xa6\xe0\x8e\xdf\x03\xc9'yH\xb5"</t>
  </si>
  <si>
    <t>credit card payoff to get rid of cards</t>
  </si>
  <si>
    <t>316xx</t>
  </si>
  <si>
    <t>b'8\xad\x07\xd0\x03BP\x93\xe5\xac|p\xf7Q\xceH\x9a!4\x0b\xdb-t\xdcB\xdfn\xee"\xbcqP'</t>
  </si>
  <si>
    <t>b"}?'\xe7\x93\xdf~yB\x9e\xbc; :\x12K\xd80\x92F\x19\xe6\x81\xd8\xf3\xd1?u-\xc3?\x0c"</t>
  </si>
  <si>
    <t>b'\x97AJ\xf8\xe3\x0f\xd1\x12\x02\xf5\xe8\xb0v~\xba\x87\x86\x9b\xdfu\xaf\x9f\xde\xec/\x16\xf2&gt;\x97\x94\t\xbc'</t>
  </si>
  <si>
    <t>b'\xcf\x12\xf0M2,.\xea\xa9C\xed\xe2LFr&lt;\xf1V\xb1\xc7Z:H\x0f\x84E\xd1v\xfa\xb8O\x10'</t>
  </si>
  <si>
    <t>b'\xbed\x05_\xbf\xa0&amp;M U\xf6\xe3\xb5\x1f\xbeM\xff\xc9n\xceV\x0b\x12\xcf`\x0c\xd8\x8e#gE:'</t>
  </si>
  <si>
    <t>b"\xd6\x16\x846\x88x\x81\xd2R.\xff\x04\xa5]\xcb\xe7\x17\xbb!WK'L\xe2d\xbe\xf3-\xac\x96\x88j"</t>
  </si>
  <si>
    <t>Getting out of the Hole</t>
  </si>
  <si>
    <t>b'n\xbe\xf7mcU\xc7\x02\xe3OR\xcc9Kg\x1f\xebz@\xd89\xc6\x13nv\xd7\x18d\xb3x2\xfb'</t>
  </si>
  <si>
    <t>b"\x13\x83\xa3O\x82$\xbe\xde\x11'\xf7\x16`b\xca\x16\t\xa6\xb7.|\xe7rAcn}\x807\xa1\x0ew"</t>
  </si>
  <si>
    <t>b'\x07\xc2\x7fu\x1d\xe2\xb2s\xb2/\x07m~\x8e\xba\x84\x1d0A\xbf\xfcT\xcb\xe4\xf8\xb4L;\x141\xc1\xf1'</t>
  </si>
  <si>
    <t>credit card con</t>
  </si>
  <si>
    <t>b'[\x1cQN\x8b\xa8\x18~\x96r\x9d\xf4o\x92E\xf0\xb2?\xb9\xf5\x10*[8\x90!`\\,1\xdf\x14'</t>
  </si>
  <si>
    <t>Business Vehicle Repair Loan</t>
  </si>
  <si>
    <t>b'c\xb0\xce.q\x821\xc1\x0cZ\xfd`#Dl\x89\x86_?t\xd4N`u\xdd\xa4\xeb\xb3b44\x1b'</t>
  </si>
  <si>
    <t>b'\x0b\x05b\xb3mNl\x98\x0b\xbb\xf6\xbec\x0cvF\xa5\x9c\x94NB\xfe\xca3\xcf\xfcd\tC\x0e\x95\xe1'</t>
  </si>
  <si>
    <t>b'XG8\x85\x16j\xdf2#\x84\x9eV6p\xbds\xeap|\xf3\xa8\x04\x91\x01e\xeeTB\x8e&gt;66'</t>
  </si>
  <si>
    <t>b"Ckz\x05G&amp;xT\x03\xd9A\xf7\xb6\x17\x7f\xba\xc6\xa5pl\x8d\xfbE\x13v\xa2;^\x8ap'\xa9"</t>
  </si>
  <si>
    <t>Home Improvement loan</t>
  </si>
  <si>
    <t>b'\xbb\xb0\x13\xa6 \xf6T\x1a\xa3\xc4=\xd10\xb8\xce\xcc?x\xe8C\xfat\x0f\xe6e\xbc\x89]\xaf\x8b.K'</t>
  </si>
  <si>
    <t>loan for taxes</t>
  </si>
  <si>
    <t>b'Jk\xb6\xee\x01k\xd2\x86\x9d\xcf\x8b\xddK\x86-&gt;\xb4\xa1\xa1\xc1\xbb\xc8\xc1G\xc0\xe29\x13\x1a\xb9\xa5\xa7'</t>
  </si>
  <si>
    <t>b'\x86W\xd6\xaf7\x0e\xa4\xb6\x16\xe5\xad\xfc\xef\n\xa2+\xc65\xa5hh\xcc\x9aA\xd46\xaa)@\x80&gt;\xef'</t>
  </si>
  <si>
    <t>Lower interest rate</t>
  </si>
  <si>
    <t>b'\xac\xd0(\xdd\x129O,&gt;\xc6\x9a\x90\xd8+\xf04\xe9E\x19\x87\xdf\xfd\xf0\xcc\x9d\x1c\x96\xd6\x91k\xcd\xb7'</t>
  </si>
  <si>
    <t>b'\xca?$\xd1\x91\x15\xd6\xab\x1d\x18\xf2`J:$\xceB\t\x13\xe7c\x8a"N\xc5,\xa5#\xf5\xee\xf3\xa8'</t>
  </si>
  <si>
    <t>b'\xca\x8e\xfb\x8bj[\xb7\x00\x07\xd0\xec\xcb\xde\xb0\xdfW\xfc\xa4[\xcf8\xd6\xe9\xf9\x0c\x0c\x92V\xb5\xc6&lt;\x8e'</t>
  </si>
  <si>
    <t>Debt consolidation o</t>
  </si>
  <si>
    <t>b"\x82\x82\xcf'%\x0c\x8bV\xe0\xb7vIM\xd1K\xfeY\x9c~\xe2\x10\xf3\xc9\x0e*\xf6\r\xab?c\xc7\xda"</t>
  </si>
  <si>
    <t>b'\xb8\x11\x1e\x01\xfe\rF\xb1\x9eF@\r\xb1*\x92\n\x88\xc0\xd2\xd2\x16\x0c%I\x1fg\x0cl\xa3Zw\xe6'</t>
  </si>
  <si>
    <t>b'n)\x1e\x0e\xbb\xbd\x9d\xa8\x94\x08\xaf\xaf\xd1\xaa0*\xbdZ\xed\xbd\x80P\xce\xfaG\x84\xc9\xcd\x0b\xcb\xe4s'</t>
  </si>
  <si>
    <t>Pay It All!!!</t>
  </si>
  <si>
    <t>b"\xb2\xc8\xbaS\x80\x946!\xeb{\xac'dv\x96u\xe5v\xd7\x91\t\xab\xfaD\x7fX\x8b\xf8\xd3s\xe90"</t>
  </si>
  <si>
    <t>Debt Freedom Loan</t>
  </si>
  <si>
    <t>b'c\x98\xd1\x98`\x9b\xa8\x8b\xff\x7fs\x03m\xab\xa2\xb4\x1c\x93\xb4\xda\xf0\x01 \x18\xe6\xc19\xb3\x90/\xd1\xfc'</t>
  </si>
  <si>
    <t>b'\xaf\xad\x07)\x86\x9ag\xbeS\x8e\xce\\t\xe5\x18\xc9\xd8\xda!\xfe\xe4\x91X\xd3\x8eR\xb4\x97\xa8\xedk\xe4'</t>
  </si>
  <si>
    <t>A little Help</t>
  </si>
  <si>
    <t>b'\x02\x9a\xb7f\xddf\xab2eXq\x912\xb9\xb1\xa43\xec\xab\xe2\xc4\xcba\xc7TP\x8dURp\xc4\x8c'</t>
  </si>
  <si>
    <t>Paying Off School &amp; Moving Expenses</t>
  </si>
  <si>
    <t>b'H\x8f\x04\x98)$2\x1b\xb4s*U\xb3_P\x10\x04\xd4A"V\x03\xd48\xcf\xe0\x7f\xf2\xcc\xcb\xcf\x08'</t>
  </si>
  <si>
    <t xml:space="preserve">Debt Funding </t>
  </si>
  <si>
    <t>b'w\x9f\x9f\t\x19\xc29\xa8\xa2\xcd\x1cl\xbb:\xb9 \x12\x0c\x1e\xd3-/"\xbe\xed\xbd)\xef!\x95\xf5\xc2'</t>
  </si>
  <si>
    <t>b'"\xcc\xd0@txB\x0brD\x9a\x0e \x98\x9a\x13I[\x84X\xbc\x88\xec\nO&lt;\x8a\x13j/[S'</t>
  </si>
  <si>
    <t>b'\t\x85\xa6\x8cX\xa2r&amp;/\xb7\n\xf9\x9c\x16\xa4\xf3\x14Z\xba\xb6y\xfek%\x13\xa4\x9fT\xe6\xceO\x15'</t>
  </si>
  <si>
    <t>rainy day</t>
  </si>
  <si>
    <t>b'\xb5\xb4\xaf\xf3.\x04x\xce\x08\xbeW`\x91\xd77%\xc0I\x1bC\xc4a\xe5\xfaz-\x004p\xd2\xa0\xa2'</t>
  </si>
  <si>
    <t>b'2_\xb2\xd9\xc6\xdf\xdaQ\xfc\xd1\xde\x1f\x94\x17\x88\x98(\xc4\xf3\x94\x02\xe2B\x1a9\x1e\xae\xa2\xd8\xd8\x0c\xcc'</t>
  </si>
  <si>
    <t>who,who,need money</t>
  </si>
  <si>
    <t>b"\x9ci\x1a\xfd\xff\x13\xd2\x996M\xb0\x7f\x1e'\xa98/\xc0\xc5\x9fF\x7f\xc4G\x07\xbe\x99/\x14\xd0G\xe3"</t>
  </si>
  <si>
    <t>my debts</t>
  </si>
  <si>
    <t>729xx</t>
  </si>
  <si>
    <t>b'O$\xb2Mj/7\xeeX\xc5\xc1]t)\x944C&amp;\x17\xff\xab\xa2\x05\x11\xa2[\n\xa5@\xf3\xa6b'</t>
  </si>
  <si>
    <t>credit card refinance loan</t>
  </si>
  <si>
    <t>b'\x8f\xf1Z\xef\xa1\xa4Ku[q?\x14X\xe0\xa5\xf9\xebn\x1d\xb1\x07\xaa\x1b\xa2\xce\x15]\xdc\xd4{W\xfa'</t>
  </si>
  <si>
    <t>791xx</t>
  </si>
  <si>
    <t>b'\xfb\x99\t$~/{o\x17\xc2\x9e\xda\x10m\x827\x91%c\x99\xb6W2\xadS\x1e/\xb1\xf6\x07\xe4\xb3'</t>
  </si>
  <si>
    <t>b'\x17\xf6J\xe16\x0c\x1aR+\x04\xe5`\xb5\xb0\xa5\x93\xf5wx\xefR\x94Nd\xd5v\x90\xa4\x8di|\x1f'</t>
  </si>
  <si>
    <t>PAYOFF</t>
  </si>
  <si>
    <t>b'\x80\x8e\xf5"\x86\xde\xe0\x81\xe8\xd0\x9c\xba),\x99\xb6\x7fp?Ak\xa5\xb4\xd6\xdc-\xdeO\xe4\xfc:f'</t>
  </si>
  <si>
    <t>Consolidating Credit Card Debt</t>
  </si>
  <si>
    <t>b'/\x00A\xef\xc5\x0f\xb4VHw%\x16iQ\tF8\x07m\x0c\xacY\xc7\xe8\n\xf6\x82J\x0e=\xe8\xba'</t>
  </si>
  <si>
    <t>b'G\x01\xcd5\xf4l\\fCU#\xef\xa6\xf8[pb\xdc\xd6\x16\xd1\xf10s\xeb\x0f{\x12\xeb\xa1S\xdd'</t>
  </si>
  <si>
    <t>b'\xc0\xdb\x0b\xb9\xd6B\xef\xacE\xac0P\xe6\x19zAQ\xff\xab\xed\xfc\xcf\xad\xc1y\xb4\xbc\xcf\xa0\xb4U\x85'</t>
  </si>
  <si>
    <t>b'S\xc0\xadU\xde\xc7\x1bI\xbc\xd9\x8b\xa8\x11\xe4\xdd\xea7Y\xb1`\xdfo\x11\xe9\xd9`d/\xb8~\rr'</t>
  </si>
  <si>
    <t>b'\xff\xa7\x8a\xa3\x18\xa2\xbd\xdc\x0e\x02\xe4]q|\x83\r\xa8\xd6\x07\x82\r\x02 \x00\xa6\xe44@j:\x91{'</t>
  </si>
  <si>
    <t>b't\x946\x95\xffJ\xe9b\x18\xed\xc8\xcc@\xa2( x\xe3u\x0b\xe0\xad\t\x7f\x1cWu\x9a\xa9\x0fD\xe2'</t>
  </si>
  <si>
    <t>125xx</t>
  </si>
  <si>
    <t>b'\xdd!SF\xe9\xc8/\x9fC\x8e1\xec\xa6|%\xd25j\x8b\x11Y\x14\xab\x167\xe0\x8a\xac\tfm\x17'</t>
  </si>
  <si>
    <t>b'\x0cPH\xb2\xdf\x95\x85\x1az&lt;5\xa8n\x94\x87\xc7\x93\x94-T\xe7\x85[\xc3\x9d)"\xfe\xdb\t\x8c\x94'</t>
  </si>
  <si>
    <t>b'\xb6`\x05U\xe2Z%\x16x\xa1P\xd8\xd2\x8f\xe2\xcd\xb8\x06\x1c\xfez\xdc](\\\x90\xf49S\xe1\xc1\x1e'</t>
  </si>
  <si>
    <t>843xx</t>
  </si>
  <si>
    <t>b'r;\xd7\xb9\xaa\xaf/8p@\xa4\xab\x7f\xecn\xfd8l\x90\x1e1\x9c\x9a*\xfd\x95y\xb1\x9d"\xb2\xd2'</t>
  </si>
  <si>
    <t>Bathroom remodel</t>
  </si>
  <si>
    <t>b'\x96\xf2\xddo\xbf(h\xa4v\x88\x90\xe6\xb89\xd7\xbe\xfc\x84\xdbJ\xb5\n)\r\x9f\xb6K9\x94$\xbe+'</t>
  </si>
  <si>
    <t>b'34\xd3\x12A\x14\x80E\x05(\xf8\rB&amp;"/\xf1&lt;\x11t\xf7\xd6\x9e\xcep+\xc3\xed\xd6\r\x18\xfc'</t>
  </si>
  <si>
    <t>b'8\xd6\xb8"rV\xbe\x02\xf0\x86mU\x1bu\x06\xba[z\xca\xb7&lt;\x04\x8b\'\xb2\xcd\x81\xdcZ\xdb\xee\x95'</t>
  </si>
  <si>
    <t>b")Q\xc1/\x81&lt;%\x0e\x9a\xb7\xc7\x9a\xb4'\xd0\xa4!\xff\xd9o\x8cSp\xda@\x9eQ\xfdx46V"</t>
  </si>
  <si>
    <t xml:space="preserve">Freedom </t>
  </si>
  <si>
    <t>b'R\xd8\x062\xa5yf\xbe\x07M\xd6\xe0\xfe\x05/X\xba\x90\x8a_{\xc7xgyy\xf3\xa4\x1dY\xe1\xfd'</t>
  </si>
  <si>
    <t>loan4me</t>
  </si>
  <si>
    <t>b'\xe5|*\x9e?\xc2\x84V{\xc9\x0c\x97Hvp\x1ad\xa74f\x020\x01\xfa\xf3\x1e\x0f\xce\xcb\xf6\xe1\x1c'</t>
  </si>
  <si>
    <t>b':\x1b\xbdF\xb3\x95\xe4\xca\xd8\xbe&lt;E\x15}\x9c\x98.8\x9c\x8b\x07\xa0\xd8&amp;h\xb9\xf9\xaa\xc2"\xe2\xa1'</t>
  </si>
  <si>
    <t>b'Too\xc6\r\x11\xa4\xa9\xfa\xac\xd8l\xc7Y\xe4\xb5\xfdy\n\xfe\xf1\xdf:\x90\xf9\x7f.\xe7\xecz\xd0o'</t>
  </si>
  <si>
    <t>b'c\xf13\x87DgnS\x87D\x98\n\xd7!S$\xfdO\xcf\xa7\xda\xd89m\xe4\x8e\x1b\xd2\x08\x11\x9at'</t>
  </si>
  <si>
    <t>CC MONEY</t>
  </si>
  <si>
    <t>b'\xa3E\x03\x88%K:\x80&amp;a\x0fx\x8a\x94\xce\xd9\xb6B\xdc\x94~\x83s\xd0\xf6x\xd1B\xa6\xc8U\x94'</t>
  </si>
  <si>
    <t>Card Debt</t>
  </si>
  <si>
    <t>b'\xe8w\xe7h\x08\xda(\x1e\x90V\xd9\xf0\x07l\xa7^\xff\xed\xd1\x8a\x03uqT\x920\xad\x1d\x03\x18G-'</t>
  </si>
  <si>
    <t>b'd\x9b\x15dI\xbb\x14\xfdtU4\xd4N\xc1.\\u\xb3:\xde\xa6\xf0\x83&amp;x\x8d\x83\x8bh8\xe8\xbd'</t>
  </si>
  <si>
    <t>161xx</t>
  </si>
  <si>
    <t>b'\xd3&lt;2g\xf9\x88V\xa4\xf1\xf3\xd9\x9a#\xb3\x07\x18\xed\x9c7\x84\xd7\xf6\xfe\xde\x90t\xb7\xf5@~\x88\x9b'</t>
  </si>
  <si>
    <t>D.I.D. (Drowning In Debt!)</t>
  </si>
  <si>
    <t>b'\x99g\x93$(H\x88\r\ti\x98&amp;\x00\xcc\x01\x98\xaek\xce\n#SR\xf5\xce\xa8\xdb\x8a[\x8d\xe8\x9f'</t>
  </si>
  <si>
    <t>b'\xd3\r\xaf\xf3\x05h\x84\x0c\x05\x88U/\xd0\x06!\xc5\xa3\xafx\xd0\xd5cr\xc0\x05\xc3]\xc8\xf1\xe1&lt;\x03'</t>
  </si>
  <si>
    <t>Kitchen Fix Up/CC Pay-off</t>
  </si>
  <si>
    <t>b'7"-\xec\rz\xa8ZN/\xb5\xd7_@\xc2\xd5ck\x81\xa8\xcc\xb3l\xda\x9d\xdb\xcf\xc6%\x01F)'</t>
  </si>
  <si>
    <t>Autofinancing</t>
  </si>
  <si>
    <t>b"r'\xd1EsA\x05\x1b\xb3\x84:a\x01\x9f\x01&gt;\xcap\xd4\x03\x8bf\x05\xb3v.\xa5\x1f\x9a\xbdx\x12"</t>
  </si>
  <si>
    <t>b'B\xfc\xed\x12\xf4\x8e*\xde\x14\xb9n\xea\xda\xc3\x7f\x96g)\xd3\x14U\xc4k\xdc\x90d\xb4R\xcdI\xc5?'</t>
  </si>
  <si>
    <t>010xx</t>
  </si>
  <si>
    <t>b'\x06Ce\x9d\xb1)\xcbJ\x1a\xde\xdc\xff\xaa\xe9\x87\x10\xd5$\xa6\x9aZ\xee\xa0\xccU2]\xde\xc2\x9f\xed\x9f'</t>
  </si>
  <si>
    <t>b'\x19\x03\xeeR\x15:rj\x14\xb0\x071\xa8\xa8*\x00\xc7mf]\x80i7\x99(a\xc0\xb3\xf8,\xccd'</t>
  </si>
  <si>
    <t>b'\xcev5\x0c4\xd7\x91,\x9d\xf9M\xbc\xd0\xccP)*\xf9\xe0\xd7\xd9\xb9)\xa6\xd5!|\xa8\xb0\xdd\xb2\x18'</t>
  </si>
  <si>
    <t>b'\x81\x12\x03wz\xec\xb4\xc9\xcd\xbd\x93\x9b\x87j\xdc\xd9\xc7:\xcc\x18\xbc\xeb\xaf\xf6A\xc8\xdd\xb5\xfc\xb9W\xb4'</t>
  </si>
  <si>
    <t>debtfree</t>
  </si>
  <si>
    <t>b'\x111,\x9e\xe6A6\xd1\x8e0\x1cRif\xf2\xdf8_kR=\xd1S\x14%1\x95eP\x11\x82\t'</t>
  </si>
  <si>
    <t>b"f\xb1\xb7\xaf\xf9b\xcec\xa6\xbb'N\x01\xd8\xc1\x04\xbe\xc3\xc3|\x94\x8cjozI\xbf\x15\xad4\xf0\xb5"</t>
  </si>
  <si>
    <t>b'z\xab\xba\xee\xe1\x1e\x01F\xaa92\x13\x7f\xe6\xae\x92T\xc7\x88\xa3\x0e(\x06E\x83\xabL\xd5\x00\xd4\xc4\xb3'</t>
  </si>
  <si>
    <t>b'\xa4\xe5\xc4-\x06\xa7\x0b\xd5w\xf8\xd9\x02ns\x9e\xfdd7R\x7f[|\xcb{\xf1\xc9\xa7\xe4\x9b\xd8\x1e\xd7'</t>
  </si>
  <si>
    <t>b'\x84\xb1\x00\x03\x85C\xa6\xf7\xe3\x84L&lt;@g\xcf\xe9\x8b\x80\xc5\xda\xb4z-\x966C\xca^\xc9\xff\x8a\x82'</t>
  </si>
  <si>
    <t>monthly relief</t>
  </si>
  <si>
    <t>b'G\x8c\xf1\x9f\xc6\xd4\xe7y\x1a\xb0\x97b\xd0r\xce\x94\xfa\xca\xed\xe93\x02 \xe5\n&gt;\xac\x19g#9\x13'</t>
  </si>
  <si>
    <t>Operation fixing disaster</t>
  </si>
  <si>
    <t>b'\x8e\xaeO\x1f\xa0\xe4\xd6d\xff\xd6}\x02\xca\xd6Rx\xbe\x9d\x01q\x0f\xd7*\xb0\xc6\xb2\xc99\x9d\xd5\xec\x81'</t>
  </si>
  <si>
    <t>b'\x1fn5A\xbdW-\x05\xc7\xe9/G\xce\xe8\x93\x91*\x80\x19}r\x15p\x97\xa2\xa8\xf8\xba\xdd@\xa7\x8b'</t>
  </si>
  <si>
    <t>Loan to Freedom</t>
  </si>
  <si>
    <t>b'\xc9\xb2\xb3\xbbX\xf0\xbc\x8c&gt;\x05\xaa\xc8\x185!k\xa5\xb2\x05\x1fO\x8cX\xb7\nr^Fj\xe8\xbd\x82'</t>
  </si>
  <si>
    <t>b'\x11\x97~\x91\x05G\xfbutk\xab[\xc00\xffukq\xad\x12Tr\xfa\xce\xa5\xed\xe1\xa3\xd7,B]'</t>
  </si>
  <si>
    <t>b'd\x12lX,\xd8\xd0w\x7f\xfa^YY\x04d\xf6\xd3\x85f\x8a\x0e\xcb\x94\x17#G\xfa\x89\x02\x16A\xf4'</t>
  </si>
  <si>
    <t>610xx</t>
  </si>
  <si>
    <t>b'\x0f\xaa\xa6N\x17l:\x91a\xa6;&amp;\xf7\xc3\x92\xea\x80kk7\r&lt;&lt;~)\x8cd0\xce\\\xfa\x8a'</t>
  </si>
  <si>
    <t>299xx</t>
  </si>
  <si>
    <t>b'\xf6@\x97\xc0&lt;\xc2snl\xdfSZ\x13\xa3VR\xe6_\xa3 H`\xba\t\xbanp1\xd1t\x0e\xa7'</t>
  </si>
  <si>
    <t>Get out of debt</t>
  </si>
  <si>
    <t>b'\xc6\x94.\x07RWNt\xe4\x98\xa74\xdeB\xa9j^V\xab\xe8\x9a\xdfD06g4\xe3\x0f=V\xa9'</t>
  </si>
  <si>
    <t>b'\xef\xce\x12"\xef\x12M|\x06\x1aDa|\xb9\x05\xff\x1bX:\x04n\x80\xaa\xc35h]\rN\xec%\xc7'</t>
  </si>
  <si>
    <t>Debt Relief...  Thanks.</t>
  </si>
  <si>
    <t>b'\x10\n\x1f\xb2\x8dd\xb4O\xe2\xcf\x92\x1dY\xb6I \xe9q\t\xd2\x92]~\x97\xa2N\xfc\xdca\xf2\xba\x00'</t>
  </si>
  <si>
    <t>Cleaning Up</t>
  </si>
  <si>
    <t>b'Jx\xf4b\'\x00\xbb\xddm"\xd3\x8f\x02\x19(!\x02\xf6\xb4\x16\x00\xb9\xeb\x93\xb0\x0c\xf0u?\x9c\rT'</t>
  </si>
  <si>
    <t>Peace</t>
  </si>
  <si>
    <t>b'\xe3\x0e:O\xc6\xf4?\x1d\x1fr\x81K\x85!\xc4c}\xb1\xc6\xaa_\xe4\xc5\xceD\xdb\x89\xea\x17!(+'</t>
  </si>
  <si>
    <t>b'\xfe\x93\xaa{\xa2\xb8\xde\xd1\x14\x0e\xce\x0bH\x8e\xc8k\x0e|\xbe\x91\x0edj3%2\xab_\xba4\xde\x93'</t>
  </si>
  <si>
    <t>b'| }S\x92=|\xf46\xf0\xff\xf4\xfc\x8ctm\xcd\x07Tg#Q\x08\x0e\r\xd2"\xfe( \x87N'</t>
  </si>
  <si>
    <t>Debt 101</t>
  </si>
  <si>
    <t>370xx</t>
  </si>
  <si>
    <t>b'B\xfc\xc1a&lt;E|\xb8v\xdci\xeb\xe5(\x0e(H\xc2\xe6\xb5\xc5\x95\x84\xf1O#\x08.\xa07\xea\xa8'</t>
  </si>
  <si>
    <t>One payment</t>
  </si>
  <si>
    <t>b'\xfa\x87MPl\x00\n\xfc\xcd.p{1\xa8\xe8\xac\xc9\xc4\xbb\xdd~A\xfbp\x89\xd1\xae\x95\x0b\xc01\x88'</t>
  </si>
  <si>
    <t>b'{t\xef\xb0\x1e\xa8\x13)\xea\x94l\xeb\x02\t\xb8\x93j\xd0\xa2\x1c!(\xca\x19\xe8\xcc\x86\x04\xf3G\xe0\x17'</t>
  </si>
  <si>
    <t>Close out credit cards</t>
  </si>
  <si>
    <t>b't\xcd\xd4G@}\xe0OS\xcd\xd3\x9a\xa8`\x00\xbbj\x87{\xfb1\x1b\x01\x13\x1eG\x12\\\xb8\xe3\xb6&gt;'</t>
  </si>
  <si>
    <t>relief loan</t>
  </si>
  <si>
    <t>424xx</t>
  </si>
  <si>
    <t>b'&amp;\xcc\x86\xc0\x82\xaa\xc7*\xbe\x838\x8d\x96\x94C\xd5_\xfah\x1d\xe43U\xea\t^\x84\xb4:T\x0f\xbd'</t>
  </si>
  <si>
    <t xml:space="preserve"> Credit Card loan</t>
  </si>
  <si>
    <t>086xx</t>
  </si>
  <si>
    <t>b'\xf2~\x88UVz\xd7\xe1\xf5\xac\x11K\x08\xaa\x08\x06\xec\xfc\xeeO\xd6aq\xb0\x84\n\x84@\x96#R\x8a'</t>
  </si>
  <si>
    <t xml:space="preserve">Debt reconciliation </t>
  </si>
  <si>
    <t>b"(\x93'\xca\x0b\x8f\xcb\x93\xa4\x0e\x16B\x82\xf1*\xbe\x1c4\xf9\x10\xce\xa4\t\xdb+\xa5\x8c\xb1\x033,\xea"</t>
  </si>
  <si>
    <t>b'\xc2$\x90a\xd3\x0e\x1f\x13MV\xed\x94 .\xa5\x9a\xacJ\x01\x05\xc8r\xb0\xe1~l\xd2\x07\x0e[\xfdW'</t>
  </si>
  <si>
    <t>b'\xd73\xcc\xcc\xc5HD\xe3\x93\x9c\x01\xe2q\xa6zwqOph%\xf4vc\x92\xcb\xed\x1b$\xa2\xec\xd7'</t>
  </si>
  <si>
    <t>Credit Card 2012</t>
  </si>
  <si>
    <t>b'\x0c\xc5.\x1b@\x1dG\xc0\xf3x\x92Q\x16%C\x85\xc3a\x81o\xa9\xbb\xa0\xc8\t\xce\x11K\xd2\x0f\xab\xd4'</t>
  </si>
  <si>
    <t>b'\x02\xeeG_6\xb5\x1b\xc7\x83\x82B\xd8\\\x89\xe8W\xed3f{1z&gt;\x8eC\x83\xc3\xb1\xfa\x06\x01\x89'</t>
  </si>
  <si>
    <t>196xx</t>
  </si>
  <si>
    <t>b"l\xe9*D\x1c\xef\xdf_\xb3.\xdf\xb7\xc0\xb0'\x02\x95\xbap\x0e\x05\xd8\xf4\xe3,\x00\xb8\x96\xc3\x05b$"</t>
  </si>
  <si>
    <t>my life back</t>
  </si>
  <si>
    <t>b'\\`\xd7\x86o\xb8\xa6\x85\xfd\xc9\rS\x8d\xf4\xbd\x15\xd7\xd8\n\x04\xb2;;\x92\xd6\x84\xe3\xc3\x0b\xc9\xbf\xc4'</t>
  </si>
  <si>
    <t>b'?4\x98\xa4 \x0c\xa1\xd1}\xeb\xcb\x06\x93\x1f\r\xcc \x0f\xd6\xacE\xb3M+\xb8\xa5,\xaeAA\xfd\xe3'</t>
  </si>
  <si>
    <t>401k loan payoff</t>
  </si>
  <si>
    <t>b'x\xf5\xaa\xd1&gt;ok\x1fM:\xd0\xeb\r\x8c\x8b\n\xd8\xe9\xee\xbd\xd8 \xcex\xea\xa6A+\xa7\xf8\xcf\x86'</t>
  </si>
  <si>
    <t>b'\xd5{\xabW\xa9\xbb\x91\x7f\xb7e\x1ew\x16g\xb3oG\x80\x82Yf\xf3\xec{\xa2Sw\xe6C\x04\x85E'</t>
  </si>
  <si>
    <t>229xx</t>
  </si>
  <si>
    <t>b'\x85:(\xf1\xc5\xe4:\xa6\xc5H5\xd6\x0eS.\x08t\xb6u\xf9\\\x16"\xaf\xc2&lt;E\x00=\xd2%m'</t>
  </si>
  <si>
    <t>pay off credit cards and truck</t>
  </si>
  <si>
    <t>b'\x89~\x98\x14@\xf9\xd9\x13\x8d\xe2\xe1j\xe2\xa2\x13\x00,\xdfr\xff\xa7\xe2\xf6\xefN\x04u[\xae\x98= '</t>
  </si>
  <si>
    <t>b'\x04\xd8\r\xc0\x0fx\x80-\\\xff\x15r\x91\xdd\xbc\xffD/\xd2\xbd\xc73\xda\x89`\xd7\x89m\xb4\xa9\x1cX'</t>
  </si>
  <si>
    <t>newyear</t>
  </si>
  <si>
    <t>b'\x8d\xb3\xc8T\x91\xda\xdb\xe2\xabR.\xc9b\x84L9:0*\xb4\x18\xbb\xbe\xc7\x0c$(e\x83\x07\\7'</t>
  </si>
  <si>
    <t>b'\x9f\xf1\xebV\x1dp\x83?T@?m\x92\xbf\x81\x94r\xe0\xfef\xab\x93\xbey\xa8\xf19\x93\xa8\xf4\xc1\xc9'</t>
  </si>
  <si>
    <t>thank you</t>
  </si>
  <si>
    <t>b'*\x12\x9bB\x8dg:\xfa\xaaXsd\xeb\xf2\x85\x17\x80\xdb\xeeB_\xe7\xf0&lt;\x83\xf3r~\x90k\xba&gt;'</t>
  </si>
  <si>
    <t>b'\x1a\xe2\x9a.\xb5\xe2]\x04j\x8f\x1c\x8e\xd7\xc9\xec\xf5\xa6\xd2\x16F\xc6\xb7\xea\x10j\x054j\x89\xb8\x07}'</t>
  </si>
  <si>
    <t>b"\x00\x16\xdf\x03\x82h'\xd1\xf5\x99|\xb9\xcc&gt;\xa29\x02\xa8\x95\x12X\x967r\xf4\x99t'~\x1a\xc8\xa4"</t>
  </si>
  <si>
    <t>b'\xbc\xad\xda\x82\xe6\xa0\x9ew\xd5\xa5\xc4\xa4\xae\xbcE\x12W\xe2u\x7f"\xe0\xb4\x03\xb4\xc4\xf8\x80\x81\xab\x93z'</t>
  </si>
  <si>
    <t>b'\x90\xb0\xd0\xaaU\xb7L\x96\xcb\xd4\x13\x94\xec\xdf=\x1a\x9f\x9c\xf9\xe67Fs\xb2\xf5_?\xa4\xa9\xde\x9f8'</t>
  </si>
  <si>
    <t>b'\xfa\x99\xbft\xd0Y\xb74\x0f\xbdF\x97\xe1\x0c\xa8\xd2\x8ca\x87\xcd\xe6\xa4s\xce\x8a^\x9d\xdfD\xfb\x81w'</t>
  </si>
  <si>
    <t>297xx</t>
  </si>
  <si>
    <t>b'\xab ie\x92\x81k\xa8a\x9c\x9c\xc5\xea\x00&gt;\\\xd2sfU\x91\xb8\x80\x84"\x9e\xbcd\xbb&amp;T\xbd'</t>
  </si>
  <si>
    <t>CARD PAYOFF</t>
  </si>
  <si>
    <t>b"\xdc\xad\xe8^\x12T/\xe1_\xcc\xdfd\xed\x1a\x92\xff|\xc1\xf8\xdd\xe1c\x85\x15\xb4J}\xde'\xd7$\x0f"</t>
  </si>
  <si>
    <t>b'\xd3\xef\xeaLm\x1b\xaen\x9b\xf1Dqn\xfe\xb5s\x94\x8d\x88\xc4\x17\x8c\x1f\xaa\n\xc6\x82v\xd1Y\xd8\xb5'</t>
  </si>
  <si>
    <t>b'{h1BNQhSi,LF\xd8s[Nqk$\xd9\x85\x8f\x08\xbfa\xffRu\xf9p\x1d8'</t>
  </si>
  <si>
    <t>b"\xbd\xa7\xa0\xa3\xf9#oB\n\x8c\xe6\xe8\xad\x8e'\xad\x9c0\x8c\t\xf2\x95\x1e\x89\xf4\x01R\xb8\tZm#"</t>
  </si>
  <si>
    <t>763xx</t>
  </si>
  <si>
    <t>b'\x9cPl\xb7S{\x08\xb7\xb2\xaa\xba\xc9\xa5e\xbc\xf3N\x84\xc3\xdb\xea\xe1\x868q\x11M\x87m\xd8\x97G'</t>
  </si>
  <si>
    <t>Zero Debt</t>
  </si>
  <si>
    <t>b'\x1aGQ|\xebw\xfb;\xa9]\x95%]0\x10#w\xcff,f\xf8z\xf7\xf93L\xfd\xe4c7n'</t>
  </si>
  <si>
    <t>781xx</t>
  </si>
  <si>
    <t>b'.;\x8c.\r\x8b\x88\xaf\xd5\xa8\x9a\\\x08G\x0b\xad\x95B,\xce\x1f\x1aK\x94\x1e\x05\xfb\xf6\x16\xa0\x0f\xd6'</t>
  </si>
  <si>
    <t>b'\xb3\n\x16t\xd5\xef\xbc\xee\x9e\xc3.sg\xa5\x06#\x96s\xb6\x18B\xde\xb7\xfaC.j\xf5\xc3g \xb3'</t>
  </si>
  <si>
    <t>324xx</t>
  </si>
  <si>
    <t>b'\xcbuuE\xd0\xee\xb6\xd8\xb8\xee\xbcina\xdfZ\xce\xc8J\x99h\xc1\xd0\xd2\xe9\x88G4\x8e\xce\xbf\xe9'</t>
  </si>
  <si>
    <t>Loan to payoff CC Debt and Fixed Payment</t>
  </si>
  <si>
    <t>b'\xe8\x9d\xf6\x0c\x9e\xb8A\xbfx\xc4\xd1\xf3;\x15R\xc4\x13:\xabQ\xaf\xc9\x8a&gt;\x1b\xccH\x1c\xe4k4\xae'</t>
  </si>
  <si>
    <t>Never Late Pymt Debt Consolidation Loan</t>
  </si>
  <si>
    <t>b'\x87\xc2\x13\xd7+y\xac=\xe3\xa9KA\xd1\xc3\xeb\xc9K\x06\xe1\x8eB\x8bS\xcf\xa0\x8cLi7T\xef\xee'</t>
  </si>
  <si>
    <t xml:space="preserve">Credit Card repayment </t>
  </si>
  <si>
    <t>b'\xf2L\xc8\x97\x10c\x95\xac|\x11o7\x17\xd4O\xcd\x1bx\x80=\x18\xe6\x8f\xb75\x83\x89\x14\x84\x8b\xfa*'</t>
  </si>
  <si>
    <t>if I can make it here</t>
  </si>
  <si>
    <t>b'Y_O(\xef\x9c\xe4\x9d*\t\xc5#\xef\x82*\xc1\x81\xa9Q0\xf2\xe0\x87\xae&amp;J\x81\x9bg\x1b\xe4\x15'</t>
  </si>
  <si>
    <t>Consolidating cards</t>
  </si>
  <si>
    <t>220xx</t>
  </si>
  <si>
    <t>b'\xeb+\x08T\x01\x99;\t\xb0U\xe8\xb2j\x00\xac%\xcf\xa8S\tj\\\xb8\x98\xb7\xa9\x0b\xbd\xbc\x0e&gt;\xba'</t>
  </si>
  <si>
    <t>credit card loan</t>
  </si>
  <si>
    <t>b'\xcd`\xc5\xf1\xbf}\xc6\xec\x83\xd4\xb1&gt;.uQ\xfb\x17\xee\xdd\xc3?\x96\x15ep\xe2\x14\x82WE\x8c('</t>
  </si>
  <si>
    <t>relief</t>
  </si>
  <si>
    <t>138xx</t>
  </si>
  <si>
    <t>b'\x1d\x15BGD\x89\xab_\x1e\xe4zy\xb1\x1d.\xfe6\xc2\xda\x91\x94(\x93\x9c\xe7\xc8\x12\xe3\xdb$\xaf\xc6'</t>
  </si>
  <si>
    <t>Need financial help to pay off bills.</t>
  </si>
  <si>
    <t>b'_\xa7Q\x10\xd4\x93zEk\xe7^\x1e\xad\xf1\x9at]\xb8N&lt;\xae_\x1d\xdb\x00\xbd2\x93\x18r\xf6\xb6'</t>
  </si>
  <si>
    <t>saveinterest</t>
  </si>
  <si>
    <t>b'\xad\xae\x810)\xd8+}\xeaO+\\Z\x7f\x83\xe2\xda_\x17\xc3\x98\xf4@M\xe6\xdf0\xf7\xdb\x97\xceL'</t>
  </si>
  <si>
    <t>b'\xeb\x88\xaa\x18\x98\xfb\xcd\xd0\xd2\xef\x08\xacMU\xadq\x95\xe2C\x95H\x03iM\xd8\xda\xb7\xfc\x0b\x8d\xbb\xa2'</t>
  </si>
  <si>
    <t>Cosidation loan</t>
  </si>
  <si>
    <t>b'N\x90\x1d\x10\xeb\xa4k\xd1\xa5V\xd6\x0e#flL\xd6$\nf\x13\x17=\xe4\xb6\xe1P\x11Z\xb83\xbb'</t>
  </si>
  <si>
    <t>debt/roof</t>
  </si>
  <si>
    <t>b'v:\x8c\xe6\xaa.]\x03G\xec\xbb\x04\x7fNrn\xab\x97+\x10}\x86\xa9/S\x85\xfa\xe7+\xdd\xfeg'</t>
  </si>
  <si>
    <t>pay credit cards</t>
  </si>
  <si>
    <t>b'\xb3\x0b\xf8\x06\xecU\xcb\t\xb4\xa0\x82\xea\xcc\x88H\t\xae\xd9\xca$\xc2=\xe1\x07\xcb\xcf\xa5Z\xd6\xbb\x9d\xf5'</t>
  </si>
  <si>
    <t>b'\x14d$\x03\x01\xae\x1dWx\x9a\xcb\xc7bSL\x90\x96&gt;B\t5\xe1\x97\xec\x946\x84\xcag1fv'</t>
  </si>
  <si>
    <t>b"\xc7'3\x95\x9e\xeb\xb6\xd3q;\x13\xf2\x076\x98)}\x0bZ#\xb7i\xcf#\xdc\x83\x1b@2&gt;\xbcJ"</t>
  </si>
  <si>
    <t>b'r\x17\xc8\xc1\xa5\x0c\xb6#\xe9\xc7\xe5\xb9#\xd0\x97\xc0\x9d\xdd\xe0%\xd2\xbb\x82\x9c^)\xa8\x9fe\xb1\xed\\'</t>
  </si>
  <si>
    <t>short term loan</t>
  </si>
  <si>
    <t>b'kR\xe2\xf8|y+W\x91\x80\xe0\x17\x98W^\x9a^u\x82\x9aw\xdd\x1a:\xd5dwMqA\xe8\x91'</t>
  </si>
  <si>
    <t>b"\xcc+\r\xd0T\xc8\\\x8bjQ\x03\xdd\x01\xdf(\x0b\x8cy\xcaM\x0b\x0b\xd9\xc8\x98\xf2'\xbb\x892.\x93"</t>
  </si>
  <si>
    <t>b'dE\x02\xba\xf1\xd0\xcb\xe0\xbf\x1f7\xfbp\xc7Y\xbdP\x06tg\xce\xbd{\xc8ej\x1e\x86\xe1-)B'</t>
  </si>
  <si>
    <t>630xx</t>
  </si>
  <si>
    <t>b'\xea\xba\x13\xa7[\xb0\xder`\xa2]]\xfd\xce\x96!W\xe0A^4\x9a\xed\xc5\xb2 e\x03\x9b~\xa8H'</t>
  </si>
  <si>
    <t>b'Bm\x13Uj\xbb\x8fp\xacC\xbc\xf2\x10\xc5\x96~S5\xb1\x12\xd8\x7f\xf3\xf1\xe9\xe2\x1a\x918\xf8^\xda'</t>
  </si>
  <si>
    <t>Single Payment</t>
  </si>
  <si>
    <t>b'\x80+35\x92\xe5\x9b\x85\xdb\xcej\xc6p\xb6\xe8&lt;UU\xb3\xc9{\xac\xdc\x1f\xddP\xd0\x11is\x02\xf7'</t>
  </si>
  <si>
    <t xml:space="preserve">Debt consolidation loan. </t>
  </si>
  <si>
    <t>398xx</t>
  </si>
  <si>
    <t>b'\x0f\x06\x0c\xb3ys^\x1e\x9f\xc7\t\xe0\xe1=\x92\xfa(\xf1p\xc5\x84\xe0V.^\xbbS\x10\x0b\xd8\xee\xe3'</t>
  </si>
  <si>
    <t>b'\xca\xa5#\xc8a\xe8@\x08\xf4\\B\xd3n\x95\x98\xb0\x94\xd5\x98\xa4\xf7jt#\xd1\xb5\xf3\x8c\xa4\x03\x13\x88'</t>
  </si>
  <si>
    <t>293xx</t>
  </si>
  <si>
    <t>b'-\xf01\xb2\x1e\xdaN\xba\xaa\xe1\xcb\x10m\xd8\xf4\xb6ro\xef\x81\t\x1c\xe7\xde\x1f\xdf{R\xach=7'</t>
  </si>
  <si>
    <t>b'\x1f\xb0\xe2\tc\xa8\x85\x92\x8eLP\xe8\xc4`R\xf5q}\x1fG\x89\x142O\x8b\x155\xe8\xbd\xab\xe5\x1f'</t>
  </si>
  <si>
    <t>882xx</t>
  </si>
  <si>
    <t>b'\xe6\xa3\xa4\xc8\xa9\xec\xaa\xdf"O\x08\xbc\x1e\xcf\xfa\xba\x0f\x8b\xf9IM\x89A\x92\xbe\xe7\xbdO\x15\xbd\xd5`'</t>
  </si>
  <si>
    <t>CreditCards</t>
  </si>
  <si>
    <t>b'\xe5\xf1B\xb4)\x1a\xd6\xa6T\x16\xe5]F&gt;b?\xf5?Y\xef\xc7y\x8f\xb3\xe5O\x1d\x9c\xbe\xa8\x15l'</t>
  </si>
  <si>
    <t>Credit card killer</t>
  </si>
  <si>
    <t>b"\x11=\x80\x91&amp;\xc0:(\x1cW\xb1\x9c\x93\xc6\x86\xff'\xa5\xa2\xbd#E\xa0cX\xed\xfe+X?\xfb\xc7"</t>
  </si>
  <si>
    <t>b"A\x9f7'\xa1&gt;k\xd0\x1c\x0f\xb7\xd5\x9e&gt;\xd7h;\xad\xed\xa6i\x98\x83y\x8f\x80\xea\xd5L\xba\xfc\xaa"</t>
  </si>
  <si>
    <t>b'g^\x95\xc2\x9c\x07g\xbe\x1cR5\xa3|\xa5\rw\x0fuY\xbe3\xef\xa3\xb3[S\xa6*\xccD\xe2\xb0'</t>
  </si>
  <si>
    <t>b'N--\x9fK\x95b\x06v\xce\x08\xda\xdfy\xbdr\xdc\x10\xf4Y\xb0\xdd\ta\xd9\xdf\xd7\x17\x16M]\xf1'</t>
  </si>
  <si>
    <t>b'\xd3\xef\xdc\xd2\xa1\x8fE\xc7\xed\xce\x83Pc\x08m\x96Z\x08\xb1\x92}9\xbc\x13\xec\xbe\xc5\xf6^E\x03\x9e'</t>
  </si>
  <si>
    <t>b'\xf7yT\xf1\x84\xc3&lt;\x16b\xbdS\x01i]\xd0\x1e\xef\x90\xcc5N\xb7\x89\x89\x8cP\xf7x\x1fd\xda\xb4'</t>
  </si>
  <si>
    <t>Back on track</t>
  </si>
  <si>
    <t>b'R\x9c\xf6?\x8e-\x99\x07\xc6\x12#\x16\x0eWh\r\x87\xba\xef\x19\xb3\xeb\x9cB\x9e+=\xb3\xee\x81%\x9b'</t>
  </si>
  <si>
    <t>b'\t\x07\x0fv\xcc6{\xc6A\xe2Z\xb93\xa4\x87\xaa\xa2\x9b\xc9\xbfu\xcf\x9f(\xc6\xb5u\x80\x8014\xa4'</t>
  </si>
  <si>
    <t>b'\x17\x8d\xaa\x10\xa1I\x97\x80\xb6\x93o\xde\xa3\x1ek\xa8\xd9\x80\x83\xb1\xc0\xea\x8e#\xc3lU\xe7BD \xff'</t>
  </si>
  <si>
    <t>b'\x83Qr\x91\xe9L\x15*\xfeN\xbf\xf3\xb8\xb2\xbb\x03K\x16\x02*\xe4\\q\xb4D\x81\x84\x8dvc7\x14'</t>
  </si>
  <si>
    <t>Credit Control</t>
  </si>
  <si>
    <t>b'[\xb3f&gt;\xfd\xf0\xb4*\x80\xc0I]@\xa2l\xe0\x14d\xdd\xdaA;\xc0\xd8\x1fZ&amp;{\xe4\xb8Z|'</t>
  </si>
  <si>
    <t>Pay Off Bills</t>
  </si>
  <si>
    <t>b'\xf8\xc3P\xb8n2^P~Og\\A\xb9\x94\xf9$\xec\xcb\xf2%.i\x9b1\xf8&amp;\xf8I\x80[\x87'</t>
  </si>
  <si>
    <t>b"'\x1d\xc8\xdd\x02:\xb0\xbaV\xde\xe4t\xc5\x1b?\n\x06:Z\x82\xf8\xd2\x10\xf8M9\xf5\x9cM\xcc5w"</t>
  </si>
  <si>
    <t>Rate Reduction Loan</t>
  </si>
  <si>
    <t>b'\xe2\x83\x98\xe1\xf2\x95\xeb\x95\xd9`\xacaI"\x8bG\x1d\xee^p\xf8\xf2\xf1\xde\xc3\x11v2\xb4\x16\xac\xeb'</t>
  </si>
  <si>
    <t>Loan consalidation</t>
  </si>
  <si>
    <t>b"2\x90\x92'\x0e\x19\xa0\x9c\xc4kW\x0e\xf2\x85\x016\xdc1o\xbaR\xb3\x0b\x18\xef\xccMC\x81\xd6\xdbj"</t>
  </si>
  <si>
    <t>b'=\xb9n\x1e\xe9\n\xc2\xa9\x8bY\x8eC\xe4\xb0\x8f\xb1e\x90\xf4\x0fD\x19uLB\xb0\xa0lt\x1d\x91 '</t>
  </si>
  <si>
    <t>805xx</t>
  </si>
  <si>
    <t>b'Va\x0f\xd9\x05\xa0\r*\xcc"&lt;\x87k8\xb2\x05\x8f\xf2\x03\x8d\xbd$\x93\xa3fk\xd7\x7f\xb6C\x8dO'</t>
  </si>
  <si>
    <t>b'\x8d\xec}\x06\xe0\xc4Xr\x86`\x00\t\x99&amp;\x11\xdd\x00\xa0\x8d\xd6\x07\xb4\xdcY\xd1^as\xf3\x05\xa2('</t>
  </si>
  <si>
    <t>b'\xd5\x039\xf0Z\x02\x86x6\xc3gJ\xef\t$*~M\xe4Ki*\x0c\x0e\xcaf\xdek;\x06M\x90'</t>
  </si>
  <si>
    <t>creditcardfreeloan</t>
  </si>
  <si>
    <t>b'z\x91\x13\x84\xa2r\x19\xcb\xeb\x8f\x91\x07w\xfc\xe3\x0b\x9d\xcc\xf3\xe5&lt;$C%\x10Y\x98\xc7U\x1a\xb8q'</t>
  </si>
  <si>
    <t>Zero Debt Loan</t>
  </si>
  <si>
    <t>031xx</t>
  </si>
  <si>
    <t>b'\x1c\xde1\xbc\xac\xbf\xbc3\xb6\x9e\x8d\xbb&gt;Q\xbb\x98U\xab\n\x01\x18\x1c\xa3\xb4\xce\x0f\x7fU\xfe\xbb\x7f\xe8'</t>
  </si>
  <si>
    <t>131xx</t>
  </si>
  <si>
    <t>b't?!D/\xed^T\xc1\xd6\xde\xd5H%\x1f\xb6\xf1p\xab@\xabG\xd8\xbd\x04\xce\xc1)\xe6{\xfb['</t>
  </si>
  <si>
    <t>Final Debt Consolidation</t>
  </si>
  <si>
    <t>b'T\xad\xd4-0\xa7\xf0\xa1\xc2\xa8\x9d\xbfs\xcb\x85\xea\x91\x80\xe0\x81\x1e\x95\x9e3#*q\x83\x01\xab\x9f\xb9'</t>
  </si>
  <si>
    <t>b'0\x88\x17H\x12\x9c\x84?v\xb4\xe6\xe6r\xf3\x9f\xf7\xae.\xba\x88\xa8\xee\xd4\xefE%\xf9\xfa#\x90\xb5\x11'</t>
  </si>
  <si>
    <t>812xx</t>
  </si>
  <si>
    <t>b'\x12\x08\xa8\x9d\x1e\xd9\x0f\x08\x14\xec\xde/\xcd\x1bXp\x88\xbb\x94\xceZK\xd7\xe0uH\x0b\x06\x8b\x03\x066'</t>
  </si>
  <si>
    <t>Relocation Loan</t>
  </si>
  <si>
    <t>b'\x01\xaa\x17n\xf5Y\x0e\x0c\xaa\x06y\xe6\xe1\xff\x80\xd7\x86\xf2\xde\xda\x94\xad\xf6\xd2%\nL\xed\xde=\x172'</t>
  </si>
  <si>
    <t>b"\xf2\xfdl\x8f\xbf\x1f\xf6?\xb1@\x9b\xa2\xdc \x7fS\x0c\xbb\x8e\xf2\xe5\xe7'\xd8\x1d.b\x92\x1c&amp;\x85+"</t>
  </si>
  <si>
    <t>b'\x12\xa1 \xd7.Hl\xc4J1\xb8\xe0\x92\xb9\xa8\xc0?_\x9e2_\x12\x89&amp;\x0c\x81\x1a\x85\x82t\xa1\xc4'</t>
  </si>
  <si>
    <t>Medical</t>
  </si>
  <si>
    <t>656xx</t>
  </si>
  <si>
    <t>b'\x0b\x8a\x02\x117\xc6\xc1E\xaf\xe7\xab\r\x04\xf7\xd3\xe6\x1b3\xc7\x86b\x13\x7f\x1d=)\x00\xf1\x16\xb9\xa0\\'</t>
  </si>
  <si>
    <t>renewable_energy</t>
  </si>
  <si>
    <t>Green loan</t>
  </si>
  <si>
    <t>b'\xb62\x8e\xb3\xee;J;\r\xdd\xb5\xe2F\xe17\x16Q\xbb\x0f\xc9\xad\xb8\r\xe4d"\x0cS\xa8[\x9b\x0b'</t>
  </si>
  <si>
    <t>Out of luck loan</t>
  </si>
  <si>
    <t>b'`\xce\x01YN\x05C\xba`\xe4-\x1b\x81\xa8K\x1b\xee\xd0r-ZC\x00\xdb\xe0\r\xac#\x9a\xa5\x1f\xa4'</t>
  </si>
  <si>
    <t>b'=\x9c\xe5\xbd\r\xe8}\x9eWAe\x8b5-\x0eWu\x1c\x8a\xbd\xd2\x1bSV.\x97\xfdrqC\x05\xc8'</t>
  </si>
  <si>
    <t>b'\x06\x02XG\xd1\xdd\xb1\x18\xb7P\x01\x9cW\x8e?M0P 5\x03)|\x17w0\xff\x0cs6\xbe\t'</t>
  </si>
  <si>
    <t>despair</t>
  </si>
  <si>
    <t>b'9\x1e\x02\x95\xa1X7I\xe2\x08\xc3\x9f\x96\x81\x85\x94\xa67\x10D\x99\xe3\xbaG}\xfe\x07\xb4\x02\t\xd2\x04'</t>
  </si>
  <si>
    <t>PERSONAL USE FOR BILLS</t>
  </si>
  <si>
    <t>b'\xf8\n\xf8\x80,\xe1^\xa4\xbdEde\xe7\xe2_V\xa3\xf3\x9e\x81\x89\xfc\x1e\xb1\x85i\x0c\xb8BO9o'</t>
  </si>
  <si>
    <t>Health Care</t>
  </si>
  <si>
    <t>b'\xba\x9b\xeb_\xd90\xa2\x87q\xff\x1fh\xee\x19\x05\xe4|\x14m\x0f&amp;;\x04\xdaK\xf7\xd2\xba\x01\x89\x8aK'</t>
  </si>
  <si>
    <t>b'\xd0\xeb\x8b]\xd0\xc5\xdd\x9a\xd0\x1d\xad\xe1\xcc\x8e\xeb!+\xfd\xa2\xd9tc\xc2U}Z$r\xa9\xbdX_'</t>
  </si>
  <si>
    <t>home loan</t>
  </si>
  <si>
    <t>b'\x1a\x91!C\x9d\x86pji\xe1f|{\r\xae\x9e\x1c*\xcd\xbf\x90l&gt;4\xc8\x8b\xf4u.\xd4\x91`'</t>
  </si>
  <si>
    <t>b'(lp\xde\\\xd9iU7\x15.\x1e\xe8h\xa8\xf4s\xa3{14\xab\xfe\xd5\xaa&gt;\x83\xda\xaco\x14b'</t>
  </si>
  <si>
    <t>Snow Removal</t>
  </si>
  <si>
    <t>811xx</t>
  </si>
  <si>
    <t>b's\xd4\xf5\x14E\xbc\xce\x16-\x120\xe2ui\xe8\xe1\xca\xbd\xd7\x85\xc7\xc3\x96K8\x07\xfd\xd1\xdb\xee\r\xa4'</t>
  </si>
  <si>
    <t>Debt Consilidation</t>
  </si>
  <si>
    <t>b'a\xe3e\x00\xb5\xaf\x0e\xee\xce\xd9\r\xb9\x12|\xb0\x0b\x06k\xdb\xe9$o\xef\x94\xa8S\xe3\xfdS\x1b\xfd\xf7'</t>
  </si>
  <si>
    <t>credit reduction</t>
  </si>
  <si>
    <t>b'\xf4Y\rz9\x90\xf9\x93\xf8&amp;c\x1ck?e\xa7U\xbd\x89_\xa2w\xb2\x8d0\x9e|\x10\x95\x90\xc9a'</t>
  </si>
  <si>
    <t>b"&lt;\n\xf8\x0fG`\xc9\xc7:\n\xd4r.\x9d\x12'\x91[*p\x01B\x82\x14\x88\xa2x\xfb\xf5v\xdaf"</t>
  </si>
  <si>
    <t>Major Purchase</t>
  </si>
  <si>
    <t>314xx</t>
  </si>
  <si>
    <t>b'\x95\xc5\xca\x0f\xc7\x8b\\\xd2\x1b=\x1e\xf5\xd0\xe26Qo\xe7\xab~\xc7@\xfe\xb9m\\\x06y\xe3\xea\xd71'</t>
  </si>
  <si>
    <t>b'+\x81\xb4\x1d\xb7\x1a:\x9b8^\xfa\x10\xbbYA\xe5\xcb\x1d\xe5\x8a2\xfa\xa7\xa3\xf0\xfb&amp;\xbf\xb8\xba\x1e\x8a'</t>
  </si>
  <si>
    <t>b'\xf3\xeb\xcb\xd0\x01\x11\xad\xb6\x88\xcf\xe8\xfd\xc5`so1\xd4h7\xa7\xf4\xac\xc5\x19e\x16n\x16\xe3\x18='</t>
  </si>
  <si>
    <t>Student Debt Loan</t>
  </si>
  <si>
    <t>b'\x82\x7f\x91MX\xe1\xce\x10\xd3\xbc\x91f\x19F24\x16\x16,\xb3\x1a\xb6\xdb\xbf\x00\t\x13\xf6\x94\xec\x01\xe7'</t>
  </si>
  <si>
    <t>b"jl\x0b\xbc^;\x98\xd3(\xd2Mp\x91HK\x16\xe1\x06\xca5\xa5\xf9\x0e\x8d\x82\x83\x12\x02\xb9'\x8c\x14"</t>
  </si>
  <si>
    <t>b'2\xd7`\xdb\xe6D\xbe\\\xf2\x13\xdb(\xb8\x01\n^\xaf\xa7^\x05\xc1\xd6\xe7\x9f\xd0\xa82\x93\x13\x93\x85\x8d'</t>
  </si>
  <si>
    <t>F350</t>
  </si>
  <si>
    <t>b'\xfa\x91\x955\xcb\xf6\xb7\x89@\xdc\xd2+\x95\xd9\xb9)\x06\xbe\x81\xcb\x0c\x1dL}\xce\xab`Emc\xf6\x90'</t>
  </si>
  <si>
    <t>b'y\xe4\xe6"&gt;2"\x9b\xbe\xc5\xa3\x85\x0e\xaes\x075G\xfdf#e\x97\xd4:\xd5\xaa\x06\x8fd\xaeC'</t>
  </si>
  <si>
    <t>DEBT ELIMINATION</t>
  </si>
  <si>
    <t>b'|\xe0\xc9Z\xdd\x15\x15\x02\xae6\xa7D\x8c\x9e\xfc@1\x0b\xe9\x88KH\x88\xad\xc3\x05\x06z\xc6\xaeqs'</t>
  </si>
  <si>
    <t>b'S\x1a\xcf\xeb\xce6H\xeb\xe6v\xe9\x98H\x8d8 \xa9\x846\xb1\x9e\xb5\x8e-\xd5\xab\xcb\xf4\x9b\x9d\x94~'</t>
  </si>
  <si>
    <t>Car change</t>
  </si>
  <si>
    <t>b'\xb3\xfb\xa4S\xa0\xda_\xb4S+\xab\xfe\xbd\xa1\xad\x0f!\xd0\xd18\x06\x857\xcfI\x123\xe7\x9c\x06\x1e='</t>
  </si>
  <si>
    <t>b'h\xc7J?\x9e\xbe\x0f$\xa7\xc6$\xe4l\xf8r\x18d\x9e@\x1c\x11\xd1`\xdd\xc4\x84\x9ey\xebgO\x08'</t>
  </si>
  <si>
    <t>b'\xfb\x12\xa7j\xaa@\x95(++\x19\xe3\xf2\xd8\x02\xf9h\x9e\xc7\xed\xaa-\xecOLx5\x10\xdd\xe1+\xfe'</t>
  </si>
  <si>
    <t>Stewardship Loan</t>
  </si>
  <si>
    <t>b'\xa5s\x95;\x96\xb7\x15\xc1\xa6\xc8_\x00O\x05BG\x12Db\r\xe9y\xbfD_(\xcd\xfa\xdd\xc2*\x7f'</t>
  </si>
  <si>
    <t>b'Z.\xc9\xd65\x82G=\x1c\xde\xccz\xa4\xa2\x88\x81\x06\xbd\xb0c-6&amp;O\x06_\x8c)\x08&amp;pQ'</t>
  </si>
  <si>
    <t>b'Q0\xcd,)\xc9\xc0\x88\x17f\xcd7"\x7f$+\x9a*"\x9a\x1b\x1a\xf5\xa9\x12\x0f\'p\'\x1a\n\x95'</t>
  </si>
  <si>
    <t>trying to pay off some credit cards.</t>
  </si>
  <si>
    <t>b'\x13\x9d\x04\x1f\xedp\x9akS\xfb\xb3\x03\x99S(\xd9\xe5d\x8e\xe2]\x97\x12\x98\x9a\x1chqi\xf0\x88\xec'</t>
  </si>
  <si>
    <t>b'\xba\t\x15\xa0\xbc\xf0\x9c\x9ff\xea)\xf4\xde\x1b\x84\x93\x1e\xc7\xde\xf3\x04\x98\xabJ\xf4\xb3\xf9v\x1c\xc3\x1bd'</t>
  </si>
  <si>
    <t>b'\x12\x0b^\x1e_\x96z1\xbf\xf8\xd7e^e\xfe\x02\xa8\xb2L\x99\xee\x0cg\r\x02\x18\x8b\xd1\xf6@\xd6:'</t>
  </si>
  <si>
    <t>Bill Consolidation</t>
  </si>
  <si>
    <t>170xx</t>
  </si>
  <si>
    <t>b"\x8e\xc94\xbb\x9a&gt;pk\x87&lt;\xbd\xa0\xe7\x89\x16\xdaKU''u\xd2+L(\x17\xdfY_I\xe6\xf0"</t>
  </si>
  <si>
    <t>consolidation1</t>
  </si>
  <si>
    <t>b'o\x88\xb5\xee`\xe2\xdc\xc2\x17\x11\xb4\x9c.\xa7\xf8}\xfb\x1c\xa9}"\xf7\xd9\xa0\x97f1\xad\x91\xb8e\xaa'</t>
  </si>
  <si>
    <t>475xx</t>
  </si>
  <si>
    <t>b'\xac\xfd&amp;\x8dq.\xf8\x82\x08l)\x12\xc1=&gt;\x97\x8a\xc7\x0ea\x99Y\xdeQ)\x11\x83\x98|,#\xc6'</t>
  </si>
  <si>
    <t>b"@\xbb\xf6\xa2yq\x94.\x89@n\x0e\x83A\x1da\xe6\xc9AP\xadX\xeb'\xfc(\x83\x8cgq\x19$"</t>
  </si>
  <si>
    <t>payoff credit cards</t>
  </si>
  <si>
    <t>b'\xc6\x97(Z\xef\xd1\x1eCT\xd3\xff\xb8\xf2\xba\xe3\x17\xed\x83\x12h5\x93?X\xb5u\x92\x9b&lt;\x91\xe3\x94'</t>
  </si>
  <si>
    <t>.high apr credit payoff</t>
  </si>
  <si>
    <t>b'\xf9(c1\x9e\xab\xe7z:AF\x80_\xd2\xbbY\xa5\x0e/\xaf\xc7e\xd6\xd3\xf1U\xbfm\xf8\xfc$\xbb'</t>
  </si>
  <si>
    <t>b'cD\xcdu\xd5W\x13\xdf\xd9\xa4U\x11&gt;\xd4\xb1"\xeb6\x8e\xed|\x0c\x8c\x93\xfdB\x93\\w\x11\xbb\xde'</t>
  </si>
  <si>
    <t>chaseone</t>
  </si>
  <si>
    <t>b'\x8d\x04\xaa%l{\x02\xad\xbd\xd5\x9f\xdd\xb3\x9f\xdb\xa4\xc3;\xf1\x98\xf3Pcy\xed\xa5W\xeaS\xa6Q\xb3'</t>
  </si>
  <si>
    <t>b'\xc1i^\x0b\xb1\xb9#[\xf7\xd0G\xe3_Q\xe3\x94\xfe\xef\xa9\xa7&lt;\x89\xef\xbc\xe4\x88P\xe722^b'</t>
  </si>
  <si>
    <t>b'\xc6\x1e\x08\xa3\xdb\xa8\x15\x94m\x0f\xfa\xf9\x9e\tR\x19\x06!\x9f\xc9\xce\xf7\xf6\xb0\xe4\xd1\xe7\x07\xbb\xd7\x16:'</t>
  </si>
  <si>
    <t>b'D\x85\xe5\xd1\x97\x86qJw\xd5\xde\xbc\x8aF\xd2\x08\xd3Cl\xc5\x14I^\x99\x91\xde{MT\x8b\x98\x96'</t>
  </si>
  <si>
    <t>b"\x18\xb4\xf5w\xa6v\x93m\x97wYC6\xb0`E\xf2|\xb1\x81'\xea1`o\x98\xca\xdc\xbae\xb4A"</t>
  </si>
  <si>
    <t>b'\xbe\xfba\xee\xfc\x03L\x1f\xfb\xf6!v{?\xc0\x00\xc7\xb5\xd6\xb5\xb9\xbbS\r\x9d4\xd7\xfe\xe5\xf2-0'</t>
  </si>
  <si>
    <t>815xx</t>
  </si>
  <si>
    <t>b'Dd^A\x87\xe7\xa8\x83\x17\xee\xc9\x11*\x186\xd5\xdc\x13\xef\xe8\xa3\xebU9l\xfd5Q\xb8\xfcU\xed'</t>
  </si>
  <si>
    <t>616xx</t>
  </si>
  <si>
    <t>b'&lt;.v\xb2\xf1I\x06\xa7\x03\x95d;\xfe\xa9\xc4/\xf6\xa8mk\x14\x85|c*\xfb1N\x0e\xd3\x01\x99'</t>
  </si>
  <si>
    <t>2nd/pay off first</t>
  </si>
  <si>
    <t>b'\xf3\xea\xf2\xb3\xc1z\xd7d\xdf\xec=\xe1\xe3\xcat\x88\xf9\xe2\x16{mX\x94\x07\x1a\x9d\xa1q\xddV\x08\xaf'</t>
  </si>
  <si>
    <t>b'\xaf\xf8e\x90}\rz\x97\x0c\xa6\xe6[\xec`\x82\x99\xe0m\xdf\x12B\x10\x1e\xf4\x04\x82\xd8\xcc\x0f\xbdY\x96'</t>
  </si>
  <si>
    <t>cash</t>
  </si>
  <si>
    <t>b"\xd0\xb1\xf1\xddC\x03T\xe8\x8f\xd3+\xbe\xf9B\xebg\xc2Q\x13\x8d\x83\xe9\x1cI'\xcbw\xfa4zR\x9f"</t>
  </si>
  <si>
    <t>b'\xe7\xd0\xcd\x98p\xdfI\\(\x00\x84=L&lt;\x06\t\xd1z\x82\x0e\xaa\r\x81\xed\x0b\x99\xf4\x1b\xa86O\xc6'</t>
  </si>
  <si>
    <t>debt cosol</t>
  </si>
  <si>
    <t>b'ET\x1dN\x92^\xd8\x1f\x9a\xbd\x9f\xd5\xfc\xf80-\x9b\xcf\x98\xd8\xe0\xcd\xf0t\xf7u~k\xbc_\x14\x89'</t>
  </si>
  <si>
    <t>b'\xb2\xb8|ca\x97R\x9d2n)\xb1u.#w\xc0\xd5\xa3#Y\xae*\xf93\x8e\\\xc0[\x0bM\x91'</t>
  </si>
  <si>
    <t>invest</t>
  </si>
  <si>
    <t>b"\xea\xc8\x89`d\xc4\xb7y\xfc\x1f\xf4\x9c\xd64VW\x85\x1e'\x8e\xe1\x07z\x86~\xe2\xbf\x93\xae\xa7\x83\xc3"</t>
  </si>
  <si>
    <t>b'\xe83\xa4\x93n\xa3\x8d\xaeWl\xe8\x8e\xd8d\x0c\x94\x8a\xa4\x88\x98\xf5\xc9)\x89\x1f,\xed)\xa04\xfd\x0b'</t>
  </si>
  <si>
    <t>b'4\xbf(\x9dI\x9c\xe9\x8a&gt;\xca\xb5\xa71\xed\xb2\xa7{\xd3eI\x99\x10 EBo\x7f\xd0\xd7\xe1x1'</t>
  </si>
  <si>
    <t>738xx</t>
  </si>
  <si>
    <t>b'\xbc\x1a\x9f\xe0\x92\xf4c2\x01\t\xb0\xf1\x81\x91\x04\xdf\x8f\xe2K\xf7\n\x065\xbf\xe9@H\xdd\xee\xff\x94\xe9'</t>
  </si>
  <si>
    <t>AMEX Payoff</t>
  </si>
  <si>
    <t>b'Cv\xc4\xdf5g\x9d\x80\x99\xf4\x1bu"\xf3\xad\xe7F\t\xf5\xad^\xa2\xb3\x9a\xd1^\xb9\x9d\x830\x03]'</t>
  </si>
  <si>
    <t>b'\xbc\x80Or\xeb\xe80h4\xa2\x03\x11\x9b6|\xdf\x1f\xc2\xa7\x1f\xffN\x9c\xc61&gt;\x0e\x95\x9f\xae\xffV'</t>
  </si>
  <si>
    <t>Pay stuff off</t>
  </si>
  <si>
    <t>b'\x82*\xe4\xf9\xf1f\xd7\x15\x04\x0b5\x98\x9cr\xcf\xa5\xb6\x93\x891\xbc"\xdcqE\x9bF*\xa8gW\xe6'</t>
  </si>
  <si>
    <t>b':\xbe`\xd3rr\x06k\x91\xae2\x14\xf2A\x81\x1au\x17\xd8\xe0\xd3\xefr\x03\xc9\xb8\xab\x93P\xc2\xf97'</t>
  </si>
  <si>
    <t>b'u5\x8dD&lt;\xbe\x10dm\xf3\x1b\x0f\x8aV\x0f\xeb\x08;iU;\x14\xd6\xb1\x03\r\xb9\xc6\x1a\xb3 \xec'</t>
  </si>
  <si>
    <t>creditcard payment</t>
  </si>
  <si>
    <t>b'bC\x86.C\xf2\x88\xe8\x1a(\x19Q\xcb\xe0%\x8a\xdeS\xdc\x89\xd2c\xe7[\xe04O\xadm\xdc8\xaf'</t>
  </si>
  <si>
    <t>set me free and back on track loan</t>
  </si>
  <si>
    <t>b'\xf7\x1a\xd2\x94\x01\xd7?\xd2\xa4\xe4\xac1\xc1\xa0\xfcJ\x185\xbe\xb9\xf7\xfe.+i\xbf\xa4\xa2\xa2:\xc4J'</t>
  </si>
  <si>
    <t>home improvment, payoff some debt</t>
  </si>
  <si>
    <t>b'\xf5\x01`\x1d:\xdbC\xef\xe4_\xe2\x95L\x07\xffOO\xecKA\xbd\xf3\x91\xe1\xf2w\xd9P&gt;\x83fZ'</t>
  </si>
  <si>
    <t>b'\xf6\xb4\x02\xac#\xe0$\xe0y\x9f\x1b\x95$y\xee;\xb4\xc9\xfd\xed\x9e#H\xdd\xdd\xc6u\xc5\xc5\xf2YW'</t>
  </si>
  <si>
    <t>Online Business</t>
  </si>
  <si>
    <t>b'\x90a\xea]A\xfbi\xba\xfe\xa5x?e\x1f\xbc\xfc\x9d\x92\xfc\xb3\x08\xe9\xdd\xa5m\xb70\xa2\xc7W\xb9\x9e'</t>
  </si>
  <si>
    <t>Pay off High Interest Credit Cards</t>
  </si>
  <si>
    <t>b'\xcaT\xfcy\x9a\xf2\xd1\x92|Z\xd9t\x1f1\xee\xea*\xe75F\x9b8\xd8sR"U\xc5\x95;\xe2\xe2'</t>
  </si>
  <si>
    <t>b'7&gt;\x83\xb3\xd1\xb8\xf3;cp\x89=)\r\xa2 \xb4&lt;8\x8a\xe0\xc5\x86\xafL\xeb\x85n\x11\x12\xa9\x80'</t>
  </si>
  <si>
    <t>b'G\x99\xaal\xfe\x02\x8b\x94\xc3\x11M\xd6Z\xdd$\xe1m}\x8b\x81BJ\x8f%\xfe\xe0I.Y\x90z\x00'</t>
  </si>
  <si>
    <t>b'\x82\xd4\xa83[g\x8d\x8b\x84\xc7\x18j1\x95\xf4\xfd\xf1\xa1\xcf\x97~\xba\xd1\xa3\xe1,\xc7X\xf6$u\x8d'</t>
  </si>
  <si>
    <t>b'\x81\xfb\xcd\x1e\xe5\x1bN\xbb\xd5\xe3&gt;\x02\x19\xa5\xbe2\xa3T\xd29O\xf7\x0b\xc2\x1bj7\xb1g\x02\x00\xf0'</t>
  </si>
  <si>
    <t>b'w\x7f\x1d\x16\xdb]\x1c\x03p\xb9\xc3a~$d\xbf;\xc3a\x88uz\xf81\x82\xba\xd8a\x99=\x0f\xa0'</t>
  </si>
  <si>
    <t>working for a living</t>
  </si>
  <si>
    <t>b'\xa2*\xb4%\x1d"m\x7f\xc4\xf9}\x8e\xcdi\xcbM\x97T\xe5C\xc4\xe1w\xaf\xec"\x1e\xfc\xe8mW\x1e'</t>
  </si>
  <si>
    <t>b'\xac]\xa4e\x82\x97\xf3\xcdp\xdbN\xb0\x11/\xad[s!\xcd\xc3\x9d\xd9\xc9\x89\x9c\xa62)\xbei\x12\x9e'</t>
  </si>
  <si>
    <t>b'U\xcc\x9c)\x0f""\x9apu\x86\xe0\xea;\xa0\x99\xbb\x88H\xe1\n\xc3\xbc/\xfc\xbf\x81^\xbbtOb'</t>
  </si>
  <si>
    <t>Get Rid of Credit Card Loan</t>
  </si>
  <si>
    <t>154xx</t>
  </si>
  <si>
    <t>b'Q\xcc\xd8P]h6\x10\xf1\xb4\x1b\x17\x86\xd1\xeb\x99\xa4=\x91\x93o\x15\xbaRTW\x937\xbf\xe9\x82\xda'</t>
  </si>
  <si>
    <t>getting debt under control</t>
  </si>
  <si>
    <t>417xx</t>
  </si>
  <si>
    <t>b'\x89\x9a#(\xe9)\xb4\xf4z)z4\xe40\xfc\x1aJM\xadq\xf3\x02\xe5\x1a\xa6\xbd\xf9\xda\x9d\r\x91!'</t>
  </si>
  <si>
    <t>b'u\xf50\xcbd\xd9\xe01z@\xd3\x08w\xa0\x8c\xfc\xb8\x9b\x01\xcb\xad\xce6qJ\r}\x92\xd7\xca\xc3\x89'</t>
  </si>
  <si>
    <t>No More Loans</t>
  </si>
  <si>
    <t>b'AnvE\xcc?\x0f\xcc\x93\x1f\xe4%\xcf\x13\x8f\x9c\xb6[I\x86\x00\xe8\x97mt\x16\xb7\x8f\xe0\xb6p\xf5'</t>
  </si>
  <si>
    <t>buy bussines</t>
  </si>
  <si>
    <t>b'\x98,\x16x|\xc2Ll\xb9q;\x9f\x0f\x07\xbcx\xbf\xbf\x88\x02Qo{\xc7eJ\x10q\x10a\xad\xa5'</t>
  </si>
  <si>
    <t xml:space="preserve">Personal </t>
  </si>
  <si>
    <t>b'W\x7fj\x8c\xa0]wWb\x95\xf7E@4\x8a\x06T \x84\x9a\xea0c\xf2d_!(N\x87\xfd\xf6'</t>
  </si>
  <si>
    <t>b"\xed\xc5\xebb\x86\xaa\xady6=\x116O]\n\xd7\x8a\xc3?\xf2\xd2\xccz\xc9\xe5\xed4\xad'\xb3S/"</t>
  </si>
  <si>
    <t>Funds to purchase house</t>
  </si>
  <si>
    <t>b';:a\xc6\\|%\x89D\xee\xa7{\x06\xbd\xc9g@\xfc\xd4\xc0\xe7(\xe4\x94\x81\x0b\xb9?\xb8\x05\xc1+'</t>
  </si>
  <si>
    <t>b'\x90;\xe7X\xd6\x8bD\xc8\x95Z\x0ee0\xe6\x99gU\xfb\x0fK\x96=B-H\xe3n#-\t\xb9Q'</t>
  </si>
  <si>
    <t>b'E\xae\xc7\x9b\xb8\xc2h\xc8N\x16,\xfe~Av\xbd?\x1e\x13\xeaE\xfcV\xc4\xd9\xa4\xd9b\xb6\xa1#\xc5'</t>
  </si>
  <si>
    <t>b'\xfc\xa7\xbf\x8aH\xa2\xb7\x95\xbd\xdf\xe5sb\x9f\xb9\xcb^:a\xec \x142\xabC\x94\x9ex]H\xcds'</t>
  </si>
  <si>
    <t>Refinancing credit card</t>
  </si>
  <si>
    <t>b'\xde\x9d#\tC}\x1d\x94\x18\xe6\xf4\xa3\xf8\xf5\xc71\x05\xc0\x19\x8b#\xba\xf0\xa6&amp;\x9fxa\xf9\x06\xf9\xbc'</t>
  </si>
  <si>
    <t>b'?T]\x1d\x7f\x89\xb3.\xffk\x9f\xf3"\xb3%\xc4\xa8\xec\xff5\x1c!^\xf5\x0bH\x86\xeao&gt;S\xf9'</t>
  </si>
  <si>
    <t>b'\x0b\x02\x03e\xf1\xe2\xc5\xd3\xcb/z\xc4\xee\xf2\x81y\xbe\xdeB\x0f\xb9\xca\x98a\x9ey\xf8\xa4\x01\x0f\x1f['</t>
  </si>
  <si>
    <t>b"\x9d|h\x87\xc3\x1e&gt;\x80'\xbbS\x05\xe9\x12\xda\x08\xa2\xb8WK\x86\xc7\xb6\xd6\xa1\xb1\xf9\x89\xcd9\xee\xaa"</t>
  </si>
  <si>
    <t>b'\n$\xa1_\x07\xce\xc0\x0eH\xa7\x18\xbe\xd9\xa9\x18&gt;\xee\xe4{8y\xf1=\xca\xd3t\x1e\xc6\n\x86g5'</t>
  </si>
  <si>
    <t>b'\xb1W\xa9\xfa"\xfdN`6b\x80`\xee\x9d\xe4\x0e\x1c\xf3~u\x18:c\xf1\xe2\x8dF\x95\x1a\xa2\xce\xf0'</t>
  </si>
  <si>
    <t>b'\xcc\x91\xd7\xfc\xf9\x07\xc66\x8e\x02R`\xfc\xa5\xdd\x0c\xba\x1dm\xf6r\xac\xb4\xf3\xe7u\xf3\xb6\x08\xcc\xca6'</t>
  </si>
  <si>
    <t>b'\x19\xa5C\xc8+\xaa1lo\xe4\xec\xa7DF/e\xdc\xb7\xbb\xe96\xcd\'\xac.\xef\x0c\x91#?q"'</t>
  </si>
  <si>
    <t xml:space="preserve">Credit Card Consolidation </t>
  </si>
  <si>
    <t>b"\x07\x10\xf5\xc1\xb2G*\x07\xf2'\xc0\xe1\xf5\xbe\xde\xf3AsAc\x11\x15\xd32\xab\xca\r3\xac0\x86\xaa"</t>
  </si>
  <si>
    <t>b'\xd4\x11\xd8\xcb\xd7f\x1f\x91%.v\x1b\x82&lt;\x87\xfc4\xfcF\xe8\xd3"\xbe\x83n\xa2\xad\xab\x94\xc1=\xae'</t>
  </si>
  <si>
    <t>b'\xbe\xd2o\xfa\xc1\xc8\xd6~\x06\xb8\xd6^\xf3\x88\xcc\xce\x023\x0eD\r\x9a`\\E\xf9\xdb\xc3\x03`\xae\xc4'</t>
  </si>
  <si>
    <t>Holt consolidation</t>
  </si>
  <si>
    <t>b'\xf8\x80\x94\x9a\x81r\x03\xff\xd1\x90?\x0f\xa8- \xc0\xe4\x1e\xb9\xd6\xb2t&amp;BT\xdf%\xe8\xd1\xa8\x0cP'</t>
  </si>
  <si>
    <t>b'\x95\x0f\x1d\xe4~\n\xdfjk\x9f\x96\xb3vcd\xf4\x01\xfb\xddJFc\xb5Y\x86\xe2@&gt;\x1b\xf4\x07\xc0'</t>
  </si>
  <si>
    <t>b'\xe5\x1e\xdar\xa4\xfd%Y\xdc#\xee\xcd\xcb\xd4\xb9\x81h)\xd0y}\xec*"\xc6[\xbd5\x85Z\xfe\x18'</t>
  </si>
  <si>
    <t>b'\xc3sS@T\x7f\xc3\xd6\x15\xe2\xbf\xd0\xd9\x8d\x82u\xc5\xc2\'\xb2\x10?\x97"\x97Yh\xb6\xc4r\xf1E'</t>
  </si>
  <si>
    <t>pay,off all my credet card.</t>
  </si>
  <si>
    <t>b',\x84\x03\x17\xd5\xb3H\xa9\x19\xab\xdau\xe7eC\xa4\xb5J\x10\x83\x8e]\xf2\x8e^z\xa6o[rO\xb0'</t>
  </si>
  <si>
    <t>Credit Consolidate</t>
  </si>
  <si>
    <t>b'd\xd8\x05n-\xdc\x97w\xdd\x12\xe4\xeb\xf6\xb6\xd6\xe7ZD/WK\xc2\xba\x00\xa2&lt;\xd0\x19S\xa8\xad\xe6'</t>
  </si>
  <si>
    <t>b'\x96\xfd\xebW\xccP`\xf0\xab\xa7&gt;\xd9b\x92h\xea\x1ax\xa2=\xb8\xa8H\xfe\xb1\x00\x8f\x80@\x86\xaa\xc0'</t>
  </si>
  <si>
    <t>loan1</t>
  </si>
  <si>
    <t>745xx</t>
  </si>
  <si>
    <t>b'M\xb0\x11\x8fU\x9cS\xc9\x87\x14h@9v\xc7/\xe5\xd47p\xe9\x95@\xb7&amp;\xda\x82\xa3\xdfp\x1d\xe5'</t>
  </si>
  <si>
    <t>b'-\xd0\xfd\x04kG0&amp;[\x05\xb9\x041d\xdc\n\xf71\xa4\x1c\x8a0v6&lt;\xbarw\x97il\x8b'</t>
  </si>
  <si>
    <t>Lending Club Debt Consolidation</t>
  </si>
  <si>
    <t>b'\xee\xe8\xd8\x94\x8a\x99y\x94\xbf\x8b\x8f\xc6\xe8\x9d\xdci+F\xbbD\x98A\x06\xa3^\xa1\x82\x1c\xa6\xd3\xa6\xe4'</t>
  </si>
  <si>
    <t>credit card consolidation</t>
  </si>
  <si>
    <t>b'2\xdf\xab\xaf\x170\xd7P:\x93% \x0c\xf2\xb09\x0c\x1e\xd86\xe7\x17\xa2\xe5\n\xab\xb4\x87?\xd23\n'</t>
  </si>
  <si>
    <t>b'\xefQ\x81[\xfa\xaa\xf8\xf0\xb6\xa1U\xfc\x89\xb0\xd9\xd8V\x88X7oR\x9e\xfc\x0eW\xce\xc6\xe5\xd8\xb3\x03'</t>
  </si>
  <si>
    <t>b'\x02\xc9\t\xd9\x12\xf1\xa7\x17\x8a(S\x88\xd0\xda/O\xb6\x17ri\xbc\xc3\x00\r\xb0\xdb\xee\xae\x11\x15\xbd\x88'</t>
  </si>
  <si>
    <t>670xx</t>
  </si>
  <si>
    <t>b"\x8d\x08\xe8\xea\r_o\xcawayA\xfb\x08T\x85g\xde_\xec\xec\xcf\xb5\xb9U\x85\x15DR\xf8\xdc'"</t>
  </si>
  <si>
    <t>b')\x8a-0\x17\x98p\xb4\xfd6\xb3`\xf6\xcc\xa0\xa0kq\xa1\xef\xee\xd8\x84\x1f]\xd4\xc7\xe0\x88w\x0f\xfb'</t>
  </si>
  <si>
    <t>payoff all credit</t>
  </si>
  <si>
    <t>b'\xd3\xbf\xbb\x89\x96\x8c\x82\xfb\xd7\x11\x1d\xfe\x98\xbeE5G_\xc7\xe9\x13\xbf\xf7\x9d\x14\x87l]\x8d\x16\xba1'</t>
  </si>
  <si>
    <t>b'\xbajC+\xcf\x95 \x8a&gt;h\xf3n\x17\xda|C \xbd\x11.+k\xb6\xe6\xae\x98\xc6\x9c\xec\x92n\x83'</t>
  </si>
  <si>
    <t>b'\xe1\xd6\xd6`\xa9r_\x96\xfd\xd8f\xb3\xc7\xc03*&lt;}R\xcbT\xfe?\x8ebw.\xed\xde\xb8\xd2\xb9'</t>
  </si>
  <si>
    <t>Patio Improvement</t>
  </si>
  <si>
    <t>b'\xce\xeb\xcc\xc8\x03\x96q\xc6A\xc1\xc9V\x18\xe6em`3:\x12\x8cy*\x92\xbc9,\xbeO&amp;t\x90'</t>
  </si>
  <si>
    <t>Lending Club Loan</t>
  </si>
  <si>
    <t>b'\x8f+\x8f\xd3\xe6\x0f\xb1\xb5m\xbe\x8aY\\P*\xe2bk\x1b!\xa6Y\xb2C#{4\x10p||y'</t>
  </si>
  <si>
    <t>b'\x16\x0f\x0e3\xa9o\x12R\xaa\xcdG\xa5&amp;\xc6\xe2O\x19\xfbK\rP\x86\xf0\xc2\xb1iL\x81u9\x13\xa4'</t>
  </si>
  <si>
    <t>second chance</t>
  </si>
  <si>
    <t>b'p\x90\xf4\x89x\x1di\x83X\x1a\x13\x08\xe4/\xccP\x18\r\x1f\xcc@\x12e\xe4\xd6\x8fEd6\xcfV\x9a'</t>
  </si>
  <si>
    <t>b'Y\n\x84c\xae\xc0\xb9\xff+&amp;\xe6\xc5\x88U}6\xdfn`\x0er\ta\xc0\x9d!\x06}_\xf3];'</t>
  </si>
  <si>
    <t>MyConsolidation</t>
  </si>
  <si>
    <t>b'\xee\x9a\xea5P\xd2(\xb2\xe4\x92v\xd91\xca\xe9^\x10\xe1\xd2\x11X\x90U\xdes\xf2\xfc\xe7\x19\xd8\xadw'</t>
  </si>
  <si>
    <t>b"\xc4\xdbj\x04\xcb\xd5\xf7\x9b\xbecw\xb1\xd6\xb7CK&lt;\x1am\xcfr\xfa\x05c\xef'4\x9a\x88\x19\xb2\x08"</t>
  </si>
  <si>
    <t>b'58\xa9\x1c)O\xabZ\xcaM\xdb(4\x05\xc7\xfe\xee\x1c`\xe3\xb6\xe4\xf18\x90\x0f\xac\x0f\xaf$\xc7\xbf'</t>
  </si>
  <si>
    <t>b'\x98\xf50\xe6E\xc7\x99&lt;\rC"\xaf\xae\x9cV\x9e\xcbKG&amp;J\xc3\x7f3&amp;W4\xba\x06\xb50\xe2'</t>
  </si>
  <si>
    <t>Swimming pool</t>
  </si>
  <si>
    <t>b'\x89!\xe90\x01\x85\xc3^^\xac\x95-\xdf\xce\xb0\xcb\xf4X\xbcV\xa7a\xe9\x94\x94\xbc\x82\x10c\xda\xd7O'</t>
  </si>
  <si>
    <t>credit card debt</t>
  </si>
  <si>
    <t>b"\x04_(J\xdc\x10\xac\noZ\xfc\xb1\x04'\xb5\xa9T\xef\xd6\xa3\x7f\xed\xf5\x9f\xe7*=?&lt;H\xc3\xda"</t>
  </si>
  <si>
    <t>b'\x17\xa0F\x1e\x18\x88\x9bq\xea]"\xc9[\x91P\xd9\x8f?\xa1\x04)j\xb2\x06\xda;\xe4^G\xa4\r\xa7'</t>
  </si>
  <si>
    <t>b'\xfd7\xa3#\xd6\x9aI\x92v\x0e\xa9/Cg\xdcSS\x04\xbc\xf7\xdd\xcd\xb5=\x0e\xc6\x0c\x0b\xda\xbe\x98~'</t>
  </si>
  <si>
    <t>b"\xc0J&gt;~\x1edC\xf7\x97\x02\xd1\x0b\x8c\x8dg\x0b\xa3\xce{\\\xb0\x8a\xc9Q\x89\xf8\xa5\x1a'\x94\xf3\t"</t>
  </si>
  <si>
    <t>185xx</t>
  </si>
  <si>
    <t>b"l\xd2\x8aOA\x96\xaa\x1b\x06\x80\xeb&lt;\xcdc?\xd0'\x7f\xd3\xc6\x85\x9a\x90Iw I\x9e\xa1T2\x1d"</t>
  </si>
  <si>
    <t>b'\xbb\x18Z\x89\x10v\x9bK\xebK`\x87\x0b\xeb\xd0\x94D[a\x06\x18\x85\xfe\x02\xba\x9a_u\xd8q\xba\xcf'</t>
  </si>
  <si>
    <t>Consolidate my credit cards</t>
  </si>
  <si>
    <t>b'\xdeBp\x7f)n\xef\x1et\xb6\xbff\x01&gt;B\xa1\xd57Z\xce\xe6\x9c\x8e\x83{LE\xa2\x10w\xbcI'</t>
  </si>
  <si>
    <t>b'\x83`\xa1\x04&gt;\xd9\x90\x9c[\x0c9\xb2\xfa\xe7\x08\xdeB\xfe\x06\x8ae!MRAxBGs\x8d~4'</t>
  </si>
  <si>
    <t>b"U\x7f\x87\xb0!P\xcdH'=\x04\xafTx\xa9\xb4\\\xeb\xd6)\xb0\xbb\xb7\xd6]\x97\x1c\xd3JxO\x98"</t>
  </si>
  <si>
    <t>Crdit cards</t>
  </si>
  <si>
    <t>228xx</t>
  </si>
  <si>
    <t>b'\x17\xe0\xa5\xf4"DQ\x7f1\x1b^\xf0\xff0\x11\x85\xb93\x05\xa60EV\xba\x19\x8c\xd9o\xf6;N['</t>
  </si>
  <si>
    <t>lowercreditcardpayment</t>
  </si>
  <si>
    <t>b'\xe9!\x07\xeb&gt;\x948\x91:\xb6C\xfe\xfcS\xbf\x15\x06\xe8\xca&gt;:\x1e\xe0\xd6G\xa6\x93\xea\xa8\xc7\x85\xa7'</t>
  </si>
  <si>
    <t>personalloan</t>
  </si>
  <si>
    <t>b'\x81\x83\xf47VW\xccrh\x0f\xf5U\xfa\x9d\xe2\x89\xa6ax\x85J2\x9d\x9f5~y\x02\xc5\x06\x97\xdf'</t>
  </si>
  <si>
    <t>b'\xfe\xfc\xe0\xf9\x14^\xee\xdds \xc5oA\xa9\tuc\x96S\xbe\x18[\xc9l\xd6s\x83\x9a\xa5\x93\xc3\xff'</t>
  </si>
  <si>
    <t>b'%c\x00\xa7S\xce\x86\xec\x145\xd7 \xb0Vx7\xf3\xc5\xe9\xe74\x0f\t\xba\xf8|\xb2\x8a\x88e\xa9\xf9'</t>
  </si>
  <si>
    <t>b'\xb5\x95k\xb4*1\xb9\xda\x98\xae]\x03\x17\x93\x17\xc7?\x9d\x8c*3\xce\xc4\x07\xc6;\xb6GS\xce~\x17'</t>
  </si>
  <si>
    <t>b'\x96\xef\x95\xad\xac%\x90\xa0p;Q\xaa\xf0\xa8\xb4Y~\xeb\x9b|\xd2\x00\xfc\x1ey\x1e\xd5\x9ct\xbf\x8e\xfc'</t>
  </si>
  <si>
    <t>b'\xb0\xe6{\x1c\x89t\x9aV\xac\xe8\x03vc\xa9\xcfz\x0c\x1f\xda7\xa2x&gt;\x8b\x186\x17j9\x18%\xd8'</t>
  </si>
  <si>
    <t>Grade A Debt Consolidation Loan</t>
  </si>
  <si>
    <t>b'{\xcdu\xcc\xa0\x0fU\xfdl\xa6\x02j\xf8\xec\xc1\xa8$?,J\xb3@\xefL\xc1"\xb1\xaa4\x90\xca\xe7'</t>
  </si>
  <si>
    <t>b'\xd1\t\x0bL\xb9"1&lt;\x14\xde\xe9\x14&lt;\x0b\xc0;\xf0W\r\xbaS\x83\x0f\xec3\x87\xbe\xdcS&lt;h8'</t>
  </si>
  <si>
    <t>Credit Card Payoffs</t>
  </si>
  <si>
    <t>b'\xb6\xf3)\x8a\xfeM \xab\x03\xf5\xc0:\xc1d\x9e2\x1c{\x89\xab\xa0\xcdQ\xa6&gt;Z;\xac7\xc7/\xfb'</t>
  </si>
  <si>
    <t>DebtConsol</t>
  </si>
  <si>
    <t>704xx</t>
  </si>
  <si>
    <t>b'=\xa3|\x8951^(r%\xba\xb5As\xd34;\xaa\x17/P\xe0[$y[\xa0|\xd4\x1c`h'</t>
  </si>
  <si>
    <t>dedt consolidation</t>
  </si>
  <si>
    <t>b'\xda\xfc\x04d@\x84\x8e\xa0\xdc\x16\xeb\xe9r\xbbr&lt;u\xa0\xf8\xbeud.\xf7\xa4\xb7\xa2\x84\x82\xd5\x9b\r'</t>
  </si>
  <si>
    <t>b"\xe5\x92'\xb6\x98\x1b\xddsV\x02\x0e\x18c\xe20=y\xad\x11\x18\x14\xf7M\xf7\xb5!\xd4V\xda\x02\x8ad"</t>
  </si>
  <si>
    <t>b'm\xeb\xbb.n\xb6f\xc6gdA\xe2\xf0\xc9\x0b\x17O\x0c\x81\xe3\xc8\rt\xea\x0c@\xc9}I\xbeT\xc3'</t>
  </si>
  <si>
    <t>Loan consolidation</t>
  </si>
  <si>
    <t>b'4%\xf6\x1dp\xdf\xae\x9c#\tz\xa1w\x01\xd2\xa9\xbe\xdd\x17\x0cR\xe2\x99\x1d \x1b6\x9c\x17nDA'</t>
  </si>
  <si>
    <t>b'\xca\x04F\xdf\x8f\x91::\x02\xc0\x99[[\xb1\xad\xc3\xa5\xaa\x08\x9a\xbe\x9c\x13\xac\xd1\x9b/?\x19M,\n'</t>
  </si>
  <si>
    <t>915xx</t>
  </si>
  <si>
    <t>b'\xa1K\xb6&lt;\xdd\xe6\x86\xfe\xd61n\x1b\xd2]\xabFz\x17n\x8fhe\x84\xe3\xb7\xbbD\xea2\x0e)\x98'</t>
  </si>
  <si>
    <t>b'\xd8\xbc\xadf\x86\x93L\x05\xe0\xea\xd5/L\x99\xa3\x9dA?G\xce\x9f\xa2\\\xbb\xa7\x8c\xd31\xe0\xf5\x15\xa9'</t>
  </si>
  <si>
    <t>b'\xdeh\xb5\x0cis4\xd3\xda\xb3\x85]\xb5\xb8\xa6PR\x05\xc4\xd4\xa6O\xe5\xe0\xbcU\x07]\\Ky|'</t>
  </si>
  <si>
    <t>b'\x94\x1bm0a\xa7\xaa\xd1\x13\xd3\xe25F\t;\xf41US=\x16=;\x9c\xca\x16W\xe0\xb9[\xcf\x81'</t>
  </si>
  <si>
    <t>LCLoan</t>
  </si>
  <si>
    <t>b'\x81N\xef\xda\xa2P\x98e\x9c\xfc+$|W,\xfb\xfd\xa3W\xbf){\x93\x7f\x13N\x14\x80\xa6\x89\xac\x99'</t>
  </si>
  <si>
    <t>Debt consolidatoin</t>
  </si>
  <si>
    <t>b'VW\xcc|\xdc\xe1\xae\x85y\xc4\xd6\x01\xedG\x07_\xb8\x80\xe1\x8c&lt;=\x83\xc6\xea\x01\xee\xabc\xd4\xd2\r'</t>
  </si>
  <si>
    <t>Loan club</t>
  </si>
  <si>
    <t>b'D\xb1\xbb\xfa\xee^t\xa4\xcf\xdfi\x0e\xdd-\xbb\xbes\x11y\xf1\x94\xb3\xce#\x99\xcf}\x9c\x01\x1c\xd6\x94'</t>
  </si>
  <si>
    <t>b'\x16\xdd\xfd\xbf\x87u\x91\xe3\xf9a\xc3\x93\x0fs\xdd\x16D\xafn\xe6\xf6\xed\x9e\xa9\x1cq\x03\xee\xb3\xfa\x10\x82'</t>
  </si>
  <si>
    <t>springtime cleaning projects</t>
  </si>
  <si>
    <t>b'\x93\x99-\xde9\xb6\x15\xf0\xd8u\x8e\xaa\xb5\xea\xfa\x86\r\xec\xc3\xf6\xba]\xcf(60\xd68\x82\x81\xdby'</t>
  </si>
  <si>
    <t>b'p\xec\x08\xcb,\xd8\xd5W\x88\xaa\xe9\x8f#r\xdb\x07\x908#{e\xe8\xa3\x87\xcd+\x94\x1e\xba\x9a\x00&lt;'</t>
  </si>
  <si>
    <t>b"'\xa5+\xb6iz\xb0\x14&amp;\xd5[}d\t:\xad&gt;$\x94\x13\xf1d\x8c\xf1\xf5!\xd2\xfa\xb8\x8a\xf0&amp;"</t>
  </si>
  <si>
    <t>b'\xa2\x95l\xe8\x90\x18\x98\x976S\x81\xe5\xfa\r\x9b\xed}J\xd4y)\x01z\x7fm\x90r\x15\x9d\xadph'</t>
  </si>
  <si>
    <t>b"\xbb\x0f\x97j\xcd\xd5S=\x1d\xad\xdcD\x07\xb5\x80\xda\xd4&amp;\x11\xbb\x97\x07\\\x8b\x8f\xa3\x98yhi\xe1'"</t>
  </si>
  <si>
    <t>b'\x1e\x0cA\xf2\x00{\x19;\xfd\x9b\x8f\x91\xbe\x08\x94XE:\x8c@\x0cS&lt;?\xfaVh\r\xfegK\xcd'</t>
  </si>
  <si>
    <t>b'\x04\xdeo\xe5\xd7.\xf7b\xb4\xe3-\x05H\xf8\x96\x80\x8a\x96\xa61\xa3\\\x08\xf7\x05\xdeU\x9f\x16\xcfa\xf2'</t>
  </si>
  <si>
    <t xml:space="preserve">Debit consolation </t>
  </si>
  <si>
    <t>b'B\xadh\x18\xe0k9\xa8.8v\xb8\xa1\x85G\xcc\xbe\x97\xf2\x18^\xfa\x0f8\xf6\x9b\xe1\x1a\x10\xe7\xb6\x06'</t>
  </si>
  <si>
    <t>b'_a6\xffb\xab\xb0\xa0\xdb\x15\xcd\x96?v\xa5\xd0\x01\x87\xc3\xc6\x95kb\xd4\xcaHJ\xe8D\xb3\xack'</t>
  </si>
  <si>
    <t>b'\x16L\xeeP`\x9b\xc34\xd2\xa5\xe2[\x9bu\xd2\xea\xf9\x8ag\x91{\x86\x94;\xberr\x9bi\xcc!\xa3'</t>
  </si>
  <si>
    <t>Getting off the credit card treadmill!</t>
  </si>
  <si>
    <t>b'\xd1\xff\xb0K\x1f\xf77v\x81!\xae\x91}\x0e\xd8\x10p\xa5#E\x01F\x9aBKS\xd5Y&lt;\x1dh\xe7'</t>
  </si>
  <si>
    <t>Goodbye Credit Cards</t>
  </si>
  <si>
    <t>b"\xa7@\xdaV.\x0f\xed.h\xff\xaf\x05H\x92\xd1R\x06\xd6\xce\xa2'\r\xb5Xl A\xcb/\xfe\x06Y"</t>
  </si>
  <si>
    <t>b'\xd8V\x1b\xc4\xfc\x01\x04\xbcP\xcfG\xdb\xb0\x8al\xc2\x87V\\\xcb3+md\x0b\xcf.Z\r\xf36$'</t>
  </si>
  <si>
    <t>refi cards</t>
  </si>
  <si>
    <t>b'n\xb5\xc2r\xdc\x99\xa0\xf0r\xe2j\xc3,\xd0\xfc\xb4L\xf5\xf7\xa82\x06\xea\x17\xa5=*\xf4\xc7,r\xc4'</t>
  </si>
  <si>
    <t>b'\xea\t\x8d\x8b\x93\xc1\x19piV\xa4\x1e\xf6n P\x8b\xae\xd0m5\xfd&gt;\xbb\x05\xcd\x82+B\xb6\xac\xff'</t>
  </si>
  <si>
    <t>b'\x08v\xb7\xc25d1\xe4\xe4\x96c\xee\x08\xfbd\xa4\xee0\xbdh\x1f\\V\xff\x9c|2\x84\xc4WR\xf6'</t>
  </si>
  <si>
    <t>b'otu\x1eH\xe1\xd8\x15\xd1\xbf\xd3Qk\xb5\x04_\xd1d\xc5\x03E+\x1fj\xb3\xf1\x1d\xc8Z#\xc4\xed'</t>
  </si>
  <si>
    <t>LendingClub</t>
  </si>
  <si>
    <t>b'\xb9w\xa6E\x95\xbb\xb7\xea3\x1c\xed\x87\x03]@&lt;\x12\x0bD\xe67\xec\xec\xce\xa6\xa1\xabE\x91\xe1*-'</t>
  </si>
  <si>
    <t>b'\x11\xaey\x88t\xfd\x1b\x14\xf1G\xe7\x83O\xe2\xa5\xbd\x92\xd6\xbd\xc8\xacE)\rX\x08)\x00&lt;\xcb\xff\xc1'</t>
  </si>
  <si>
    <t>b'|\x84\rl*\x82\xdc\x92\xe6\xe6\x80\xa8\x80\xf6\xcf\xae(\xb4\x06L:\xa4\x88\x93\xc4\x85,rT\xec\x02y'</t>
  </si>
  <si>
    <t>b'\xc3\xb8\x1c\x07P\x80X\xdcb\x86tU\xee\x9a.\x0f\xe8n\xd4\xdfDt\xda\xe9\x89\x9f^k\x18\x19\x88\xed'</t>
  </si>
  <si>
    <t>bases loaded</t>
  </si>
  <si>
    <t>b'.\xb6\n\xfc\xec&lt;\xeb\xa6[)\xd6\x00*\xc8\xf4\xc5\xcb\xbaa`\x87\xcc\x15\xab3\x1d\xb3\x9a\xb2\x9b~\xf5'</t>
  </si>
  <si>
    <t>b'\xdd%\xb3\xb1\xbf\x99}:T\xd6M\xb6*\x14r=\x8b\x04\x13!k\xdf/\xac&gt;\x929\xc3j\xcaX~'</t>
  </si>
  <si>
    <t>b'Pl\x16\xd1\x13\xf2\xcd\xe6\xf5KdnI\xe6,&amp;\xb7Y,N\x8e\xb0"\x1f\x04\x82(\xa6yq\x88,'</t>
  </si>
  <si>
    <t>b'4\x89\x0b\xb3D\x00\x8e(\xeb2\x8e\x15U\xd8\xa3\xd0q,\xf2\xa7\x05An\xd0\xbfW\xd7\xf0\r\xa8&amp;\xe7'</t>
  </si>
  <si>
    <t>Consolidate payments</t>
  </si>
  <si>
    <t>b'\x195GK\x00V\x06\xec_u\x07\xc1\x84\xba\xef^\xe9\x8d\xd5\xcb;\xaa=9-\x13\x19\xd1\xfdoG\xa2'</t>
  </si>
  <si>
    <t>Getoutoftrouble</t>
  </si>
  <si>
    <t>b'\x17\xf1\x02:n\xec]a\xb2\x0f\x85\xe6\xfet\xb4H@0\xb8\xafD\xc7\x95\xf6Y\x9e&amp;\x03Es@\xdc'</t>
  </si>
  <si>
    <t>b'O\x8d]\x9a)`\xa3\x8fe\x02^\x95e|A\xb5\xee\xb0\x84)\x15\xc8\xc8\xd3\x9e 0\x9c\x91\xd8\xa0\xa0'</t>
  </si>
  <si>
    <t>317xx</t>
  </si>
  <si>
    <t>b'\xaec\xee\x89[C\xf3\x0e\x92s\x0b\xd3\x14\xc9\xfd\xe6C\x8f\x1c\xbf\xc4\xb3\xd2@\x80J\xfc\xdby%\x07\x81'</t>
  </si>
  <si>
    <t>280xx</t>
  </si>
  <si>
    <t>b'\xa9i\xed\x90 \x0erM\\\x83[z\x13Ze\xb2`\x95"\x89\x93\x05\xd8\xfe\x16\x8e@\xd0~l&amp;\x01'</t>
  </si>
  <si>
    <t>Pay Off My Credit Cards</t>
  </si>
  <si>
    <t>b'\xaa=)um\xefDbv\xf3\x1b\\\x99\xbf\xd1\xc5\xa6\xbdn}\xae\x1a\x88\x89\xf5\x03)5;\xcf\x8c\x02'</t>
  </si>
  <si>
    <t>b'\xb5\xf3\xef\x8d\xc2\xacO\x80\xeb\xbc)\x17j\xf5\xb5\xdf\xb0"L\xc9[;\xfc\xfc\xd2\xc8\x8a6\x8b\xe6\xa5\xb3'</t>
  </si>
  <si>
    <t>168xx</t>
  </si>
  <si>
    <t>b'/\x9e\xd5\xfcUW=\xda\x89\xc5\xfa3m(IX\x06ol\xc8\x9d\xdd[\xf5\xf7G\xd7\tc\x8dn\xcd'</t>
  </si>
  <si>
    <t>Home Improvement &amp; Debt Consolidation</t>
  </si>
  <si>
    <t>b'\x8a\xd7\x19\xc0H\xeaC\xc3\x7f\x0b\\\xd9\xaf\x890\xdb\x1cu\xe4\xd9\x90\xe8\x02\xe2\xce\x8c\xafm\xa0\\Va'</t>
  </si>
  <si>
    <t>get right</t>
  </si>
  <si>
    <t>b'\xe4\x19&gt;\x82&lt;HC\x04\xec\xb8Y\x0f\xbbZ\x80\x1f\xa5 a\xc1S\xba^\x02\xd1?\xdf\xe8\xbc\x9b\x04M'</t>
  </si>
  <si>
    <t>b'Y\xf8\xb0\xaeg\x9a\rj\x8c\xf8\xb8}\x11\x98\xe9|\xb1\xa1\xc7J\xb1\x0f\xd6a\x1f|\xff\xdaWJ\xfe\x01'</t>
  </si>
  <si>
    <t>Ood</t>
  </si>
  <si>
    <t>b'%Bg\xa1\xfe\xfc\xcb\xa4v\x1c*\xf6\x937\xaa\xd9\xde\x86\xd6Q\xb7|\xcc\xa8\xb1g\xc8\xd1j/\xdcT'</t>
  </si>
  <si>
    <t>b'au4\xba\xad\xfe\xd0\x8e%\xcf{k\xfb\xc8\xd0\x97t\xff]\x17\xe6\xaf_\xeaK\x81\x07\xbf\xf4\xd4\xd8l'</t>
  </si>
  <si>
    <t>trying to keep my ahead afloat</t>
  </si>
  <si>
    <t>b'\x7f=\xbe\xf0B\xa9}0\x1597\xc7\xe9\x94K\x01\xcdo\x070m\x92\xbe0O\xa0\x8b~&gt;\x81\xeb\xc0'</t>
  </si>
  <si>
    <t>b'\x83\xdd_\xe3\xec\x1fFY\x0c\x96\x0e6.;\xf4\x0e;\xfb\xef\xb4\xc6\xd3Q\xd6\xcd&amp;\x88Xz]p\x9a'</t>
  </si>
  <si>
    <t>Pay off my credit cards</t>
  </si>
  <si>
    <t>b'\xff\xa7P\xb6u\x8d\xc1\xda";b6\xcc\xa5\x05\x12\xde\xa2\x86\x05\x00h\xcc\x06\xcffP\x0b=\xf9\x93\xca'</t>
  </si>
  <si>
    <t>b"\xf6\xc9\x0c\xc4'=4\xb4\xe7\xd6\xd2\xc2~\x92a\xb5\x9f;_\xaa\xde2\x17\x17gd\xa9\xcc\x9aP\xf0O"</t>
  </si>
  <si>
    <t>credit freedom</t>
  </si>
  <si>
    <t>b'\xd5\xc8\xc5\xf0s7\x87\xb9\x17\x9b\xderr\x15^\x86C\x8c\xaf6\x06P\x8b`2\xf7@\xab:w\xb5\x07'</t>
  </si>
  <si>
    <t>b'\xf8\x11\xa0\x08_\x99\xf6\xd6-\xd2\xb9f\x90g|\xbc,\x8b$\xa6\xf8\x98\x04t@\xd2\xda\xdf\x17\xcbj\xf1'</t>
  </si>
  <si>
    <t>Debt Repayment</t>
  </si>
  <si>
    <t>b'\x90K\xbdbW\xf4\x97\xdd%\xady\xf3\x88^Y\x83\x08]I%\x12\xeb\\\n\xa2\xf4\xbbv\xc2nE\xcc'</t>
  </si>
  <si>
    <t>b"\x07\xe9@\xc15\xa6\xd3\x18\xe0'\xbdK\x98\xcb\x80&amp;\xd2&amp;r\x7f!\xc1\x1e\x91\xcb\tC\xdaf\x14O\xd7"</t>
  </si>
  <si>
    <t>b'uO"\xac\x88\x898\x05\x8d\x8e9d\x1b\x0c\x85l\xf0\x0cna\xfco\xda\x1b.\xac\x84\x89\xca\xf9\xd9P'</t>
  </si>
  <si>
    <t>b'\xda\xd8\x9a\x86|\x19\x84o\x8aP\r\x89E\xf1\xa2;\xd4\x13\x0b\xd8zy@\xcf\xa2V\n\xd1\xed\xd7\x16='</t>
  </si>
  <si>
    <t>b'|\xbb\xb2F\xe2R\x90U\x8e\xad\xe7\xe1o\xe6^Q\xb6I\xac\xa4ib\xa6\xb74\x15\xa9\x8aEmv\x18'</t>
  </si>
  <si>
    <t>New beginnings</t>
  </si>
  <si>
    <t>b"\x7f\xc0}\x86MD$o\xf9\xf7\x9ah&amp;\xd56\x0b\xae\xd1\x85\x19='\xee\x93\xbb\xfcM\xe4\x07\x98\xda\x8b"</t>
  </si>
  <si>
    <t>Basement Finishing</t>
  </si>
  <si>
    <t>089xx</t>
  </si>
  <si>
    <t>b'W\xd8\xe1G[x\x9a+1\xb3su\xf0f\xe1\xef&amp;D\x03\xe4\x86\xb7e[4\xb2\xce6\xf1\xed\xa9\xea'</t>
  </si>
  <si>
    <t>b' \x7fb\xadt\xcdI\xc0\xf5Z\xbb=*\x81\xed\xbf\xb6GR?\x01wxHS\xc4\xea\x9d\x96w\xa7\xaa'</t>
  </si>
  <si>
    <t>b';hi\xf9\x1a\xd0w*KD\x84\xe3\x17\xb1\xa2\xb0\x93\xbd\x80\xcb\xa1\x96\x16\xcf!\xc9\xb7r\xb4\x81\xbe\x0b'</t>
  </si>
  <si>
    <t>home free</t>
  </si>
  <si>
    <t>b'\x83\xa3\x9d\x9b\xf8\x8a\xb4G\xaa\xeb^\x10v5\xad\x8d\x16\xa9H\x0e\x0e\x02\xdb[\xd8\xed\xa9\xbdj\xf2\xae\xc1'</t>
  </si>
  <si>
    <t>b"\x82r\x08BD\n\xd0&gt;G\x95C\xc1\xe1\xf9\x81\xe3\r\xbd\x7f\xcb\x0e\xa4\xa4\xbcN\xbf\x194\xbe'ei"</t>
  </si>
  <si>
    <t>b'\xe0\xa6W\\*\x06S\xedq?4\xee\x92\xf7{\x12\xeb\xcf\x83\n\xf10\x8b\xaa\xc9y\\\x0f^\x9f\xc8x'</t>
  </si>
  <si>
    <t>b'\xae\xfdd\xfa\xd5\x9c\xcd\xf9{\x9d\x0f\xb6\xc4\xe2\xc1\xdfY\x8a\xf0k\xbbD@\x80\xd0|\xe6\x11\t\x98\xb0H'</t>
  </si>
  <si>
    <t>b'\xf4\xb4\x91\xe7\x05:\x9a=\xbbu!&lt;\xad\xf9\xa8\xb5/\xea&amp;\xe7\xba1\r\xb3K\x8f\xb5e\xfc\xe3\xfcW'</t>
  </si>
  <si>
    <t>b'\xbb\x1a\xb4\xd5\xfe\xcd\xe8\xbc\x0f\xddi\xb6\xed\x85\x83\xe2\xb1\x87\xe8\xa9\xde\xb0\x88\x10\x18\xc3\x14\xdf\x82fVm'</t>
  </si>
  <si>
    <t>b'\xf8\xca\xc2Y\x9d\xec\x97{r\x8c9IF\xc4\x8f\x1ep\xb8A\xea\x01U\xc20\xe8\xf6\xa0\x81tw\x0ez'</t>
  </si>
  <si>
    <t>b'\xa6\xa9\xab\xfb\xbfK\r\x80\x14\x81\xaa\xe1O\x9c\xa8|6\x0e\xc9]h9\xb6\xf8}0\x1c#\xa0i\x99\xe3'</t>
  </si>
  <si>
    <t>b'\x17\x846\x99\xa1\x7f\xbc\xbd\xbd}{\xd2\xf6@l\x92F\xbbll\xe0[\xd2\xde\x10\x98\xc3c#\x10[1'</t>
  </si>
  <si>
    <t>LOAN CONSOLIDATION</t>
  </si>
  <si>
    <t>b'\x94\xce\t\xbe`\xee\x9dv\xa1ic\xcd\xe9\x13A\x95\x03\xad@\x16B\xb4\xe31\xa1&amp;\xd1!K|/\xf7'</t>
  </si>
  <si>
    <t>b'q`_\xd2\xed\xbbi\x9646\xd56Iu\x9d\x8e/\x06j\x8al5d\xc3\xb3\x88\xe8n\xd6:Y\x96'</t>
  </si>
  <si>
    <t xml:space="preserve">Refinance Credit Card Loan and Combine </t>
  </si>
  <si>
    <t>b'\x82@\x96R\n\xce"\xff6/\x05\x01\x96\r\x13$\x06\xf9\xf4\x89\x14\xa3cFq`\xa4]\x19\xceWh'</t>
  </si>
  <si>
    <t>AR 15</t>
  </si>
  <si>
    <t>b"\xc6N',\x07\x19\xa7\xcf\xed\t\xc3\xa7\xfa^\x9f\xd5\x8b\xaf;\xd0\x9f\x16\x12KP/V\xb6\xd0\xb3\xff\xaf"</t>
  </si>
  <si>
    <t>b'\xd3\xe3\xd3d\x19\xf6\xab\xea\x04\x85\x07\x0f\xa0v`\xb4t"D\x97\xcd\\^\xc5u\xb8\xb0\xe8D\xae;\x17'</t>
  </si>
  <si>
    <t>Help Finalizing the Sale of My Condo</t>
  </si>
  <si>
    <t>b'\x06\x8fX\x07\xb4?$|=@&gt;\xe0\x96\x17\x0f\xd6\xe5Q%k\x17\xe6\xae\x05\xba\x0b:"\xb9\xd57v'</t>
  </si>
  <si>
    <t>b'\x8b\xfc\x99\x03\x8d7\x96\x13\xd7\x19\x1f\xa5\x0e\xd0\x0b\xf4F\x16GA\xd3\xe0\xfe\xba*;\xe5\xf3\xa0\t_\xf8'</t>
  </si>
  <si>
    <t xml:space="preserve">Small Loan </t>
  </si>
  <si>
    <t>b'9/0\x0eR\x90\xb7\x88\xee8\x9bj\xe1X\x03\xb9\xdc\x9f\x01N\x1f\x00\xc0\xd8"\xda\xad\xb2\xb4\xce\x8e\xa8'</t>
  </si>
  <si>
    <t>b'\xe3\x8c\x8e\x84r\xa9\x13`l\xcdX\xd2\x1f\xf8u\xda6\xee\x00\xab\xc4$$\xbc\x9a\xc4\xf4t`g)\x88'</t>
  </si>
  <si>
    <t>b'\xc5\xe8D\x1a\xcb\xfc\x1a\xc5\x0e\xc4\x14\xf2\x8f\xc2x\xc3\xaa\x14\xbdC\x83%_\xb7JJ\to\xd4\x11un'</t>
  </si>
  <si>
    <t>Get out of debt plan</t>
  </si>
  <si>
    <t>b'Rzru\xf97&gt;\xc6\x8c\xb1\xad\x10\x99\xaf\x8d\xdaw\x89\xfc\xd3\xb9\xc4Q\xdd\x9c&gt;Y\x86\xab\xfap\xd9'</t>
  </si>
  <si>
    <t>C.C. Refi. 2012</t>
  </si>
  <si>
    <t>b'|\xfc\xab\x80\xe2\xd2%}t\xc8O$o\x96\x98\x95\xc3\xf4\xff\xf1\xf8\xc1\xa0hqOl\xe8b3{?'</t>
  </si>
  <si>
    <t>MEDICAL AND PERSONAL</t>
  </si>
  <si>
    <t>b'\x8fbY\x004\xf5\x90\xf7\xc3\xc8\xe4M\x97\xab\x03\xf75\x8dA/\xbc\x88\xec\xaf\xa6\x9b\xa7L3\xe2\xb2:'</t>
  </si>
  <si>
    <t>need to get transmission replaced</t>
  </si>
  <si>
    <t>b'7\xd5\x97\xebf\xc72\xa8\xeb\xf9\xb0!\xe4\xb0\x10\xd5^\xa5\xb1\xedvr)Z\x0c\xe0\x93(\x08\xef\x916'</t>
  </si>
  <si>
    <t>b'1\xe0|\x9b\xdc5sn&gt;\xca\xfbC\x83\x0cW\x9e\xb4K\xe4\xcbV\xfd\xbe\xba\xa0~`\x08\x07\x18w\xc8'</t>
  </si>
  <si>
    <t>b'm\x1ex\x04.o\xcd\xca\xc6\x02b\xd7K$\xf5 \xdbj\xd1\x8e\xda\xa6\xd3\xf5i\x03\x97\xfe\xf1\xfbs\xba'</t>
  </si>
  <si>
    <t>Pay Off High Rate Loan</t>
  </si>
  <si>
    <t>101xx</t>
  </si>
  <si>
    <t>b"\x02rc%\xcb\xd9\xba1\xb7\x91\x1e\xb3\xbe\x13\x93\xce\xc2\xf7\t\xb6e\xee'\x84\x02\x1f\x8d\x08\xab\xc2@\x1f"</t>
  </si>
  <si>
    <t>b'0\x86\xed3\x0e\xf1\xc7&lt;.\xfa\r\x9c\xa0\xed\xdd#\x0fKYK|\x7f\xf1\xf2\xae8\x89\xfe\xacck\xac'</t>
  </si>
  <si>
    <t>b'\x18\xc5\xf2b\x1d|\x96\xc7\x0e\x02\xa0\x1e&gt;\xe6\xc3L\x8b\xb1\x9b\xa9R\xc7\x19]\x19X\x1bP_\xf2\xe1\xbe'</t>
  </si>
  <si>
    <t>b'hR\xc4m\xf59~pd\xc0\x14\x14n\xa97M\xb4\xfc\xa6\xd2\x1d\xd7Y\xd3\x13I\x93v\xd6\xa8e\xd9'</t>
  </si>
  <si>
    <t>Bright Future</t>
  </si>
  <si>
    <t>b'\xdb\xb7l\xe5\xc5\xa5\x0e\x0f\xc3L\x8b\x11B\xf0\xed\xceB]#\xa07\xcbG\xaa\xd1F.\xf1\xde\xdeU\x16'</t>
  </si>
  <si>
    <t>195xx</t>
  </si>
  <si>
    <t>b'Z\n\xf4\xdc!\x8a\xb6\x1d\xa6E\x7f\\\xe1\x17\x04)\xef\x16\xf1\x85\x96\x1fv\x155\x92\xebs\\IwW'</t>
  </si>
  <si>
    <t>my  special loan</t>
  </si>
  <si>
    <t>b'1\x02E\xbcZ;-\xe8$\x8b\xfb\xbe\n\x8a\xa9\x871\xc4\x80\xd9!\xaf\xbf\xde\xc0 \xb1=\xba\x98x\xde'</t>
  </si>
  <si>
    <t>b'\xd4\x7fZ1\xd2w\x1eX\xbb\xa8\xbcBU\xd0\x9dNY\x02\xe9\xd6\x17\xb0\xa1\x01Lg\xceI?\xadkK'</t>
  </si>
  <si>
    <t>new start</t>
  </si>
  <si>
    <t>b'\xfb\xb4f\xb9d\xeb\xc60\x16{\xca\xcad\x8a#Wh+)\x1cf\xd9P::f0Q&lt;,d\xca'</t>
  </si>
  <si>
    <t>American Express Refinance</t>
  </si>
  <si>
    <t>b'\xddZ\x86\xb8\xb9?\xce\xcb\xa8\x13\xc6f&amp;\x0e!\x81\x88\xf47\x94\x94\x03\x85\x8dy\x9d\x1d^-`\xd9L'</t>
  </si>
  <si>
    <t>b'\x18\xf1\x11O\xb9$\xbf\xabr\xef\xb8\xd9\xd7\xbe\x83\xb1\xf5\xc3\xe5\x04\xb8\x87\xa6A\x18:\x9a\xd4\xe0])B'</t>
  </si>
  <si>
    <t>b'\x85\xcf\xdb\x00\xa2\x84\xb26\x88a\xf7\x91\xf7\xedP\x8dZ\xe0\x04\x1c6\x1a\xe7\xde\x12U\x12`\xaf\x08\t\x93'</t>
  </si>
  <si>
    <t>b'X\xa4\xf8nwn\x18\xb7\xbf\xb23Y\\]_YLz\x94\x8d\x8f\xb7\x01\xde\x16\xff\xc1T\x10\xc14\xb5'</t>
  </si>
  <si>
    <t>Readiness Concepts</t>
  </si>
  <si>
    <t>b'\xa4D\xe4G\x11\xe6\x91@\x7foh\xd7[\x02`\x81\x19\x1a0Z\xbf\xea\xb28\xddA\xf6hg\xa0\x81\x1c'</t>
  </si>
  <si>
    <t xml:space="preserve">Engagement </t>
  </si>
  <si>
    <t>b'\xec\xa9\x0e\xddF\x9e1;\xfe\xd6\xaaL!1O\x1b@~9\x86}Ft&lt;qO\xb9p\xf8sV)'</t>
  </si>
  <si>
    <t xml:space="preserve">Major Purchase </t>
  </si>
  <si>
    <t>b'zVQ\xc9\x93M\xcb\x89?"E$\xec\x17\x14\xc0a&lt;\xeb\x88\xb8\x98\xa5\x04\x08G\x8a\r{\xe9z\xa9'</t>
  </si>
  <si>
    <t>credit off</t>
  </si>
  <si>
    <t>b'\x06h\x9f\xcb|9\xbb\xcb~\x9c\x8f)\xc5\xfc\xc0S\x85\x8fWa\x90\xbdr\xa4*\xe3.V\xcc\xab)\xc3'</t>
  </si>
  <si>
    <t>b'_#\x08o\x93\xb6\n\x16e\xdd\x9d\x8e\x87\xcb\xdf c,\xf2q\xc4\x84\x1f\xc1\xa9\rm\xf8n9\xb9\xc4'</t>
  </si>
  <si>
    <t>b'\xc5\xbd\xd4\x1d\xed"\xceO\xef\xda\xf7\x07BNo\xa1\xa6\x08\xb7\xb1\x9a\x05\xd7\xa7\xbcT\x9c\xb8\xb1\x0f]\x9d'</t>
  </si>
  <si>
    <t>Personal Expenses</t>
  </si>
  <si>
    <t>376xx</t>
  </si>
  <si>
    <t>b'\xeeS1\xc1N\xf59jq\x1f\xde^zZ\x8e\x84j#8\xbf%M \xceSN\x17Ciz\xe9\x13'</t>
  </si>
  <si>
    <t>Debt pay off</t>
  </si>
  <si>
    <t>b'\xe3\x19\xe8\xd9}\xcb \x8e\x9e\x9bi&lt;\xa4\x92\x19\xd5I#RH\x9e\xa2u\xc4\xd1}\xc2@\xe0Q\x00\x82'</t>
  </si>
  <si>
    <t>DREAMER</t>
  </si>
  <si>
    <t>b'\x1cu\xc6\x14\x9f\xa5\xdbtv\xa7\xa3\r\x97#\x80\x13\xf69\xf4\xc8\x92\xee\xd8\xc4\xdd\xc6\xab\xbf\xb9\xba4\x85'</t>
  </si>
  <si>
    <t>595xx</t>
  </si>
  <si>
    <t>b'&lt;s\xd7(-\xd0\xca\x00\x9aSgB5x\x96\xa8\x8cjjI\xd5\xfd\x85q)\xf5\x91\xa8\x05:\xd1\xd8'</t>
  </si>
  <si>
    <t>b'\x9c\x7fA\x80\xac\xc90P0rD\xda\xa5\xa6C\x1c\xcc\xf9\x00\x9e\xb8s\xf9\xd2\x87\xc2\xbe:\xa5\xb9J|'</t>
  </si>
  <si>
    <t>Debt Free Sooner</t>
  </si>
  <si>
    <t>b'\xff\xf7\x85T\xfb\xd3\x0c\xdb.\xd5g\xb5\x18\xce=\x06g\xea!\xe1}\xed"D\x19Z\xc5#u\xad+\xbc'</t>
  </si>
  <si>
    <t>b"\x91\x02\xfb\xa9,\xa7\xf0\xe1\xff\x16\xd4g\xbf#^\xce\x8f\x8b\xd3'\x103,\xabR~w\xfe\xc8X\x83n"</t>
  </si>
  <si>
    <t>b'\xdeV\xc5\x85\x04#\xf0\xd5\x89tA\x8fo\x0c\x03P\xeb\x99Y\xd4\xcd\x07\xf8\x13\x94\xbfb\x87\xa5f%\xba'</t>
  </si>
  <si>
    <t>863xx</t>
  </si>
  <si>
    <t>b'i\xc3zt\xdf\xaa \xb3~\x91O/O\xf4\xb0\xd7l\xdb\xe1^\xc0,\xf1 S\x00\xd1\t\xe6"j\xc3'</t>
  </si>
  <si>
    <t>b'&lt;\x84\x98\xd6\\\x17\x81I?G8\x0f.Q\x0f\xfed\xa8\x92\x0e\x9d\xc5Iy\xd4X\x05v\x03\xaf\x8b,'</t>
  </si>
  <si>
    <t>refinancing</t>
  </si>
  <si>
    <t>b'\xf8\xea\x1e\xd6v\x93\xeb5\xa0\xca@I\tA\xc1\xbf\x19 4\x84\xb9\xaf^g\x0b\n\xfdB\xd5,*\xeb'</t>
  </si>
  <si>
    <t>Refinancing credit card debt</t>
  </si>
  <si>
    <t>b'\xc5\x99\x9d;\x95;u1\x0b3}\x91\xeb\x1cU\x92Mg\xce~\x98?\x99\xbed\xb2\xa00\xc8\xfe\xcb\x19'</t>
  </si>
  <si>
    <t>b'&gt;?H\x06!\xc1;\xb9\xa1\x01\xbd\x8f\xb0\xbc\x7f\xcb\x7f\xa0\xc8A\x1f\x0f\xa1\xbf\x87\x89*\xdb\x86\xb2\xbd\x92'</t>
  </si>
  <si>
    <t>b'&amp;\x99\x18*\xd1&gt;0\xe9_W\xa3\x01_\xc2\xfb\xb0q!"R\x1c}\x19{\xbd)Z\xfel\xa2\x18\x17'</t>
  </si>
  <si>
    <t>b'\xd2\xd3E\x908r\xa3n\x04\xd5c\\@o\x02YIf\x1d\x8d\xc5n\xc3er)\xbf0"j\xfcG'</t>
  </si>
  <si>
    <t>b'\xd1~\xec\xd3\xa3\xba\xd2\x8d\x8d\xfc\xe1\xb9d+iT\xc5P\nGG6O\xd0\x1d\xc8jT\xfa\xec\xc9U'</t>
  </si>
  <si>
    <t>b"fyo-6T\x81\xfb\xd54LG\xaf9j\x83T\xf2\xba\xdd\xf2\x9b\xee!\xf2b\x11'\x01&amp;\xa7|"</t>
  </si>
  <si>
    <t>b'\x8b\xc4^B\x81\x0f\xc8\xe5q3M\xfb\x06*\xcf\xa9Kn\xe5\x92nm\x84 \x8f\xea\xcf\xf4x\xd0y\x1f'</t>
  </si>
  <si>
    <t>b':\xbc\xbf~\x8c\xf6)\xfc\xc7\x7f\xed\x85\x87\xe8Z\xab\xf4\xc0\x8a\xcd\xad@\xd8\xb4\xc9\xe53Z\xb8/\x99\xca'</t>
  </si>
  <si>
    <t>622xx</t>
  </si>
  <si>
    <t>b'_N9\xf8\xa0\xad{^\x95x\n\xed\x81\x83o8\xb8\x05\xa5\x8d\xacq\xa8\xa3\xac?\x02\x13\xfcm\x07\x06'</t>
  </si>
  <si>
    <t>b'\x89q&gt;@\x1eD\xc8\x99\x85\xc6\x91T\x14\x1e\xed`7(\x00\xb3f\x9b+G\x03\x01\xb0\xe8\x9b"\xdah'</t>
  </si>
  <si>
    <t>b'\xddZ\x13 .\xbe\x88\\\xd9&lt;\x18:\xfa\xa8c\xd3\x97\x01\xf2\xaaO\xe5w\x89\xe8\xf7i\xb4\x1a\xa7\xbc\x03'</t>
  </si>
  <si>
    <t>Lending 2</t>
  </si>
  <si>
    <t>b'\xbf\tS\x82\xe1 \tO\xfe["\x07\xf9\xf7\x07+o\xfa\x9d8\xa7\xa9\xf77\xd0\xcfE\x14\xce\xf8B\x86'</t>
  </si>
  <si>
    <t>b"\x0f\xf2b\xac'\xeal-\xba7-\xc1f[A\x9d\x91\x8a|\xd5\t\x13\xc2xQ\xd02\xf9M\xa3 O"</t>
  </si>
  <si>
    <t>b'h\xbf5_\xc4\xa7]\xdeHm\x92\x7f*\xc8\xa2r\xb9\xe2\xd6\x85\xa3-\xabY\xe7\xb5\xe7\xac\x86\xc9\xc6I'</t>
  </si>
  <si>
    <t>Goodbye CC debt</t>
  </si>
  <si>
    <t>b'\xa68\xf9%\x8e\xceM\x92\x8f\xba\x94\x0b\x90\xef\xf8\xeb\xc2\xc3\xa51\xb3T+n\x13\xe1:\x8a\xcf\xfb\x9a\x86'</t>
  </si>
  <si>
    <t>DECKADDITION</t>
  </si>
  <si>
    <t>664xx</t>
  </si>
  <si>
    <t>b'\xd4:\x14oX?X\xaaT\xce!V^7\x90\x8e\x92&amp;\xc3\xe7UE\xf1\x1d\x18,\xa4l\x95\x1c\xcf\x0e'</t>
  </si>
  <si>
    <t>b'\xf6\xa6T\xfa\xae\xc5\xb8\x9a\x93:\xa6\xe0\x8a\x13"X\xb5&amp;\x17E\xd9M=\xd4\xc2\xa1\x07%\xc6\xd4\xaa\x9d'</t>
  </si>
  <si>
    <t>Loan for mountain bike purchase</t>
  </si>
  <si>
    <t>b'\x9f\x1ah\x1d\xe7\x88\x9eb&gt;\x0f\xc61\x96.\xbev\x1br\x9b\xd3)\x14\xd5\x7f\x17\xcd.^t_\xcc\x10'</t>
  </si>
  <si>
    <t>Payoff for an emergency loan</t>
  </si>
  <si>
    <t>b'\xa6\xcd\xc9\x7f\x8d\xa2yr`2\xcd\xdf\xe5\xe82\xdd\x90D\x1b\xb5&amp;\xea\xf9QN\xc14,\xee\xea\x11o'</t>
  </si>
  <si>
    <t>844xx</t>
  </si>
  <si>
    <t>b'\xe5T\xde\x89\xe4\xe7 \xd3s~\xa1\x84p\x00/\x953\xaaB\xc1^=\xc4n\xacr\xfcH\x0b\x8bXN'</t>
  </si>
  <si>
    <t>Happy</t>
  </si>
  <si>
    <t>b'\xd6P\xb2\x1d\x1e\xf9h\x8f\xd6\xd1Z\x87\x15\xcaWV\xc0\xeea\x88{Y\x05\x83\x94\xcd\xb5\x95XF\x98)'</t>
  </si>
  <si>
    <t>b'\x9c\xcd_Q&lt;a\xcf\x9c\x8b(\x81\x89&lt;\xe4\x13\x9c\x85J+nN\xc3\t@\xd6\xb2\x90\x8f\xc1i\xb9\x04'</t>
  </si>
  <si>
    <t>249xx</t>
  </si>
  <si>
    <t>b'\r\xa1uH #\x8e\xcfL\xb9%(\x9f\x8a0zt\xc6\x8a]!z\x84\xf3#\x85\xcf\xf5E\xf6.\r'</t>
  </si>
  <si>
    <t>debt pay off</t>
  </si>
  <si>
    <t>b'\x0f\xd3\x7f\xdc\xd9\x83\xd0\x89j\xe0X\x07\x17\xea\xe4\xf3\xa7w-\xee\xbbBz&gt;\xd2NlZcx\xbf\x00'</t>
  </si>
  <si>
    <t>291xx</t>
  </si>
  <si>
    <t>b'T\xc7\xa5D)\xd3\x95\xb8\xf7`\xec\xe5\xff\x92\xbdbz\x92=\x91\xf0#+\xa3\x86\xb9\xe5\xfa?H\xb5E'</t>
  </si>
  <si>
    <t>b'\x19\xa1\xf9\xac\xb44/0\xfdp_\xa4\xb0S\x91D\xae*s\xeavY5\x95\xea)$io/\x00}'</t>
  </si>
  <si>
    <t>b'k\xf0\xe8\xd9\xb8\xe0\x81\xe8&gt;\xda\x06\xec=\x81{\x85o\xf9\x86\xad\x00\x9b\xac\xce\xa3\x8a\xf5;\xafd\xee\x92'</t>
  </si>
  <si>
    <t>b'6hu\xcbe\x8eU5\xbeL|\\\\|k\r\x92\xb4\x1fRt\xf9\x86V\xe5l\xa0e\xc7s\xf9\xe7'</t>
  </si>
  <si>
    <t>b'\xba}\xee\xc7\xd2\x9c\xf0m\xb4/Y)\xa28:*\x83\x91\x81H\xdbp\x1f\xb8Y=xTb1&lt;\xa0'</t>
  </si>
  <si>
    <t>Pay Down Debt</t>
  </si>
  <si>
    <t>b'&amp;\r\xcb\xf1"\xdew\xcf\xd3\xad\xd2SQ\xa0yx\xde;\x99\xdcP-J\x0fL\x1eq\xd3\xe0\x12\x94\xd7'</t>
  </si>
  <si>
    <t>b'\xcd\xafS\xdaJ\xf1XO\xf3\xde%\xefL\x84\x7fywu\xad\x19\xfd:\xa15\x81\xf3\x1bm\xf9}\x15\x1c'</t>
  </si>
  <si>
    <t>Citi Refinance</t>
  </si>
  <si>
    <t>b'\xd4\xd8S\xcf\x1c\xd85\xeb&amp;\x9b3\xfeV\xf6\xaa\xb9#\xf9\r\x18\x9d=\xb9\x95{\xf1\x97\xda\xabV\xce\x05'</t>
  </si>
  <si>
    <t>Credit Card Consoliation</t>
  </si>
  <si>
    <t>b'\x91"\xc0]\x1c7\xb7\xb9s\x876\xa2\xf6n\x917\xd7\xd7\x8d\xe6j\t\xc1\xc0i\xec\x0b{\x9aK\x84U'</t>
  </si>
  <si>
    <t>b'-\xda\xb3\xf1\xf2\x0f4\xf6\xd0\x19\xfa\x90&lt;\x12\xf7\x16&gt;\x07\x91\xbe\xf4\xcda\x873K\x94&amp;\xcc2C\xd5'</t>
  </si>
  <si>
    <t>b'\x9b7"\xff~Z\x0fpn3\xd5m\xbb\x85\xcdb\x8f\xd9\x94\xea\xb8\xea\x9e\xbb\x94\xe6W\x07Q\x94Y:'</t>
  </si>
  <si>
    <t>b'\xb1\x99\x1e4\xb2\x9d\x93\x16\x1e\xbf\xe2\xa9##\x87\xe9)O\xf9\xd1\x90\x0b\x91\xb3\xa2\xdb\xe0\xbc\xc7&amp;l)'</t>
  </si>
  <si>
    <t>b'^T\xfe\x05\xb0\x83C\x80\xbbL\x8c\xb4\xc3Z,^)\x9b\x95\x90Y\xf2@\x12g{a\xe9\x00U\x80\x95'</t>
  </si>
  <si>
    <t>b'\x1a\x8b\xf9K\xf0:\\\xdf\xe1\xb1\x9a\x91\xb1\xa3\xb36\xe9c\xd0#\xeb\xe6\xa1\xe0^;\xc9^\xb4b\x18\xc5'</t>
  </si>
  <si>
    <t>b'\xfeg\xd8\x81\xb3\xcd\t\r\xb6\xfb\r0s\xa2m\xdbvZ\x11Rn:\xca\xedUs6-R\xf4\xcc\xf0'</t>
  </si>
  <si>
    <t>Medical Needs</t>
  </si>
  <si>
    <t>b'k\xcb\xe9\xaa\xc0\xec"\xaa\x12\xea\xe7*\t@\xa1\x1a\x1b\x1b\x84\x88\xe9\xbc\xb8\xe7\xee/\xc3\x8a0\x88\xba\xb5'</t>
  </si>
  <si>
    <t>b'\xcb\x15\xf5b{\xd0\n\x1c\x070\xb3\x88\xe6Ijf\xf1\x94\x01X\x9f\xda\xdb*\xee\xd9\xb9\x12\xfe"\x7fG'</t>
  </si>
  <si>
    <t>Out of debt</t>
  </si>
  <si>
    <t>b'\xa8s7\xe5\xfd"y\xe6\x82W\x9e\xaf\xe1\xf4ef:j\x82\xb2\x8e\x13\x93\x93\xe8\xd6\xa3P\xca}D\xb2'</t>
  </si>
  <si>
    <t>b'd\xd7)\xcd\x81ANF)\rVO\x02f`/\xdf\x17*\x83C}\x82\xfb\xd8\x96\x076\x8a\xc2\xb2\xbc'</t>
  </si>
  <si>
    <t>Helping hand</t>
  </si>
  <si>
    <t>b'@\x177\x8a\xe8_H\x9d\xce\xa7\x87\xe4^T\xe62\xcbB/\x14\xb9\xa6\xeb\x9cH\x82w\xa9\xa7k\x82\xd9'</t>
  </si>
  <si>
    <t>payoff debt</t>
  </si>
  <si>
    <t>765xx</t>
  </si>
  <si>
    <t>b'\x9d\xf9o\xcb\xd0\xfa\xfe\xd0\x93\x7f\xe4&amp;&amp;\x1e\x15u\xd8\xc1\x0c\xb1&lt;\x05\xf0M\xfb[{\x0e\xe0\xa5#\xd9'</t>
  </si>
  <si>
    <t>b'\xf6\xb5\xfb\xc42/\x9c\x8f\xd7;\x8d\x93s\xfb\xe07K\tY\x96\x87\x8b\xb0\x9e\x92\xfe\xfe\xfbiat\xa9'</t>
  </si>
  <si>
    <t>chase household</t>
  </si>
  <si>
    <t>b'\x0ce4\xfa\x8d\x1f\xcf\xfb\xc6\xaf6It\xb6\xcb\xa0]\xf8\x11`\xa5\xb7`\xc2\xd4\xcc\x11\xccA\xd0\x12\x1d'</t>
  </si>
  <si>
    <t>b'F\x89\xd1\x96\xc7\xb37\xb7{\x95\xe6Pat\xc5\x8cm\xe6\xd7\xe2\xcfW\xb3\xd3\x106\xe9\xef\xa2\xef6\xa7'</t>
  </si>
  <si>
    <t>Be Free</t>
  </si>
  <si>
    <t>b'\x19V\xce\xe1}\xe4sf}@\xf9e\x0e&amp;\x0bK\xc4\r\x1f\xca,\x88\xea\x9a[\xf5\xbe*\xb7IH\xdd'</t>
  </si>
  <si>
    <t>b'\x1dj\xbb\x93\xc1c[\xc3\xbb\xad%\xf8,mT\xc92\xf3\xb0\x9b{S\xcf\xf0\x03P\x1a\x9a\xb22\x92\x01'</t>
  </si>
  <si>
    <t>b'[\x06\x16\xe9W\x87\x96\xdaUipB(\x90a\xe5-\xaa\xc6Cq\x06\x8a[\xde};\x7fW\xa9\x07%'</t>
  </si>
  <si>
    <t>b'\x7f\xb6\xd2\xf5z\xe1\xad\x91h\xeb\xde9\x8d\x9b\xb1z\xaf\xdfZ\xca\xfb\xc0\xb2\x06\xc0t\x02\xcd1CPL'</t>
  </si>
  <si>
    <t>Needed roof repair</t>
  </si>
  <si>
    <t>b'\x08&lt;\xf8\x1f\xa7\xf7D\xd4\x17n\x81+\xeb\x9c\x94\x13\xef\xf4-^\xab\xdc\xed\x1cz0n\xa7\x9d\x15\x17\x00'</t>
  </si>
  <si>
    <t>b'c\x1a\x82\x92\xe1\x9d\x1c\x12\xf21qL\xa6\xdc\n-\xcc\x0c\xb6\xc5\x96e}pOn\x93\xfc\x87x\x91\x00'</t>
  </si>
  <si>
    <t>b"\x86\x1e\xc8'\x90Qx\xa0\x8c\xcb\xa7%q\xf7\xaa0\x9a\xffp\xa8\xb7\xa2\x01\x94W\x82\xf3\xe5\x00#\x99\xf4"</t>
  </si>
  <si>
    <t>b'7\xcb\xb5\xd5y\x89\xf0\xaa\xfe\x0cb\xa4\x1d\x02\x00\xba\x9e\x13y\xd2\xe9+\xe6\xfe9sw1\x06\xde\xcb\xa0'</t>
  </si>
  <si>
    <t>Dept Payoff</t>
  </si>
  <si>
    <t>b'PM0\xe1\xb8\xd4\x91\xb5g\xd2\xec\x9a\xd9j\xb6}D\xc3X}::\xd06\x89\xe8O\nM$\xc0\xd2'</t>
  </si>
  <si>
    <t>The Big Payback</t>
  </si>
  <si>
    <t>216xx</t>
  </si>
  <si>
    <t>b"\xc4\xa8\xefs'\x17/\x85\x07\xcf\xde\xbeF\xef\x0f_\x02ww\xa2R\xb1\xa9:J\xd2\x07\xe9W\x89\xd4\xe1"</t>
  </si>
  <si>
    <t>clean slate</t>
  </si>
  <si>
    <t>b'\'!UN\xc2F\xa9\xd5\xa0$\x1a\xf7A\x0e\xfd\x14\xa7\x11\x922\x1b\xe9\xde\xd0\xc7$r"\xaf\xc0\x8cl'</t>
  </si>
  <si>
    <t>b'\xea%\x93b\xfe\x01i)\xe8\xf8\x9a$=\xb9kF\x8c\x03=\xbe\xc0\xc3\x83\x91dv\x88\xf4\x08\xab\xeb\xd6'</t>
  </si>
  <si>
    <t>b"\xa1\x13\x9c\xc3-&amp;p\xb0}\\x\x13\xdeH\xe9\x03m$\x01f\xb5k'D\x04\xee&lt;\x17\xa7*\xfcm"</t>
  </si>
  <si>
    <t>b"\x8b\xd5\xe5f\xadY\xf14\xd0\x01\x0e\xa1\xf9\x03)zla\xea-\x0br\x10\xfa'I(\xad\xd4\\U\xeb"</t>
  </si>
  <si>
    <t>Great Debt Reduction</t>
  </si>
  <si>
    <t>b'\xf0\xda`D"j\xaa\x82\x01}K\x0bqV\x1e\x04\xd6\xa1P\xa7\xea2\x01\x9b\xc3c\x83q\xe3\x07\x97\xcb'</t>
  </si>
  <si>
    <t>b'\xc8V\xe18Un\x96\x12t\xd2\x10bv\x0b\xae*V\x80\xb6r\x16\xe1&gt;UI:6\x9bI\xca\xf4m'</t>
  </si>
  <si>
    <t>Consolidation Package</t>
  </si>
  <si>
    <t>783xx</t>
  </si>
  <si>
    <t>b'\xc6\xa4\xeb\xd7\x9c\xe6it\xd6:\xfb\xd1\xdf\x88\xca\x11i\xaaO76\x01\xa8D\xc4\xaa\xaf]\xafHlM'</t>
  </si>
  <si>
    <t>Move On 2013</t>
  </si>
  <si>
    <t>277xx</t>
  </si>
  <si>
    <t>b'K\xc5W\xf4\x0f#U\xc7\x900e`\xd6!\x07\x18\xab\xa8qh\x8e\x15\x9e\x15\xdcD\xe5\x18\x16\xcbi)'</t>
  </si>
  <si>
    <t>credit cleanup</t>
  </si>
  <si>
    <t>b'\x15(\xe35T\xaf)\x15\x1a8\x01\xc0\xbe0\x08.\xbd\x98\xdd\xe1-_k,]\xe4\xaf\x8c\x9c\xbf\x05C'</t>
  </si>
  <si>
    <t>Pool</t>
  </si>
  <si>
    <t>b"BJ\xf8\x06\x97%\xdat\x01&gt;E\xaf\xd6\xb9\xe1'\xf1\x18P\x99\xce\xaf\xc9\xb4\x8e{\r\x93\x95\x1d\x8bz"</t>
  </si>
  <si>
    <t>b'_\x970O\x8e\\o\xc1\x91p\xfe\xb7\xcf\xdb\xc6\xbb\x87\x13\x94\xe8)Rr;\xfc7\x95\xd8=\x8c\x13\x97'</t>
  </si>
  <si>
    <t>dbt cosolidation</t>
  </si>
  <si>
    <t>305xx</t>
  </si>
  <si>
    <t>b'\xb9LuP\x8d;vYP\xbf\x86\x12p\xab\xabM\xfd\xa9\xe4\xb8\x9aN\xa5\xdd\x952\xe2S\x0b;\xddl'</t>
  </si>
  <si>
    <t>b'd\x8df\xd7\xea=\xddx\xb9\x84\x1euU2\xf4b\xc5y\xeaO\xee\xfd\x06l\x16\x00\xc9\xc3\n1a\xb8'</t>
  </si>
  <si>
    <t>b'uwI\x0e\x01g_\r\xe3\xf1\x13\x9c\xcd2\x90Z\xfb\x0f\xa1\xa3\xf5&lt;\x90Q\x97+;\x8f4\xf1\x81P'</t>
  </si>
  <si>
    <t>b'\xf9yu\x92G\x06Y\x08\xc6\xd9qT\xca%\x05/\x1b\xb1\xe7\xae\xf0\xd0\xa5:\xef\xe88\xf1\xb2\xc0\xfeR'</t>
  </si>
  <si>
    <t>debt loan</t>
  </si>
  <si>
    <t>b'2\xdeZ\xbc\x98\xe3\xec\xe2\x08K[n\xf7,\x15\x01V\x0eu\xe5\x08g\x93;\xb0\x7f\xb8}\xb7s\x85{'</t>
  </si>
  <si>
    <t>b'\x02O\x12\xd6S\x80\x15\xb2bs\x83\xe2\xeb\x93a\r\xdb\xe5\xbdD\xc6\x15:\x95\xba\x10v\xe9\xe4\x15!\x17'</t>
  </si>
  <si>
    <t>b'5\x8c\x1e\x87r\xd0\xa1\x1a\x88^\xbb\x18\x8arY\xbb\x1d\x05\x14\xeei\x80\x1eB\xf5]\xae\x19U\x17AG'</t>
  </si>
  <si>
    <t>all in one bill</t>
  </si>
  <si>
    <t>b'g\x11\x84\xc5\x96\xff\xdc]\x8c\xa3\x135\xfaM1dS\xe5\xa0\xde?Ho\xeb\xe0\xb9\xda\xbdt\xd0f\xa0'</t>
  </si>
  <si>
    <t>Debt Consolidation (From Wedding 2012)</t>
  </si>
  <si>
    <t>b'u\x8e\x17\xeb\xbco\xd4c\x83}\x1a\xee&gt;\xbf\xdb&lt;4\xbf\xc8?{EW\xc1kZ\xb5\xc8S\xb1\xb3\xe5'</t>
  </si>
  <si>
    <t>b'\x167\x83z\x18\xaf\xf1\xb8)\xa6\xce\xbfU\x1a\xc5\x13%\x99r\x9a2\xdc.\xadJ\x83T\x9a7v\x19d'</t>
  </si>
  <si>
    <t xml:space="preserve">On the right road </t>
  </si>
  <si>
    <t>b'\x9c\x81*,\xa21\xe5\x97\xb9=\xa5\xc2\xd9\xed9p\x1f\x19\x8d4\xd8\x14R\x1d\xf1\xa6g\xec\x16]\xd8\xe6'</t>
  </si>
  <si>
    <t>b'\xa0F*\xae\xcfB7\x1b\xaed7Q\x1d\xc7\x92_\x8e\x82\xd5\xad\xae\xaa\xf9(\xa9*\xe3\x93S\xc4\x8d\xc1'</t>
  </si>
  <si>
    <t>b'\xe2\xe4\xc0\x13\xfd\x00\x18\xba\xc8\x0c\x9d?G\xd2\xd3\x01^Ap\x8a\x81tF"*\xf4\xd5\xcb\xd1\x80\x8a\xef'</t>
  </si>
  <si>
    <t>b'HJ\xe4\xd6\t\xfa(\x01\xec\xf3i\xf9\xbd\x9aL\x85Q\xcd)\xc1\xb9\x07-=\xb0K\xe1t_L\xf2\x0c'</t>
  </si>
  <si>
    <t>b'\x13n\x15\xe0\x83\x84N\x08J\xa0.1\x99\xf6\x13\xc6\x90M\x14\xab\x18\x0e 13\xa7\x89tM\xb9\x937'</t>
  </si>
  <si>
    <t>Plans for 2013</t>
  </si>
  <si>
    <t>b'\xb4O\xe9\xcc\x08.\xd2\xd0`.4\x9b\xb8U\xdcT\x8aH P\xde\xe8\xb0\x0e\xa2\x82\x8b-\x8e.3\xa0'</t>
  </si>
  <si>
    <t>Trying to hit "fast-forward" on payoffs!</t>
  </si>
  <si>
    <t>b'\xd9K\xc5\x85Y\x8a\xe2\xc7q\x8b\n\xc0\xe7\x18@\xe2\xec\xcc\xc8\xadS@\xc8\xed\x95zNu\xd4\x90\xd8R'</t>
  </si>
  <si>
    <t>b'\xd7\x7f\x91&lt;\xfc\x0b\xc5\xcch\xd1p\xb6\x14\xfai\xff4\xb4\xb5\xf4\xc5RV\x0e\x03\x02\xbd\x8d5R\x83I'</t>
  </si>
  <si>
    <t>221xx</t>
  </si>
  <si>
    <t>b'\xf7R\xca\xc9d\x14(\xf9\x9aLp\xd6\x96C\xc4N\xf5\xe2\r\xd0\r`Fi2\xb3\xd5\x1eE\xef\x02.'</t>
  </si>
  <si>
    <t>Credit Card consolidation</t>
  </si>
  <si>
    <t>b'}\x9c\xabm \xc1\xa6h\xaa\xad\xc6\xc3\xa1\xe7\x00\xe7\xf1\xed\xa9W\xd8t\xabph\xadd\xbd\xe2\xf8\xc9:'</t>
  </si>
  <si>
    <t>b'\x0b\xcd\xa6~\xdfx\xb0\xa0\x81?\x1c\xb2\xa9}\x0b\xad\x04\x9d\xb7 N\xa8\x849\xd6\xf5\xdf`$\xa4P\x8a'</t>
  </si>
  <si>
    <t>b'\x1c\x01\xe8\x1b\xefG;\x8c&lt;\x92\xedf\xcd\x9a\x1b^\xc3*cW\x8c@\xd0\x86RJ\x9b#\xd2\xe6&gt;\xfc'</t>
  </si>
  <si>
    <t>b'K\xd9c0\xd1EW\xf7\xe4\x9f\xf7\xa0\x7f\xb2\xf1\xe4=\xdeR[\xfb\xd1n\x9c+\xcb\xe0\xc2d;\x06\x07'</t>
  </si>
  <si>
    <t>b'\xc5\xd6a\xd44Yk\x19\xadx\x1a \x8a\xc1J\xb3\xb0\xfc\xcaKWU\x89\xf2\xf6\xb2\xb5\xe6\xd5e\xb8!'</t>
  </si>
  <si>
    <t>bills,bills,bills</t>
  </si>
  <si>
    <t>b'\xdf~\xf2\x15o)\xc30\xf3[\xffa}\xf0\xa1?\xd4\x0f\xfbV)\x14\x9dr\xf27C\xb6\xe2&lt;\x99\xdf'</t>
  </si>
  <si>
    <t>b'Y\x072=\xf1a?\xdb\x01610\x1e\xc8\xeaR\xd4H"\xa2\x90\x90$\xeb\xeb\xa8i\x11\x0b\xc9\x04\xf8'</t>
  </si>
  <si>
    <t>b"\xb3\x96\xe6\x92\x86[[(\xf8\xd2\x94\x14\x1d\x10\x19\xdc[\x8b'\xa9\xb5F\xf8\x0e\xd2\x98\x9f\x96\x9ec\x84\xcf"</t>
  </si>
  <si>
    <t>360xx</t>
  </si>
  <si>
    <t>b'\xd7\x1e\x88\x93S\xb2=\xf3\x1d\x03\x97\xfa\xaf?\xbe\xfa\xa1\xfc\xec\xbd\xb0\xee\xfb\x9cr\xa2$\xb7\xcd\x98\x98\xbf'</t>
  </si>
  <si>
    <t>b'v\x0e6\x80\xfe7\x13\x8bI\xe3\xb4V\xed6D\xdc:\x91\x92\xe2\x9e\xd7\x7f\x83|\x16\x02X\xbc\xbdmy'</t>
  </si>
  <si>
    <t>b"\xc5bN9\x00P\x04\xf6\xaf\xb3\x15\\L'\x9e\xb3hd1\xbal!*\xbdZ6\xeb\x00*\x8b\xff`"</t>
  </si>
  <si>
    <t>b"3\xcd\xa8\x0f'=\xa3\xeb\xc3[\xf2\xd4\xc2(l\xb7|\xef:k\x1d\xbd\x90\xd2hFy'\x7f\xb8\x10\x92"</t>
  </si>
  <si>
    <t>Credit Card payoff</t>
  </si>
  <si>
    <t>b'\x13\r\xa9\xe1\xe3\xe5q\x8a\xdbw\xb7\xc1\xee\x81\xa5\xb3\xe5\xbe\xe2\x10\x14B\x9c\x1cZZ\xce\xc2\xb0\xdb\x17\x03'</t>
  </si>
  <si>
    <t>b'\x7fn.\x91i\xb1\x89\x8a(H\x13\xb49\xd1\xcc+Kd\xaed#&lt;\x85\x89\xc8\x88\xaf\xb2\xc88\xbe\xf2'</t>
  </si>
  <si>
    <t>b'\xd2\xa0\xe6\xeexP\x04\xd6\x81\xd9\x0e\xf7bU@\xfabJ\x8f\x1d\xea\x9a\xfe\xdcr\xe0n\xa9\xad=7\xd9'</t>
  </si>
  <si>
    <t>Interest Reduction Loan</t>
  </si>
  <si>
    <t>b'6\x9a\xe9\xac\x189\xa0\xffHQlY@-$5\xed\t\r\xd5G:\x97\x15\x0cySM\xce\xd7\xfe\xb5'</t>
  </si>
  <si>
    <t>b'Y"\xe7\xcb&amp;\x81s\xbf\xebI\xa6\t\xa3\xf9\xb9\xbf\x16\r\xcc\xb1\r\x8c\xa6\xcf\xe6\x9dAH\xc0G\xcf\x16'</t>
  </si>
  <si>
    <t>b'QRbMQR\xd5\xb0\xa30E\xf4\x0c\x96*\xc1\xe5=M\x81\xf7\x01\x97\x83\x95Ad\n\x88\xf5~`'</t>
  </si>
  <si>
    <t>b'\xa6f\xc1\x93\xdd\xd3R\xdc"\xcb[\x19\xa1\xf8\x12\x80\x18O\x0ek\xfa\xc7\xda\x99a&lt;b\x9a\x17$77'</t>
  </si>
  <si>
    <t>b'\x17Xg\x18\x85XR\x14j\xdc`r\x1b\x1f\x1a\xe05i\x91\x18V\x12"\x81\xbd\x16\xb9\xb9\xf2d`\x1f'</t>
  </si>
  <si>
    <t>LC Debt Consolidation</t>
  </si>
  <si>
    <t>b"^\xdd\x93\t\xd2+\xc2IF\x7f\x1e~\xa6\x9b\xe1\xff\xb0\xc6\xeb\x13\xb8'\xcc\x1b\x07a\x16\xd0\x05k\n\xbb"</t>
  </si>
  <si>
    <t>b'\x04I\x9e}\x85\xe4p\xf9\x03T\xb6$x\xd5\xd9m\xd4\x15\xe9.\xfc\x8a\xee\xb4!\xa0Dl\xe7\xe3\xaaV'</t>
  </si>
  <si>
    <t>628xx</t>
  </si>
  <si>
    <t>b'5\\f\xa5\xd8]\x88:\xdd\xd8P\xc6 \x0f\xb1\xdd\x92K\xf1R\xa8\xc6\\\n\x9b\x87Bj]\x02\x96\x1e'</t>
  </si>
  <si>
    <t>b'\xf0\xdc\xac\xc9^+\x02`X\xaf\xe3z\xea\x01_-N\xcc\xbfK.f\xbdN\xf8\xc5\x9c\x9dd|\xdc '</t>
  </si>
  <si>
    <t>b"\x9eN'\x18\xc6\x99\xf5\xcf\xfc}r\xef`\x9b1\xcd@]\xf1\x15\xcd\x8a\xef\xbb\xad\xfc\xa1u\x84\xa9\xd4\xeb"</t>
  </si>
  <si>
    <t>money2</t>
  </si>
  <si>
    <t>b'\xc0\xd5]c\x92\xa5\x9a\xe5S\xa5\x8e\xbf6s~w\x88XW\xfay\x10\xdcM9\xbb\x83G\x14\x87\xece'</t>
  </si>
  <si>
    <t>Consolihelp</t>
  </si>
  <si>
    <t>b'/\tY\x99\xef\xd7ob\x8f\xf0\xd6\x84\x13\xe7\x8d_\x9e\x0e\x98\x9e\xb7\xb9\xc7\x12\x90\xc9\xb6\x84\xebf\x92\x0f'</t>
  </si>
  <si>
    <t>b'z\x8co\xe2l\r]J\x01)\x94\xdfv\xa6\xcc\xaf,2M\xb2\xee\xd6\xbc\xfe\xfb\xd0\xcfZR\xa0\x03\x18'</t>
  </si>
  <si>
    <t>b'\x9e\xbc,\xae7"eG+Z\xea\x16\x061 \x1a(\x11\xcb,\xc8\x11@\xba\xb0\xf3@\xe7f{\xd3M'</t>
  </si>
  <si>
    <t>b'L\xaf\x06\x06%\xce\xb0\xac\x01U\xa2\xf3\xe3(\xfe\x86\x9b\xa8\x11:"y|\xf2\xd6\x16\x97!\xb0Q\xf1}'</t>
  </si>
  <si>
    <t>b'\xbb\xce\xf4\xba[j|L\xce\xf6\x1d\xc2\x8f\x8a\x01*\x01\xe3|\x19TL[[\x8c\xd2vZ\xc2\x10\xcc\n'</t>
  </si>
  <si>
    <t>Credit Card Refi for a fresh start</t>
  </si>
  <si>
    <t>b'8\xb2!\x90v\xdd\x8c&gt;0\xbe\xb1\xaf\x00d\x8f\x92\xc3?tW\xda\xab\x038w\x90?\x8b\xe7&lt;\x9e\x0c'</t>
  </si>
  <si>
    <t>b'\x948o%\x96\xe5\x1a\xec\x0b4\xfb\xbe\xc07n\xec\xefB\x9f\xb7\x8eU\xf2?\xdb\x08\xc7}H\xad\x88\x9d'</t>
  </si>
  <si>
    <t>Financial Freedom</t>
  </si>
  <si>
    <t>b'\xff\xa6`\xba@(\xd4tra:\xab"\t6\xd7\x9de\xe5\xeb\x13\x05\xb8\xc7;ED\\9&gt;).'</t>
  </si>
  <si>
    <t>Credit Card refinance</t>
  </si>
  <si>
    <t>b'\xc3v9\xc9\xe1\xcfkM\x1bW\xa5\xf2 \xba|3\x8eQ\x10b\r\x84\x0bO\xa7\x16\xf0\xc2"\x9b&amp;\xfc'</t>
  </si>
  <si>
    <t>b'8\x85Ox\xc2\xe2\x95Q\x9e\x98\x88z\xacN\x17\x02h\x17\xf5(\xfc\x1a\xfc\x1f2G\xf1D\xf0\x91\xec+'</t>
  </si>
  <si>
    <t>b'b\xd4\x8c\x98\xcf\xfcO\xc4r\r\xb4\xb0\xb5\xe9\x98\xee\xf2\xe7\xfb\xbf\xc1\x9b{\xc0\xd2\xcd)]\xc8\xa2&gt;\x97'</t>
  </si>
  <si>
    <t>Credit Clear in 36 months</t>
  </si>
  <si>
    <t>b'\x83C\xc82\x97\x16?\x93\x0c\x07\xa4\xb8%r\xbc`&amp;-.IG*r\xe5\xa8y*\xcb\xc3\xa9u\x1f'</t>
  </si>
  <si>
    <t>b'\xd8\x1b\xc5\xd4S\xa2\xc9\xef\xe4\x1e\x04Uc\\\xdd\x91\x108\xd4\x8f\x0f\x86*TPq\xed\xfb\x07\x8fy)'</t>
  </si>
  <si>
    <t>b'\xcbe\x00\x11\x84\x9a\xc6\xce\xb2\x1e\xaf\r\xac\xd79\x126\xb9\xc7c\xf0U\xcc/\x93:\xa8u\x13\xaf\x7f\xc2'</t>
  </si>
  <si>
    <t xml:space="preserve"> refi</t>
  </si>
  <si>
    <t>b'\xf1{\xb0\x00X\xb2,\xad\x1cI\xaa?\x0bB\x8ef\xbeS1 \'\xff\xa1\xdb\x81\xb3 /\x8f\x88\x7f"'</t>
  </si>
  <si>
    <t>b'\xedB\xd7\x85\xe7\xef\xdc\xa6\xf2uv!\xde\xa7\x877W\x80y\xc5\xe2L`\xcc\xa6\x05Q\xfb\x89^\x07n'</t>
  </si>
  <si>
    <t>b' Lu\x99\xb7"z\x10~\x8aYjM~\x94\xcb%\x0eK\xc3\xb6}Q&lt;O1b,z\xac\xa8\xe5'</t>
  </si>
  <si>
    <t>b'\x96\xc0\x84\x9cG\xe1\xbaA\x8f\xcc\xd9^\x18\xa5\x82\xcd8\xef{]\xa5\xd1\xc3W\xf6\xfa\x85\xc50\x8d\x83u'</t>
  </si>
  <si>
    <t>b'\xb54\x13\x13\xa9vv\xe6\xca\xf7j\x01\x87h\x07\x17S\x00\x00d\xb5us\xaf\xcb\xb6\x90\x05\x86B\xd4\xf9'</t>
  </si>
  <si>
    <t>b')f\n\x1c\xd8_v\xcau&gt;O\xfc?\xec}=\x9e\x08\xf4\xb6\xccp\xe0\x88\xbbp\xd0b8f\xd2\x06'</t>
  </si>
  <si>
    <t xml:space="preserve">see ya debt </t>
  </si>
  <si>
    <t>b"\xfaH\x98b\x97\x08'\xfa\x8cf\xac\xec\x8c\xf4\xed`\x04\xcf,\x90&lt;\xc6\xb8\x99c\x19\xe7\x8a\x97\t\xd8]"</t>
  </si>
  <si>
    <t>b'\nk\xe7\xfe\x8c[~H\xff\x13\n\xb3\x02\x1a\xbdG\xbb\xac\xce\x89\x8b\x1c\xa5\x05p\xd4\xcf?Q\xc7\x08\x8d'</t>
  </si>
  <si>
    <t>136xx</t>
  </si>
  <si>
    <t>b'\x82\xc9R,"V\xb5\xd3\xa0\xa3J\xbd\x10\x9d\xa7\xb1\x18\x17\xf1\x93z\xcf\xec\xd7g_\x83Z\xd4\xc2\x07C'</t>
  </si>
  <si>
    <t>Credit card refi loan</t>
  </si>
  <si>
    <t>b'F|\xb0\x15\xa6{/\x13b\xc5\xd8}z\x80\xc8\\\xe6\xdf\x1c\xfbf\xde\x13\x13\xd3\xce\xce\xb37\xa3W\x84'</t>
  </si>
  <si>
    <t>b'\xb1\xcf\xbdh\xedri\xf3\x1dmZm\xc2\xfc""\xc8\xddX\x93l\x07\x16\xacBf\x8b]RG\xea\x8c'</t>
  </si>
  <si>
    <t xml:space="preserve">CC PAYOFF </t>
  </si>
  <si>
    <t>b'\xafw\x00\xf4\xf3\xc0A5\xfc\x7f\xe4O\xb9\x0b\x80\xf9h\xfb\xbfq\x06\x80+\xf1\xf3\xaa\xc37\xa8e\xc0\xf8'</t>
  </si>
  <si>
    <t>b'\xf4`61T\x86k\x8a\xca\x19\xa0\x9f\xda=z\xa3\xea\x80\xf6\xa1Nf\x13\x9e\x14\xa0\xc2\xb7k\xa2\xfe\x9a'</t>
  </si>
  <si>
    <t>Consolidate my debt!</t>
  </si>
  <si>
    <t>b"\xeb\xa6\x88#\x9e\x84\xab\xcfe'\xdf\x05\x9c\xb8\xb5\xeb\x00\xcd\xbfG\x13\xac+\x95\x0e\xb4[\xe4O\xe8\x80\x1c"</t>
  </si>
  <si>
    <t>b'I\xce\x08T\xed\xb0^\'\x93A\x15eLFm0\xe8\x95Z\xc6"!\xe2\xf5AouWA\x1b*\xf8'</t>
  </si>
  <si>
    <t>Consolidation/Home Improvement</t>
  </si>
  <si>
    <t>b"\xd1^\xfciU\xec\xb01\xff?0\xfa\rF'\xbcY\r\xb8\x1a\x8b\xd0\x89M\x91+Z\xa3\x96\xd1_\xa0"</t>
  </si>
  <si>
    <t>Lending Club</t>
  </si>
  <si>
    <t>b'\xdb\xde\x08\xc2\x87p\xaa\xc1\x9a\xfa\x8a\xf5\xcaaF\xcdE\xa1o\xa5V\xc9\xae\xa3\xbb\xbcKL\xb7\xd0\x98\x13'</t>
  </si>
  <si>
    <t>Smart Choice 2013</t>
  </si>
  <si>
    <t>b'\x80\x8a\xa5\xd2\xd8\x15\x9c\x07\xc9\x02s6\xeaB\x0edx\xadO\xdd\x10C\xf1cE\x9d:1\xa9\xdbGL'</t>
  </si>
  <si>
    <t>b'\xc1\x03n\x00\x1b\xb5|\xd5"\x8fjH\xf0%\x1e92\x1e4\xb8\x06,\xa2\xcd\xe3\x87\xd5\x8b?Tf\x1d'</t>
  </si>
  <si>
    <t>Debt Consolidation: 3 Years To Freedom</t>
  </si>
  <si>
    <t>b"Z\x11)\x15\x90s\xa8h&lt;q\xf2Dw5S\xd1\x13\xd6\xbbY'b\xf6\xc2\xa5\xa08\xf0G\xa8f\xfd"</t>
  </si>
  <si>
    <t>b'G\xa9\xcd\xb2Q\xd8\x88\xf4fj\xeew\x01\xbeL$\xecw\xbc\x05\xb4W\xd1\x9b\xb5\x03\x01\xb5\xa3^`\xb4'</t>
  </si>
  <si>
    <t>bedrooms</t>
  </si>
  <si>
    <t>b'%\x84_\xd3\x8391\x1e\x05p\x8e\xa7x{-[\x8cZM\xd4fF\xf9\xc5`Gk8\x1b\xc8\xa8!'</t>
  </si>
  <si>
    <t>CenteredandBalancedLoan</t>
  </si>
  <si>
    <t>b'!W\xa7\xcf&gt;\xe3.\x91tB\xf5,\xc8x\x1a\x83\x0c\xd5\xeb\xd4A\x8d\x03\xe2\xaa\xea0\x11\xe1\xe8y\xfb'</t>
  </si>
  <si>
    <t>High Interest Be Gone</t>
  </si>
  <si>
    <t>b'\xebp\xdf\xcfG%\x9f\x0c\x8e\xc5\x81A\xcb\xff\x10M\t\x93\xfe&gt;\xcd\x9c\x0e\xc8\xb5G\xbfRS\xa1\xbb2'</t>
  </si>
  <si>
    <t>b'\xf7\xda\x16\xb0C3\x03l\x0b&lt;o\x9f@\xd2\x86\x83&gt;O\xe0\xf2I\xc7xX\xd9\xda!P\xfc\x8c\xed\xf8'</t>
  </si>
  <si>
    <t>b'\xc1Dc,X&amp;\xb3\xf0\xb2\xd3\xd8\xf1\x18\x08\x0c\xca\xa3\x8f"\x9b\x18\xca\x81\xa0;q\x12\xb4\x85M\xdd\xe6'</t>
  </si>
  <si>
    <t>Pay off creditors</t>
  </si>
  <si>
    <t>b"d6\x9dl'\xaf,\xa9\x9d\x143\x01l\xfd\x8d\x00\x05\x02\xa0W\x93\xdc\xee\xca\xdf\x14C4P\xeb\xca\x94"</t>
  </si>
  <si>
    <t>b'\x9d\xf5\x91gq\xec\x1e\x02\x94\x0e\x90IT\xb1Wx\xf9P\xfc\xe7b\xc76\xd4|\x82\xb0"\x07\xcb\xa8\xd6'</t>
  </si>
  <si>
    <t>Re-Structure</t>
  </si>
  <si>
    <t>b'\xa4M0:P\xa4\xce\xb9"%\xa9{\xbd#\xcc\xea"&amp;Hi\xd3\xa6\x1d\xca\xa6\xa0h\xadt\xf7#q'</t>
  </si>
  <si>
    <t>CREDIT CARD COSOLITDATOR</t>
  </si>
  <si>
    <t>b'\x9e\xeb\x8bL\xd7eM\x9e\xb5&lt;\xdf\xc5%\xd6-f0\xe8y{\x17\x1e\xd94i\x8f\xa6\xdd%i\x81\x7f'</t>
  </si>
  <si>
    <t>b'y\xa7\xc4\xf5\xb8\x85\xa4 \xea\x18\x18\x1d\x10\x10\xa9=\xd9!\xb7^\xaeHA\xf72\x7f\x8d1w\xf5\xce\xb3'</t>
  </si>
  <si>
    <t>172xx</t>
  </si>
  <si>
    <t>b'H\x0f\x10\xb8\xa1J\x1bp\x81\xb1\xf6i}\xef\t\xb1b\xa9*\xc3\x16\x8f6\xaf\xdbbsw[*\xf9\x06'</t>
  </si>
  <si>
    <t>b'\xcc\xdd\x8b\xb00\x1a\xe7\xac?\xe0:\xa9\xf4i\xdb:$m\x9a\x9d\xc7\xbey\xd3k\xd8\x92]J\xcfU\xb6'</t>
  </si>
  <si>
    <t>b'\xdf\xc9\xd6Z\x0c\x97\xe0\x9f,D\x90\xd29\x10\xf2u\x02+`/b\x85\xa4\xc6 \xfd\x13\xc6\xd11=\xb2'</t>
  </si>
  <si>
    <t>b"\xdaq\x99\xdbWeK\t\xa3J\xc1\x00\xcdJ\x9b\xaa\xe3.\xb6\x96e\x92\t\xf8\x17\x91\xa2\x8d\x9d\t'3"</t>
  </si>
  <si>
    <t>b'\xcd\xe1W\x8f\xdf\xf6\xf2\x05\xf7\xd2\xc8h\x98\x1d\x0f\xcd\xf9\x1d\xd0,\xaf\xff\x0f\xc7\x85\xe1L\x8awpq\xdf'</t>
  </si>
  <si>
    <t>Free From Debt</t>
  </si>
  <si>
    <t>b"\xa9\x1f\xa4\xf2\xdd\xfcX\x18\x13x\xc6\x1b\xf94=\x0b\xed\xe0\xd0\x1e:'\x83\x82@\xddY\xa8\t.\tK"</t>
  </si>
  <si>
    <t>b"\xc1\xb5\x9cdF\xa2U\nT\x0bj\xf1\xe9\x95\xcb'O$u\xed\xa0P;\x16h^-\xf7\n\xef\xb1&gt;"</t>
  </si>
  <si>
    <t>b'\x82\xe0\xce%\xfa\xbf\x80\xe9]\xef\x8c\xdc\xe0\x1a\\\xc5\xcf\xa0z\xc0i\xb90\xfd6X,\xa3\xd9?\x07;'</t>
  </si>
  <si>
    <t>b'\x1eD\tS3\x94\xb7\xdc\xb36U\x8c\x06\x8fE\xfe?\n\\\xee\x08)\x8b\x00\xdd\x117\x85\x19]\x9f\xfc'</t>
  </si>
  <si>
    <t>b'`\x97mRM\xa9\xe1r\xbe\xd6\xf7\x8f\x93\x96\xf4(\xbc\xb3\x00k&gt;\xc3(\xb4\xb79L\x0e\x99`B\x99'</t>
  </si>
  <si>
    <t>b'\xackl-SE\x1f^\tf\x10m\x95\xbfZ\x8e\x8d\x87\x13X\xe7\x03Xv\xd4\x89s\xeb\n\xd9\xf3\xbd'</t>
  </si>
  <si>
    <t>Loan to pay off 1st Mortgage</t>
  </si>
  <si>
    <t>b'\x83\x91t\x00\x14ry\xecZ&lt;\xc3\xf1K~8\xec\x11\x92\xc8\xdd\x8d5\xea#\x0f\xc9\x01\xee\x8c\x7fd '</t>
  </si>
  <si>
    <t>b'\x13\xbd\x1e\x18\x8bp\xfbK\x87iu\xd6\x95\xa0\x96kw\x9a\xf9~p\xfd\xc6=h\xaeT;G\x05\x80\xac'</t>
  </si>
  <si>
    <t>b'\xbf\x00\xac\xc0\x0f\xd8\xb5\xe9\x9f?\xff\xf8\xa3\xff\x9b\xefg\x0c\xb3\xd3\xbbV\xa0\xa8\xf0X\xc48gl!|'</t>
  </si>
  <si>
    <t>Card consolidation</t>
  </si>
  <si>
    <t>b"\x95a;\xbb\xef\xae2\x11\\\x81z\n\x00\x17\xffGj\x90\x19W J\x02\xf8'\xd2\t\x12\xe0[\x18\xec"</t>
  </si>
  <si>
    <t>b'\xa8\xc58\xca\xd2\xaeP\xf4#\xc8RLS9\xcf\xd9S\x89+L\xae\x83\xf6w\xec\xb2\x8cm\xa4\x1a\xf4\xa4'</t>
  </si>
  <si>
    <t>Home Improvment Loan</t>
  </si>
  <si>
    <t>b'k\xcd\xb7\x979p\x7f\x82\xf9\xfap\xdd\r\x1bu\x11:\xa9.\xbf:\xcdM\x89\xdeN\xa4e,\xbdls'</t>
  </si>
  <si>
    <t>Ccrd Refinance loan</t>
  </si>
  <si>
    <t>b'\x0b\x12\xf6\x98k\xcdWe\xa1\xf4zb\xc6\xb9\x97\x99\xb9\xc2\xdeX\xd6\x0b\xfd\xf3\x7fV)i\xc0\xe8@\xe7'</t>
  </si>
  <si>
    <t>b'|\xd70)\xd1\xd8\xc6\xc4\x98?d\x17\x1b\xef\x95\xa0\x8eB\xa0\xe1\xffv\xd0%\xa4\x93]X{\xfd\xa4]'</t>
  </si>
  <si>
    <t>b'U\xc8\x82\xa6\xa8(]\r\xd1{\x8c\xa9\xd0\x7f\xd3\xc2y[Kd\xa9|\xd4\xef\x1e\xe4W{\xed\xe7\xfd@'</t>
  </si>
  <si>
    <t>b'\xa9\x01F\xf8\xce\x9a\x1f\x1b\xc4V.\xab\xc1e\xb3e\xec\xc8\xe8+\x0c!\xb5\xf9\xa8\xa2i\xcd\x1c\xef)\xd8'</t>
  </si>
  <si>
    <t>b'\xe4\xc9N\x80^\xf0\xbfl-,\xd7\xf3\x0ew\xb2\x17a\x985g"\x7fdpB\xd9\x80\x08=\x04\xed\xb3'</t>
  </si>
  <si>
    <t>b'@+\x9ej\x04\xea\xd7\xe9\xdb\x88\xadE\x97\xfb\xff\xfe\x15\xd7c\xc0\x0f\xca%\xab\xccT\xa9"\xb4\xb7\xda.'</t>
  </si>
  <si>
    <t>b'\x99)f.\xa7\xf2\xf1\xb2:O\x90\x9d\x0b\xdb\x02p\xcb7\xb45\xf5\xf0\xed\xd4\xdb\x16\x95\xf0\xb4\r\xef)'</t>
  </si>
  <si>
    <t>b'\x07\x8e\xa3\xb3\x86\xcd\xc1\xda-\xd9\xa0\xf3\xe5\xfe\x11?(a\x8a\x8d\x0e{\xda\xaeeq\x9f\x9e\xd2\xc2\x9c\x8b'</t>
  </si>
  <si>
    <t>b'\x14\x81\xe5#@3l"\xa8wl\xe9E1\xcd\xa6\xfc\xf4u\xe4\x04\xfc\xf7\x15\xad\x91\xdc%\x06\x1e\x8e\x18'</t>
  </si>
  <si>
    <t>b'\x83\x1b\x1fi\xe1\x84\xe1\xbf\x9a)\xed3\xf6&gt;}\xc9\xd2\x96nJA\x1a\xa5N\xba\xab\xa3\xd2\xf6\xdd\xa6N'</t>
  </si>
  <si>
    <t>b'\xd9V\x16~\x13\x0e\x9d\xa7\x16\xe9\xf0\xd1\xa2\x81\x9d\n+\xaf \xce\x15\x89\xaaS&lt;z^\xcc\x81F\x8f\xc8'</t>
  </si>
  <si>
    <t>Credit Card Consolidation Loan.</t>
  </si>
  <si>
    <t>b'\xaa\x10\x99\xd1\xfd\xe8\xd8\x86d\x0b\xf1{\xc6\x87\xa9\xe1\x95\x10Q\xcd\\\x1f\xb6&gt;\xb7\x94/\x84\xbdD\xf20'</t>
  </si>
  <si>
    <t>b"IB\x9a\xb4\x97=\x15B\x8b&amp;\x9ai7O]B\xcc\x8e'\xdd\xe4P\xbe5\xd8\xca\xd85sI+\xce"</t>
  </si>
  <si>
    <t>Debt and Medical Consolidation</t>
  </si>
  <si>
    <t>491xx</t>
  </si>
  <si>
    <t>b"G\x8f*\xd7NK\xd4\xb3\x03\xfd\xfa\x94\x84'\x81p,E\x9d\x94SH\x1c\xd4;)\xcf\xce\x7f\x03\\\xe0"</t>
  </si>
  <si>
    <t>refi</t>
  </si>
  <si>
    <t>b'\xf0\x96\xd13\xab\xe7\x15b;j\xd5\xe9\x10.i\xd7\xfc SP\x96\x9f=\xcb\xfa\xc5\xb4\x98\xb9\xce-J'</t>
  </si>
  <si>
    <t>b'\xec\xe8\xe5\xb2\xb3"\x02\xf8\xa8\xb9\xd7\xfcW\x11&lt;\x9f#\xe7\x8d\xa1\xe0v,\x97\x8d]h\xed\xaa\x1dM\xcf'</t>
  </si>
  <si>
    <t>b'\x93\xd2\x0en\x07\xb4!o\n\xc9$\x9d\xe9\x9d\xca&amp;\xea\xe1\xf0\x93\xb2\x1d\x91\x9fr,T\xcf\xa0\xf7\x11\xdf'</t>
  </si>
  <si>
    <t>b'\xf9\xbf\xd38_\xb0\x8e]\xf1!G \xb1\xda\x8d#\x8f\x88\x9b\x1f\xca\x00\t\x86\xe1U\x0b\x92\xdc\ri\xa3'</t>
  </si>
  <si>
    <t>Operation Reduce Credit Cards</t>
  </si>
  <si>
    <t>b'9O\x85L\xb3\r\x0eW\\C\x1d\xe3R\x86in\x80S\xd4\xfc\xd9\x8d\xc9gw\xf3\x02\x8b v\x88\xae'</t>
  </si>
  <si>
    <t>Loan to consolidate revolving debt</t>
  </si>
  <si>
    <t>b'\xba\rA\xf4N 8Q\x12\x9d\xad\xa6I\x00\n\xa5\xe6Lb\xb6\xaa\xef\xb6\xf1"\xea"\x19\xde]xD'</t>
  </si>
  <si>
    <t>b'\x86pT8\xb9_5h\x13\xeb\xa4\xd5:\xa1m\xa9\x14\xe2\xa4i[\xa32\xe6HI\xda\xcf\xe4\x1cm\xcb'</t>
  </si>
  <si>
    <t>b'\xb8\x7fakm\xa0\xe1\x17\x1a\xda\x9a\x19\xec$\x1bQ\xdc\x96\xc0\x06\x1e\xdbl\x19\x83\xabx\x8a\xd5|\xdd\x1f'</t>
  </si>
  <si>
    <t>b'\xf8M\xc7$\x0c\x1f\x89"\xac\x1e\x1b\xae5\x06=\x14#\x9b\xa3s\xd77\xd2\xfe\xf1\xa3\xd5X\x14@\xda\x9b'</t>
  </si>
  <si>
    <t>b".\x90|'\xc6\x83\x83n(\xaeM\xe6\xb3[\xf1?\x8e\x15\x8c\xe5z]\xa5A}\x9a\x05\xfa\xc8\x94\x88\xae"</t>
  </si>
  <si>
    <t>Excel</t>
  </si>
  <si>
    <t>b'\xb2\xe3\xdfe#\x88\x88\x1f_\x1dR\xf4\x8a\x8e\xf79Y\xb8\xb6\x14[\xf1\xa7\x92\xb2\xa5Z\xa1z\xccgp'</t>
  </si>
  <si>
    <t>b'\xf1\xc3-`\x16TQu\xf0%\xbd\xd4\xb0G\xbdj*m\x7f\x08\x1a)\xacWWl\xd8\x08\x94\xb9G\xa0'</t>
  </si>
  <si>
    <t>b'\xa8\xf7\xa1\x9a\xb5u\xfbc7hGK\x93\x10\x03\xb0\x9a\x06\x88\xfb\xbd\xbaE\xb7@\x1cD\xd4\xdaZ"\x17'</t>
  </si>
  <si>
    <t>b'?\xe5\\\xf9#7\xa3=\x1a\xb7=\x18\x88\x00\x00\xd5\x0f\xebi\xd9\x19\xeeb\xaaC2\xcc#\xdc\x07\r\x80'</t>
  </si>
  <si>
    <t>b'\x0f\xcb&lt;1\x8e\xb8\xa9\x95eK Z\x89\xfb\xa9i8\xf8\x99k\xf6s$n\x85\xf7\xae\x00X"\x9ci'</t>
  </si>
  <si>
    <t>b'l\xf9*=\x8aA\xdal\x0fNX\x92\xe2\t \x99\xdavU\x8f\xc2 \xb2\xfa\x98\x17Z\x0eEd\xd3\x0b'</t>
  </si>
  <si>
    <t>Credit Card loan</t>
  </si>
  <si>
    <t>b'$5\x10b\x8d\x8d\xd9\x82\x0fL\xd49\xb6\x1cD\xbcP7\xe3m\xbc&amp;\x18\xfb\x17\xd5\xea\xc2\xbd\x17@\xc0'</t>
  </si>
  <si>
    <t>b'\x0f\x8a=+\x164\x86\x8e\xfa\x82\xcb\xffP\xf9i3\x97s\xdd\x99\xa7s\xac\x81U\xe1.\xfb\xa2*\xd8k'</t>
  </si>
  <si>
    <t>b'\x8a\x93\xf5&amp;7\xac\xca\x16\x86\x8e{\xff\xfd\xdb#F*Z\x8eC\x02\t\xab\xd7x\xe2\xf8\x0e\xf9\x94.\xad'</t>
  </si>
  <si>
    <t>b'\xf3\x0c\x1aY\xdb\x02[.C!h#\x94\xd1\x99\x06\x0e\xb1G\x18\x0e\xdd\x96B&gt;B\xb1\xc02\x07\x17\xdf'</t>
  </si>
  <si>
    <t>LC Consolidation Loan</t>
  </si>
  <si>
    <t>b'y3\x84j#\x13^\xc1\x14\xdb\xee\xd9\xa3\xc7\x98&lt;I\x03\x97(\xb4O\xd2Y\xbbF\xaax\xff\xa7\x93l'</t>
  </si>
  <si>
    <t>PayDebt</t>
  </si>
  <si>
    <t>238xx</t>
  </si>
  <si>
    <t>b'V^\x95[\xc0&amp;\xc6`q\x91\xab7x\x91P\x8aeu2\t\t\x16\xac\xc9\xdc\x1c\xddN\x08\xd1\xe1\xff'</t>
  </si>
  <si>
    <t>b'{\xc8\xc2\xcc^\x0e!\xa8\x9dqk\xb5\xc0Y\xcb\xd8\xe6\xc2T&amp;l\xa7\x9b\xb7v\x8d\xae\x928\x9c( '</t>
  </si>
  <si>
    <t xml:space="preserve"> Consolidation</t>
  </si>
  <si>
    <t>b'\x0f\x19\xe3\x89\xe1\x07-\xde\x1f*\xbf\x02\n\x95c\xba;\xe6\xef\xe3\x03\xdch\xdf\xf1\x8b\xda4P\x86\xe3j'</t>
  </si>
  <si>
    <t>b'\x08\x96\xe4\x81U\xb4\xc1F\xcb\x1a\xf6\xa5i\x0c.D\xb5tL\x81\xddK\xf8.\x8a\x18m\xa3KoW\xf9'</t>
  </si>
  <si>
    <t>future</t>
  </si>
  <si>
    <t>598xx</t>
  </si>
  <si>
    <t>b'\x83#\x07]\xccS\x9bQ\xec\xc0\x98\xff1u\xf9s\xefO\xe3"\xd3\x80?\x07\xcd:\xc6r\xf1\x89J#'</t>
  </si>
  <si>
    <t>b'2l\xac\xb5\xefLM\x89\x84\xfb\x025\xd4\x18\xc8\xdc\xa1Z\x07\x0c\x1c\x9d\xb7\xa0/\xe9\xc7`\xc41\xad\x9f'</t>
  </si>
  <si>
    <t>b'N\xa1p\xf7\xeb\x02\xccf\xf4t\xf6\xda\x89\x01\xbbN{\xc9\x95\xf1\xd7k\xaf\xba\xfc\r\x01eri\xdf\x0c'</t>
  </si>
  <si>
    <t>b'\xd0\xba\xd4\x06J#&gt;SkNu\ta\x927\xaf\xfe\xe3\xf5\x18\xc5t\xb7\xc7\xa0=\xc8\xaf\xc7\xe6F\x9e'</t>
  </si>
  <si>
    <t>ATV</t>
  </si>
  <si>
    <t>b'\xb3\xb0\xa6\x8c\xf7;\x85\x02\xae\xed\x0f\xfc\x97b\xa1qo\x07Ba\x01\t`}\x05\x9ed\x06cC\xee='</t>
  </si>
  <si>
    <t>my helper</t>
  </si>
  <si>
    <t>557xx</t>
  </si>
  <si>
    <t>b'L\xa9v\xf9\x1d\xfd`\x80m\x90\x17x\xd5\xaaIM-~\xbe\xb8_g\x86\xf8*\x003\xc4^#C\xf8'</t>
  </si>
  <si>
    <t>b"\xc8H\xfc^;\xd3\xe7\xa1-'`{\xba\xa8s\xf0\xf1\xcb\x95\x121V\x8c\xb3\xd57\x9a\xfc88\x15?"</t>
  </si>
  <si>
    <t>b'\xc1\xa2b\xd4\xb3=&gt;i\xdd8\x1d\xc8\xd8{\x84\x15\xebBs\xe1\xee\x7fi\xfc\rry\x13C\x0co\xf5'</t>
  </si>
  <si>
    <t>b'B\xa0\xf8CU\xda\xb7\xaf\x92\x17&lt;\x0f\xf2\xf0\xbcM+\x94EIH\x15\x04\xd2\xe1 \r\xa7\t6\x0e?'</t>
  </si>
  <si>
    <t>b'\xc1\xbd=\x921A\xca\r\x03\xd6\xceT+\x11\xab\x15\t"y{\x13$@}Jao?\xb5BKu'</t>
  </si>
  <si>
    <t>ROOF REPACEMENT</t>
  </si>
  <si>
    <t>b'\x81\x08h]\xf9\xac-\xcd\xa2\xe02g\x99$\xfe,&amp;\x16[\x9d\xe5\x98\xeei\x8f%0Y\x90\xf4\xf7}'</t>
  </si>
  <si>
    <t>Pay off Credit Card!</t>
  </si>
  <si>
    <t>b'\xdf\xb2\xb1\x9bVZ\x8b\xf1\xa2\xdc\xf2GL\xf5\xa6\x84\x8a\xef\xea\xe2\xd9"7\xceW\xce\xee\x04\x1fs\t\xec'</t>
  </si>
  <si>
    <t>b'\x87\x97\x85d\x12\xa6\x101\x8fX\x80\xde_\xf8\xed\xb5\xed\xb7\x83\xfa\xdcSW!\x00:\xd5\x9c\xa7\xb0\xf8\x0f'</t>
  </si>
  <si>
    <t>creditcards</t>
  </si>
  <si>
    <t>b"9,a\x1e\x95\xb7\xc4\x12d\x8f.\x95,\xe84\xbe4\xe0\x95\xd3\xfd\x9aM` \xb5Bb.\x85'\xf2"</t>
  </si>
  <si>
    <t>b'\xbc\xb7\xd0d\xb6o\xf7ak\xcb\xf4\xa6\xc9&lt;8\x8dr\xba\xf0\xf5vN\x91\xa1\x0f$\x86T\x14@\xd27'</t>
  </si>
  <si>
    <t>Consolidate credit card payments</t>
  </si>
  <si>
    <t>b'\xf6\xc8\xa2\xe8\x10t\x8bNQ\x9d\x1c\x86\xe5\xee\xb4\x85\xf7\x96\xef\x13\x92\xb3\xe6e)\x1e3+0\xc0I\xce'</t>
  </si>
  <si>
    <t>b"dXq\x13s#\xc0\x08\x89\xcd\xbc\xd1\x9d\xcaz\xff'\x98\x01\xad\xa3`\x89\x95q}QiZ\xbcW\x9d"</t>
  </si>
  <si>
    <t>b'f\xb53\xc6"\x85\x84\xb4e\x91\x9b\x13\xad\xcd\xad\xfc\xe0\x92\xa0?H\xcf\x19J8\xf9~G0T\x1f\x06'</t>
  </si>
  <si>
    <t>Wedding Fund</t>
  </si>
  <si>
    <t>b'\xc6h\xcc\x99\x95\xf9\x1e\xeb_\xe6\xd7\x0c\xab\x00\x97$q9\x9eg\r[\xf1\xe1\xd9\xd94\xcd\xd0)\xd1\xf1'</t>
  </si>
  <si>
    <t>b'\xf2\xf6b\xec\xb4G\xf9Q-\x0cQ\x02F\xad\xcf\xda\xb3\xcf\xab\x96\xce~v$\xe7m\xc0\x9b\xee\xe3\xeb\x10'</t>
  </si>
  <si>
    <t>Bail out</t>
  </si>
  <si>
    <t>b"r\x155\xcd\xe8\xbb\x85\xcd\xe6\xc1\x99\xc4M5'L_\xb7T\x82\r\t\xb0\xe8S\x90[\xb8\x8a\xf5\\Y"</t>
  </si>
  <si>
    <t xml:space="preserve"> credit card refinance loan</t>
  </si>
  <si>
    <t>b'\xd2\xec\xb8_\xa7\xe4\xa3s\x05\xb5\x85\xdbp$\x08\xd5\xfe\x98 \x0e\xd8\xa1\xe2PQ\xe8\xf1\xc1\x1c\xd8b\x04'</t>
  </si>
  <si>
    <t>Student Loan Payoff</t>
  </si>
  <si>
    <t>b'\xc8\x8b\x0bS34\x9fYWW\xc0\x86j\xec!\x9d\x1a\xdd(\xc8\xd5\t\xd6H\r\xf3\xaas-\x8b\xe8m'</t>
  </si>
  <si>
    <t>186xx</t>
  </si>
  <si>
    <t>b"\x891\xb0\x9b\xf8\xc6\x91J'\x07/\xf0\x11&amp;\xd8\x8aV\x9b\xc4\\\x9c!+\xc5^1x\x99\tT\x1el"</t>
  </si>
  <si>
    <t>b'\x89L\xe3q\xe0Ep\xb7\xe6?!M\xe9\'\xd0\x14\xc9nF\x00\x98".\xa4\x07\r\x84\x98\xa4\x9c\xcf\x9c'</t>
  </si>
  <si>
    <t>b'\x13\xc6\xf9C\x01\xdf*\x128\xec\xce\x92\xa0\xd4\xd0)\x8b/:\xae\x83\xa7\xdbJ\xfbc,C&lt;\x9e\x12\x1d'</t>
  </si>
  <si>
    <t>Personal Loan 1</t>
  </si>
  <si>
    <t>b'\xb6`5\x7f?\x9d8\xdc\xfaH~d\xe3\xb5zt6.xr\xcfm\x11\xabO|-\xe1\xc5\xad\xfe\xd0'</t>
  </si>
  <si>
    <t>i need help</t>
  </si>
  <si>
    <t>b'\xec\x14\xc4\xeb0}\xc6\xf4\x85\xae\xf8\x0c\xa7\x03n\x919\xd6B\xcbB~\xef2\xce\xca\xf61\x05tc\xab'</t>
  </si>
  <si>
    <t>768xx</t>
  </si>
  <si>
    <t>b'.\x1e\xec1yco\x1e\xd4r\xd4\xc9\xd4&gt;\xf7;\n7\xf0\xa9\xa9\xf8\xe6r\xf8\xabQ\x9f6\x0b\x96\xc1'</t>
  </si>
  <si>
    <t>b"\x04RV\xac\xbd(\xa0\xc0\x07'ly\x94 \xf6\xc3I\x8d\x0e&amp;P\x01nl\xbeY7\x9c\x99\xb4x\xa4"</t>
  </si>
  <si>
    <t>b'\x8b\xb5e\x07\xa4+\xcf\xc1\xea\x9e\x8c\x87\xe8\xf7u\x00\x1dI=}\xf3\x90c\x16\x1c\xef3\xf1\xc2\x12\x88O'</t>
  </si>
  <si>
    <t>b"&amp;\x8c\x08\xdf\x1aD\x9e\x89yiuA\x1f\x9d~)\x1f\xdf\xe4\xa6\xc6\x9f\x89\xf6\xf4Fw\x8a!'Y\xcc"</t>
  </si>
  <si>
    <t>b'\x14\xa2\xd5\xe9\xa5\x1a\xb2\xb9\xcc\xc1\x89C\x8a\xc5\x837\xf1me}\x893(G&lt;Z\xacR\x8c\x1d\x96\x13'</t>
  </si>
  <si>
    <t>b'\xda!\xe9\x17\xe8\xe8@Y?I\xa0\x8a\x0bu\x12\x94\xe1\xa1\xe27\xe9\xf1:\xfb\xe9(\x88\xb1}\xa2\x84\x06'</t>
  </si>
  <si>
    <t>money</t>
  </si>
  <si>
    <t>b'\xa3sg\xeasST\xb2w\xf1\x03\xe3\x8aP\x0c\xed\xc9\x19\x0b*@\x82]\xf4Q\x80"\x8fm\xe5\xbc.'</t>
  </si>
  <si>
    <t>b'\x81\xf4\xb9L\xe5no\xd9\xb4\x17?&lt;\xd8\xa3W\xfc\xd3\xe2@]_\x89\x03\x11\x08\x9c\x01&lt;\xfc\xbeA\xe0'</t>
  </si>
  <si>
    <t>b'\xdf\xb0q\xc0\xec\xd2\xaez\xe5k\x9eJ\xd1\xd6\x8fe\xf9K\xe7S\xcc*\x03\x07\xb3\xaf\xe3P-x\xe2\xef'</t>
  </si>
  <si>
    <t>b"x\xa7\xc3F\xd9\xdd'\x0e\xd9\xdd\x92\x96z&gt;\xa0\x98\xbd\xf5;\xa7\xbefq*-\xfdl\xf2\x04\xd9\xf4N"</t>
  </si>
  <si>
    <t>b'\xda\xe8\xc2.\x03\xb2\x1bgE\xc2x\xf3&gt;r\xb3U\xbe\xf3\xda\x002S&gt;\xfe84\xc1p\xc6Ux\xdd'</t>
  </si>
  <si>
    <t>Paying off College</t>
  </si>
  <si>
    <t>b'U\xa1\x8c\xc8\x16\xa5\xf3\xb6j\xb7s\xeb\x12j\xf3\x93\x89\x08[\x94\x01\xa1!\xac\xbf"jb\xe8\x84\xc5-'</t>
  </si>
  <si>
    <t>b"]n\x90\x12\x9a^Z\x13\xa4\xd6\xa0\x08w$\x86\x9f\x1e\x0cxf\xd0\xff`?\x02'\x0ff\xe2\xfa\xd8D"</t>
  </si>
  <si>
    <t>b'.$\x9b0p~n\xbc\xc9#\xaa\xc7\xaa\x89\xee\xc6\x13\xba\x0b\r\xa7\x01\x07\xb6E%1\xa8\xff\x08\xfd\x96'</t>
  </si>
  <si>
    <t>b':&amp;\xe3Dg\xee)\xf4\xb1\x0e\x91\x9f1\xc9\x19\xbe\xed7\xfa\xf2\xef8\xfc\x065\x1c\xc7\x80\x82\x9ab\xdf'</t>
  </si>
  <si>
    <t>Debt Consolidation aka I'm an Adult Now</t>
  </si>
  <si>
    <t>b'\xf3\xd7\xbfA\xfb\xaa&amp;\xc7\x85\xab\xfe\xe2H[\xa1,I\x1cM\xae\xbbT\xf5#\xb1!\x9cn|\x17\x1d}'</t>
  </si>
  <si>
    <t>b'\xd6v\xedz\xb3.v\xb7\xc3\xe5\xc9\xdcq\xf9\xba\x91\xfaf\x81\x0f\x95 /\xe3\xaa\xce\x14\x07\xc7\xd0]\x81'</t>
  </si>
  <si>
    <t>Discover Card Payoff</t>
  </si>
  <si>
    <t>b'sc?S&gt;j#\x91J\xd3\xe0T\x0c\x85\x9bt\x12+W\x1f\xf1\xcc\xde\x17\x9b\xe7l\x90\xb5\xd8_\x18'</t>
  </si>
  <si>
    <t>b'\x1fS}j\x08\xe1\xa6\x81\x96,R\x06LdE\xc1\x9e\xbb\xec-K\xbe\xd4\xa9t+\xc4\x06\xf7+\xef\xaf'</t>
  </si>
  <si>
    <t>b'\xae\x1f\xfc\x95\x06\xc4\x14\xdb)\xdaO\xe4s\x94?5=\xff]D\xcb\r\xe2\x89\x12\x0e\xd2\xc8i\xd9\xfcq'</t>
  </si>
  <si>
    <t>b'Q\x05\x7fLU\x08L\xef\x0e\xcdM\xb3\xd3\x0f\xa1F\xa9\xe19x\xad\xf2\x1c\xad\xe7/\xf1\xc8\xee\xca\xca\x98'</t>
  </si>
  <si>
    <t>b"0\xb4\x97Q'\xd8tG\xea\x07\x13xt\xf8a-O\xd3b?\xc3\x13R\x1a=\xe4\xf7J\x1a\x85\xa8\xa5"</t>
  </si>
  <si>
    <t>My Personal Loan 2012</t>
  </si>
  <si>
    <t>b'\xca\x86\x16\xd8\x84_\x9f\x85\xe4\x9c\x0e.V\xb12\xde\xfb\x84\x13\xbf^\x8f\xf1\xf3\x92\x9a\xad\x8fST\xbc\x02'</t>
  </si>
  <si>
    <t>Easing of a Burden</t>
  </si>
  <si>
    <t>b'\xc9.\xbe\xbc\x9du\xa8G\xa8h\xd0\x16\x12q\x99m\xd1\x88&gt;\x8fC\xa8\xc7\x81\xf4\xaf\x85M\x82\x7f&lt;\xac'</t>
  </si>
  <si>
    <t>b'="\xd7n\xf8\x9c5P\x8c\x9d\xec\x89\xb7\xff\xb6XV\x1a\xaf\xe9\x96K\x04\xe2S\xd6\xf4\x8c\x86E\x12\xa3'</t>
  </si>
  <si>
    <t>b"|\x9c{\x9c\x16\x1bl\xa4\xd2\xa4\xfc\xea\xd1\xa56\xbb\xe2\xf0U\xbc\xf0\xf2\xa2\xa2'\xfbM\xfa\x084SE"</t>
  </si>
  <si>
    <t>Home repair</t>
  </si>
  <si>
    <t>b'~\xeb}\xe5ct\xdd\xfd\xcbN{\x8c\x19bZ\x03Uq\x0c\xd8\xe6\n\x10\xe0h\x80\x0fV\xf3\xd8n)'</t>
  </si>
  <si>
    <t>Money</t>
  </si>
  <si>
    <t>b'\x07\x10\x1c\xa46-u\xfb\xf7\xd7^e81\x052"cMb\xc9N\x1d\xd9n\xc4\xf5\xf4\x94h\xf0\xe5'</t>
  </si>
  <si>
    <t>Relocation</t>
  </si>
  <si>
    <t>b'\xa1N\x03\x11\xcbU\x06\xcc\xa9\x9b\x94d\x9a/\xd7\xc4\xe0\x1e\xf8\x19\xf1\xa0\xf4$\xa3\xb7,~\x00e\x19c'</t>
  </si>
  <si>
    <t>017xx</t>
  </si>
  <si>
    <t>b'\x1f\xb9\xe8\xbe$\xa9It\xe3\xb6\xc2p\xd8\xe55\x1a\xa8b\xdb\xbf\x0e}\x8dPsI\xef\xeaOJ\x94\x11'</t>
  </si>
  <si>
    <t>good bye credit cards</t>
  </si>
  <si>
    <t>b'b\x89\xd5\xce\xbb\xf0[\x1b\x98\x0f5\x07\n\x8e\x18\xea\x95\xc1\xc0\x83\xc3\x96\x91\x0e\x8f\x1b\xb0q\xfc\x81}\x90'</t>
  </si>
  <si>
    <t>b'\x17\xd6\x89\xa7\xc4\x16\x7f\xeb\xb4\xfdKZ\xad\x17\x8b\xd2}HC\xe8*\xd0\xe4\x865C\xbe\xaf&amp;%1.'</t>
  </si>
  <si>
    <t>b'"\xe8@Gt\x03\xd2\xcd\x862\x7f\xd3\x83}\x0c\x13\xa4\\\x12q\x02\x82f\x94C\xdb\xcb\x14%\xc4F\xdb'</t>
  </si>
  <si>
    <t>b'\\5\x9a~\xd7\xfd=\r\xf2\xde\xad\xedt\x83qM\xeb\r!\xa2\xd2&lt;\x0e\xbd\x84\xe0\xdf\xc1=\x94\x86\xf5'</t>
  </si>
  <si>
    <t>b'K\x0ez\x11\xe7s,\xef\xbd\xc2\xa8\x8c=Hi/0\xd7\x0b\xc4\xc9t\x95)\x85\x8a\x90u\x06\t\x99V'</t>
  </si>
  <si>
    <t>b'\xb2\xbe\xb4B\x14\x94#H\x0ei\xb3\x88\xeeT\x96K\x9b\xfa\xc7\x18\xce\x81\xd8hZs\xb4\x0e\xc8/\xa0\x85'</t>
  </si>
  <si>
    <t>b'\x0f\xbf&gt;1\xa7\xd3\xfc\xc0\xb4\x80\xda\x94\xfb\xe5\rx\xc97U\xb3\xc3\xefq\xcd\xecpN&amp;S\n~ '</t>
  </si>
  <si>
    <t>debt consolidatation</t>
  </si>
  <si>
    <t>b'\xd4\xf8\x86\x024\xb4\xb5\x9f\x84\xa3\xe6\xef\xa1\xc4\x18\xf4\xad\xeb\x87\xd0\xc2\x8a\x1f\x95\x0byQ\xb6m\x84,\xeb'</t>
  </si>
  <si>
    <t>HOME REPAIR</t>
  </si>
  <si>
    <t>119xx</t>
  </si>
  <si>
    <t>b'\r7\x8e\xe0\xed2\x7f\x14\x89\xde\x83\x07X\x1b_w\xc5\xc8\xbd)\x1d\xd2@&gt;tYQ\x18\xa8\xb7)\xfd'</t>
  </si>
  <si>
    <t>b'.\xbf\xb8\xaa\xd8\x04\x8bQ\x1e\xfa\xbfn0\xf5\x98\xb3Jgp\x12b\x19\x17E\xee\xd4\xd4\x9e\xac\x18Ki'</t>
  </si>
  <si>
    <t>b'\x10\n\xe4%\xd7m\xbb\xa6\xf2\xd6q\x8f^\xb5\xef|\xf8@u\x1d\xc9\x17\xd1\r\x82c,\x08\x8f\xc7d9'</t>
  </si>
  <si>
    <t>Yard remodel</t>
  </si>
  <si>
    <t>b"\xe0\x83\xaa\xa1S\xa7&amp;\xe1\xab\x9e ?J\x02}\x88h\x14\xdam\xb0\xd6\xdb\x85\x1fQ\xe1'\xa8\x00\xbc\xd1"</t>
  </si>
  <si>
    <t>b'\xdd&lt;.\xa3[\xf9g&amp;\xc3\xfa\xdb\x87\xaa\x95\x19\xcc9\x12\x9a\xe0\x16drc^{\xba\xcdC\xaa\xba\xa0'</t>
  </si>
  <si>
    <t>Helper</t>
  </si>
  <si>
    <t>b'\x14\xd9\x9f*\x91Yd\xe8\x15WI\x85\xbfb\x14\x1b\x1b)Sl\xf4o\xe2\xcb\xd5r\xa6\t\x9fk@\xa8'</t>
  </si>
  <si>
    <t>smart loan</t>
  </si>
  <si>
    <t>b'\xa5\x08z\xb1&lt;W\xca\xf1\xf3\xf0\xdf\xbe\xdf7\xf3\xc8\xfd\xff\xef\xd99\xb7\xe7\x1bY\x8a \x08TC\x11\xf9'</t>
  </si>
  <si>
    <t>Credit Card repayment</t>
  </si>
  <si>
    <t>b'u\xb2\x1e\x1at\xab\xf8\x93\x91\xc1v\x94&lt;\xba\xdc\x89\xc4\x94\x1bN\xaf2\xc6"c\x95s\x8bgX\xcb\xc3'</t>
  </si>
  <si>
    <t>b"\xeb\x98D\x0f\xb4\x08\x9d\xd6=1\x8f\xab\x13\xe5#1/'j\x91m\x96t\xb3-\xe24E5\xad&lt;@"</t>
  </si>
  <si>
    <t>credit refinancing</t>
  </si>
  <si>
    <t>b'\x18BP\xbb\xfb\xa08}\x9c\r\xe5\x93\xc0\xbc~X\xedc\xee\x80\x0e\xff\xaff\xc4z\xd6\xad?\xee\x05B'</t>
  </si>
  <si>
    <t>cc refinance</t>
  </si>
  <si>
    <t>b"\xac'\xd7R\x88\xb5\x98\xddj\xef)\x83\xef\xe1p\xfb\xf7\x00\xfcCM\xe1\xa1\x88H7\xdf\x88T\xaf*/"</t>
  </si>
  <si>
    <t>b'#\x02\x17\xda0\xe3.\x7fQ\xc9\x1e\x89t\x86+\xddo\x1b\xf6\xdf\xfc\xb8u\x81\x08\x0b\xf7l3\x90\x94\xcf'</t>
  </si>
  <si>
    <t>b'yaX\x8c\xffry\x93\x91v\x0eK\xed\xfct\x98Md(\x0c\x0c&amp;$\x9e\x9cq\x89s\x85\x9c\x911'</t>
  </si>
  <si>
    <t>b'8K\xfa\xb2\xcbZ\xf3\xe2$\xe6\x03\xe6\x87U#Mx\xfa\x04c\xcf\xc6\x86\xf9\xcf@f\xa9\x11X\x06e'</t>
  </si>
  <si>
    <t>b'U*\xaeZ\xe5P\\\x08\xd9n)\x94u?\xcej\xdf\xc8\xdb\xec\x8e\x81\xc0\xb8E\xd1n\x16\x1b\xf0e\x1f'</t>
  </si>
  <si>
    <t>b'\x13\xdf\xec\xd4\xd2\x8b?\xd8\xa2;\x93P\x86\x83\xb7\r!\xad4\xcc#\x93\x13L\x11\xb3\xeaO\xaf{\xe6\x86'</t>
  </si>
  <si>
    <t>Debt free</t>
  </si>
  <si>
    <t>b'2IJ1(\xdd\xcb7\xd5\t.B8\x9b|\xc0\xb3\x91\xed\xda\xcd\x1fo\xb9!\xdcC&amp;\x15\x1d\x00-'</t>
  </si>
  <si>
    <t>b'\xf0i\x80\xff-@\xe2!r\x82\x0e\x9f\xee\xcc\xf9\x0b`/e\x96X\x83\x7f\xda\xc5\xdc\x00\x1f\x04(\xe29'</t>
  </si>
  <si>
    <t>CC LOAN</t>
  </si>
  <si>
    <t>472xx</t>
  </si>
  <si>
    <t>b'\xd7h\xa2\x85\xc1\x91\xa1\xb6p\x1b\xefX\x1a\x84\xfa\x1e\xbc\xc4RS&amp;\x85Y\xd7X\xdd1\x13\x059\xf4\xb3'</t>
  </si>
  <si>
    <t>b"\x1f\xcb'E]\x9cs\x81\x1b\xe9)0i$t(\x95\xf5X\xc9\xbdl?\xc2\xb0\xf4\xa5p\xa0z\x14z"</t>
  </si>
  <si>
    <t>b'Qg\xf1\xc8\xf9\t\xed\x06k\x8c\xbe\xdf\xfe\xce+\x89\xb2\xfd@Z\xa2\x11\xc1i\xeec&amp;\xf2D\x17\x17/'</t>
  </si>
  <si>
    <t>b'\x92r6"\x8c\xf9\xbf\xd2\x98/9\x8d\x9d\xae\x02e\xf9e\x94\x1b\xe2q.\xd1\xd3\xa7q\xa9~\xb1\x8f\x1e'</t>
  </si>
  <si>
    <t>b'){v]\x8b\xae\xa2j\xa5p\xe7\xae)\xbbm\x07\xa9h\x85\xc0\x92m5B\xb5\xdf\xe3\xab[\x90NE'</t>
  </si>
  <si>
    <t>433xx</t>
  </si>
  <si>
    <t>b'\xf5\x18p\xed\xf2DnA\xc8\x0f\x84\xe9yD\x83\xd7\xc9o\r\xbf{\xbc\xaby\xa0\x9c\xf5\xa8\xc9\x89\xa9^'</t>
  </si>
  <si>
    <t>Consolidation and Repair</t>
  </si>
  <si>
    <t>b'\xdf\xc3\x00\xd2cKD\r\x15\x1a\xc4"\xe4\xcdn\x13\xb2\x9c\x17\xaa\xd6\xb9\x15\x18\xe8\xa3\x9c&lt;\x02\xb7\xf7\r'</t>
  </si>
  <si>
    <t>The Move</t>
  </si>
  <si>
    <t>b'+d\x10\x98\x9a\xd1t\xac\xd3\xa77\x85h\x88=\x10,\xc3\xd0\x9c\x01!\xfe#\\\xca\x10\x96\x19\xf7b\xb2'</t>
  </si>
  <si>
    <t>Pay Off Credit Cards &amp; Moving Assistance</t>
  </si>
  <si>
    <t>b'\xdc\xf5\x0b=\xd0 \xf0\xb8\xfc\x9a\x95\xbd\x01v#\x0cn\xd8\x7f\x05\xbb~\xd0\xf1,L\x9a\x1e$5\xdd\xab'</t>
  </si>
  <si>
    <t>b'\x8b\x8d2\xa7G\x8f,\x1d`]\xe4j\x9c\xc3w\xcf\r\x1c\xa8;a*\xdd:p\xec5\xc9\xe0\xbe\xe9\x1d'</t>
  </si>
  <si>
    <t>Consolidate to one payment</t>
  </si>
  <si>
    <t>b'\xa3\x960cy\xac\xf5\xfe\xbbL\x81e\x08\x18.\xf0#%\xf7r\xa5*\xe3\xf7\x81q\xc1\xa1\xa8\xaf\x9f.'</t>
  </si>
  <si>
    <t>peace</t>
  </si>
  <si>
    <t>b's@\x98\\\xfe\x12\x11\x0b\x0b\xf1\xaa\x0b\x8a\xc4\x8a\xacRVa\xe1\xbf\x84\xa6\xc0 \x00"[\xe3\x91\xd07'</t>
  </si>
  <si>
    <t>b'\xf8\x90}\xa6\xb6\xd6\xe6\xb0\xd0I\xf8\xf2}\xc1\x04B4A\x9bL=\xa0+\xd0\x99\x8f\xafn\x1af\xe0\xc6'</t>
  </si>
  <si>
    <t>b'4wH\xe0\x88x\'\xd6c\x82\x89\xf5\xaa\x88\x8b"| \xdc\xb4\x14$\x1a\xae\xf7O/\x04"\xd3\x1b?'</t>
  </si>
  <si>
    <t>Decrease Debt</t>
  </si>
  <si>
    <t>b'\xa4\xd7T\x82\xd8\xa8\xfc\xffy"\xc0\\\xb5[\xc2 \x1c\x85u+\xfaNU\xf6\xc4\xd3\xce\xde\xf3\x90o]'</t>
  </si>
  <si>
    <t>b'\x06\x07\x03\xa3\xb0\xa5\xbf\x88\x8a[\xd1\xd9\x8a\xb2=\xed\x80\xa1-\xd0\xad+\r\xb7_\x08\x0c\xf8W\xd36L'</t>
  </si>
  <si>
    <t>b'\xb2\x83\xd3;\xa0\x13Q\x84\xb5\xef\xd9\xcc\x1c\xddV\xb2\r|\x81&amp;\xc2\xf9\x03\xd3\xb4\xc5\xdb\xd7\x9e\xcaY\xcb'</t>
  </si>
  <si>
    <t>credit card consoladation</t>
  </si>
  <si>
    <t>b'\xfe\x81H\xc5\xc8~\xf3\x1dX\x84D\xf2/{\xba\x11){\x1f\x13Hx;f&amp;Q&gt;ZR\x99\xda\xb4'</t>
  </si>
  <si>
    <t>b"\xbc\xab\xac\x9bVK\xe0\xb7S A\x8fv\x00U5\xfa\xa5\xac\xa3\x07\xa9q'\xa4C\xfc\xeb\x99\xb9s\xb0"</t>
  </si>
  <si>
    <t>b'\xa7\xd2}\xedK*D\x17\x1a[\x0e\xf7\\\xdd\xa9\xef\xa7\xfb]\x9f\xfe)\x83\xa3\xbde\xa4\xbd4\xdb_\xe8'</t>
  </si>
  <si>
    <t>CREDIT BETTER</t>
  </si>
  <si>
    <t>b'/k\xe5\xfe"V\x07\xb7\x86t*mI\x9dvxo\'T9\x14\x97e\xef\xc2|\xc1\x9a\xd51{\xd2'</t>
  </si>
  <si>
    <t>b'C@\xa6h\xc6)\xf7\xd7\x19\x0eam\x7f\x8cu\x91k\x04F\x07\x172\x04{\xaf\xd77\xdc\xcfz|\xd6'</t>
  </si>
  <si>
    <t>Business Expansion</t>
  </si>
  <si>
    <t>013xx</t>
  </si>
  <si>
    <t>b':\x88J4S2Gz\xca\r\xe6\xee\xd2\xfc\xc3\n[\xbb&gt;\xcf\x9fF\xe7F\x88Z\xa3\xbc/tP\xb8'</t>
  </si>
  <si>
    <t>b'S\x84E\xbfG_0\xda\xfa9&amp;L\x1b\x07t$u\xeb\xd13YF\xf1\x1f\x04\x8fb&amp;\xc3\xa7\x03F'</t>
  </si>
  <si>
    <t>b'\x8a\xe94^)\xd4\x19\x8ct\xaf\xb1\xe1XA\xb6N\x8f\xb0Y\x94\\\xea\xb5\x17\xc6\x02\xbb\xe1\t\xb7o\xac'</t>
  </si>
  <si>
    <t>b'\xb8\xa7z&gt;0\x98\xa8&lt;\xe7}\xffg\x14b\x16v\xb4]\xd0\xc3.\xf0\x19=\xefH\x07-\xdd*\xb3\xf9'</t>
  </si>
  <si>
    <t>b'M_\x14\x9c\x8a\xe21}\x91\x1flCl?\xa7e\x8b\xc2=\xa7\x93P;)\xd3\xf8\x84\xd8]\xe1\x8f\xe6'</t>
  </si>
  <si>
    <t>b'\x0f\x01\x00\xf82\xf1d\xeb\xb7\xb3~eq\xe1\x9et\xa2\x1aQ\x1c\xd4E!\x9b\xf4\x06\xfbT\xe0\x9c\x9a\x17'</t>
  </si>
  <si>
    <t>b'\x1c\x8eU:\x87\xd9\xed+\xdd\xad\x1f\x19\x147f \xa4\xf5\xdcvV\x83\x8b\xf35?\xa0\xf1s\xbbu\xf0'</t>
  </si>
  <si>
    <t>b'\xeauB\x06\x02\xeb\xc3\\)\x8f\x9f\x01\xf8\xf5L+t\x94\xf4\xe1\xad\xb9\x02\xe4\x05\xc8e@\x81\xb7\xcc\xef'</t>
  </si>
  <si>
    <t>674xx</t>
  </si>
  <si>
    <t>b'\x07G\x97\x92\x15\xb5\xe7O[\x92\xd4\xc0\xcb\x803\xee\xfa\xa3\x12\xa6\xd0\xcb*\xd4\xba\xf0\xd61\xadR#0'</t>
  </si>
  <si>
    <t>b'\x9fK\tz\xdcT^b\xd2\xf2-Nx[mP!\x95q\xa2\xf5\xdb\xf3\xe1\xea8 F,\xb7\x1fb'</t>
  </si>
  <si>
    <t>credit card good bye</t>
  </si>
  <si>
    <t>b'\xe0Q\xcf\x85\x03\x96\xb9O\xbb\xa4\x92\x7f\x8a\xbc\x91s\xe7z\xe2b\x93\xa9O\xc8\x0b\xfb]g\x1fNU\x13'</t>
  </si>
  <si>
    <t>Debt pay off please</t>
  </si>
  <si>
    <t>b'&gt;\xa4\x08\xf3\xfd0\x13\xc1Y\xe2\xf0\x98U\xdf\x8b\xc0\xc8\xa6=\x8d\xd1\xca\xfc\xc4]\x9a^\xfb\xb00\x01B'</t>
  </si>
  <si>
    <t>b'b\xba3d\x0b\xf2g\x1c)\xa4\xbfp!\x9b=K\x0b8WxD1\xbd\xba\xc4\xf8\x8f\x03|+yh'</t>
  </si>
  <si>
    <t>clear up my past</t>
  </si>
  <si>
    <t>b"'&lt;\xc5\xf5zL\x84\xe8\x9d\n\xae\x86\xb9\xbar\x1a\x82\xaev\xc3\xacU\xdf\xff\xb3\xfe\x9a\xc5M\xb8\x8a\xa0"</t>
  </si>
  <si>
    <t>b'\xc3\xb5\xd1\xdcq\x17H\xd6\xab9\t\x03U\xbb\xc5g\xaeZ\x8eh\xc3~f\xbfj\xe7c\xf0\xd6\x92\xaaG'</t>
  </si>
  <si>
    <t>b'\xcb=\xa2\xbbc\xe2\xf2\x08\x170o\xe5\x0b)\x89\xaek\xaa\x9axU\xb3\x85\x02\xe6I\xe3\x9be\xb3-\xbd'</t>
  </si>
  <si>
    <t>b'\x04&gt;(9Xf\x91,\xe6X6\xc5\x02Y\xe5\xba8\xa9\xccOwM :\xcf@\x81\xe5L\x13\x92\x83'</t>
  </si>
  <si>
    <t>Myloan</t>
  </si>
  <si>
    <t>385xx</t>
  </si>
  <si>
    <t>b'W\xe9S7\xf8\xbc&gt;(\rK\xdc)4\xa2\xbf\xd1v]5\xd1\xbb\xca\xa5~y\xa6/\x0fx4\xafE'</t>
  </si>
  <si>
    <t>CC payoff</t>
  </si>
  <si>
    <t>b' w\x9b\x0f\xa494\xb0!\x80\t\xe7R\x1eM\x95\xca\n\x1c\xe2Ph\x1c\xcc\x03\x9a\xe1@`\x19\x91\xcf'</t>
  </si>
  <si>
    <t xml:space="preserve">Credit Card </t>
  </si>
  <si>
    <t>b"\x91\xa1\xadMm\x1f\xe2==zFS\xc2Ia\xf62\x13'\x07\x04o\xbf\x1a\x92\xa6\x8cVF\x9e\x0e&lt;"</t>
  </si>
  <si>
    <t>Credit/home improvement</t>
  </si>
  <si>
    <t>b"\x07\xff'\x17\xccP\x9fc\x80.+\x0b\xc2\x93q)\x0b\x13\x8fef\xd6\xe7\x0e\xfc%C\x1f\xca?q\xa2"</t>
  </si>
  <si>
    <t>b'\x7f\x9eM\x0b`\x07\xa3dB\xf8)\x14\x8e5c7\x0f[-\xce\x0c&lt;\xdbt\xa3\xed\xd9\xfa\xe3&lt;8\x19'</t>
  </si>
  <si>
    <t>Short Term Debt Consolidation Loan</t>
  </si>
  <si>
    <t>b'\xda)\x89\xdc\xa7\x90\xc8\xbe\x05k \x93\xd8""Rn\x12w\x84\x91\xba\x02\xa6\xba\x03\x8e\x7f^\x97\xc5\xe6'</t>
  </si>
  <si>
    <t>b'Q\xa1"$\x13f\xa6\x0f\xee(\x882\xbf\x03\x1c\x8a\xae\x99\x85~\x9c\x18,+\x9a\xb3\x9d\x84n\x95\x95\x1e'</t>
  </si>
  <si>
    <t>Loan refinance</t>
  </si>
  <si>
    <t>b'2O\xbc$t\xffOY\xfb\xe5Q3\xdbY\xdb\x98\xa1\xa3\xe4\xb1\xc4\x8bK\xd3\xe4\x81\xfa\xeb\xec;\xda\x9d'</t>
  </si>
  <si>
    <t>Improvements</t>
  </si>
  <si>
    <t>b'P\xcf\xaaR\xac`\xe4js\xdc\xf0F\xbd"H\xdc_\x14\x8b?\xebW\xc5\xe4;qwf/*B\x8c'</t>
  </si>
  <si>
    <t>Consolidate Cards... On-time payments!</t>
  </si>
  <si>
    <t>b"d\xb7;\xbf\xc7\x8c\xb8\xb1\xef3\xc1\x95\x14'oL%\x98\xc5\xd86&lt;\x8e$4-\x1e\xc4|\x8a\xa2\xc1"</t>
  </si>
  <si>
    <t>b'\xd8\xe1kM\xe8\x08!\xbbX\x08\x18\xa2\xb6`V\xf52\xf3q.\xe1\x10\xca\xd6\x96U\x17\xc7\xc05B\t'</t>
  </si>
  <si>
    <t>b"\x1a+\xfb\xe4\xcex\xeb$\xc1'\xf5\xcb\x1a\x1fwK\x93\xb3s\xd2U\x91\x1cnN0\x95\x93]\xa9Y\xca"</t>
  </si>
  <si>
    <t>IMPROVE FINANCIAL LIFE</t>
  </si>
  <si>
    <t>b'\xd8\xbed\xeeX\x00@?\x038\xcc]\x147&amp;S\x19\x91(\x97le\x84\xa8\xd2X&amp;\xda\x83\x18\x18\xc3'</t>
  </si>
  <si>
    <t>b"\x0e\xac\xf5;;\x9b\xa2\xd2*v]I\xe7\xa4\xcd\x8f\x1fL\xc2'\xf1\x10\xfd!\xd1= \x86\x96\xceu\xcb"</t>
  </si>
  <si>
    <t>b'\x14\xe5m\xc4\xb2\xabN\x029#\xceA\xc9\x8d\nk\xfe\x83\x90\x0c\xa7Y\x02\x9d\xe9\xd0\xdd\x88-&lt;\xf3]'</t>
  </si>
  <si>
    <t>b'\xb8{[\x1e\xe1\x92\x98\x00\x98\x0e)7\xbf\xac\xbe\xffj)\x81{`\x86\xb4\xb5\xb3s\t\xfbBu~\x89'</t>
  </si>
  <si>
    <t>b'\xc2\xfd\x85/\xe4\x00\x94\xe4]]\xb0\x0e=\xf5gU\xd0\xd3-\xd6\xc7\xfe\xad\xd0y\xe7\xc8\x14U\xcc"T'</t>
  </si>
  <si>
    <t>Credit card payoff and small home improv</t>
  </si>
  <si>
    <t>b'%\xf6#,\xa9\xe4\xdcV\xefCg\xf7\xe0\x0b\xb6j9s\xb3\x81\xe1\x1a\xb8\xd9\xae\x17\xd6K\xf8W$p'</t>
  </si>
  <si>
    <t>DEBT CONSOLIDATION/HOME IMPROVEMENT</t>
  </si>
  <si>
    <t>b'\x05FAb#\xe9h\x0f\xf3\x83?\xb5\xf4\xaaL\xfb\xe8[E\x0fP\t\x9a\xd1\xc1\x96\xed*\x9a*\xdf\xf4'</t>
  </si>
  <si>
    <t>b'4\xf0\xc4\xd9\xa1\x1a\x05\x01\xc9AU1w6\xfe\xe1H\t\xe3\x83\xff\xfal\xc1]\xe7;v\xa1\x11\x0f\x85'</t>
  </si>
  <si>
    <t>b'\xf3\xef\xf7d}\x04\x02L\xa4\x04\xe1\xcd\x1a\x7f^\x181\xf4w\x0b5\xd7\xe0\x1b2\xad\xe7\xddy\x98hp'</t>
  </si>
  <si>
    <t>b'\xfb;\x8624\xa6\x9b\x84\xb2sx\x05\xbd\xa8\xc4\xd7}\xd8\xben\xb4\x96\xccC\xc7P\xd1\xea\xabie\xa0'</t>
  </si>
  <si>
    <t>747xx</t>
  </si>
  <si>
    <t>b"W\xb5\x04O\xc7\x89j\xd1x\x94\xf3F\xf3\x1d\xed9\x17U'\xcc\x93\x96\tm=a\xb9\xfe\x10o[\xcb"</t>
  </si>
  <si>
    <t>b'uk\xf1I\xa8\xfa\xf3YV\xf7\x94\xd7\xa4\xd1\x87\xceN"\xb4\x9cf9\xde\xfe\xcd$2\xd9\xc6\x14\x862'</t>
  </si>
  <si>
    <t>b'd\xe4\x9b\x86\xcdq\xb0e\xb3\xef1\xbb\xe6{&gt;\xc7\xf2X\x05\x11\xc1\x0f\xffi8\xec\xe7\x9c\xeb=\xb6\xd4'</t>
  </si>
  <si>
    <t>Get rid of the credit cards already</t>
  </si>
  <si>
    <t>b'2n\x17-\xf9\xfd\x03\x08\x8a\xd3&gt;\xc3\x082\xacT\x93\x82\xffL\xd23m-6\xc5\x96\xe0\xa7\xf8}c'</t>
  </si>
  <si>
    <t>Pay off soon</t>
  </si>
  <si>
    <t>b'\x7f\x90\xf6z\x1f\xcff\xd1\xbc\xd4\x90\xdd\x08\xe0\xb3\x87\xfb\xf3+\xaf\x8bc\x9d\xf6\xaeBXQ\xadq\xa7\xde'</t>
  </si>
  <si>
    <t>Payoff Cards</t>
  </si>
  <si>
    <t>b'\xeaF\xa5s\x12\xa8\xfd4\x96\xbec\x01\xd4\x8e%\x0ek*\x9e\x16\x97"=\xc0\x12\xd8\xea\x9fF22\xf7'</t>
  </si>
  <si>
    <t>credit card pay</t>
  </si>
  <si>
    <t>b'\xff\x8a9\xd7\x1c\x87\x04\xf9 \xa7 \xd7\x8e8\x94\x86f\x1c\xc8\xb2[\xc2!U\x90u\x9eW\x06\x90\xad\xfb'</t>
  </si>
  <si>
    <t>b'\xfc\xc5D\x1a\xe4\x81\xa3jD\x96\xd7n\x19\xd0\xd3$\xd3/\xe9\xec&lt;}\x85\x86/\xc7\xc0\xd3\x91\x15\xfe\x1c'</t>
  </si>
  <si>
    <t>b'\xa2\xf5P&gt;\x95.\xed\x86\xd5\x1a\xc4\x84\xb39E\xe2 \x18%\xd6w\xf2a\x18\x97f\xad\xe4\xe2|m_'</t>
  </si>
  <si>
    <t>b'4o\xb4X\x13\xf4\xeelY),\x05=\x8a\xa4\xf2\xd8)\xb5@\x89\x96\x1b\xcc\r\x90[\x134\xca&amp;*'</t>
  </si>
  <si>
    <t>Credit loan</t>
  </si>
  <si>
    <t>b'\xda\x89pU\x9dQ\x97u P\x03]O&lt;\xaaV(&lt;s\xf2\xf0k9\xd6P\xe9\xac\x8d\x88\xc9\xd7\x0f'</t>
  </si>
  <si>
    <t>b'\xe1\xe1QLi\xec\xf1\x840y\xf7\x84\xe3uz\xdf"!n\\\x9c\xad\xe0\x18\x18c\xe1\x89GJz\xfc'</t>
  </si>
  <si>
    <t>Debt Dropper</t>
  </si>
  <si>
    <t>b"\xc7\x7f\xa8}\xe0}ki\x9f\xa0'\xc1\x8a\x7f\xd9-\xeaZ\x11\x0f\xaek\xc3\rwf\xe6[Qx9\x8d"</t>
  </si>
  <si>
    <t>Pool Remodel</t>
  </si>
  <si>
    <t>b'W\xad\xc3\xb6\x0emZ1\x1c\x1b\x9b\x91\x97\\"VL\x1a\xaa|\xa8x S\xdd\xc1\xcf\xfb\r.\t\xb4'</t>
  </si>
  <si>
    <t>Home Renovation Loan</t>
  </si>
  <si>
    <t>b'\x11\xd6\xd5\r\xe5\x88\x9cy|\x9c\x13\xe7K\xa4\\,\xeb\xbe\xa11/\x0b\x17/O\x07`\xfce*\x8bO'</t>
  </si>
  <si>
    <t>debtconsol</t>
  </si>
  <si>
    <t>b'R\xf8\xca\xeaF3#\x04g\xf9\n\x05Q\xcfn\x97\xf2\x0b&lt;\x91\x9d\xe0/=T\x89"$n\xdf\x8f\x1c'</t>
  </si>
  <si>
    <t>b'\x12\x03\x02\x1aAO\x16\xf5\xaf\\\xd6\xc9\xb48\x91\x17\xf02\xf5\xe0e\x9f\x8dG\x11\xe9pH\xea_\xcc\xf6'</t>
  </si>
  <si>
    <t>b'\x8f\xcef\x93\xca_\xc5\xf2\x9d5\xc8*\xae\xc8\xb7\xafp^\x0f\x1a\xb7f\xb3E\xa7\xf8l\x05//|\xf1'</t>
  </si>
  <si>
    <t>Card reduction loan</t>
  </si>
  <si>
    <t>b'\xba\xc7\xbb\xa1I\xd9\x1f\x9a}\xbe)\x8c\xf8\x1dw\xd1r\xaeH\xb1\xe5$\xdf\x8a\xddh\xe2\x02\xa4\xa47m'</t>
  </si>
  <si>
    <t>Consolodation</t>
  </si>
  <si>
    <t>b'5[\x16JCe0tU_\xf6\xc0M)\n\xe5\x0fBuf\x1e\xfc\x99\x93`8\xea\x17\xf8[KX'</t>
  </si>
  <si>
    <t>b"\xee\x8d\xbe/\xef&amp;p&amp;\xec&lt;\xc2=|\x18\x8c\x90\xcb1\xb1\x00u}\xf1RiK'U&amp;\xa6Y\xd5"</t>
  </si>
  <si>
    <t>b"\x8c\x8bj7G)'ZG\xbb\xfbm(\x9b\xe5T[/\xecl5\xa5\xe8\x00R)f\xdb\xd0\x04\xf0\xcd"</t>
  </si>
  <si>
    <t>b"\xa2\xdc\xf4\xd1\xd2C\xe3\x95\xbc\xbd\xfe\xaaw\xbb\x10+*\x18\xfb*$5\x19\xed'\xf6\x0c\xf7\xa4\xf4\x1f\xa4"</t>
  </si>
  <si>
    <t>credit</t>
  </si>
  <si>
    <t>b'\xaa\x08\xff\xb9u\x08\x03v_\xbe6\xd7B4c\xc0\xa7a}\x0c]l?D\xd0\x04=\xee\x80G\x06\xdb'</t>
  </si>
  <si>
    <t>b'0RM\xb1E\x92\x06\xbd\x9al\xa8\xaf\x95g\x1bW,\x1f&lt;\xe4\n(\xf7\xf9#\xca\xcbi\xc3\x04\x04o'</t>
  </si>
  <si>
    <t>b'k\xc1\xc5\x06\xc4V\xb9\xbbQ\x1eZ\x07\x13h\x88\xc8\xd9K#\xf2\xed!\xbb\xcc\xb4\xaa\xd79}\xa5\xe7\xa8'</t>
  </si>
  <si>
    <t>b'\xb8/\xf5r0$&gt;\xce\x8da&lt;\xef\xe5\x01g\xb7n^DG\x0f\xda7\xf6\x00\xaf@\x07\xfa\x03\x9c\xd7'</t>
  </si>
  <si>
    <t>b'\xb1.j\xbau\x07\xfe(F\xb8\xd4\x8e\xa7\x1d"\t\x1d\x1e\xc8\xf2n\xba4;_h\x1a\xd4\xa2\xf9\xe8L'</t>
  </si>
  <si>
    <t>b'\x129\t\x91\x7f\xa7\x8d\x87G\xa5\x8a\xef"\xf8}\xe9\x80gh+\x18\xaa2Fmls|c\r \xae'</t>
  </si>
  <si>
    <t>Pay dedit</t>
  </si>
  <si>
    <t>b'\xa5a~C\x15\xa9Qr\x19"u\xe7K\x16\xad\xb9\xe3V\x18\x0c^\x9b\x9eq\xed\x96h\x9d\xb1\xee\x90N'</t>
  </si>
  <si>
    <t>4cc consolidation</t>
  </si>
  <si>
    <t>b'\x858\x9d\x084\xae\xca\x9c\xf2\xa32r\xda\xa8\t\xc9IZ\xbf^\x0b\x19\xcf8\xde\x93\xffVI\x02\xc8\xac'</t>
  </si>
  <si>
    <t>b'[\xbfp\xb1J\x97V\x87\xced\xe7/r\x08\x83I\xa0_\xa1\xe5\xc5\x8bJY\x92\xbb\x98\xa6\x93\xb8\xe5L'</t>
  </si>
  <si>
    <t>b'i\x92\x9ae\xe6\xb94:%\\K\xaeX\x8a\xd5\x84\x17B&gt;t\xd0\x9b\xe0\xd3!\xd8\x0c:c\xde\xd2\xe7'</t>
  </si>
  <si>
    <t>cc refinnace</t>
  </si>
  <si>
    <t>b'`k6\x1429\x8es\x12\xad\x16\xdeq"\x12P\r\xb0\xe3a\xab5\xd8\xadhJ\xa2\x92\xa6\xf0\x13q'</t>
  </si>
  <si>
    <t>thanks2U</t>
  </si>
  <si>
    <t>b"\xe6r|\x92\x15\x18&gt;\x04\xb0&amp;\x8a\xdc\xb4\x86O\xac\xc5O'\xd2\xfd\xb1\xf9~\xb0\x94\xfc~\\\xe8B\xc3"</t>
  </si>
  <si>
    <t>b'\xee\xbf\x9aIF\xea4\x14\xbd\xe7\x9a\x9f\x97\xbe\xdc\xbc\xa0!\x96\xaf\xce=\x94\x8b4\xb1C\xd5{^\x03\xae'</t>
  </si>
  <si>
    <t>pay off 40 acre's that was owner finance</t>
  </si>
  <si>
    <t>b'\xe5\xf9\xb6\x95\xf34\x89\xc4Lg\xb2\x1bO\xdc9"\x17\xa4\xdd\xb5\x9a\xbb\xbe\x1b\x8b\x1151\xe2\x93\xe2*'</t>
  </si>
  <si>
    <t>b'\xb5U\x9e\xecq\xae2\xd3\x7fR\xe2\xc7\xb1\x1fG\x87\xd5\xe2\x84\x93\xaa\x95\xc7\xa5\x0eS\xa6--\x19\xf0\xf5'</t>
  </si>
  <si>
    <t>b'\rPl\xcd\xbc\xf5\xe9\n\x89\x00bS\xc2\x17u\x1e?\x0b\xb1\xdbh\x00\x05\x83-qQK\x15\x04\x99\xc2'</t>
  </si>
  <si>
    <t>savings</t>
  </si>
  <si>
    <t>b'\x86-Zr\xb5\x85\x05\x1a\xa1\x95 \xf8\xc9z|\x15R\xa6\xecC\xff^K\x9b\xb6\xee\xbf\xf8\xfc0J\xab'</t>
  </si>
  <si>
    <t>754xx</t>
  </si>
  <si>
    <t>b'\x7f\xb6\x1d\xa17\xe5\xac7b*\xe6}\xc5\xd7&lt;\xd3Y\xa6\x03\x92\xe39h\xb0\xc13\xd7Lt%\xef\xe3'</t>
  </si>
  <si>
    <t>BeDebtFree</t>
  </si>
  <si>
    <t>b'}H\xdb\x1a\xbb\xa8\x04(\xef\xf8\xf7\xd5\xadZ\x16\x9d\xaca\x12\xdfHf\xea4\x1a\x87\xa2\xd9\x80JJ\x12'</t>
  </si>
  <si>
    <t>Bill Payoff</t>
  </si>
  <si>
    <t>b'_\x95\xf9\xb1/\xb4\'\x9bP#\xfcb\xe6{\xd9\xc9\x8a\xe29!V;&lt;\xe1\xd2\xf5\x83\xe9\xe5"\xc3\xf2'</t>
  </si>
  <si>
    <t>b'\xa9:&gt;\xbcn\xfd\x18$lD\xd9R\xa7\x9e\x01mQ##,\xb7\xcd3{H\x9b\xbc\x02\x92s+R'</t>
  </si>
  <si>
    <t>Paying Off Debt Accumulation</t>
  </si>
  <si>
    <t>b'\x13\xaf\x98\x9f\xe5gof\xd0\xde\x8c\x9c}=xn\xaf\xdc\x89X\x88\t\x0f}\xeb)J\x80\x99\xeb\xdf\xb0'</t>
  </si>
  <si>
    <t>Consolidated credit card debt to low int</t>
  </si>
  <si>
    <t>b"\xab,\x01\xc3t\xf4'\x88V\x07\xae\x9d\xc2\xeb\xb4\x0e{\xc5l\x92-\xd1)\x0c\xad`e\xf9\xcfU\xf1Y"</t>
  </si>
  <si>
    <t>b'lao\x02\x0b\x18PA\x0cn\xcd\xaf\x86\x1b/\xbe\x9dMn(\xca\x19\xd0\xf1\x8d\xc9$\xe3\xb7)L\x9a'</t>
  </si>
  <si>
    <t>b'\x97G\xe4C\xe1\x8f/\xca\xd7Ip~\x02#R\xae\xf2\x16\xe5\xb5\xaa\xac\xe7\xb7\x82\x08L\xf9\xd5\xfd\xfb\xfd'</t>
  </si>
  <si>
    <t>b'\xed\xaf:\x06\x8a/B\x06\xae\xa0\xf87\x1bJ/\x1eB\xa5\x8b\x18VK\xfc\x82h\xedrj6[\xbe\xca'</t>
  </si>
  <si>
    <t>b'nI&gt;)\xeb\x9e\xcd0\x0c\x05\xc3\xa5\xf5\xbbo\xe0\xc3\xba\x8b\x186[&amp;?\xf1\x01\x17H\x9f\xb3\x08m'</t>
  </si>
  <si>
    <t>5-year plan to debt-free</t>
  </si>
  <si>
    <t>b'\x9b\xdd/\xd2\xbf\xf3\xd2\xeb\x05\xe7N\xfe\xa4\x94\xe7\xae\xb7\xa7.K\xdd\x1b\x0c\xe8;\xee\x8eJ\x8e\x96\xab\x95'</t>
  </si>
  <si>
    <t>b'\xe3D\x93\xceDC\xd11\xebD\x8c)\xbe\xe7)2\t~\x81\x85\xc9;\xf2\xfd\tBa0\xb8\x1d&lt;\xb1'</t>
  </si>
  <si>
    <t>b"'jHq\xad&gt;\\\xa7\xfe\xff`;B\xa5\xf6\xb2\xf4\xb9\x96\xee\xc5t\xe5\xb1\xe6\xe9\x05\x03#\x04\x8f\xa4"</t>
  </si>
  <si>
    <t>Credit card begone</t>
  </si>
  <si>
    <t>b'\x01\xb9\xbafD\xb0\xce-\x01\xd2\xf8\xf6\x9e\xce q\x9c~\xf9\x14R\xbb\xb3\xefD\x04\xea5\xb5\xe9\xc8g'</t>
  </si>
  <si>
    <t>b".X\xa7\xa9\x13y\x8c\\\xda~\x10aX\x87'(p\xc4E*\xa9\x8e[\xd7\x0bl/'\xb5\x8d\x05\xe5"</t>
  </si>
  <si>
    <t>All my bills</t>
  </si>
  <si>
    <t>b'+g\xcaR\x0e\xc6+#\xdb(\x8bP\x9a~e\xcd\xc7\x8d\xc1\rb\x0e\x81\xb1\x9f\x1a\xeb\xe6]\xc4\xb7m'</t>
  </si>
  <si>
    <t>Card Consolidation</t>
  </si>
  <si>
    <t>b'&lt;~\x9f\xcd9\x8c\xeb\xe8z\xa2J~\xdf,0\x84\xeb\xdau\x02O\x7f\xef\x19\x12\xbd`v\x844\xf7\x07'</t>
  </si>
  <si>
    <t>b'\xccb\x0faT\xe4\x8a\xebdM\x18\xb7&lt;\x94\xce\xedI?\xa1xG=\x9a\xdf\xe6J\x00\x12\x0e]\xa2T'</t>
  </si>
  <si>
    <t>b'v\xe7\xc3\x1e\xce\xa5\x05\xd6n\xb3\xf5\xaa\x00\x8ar\xc0\xe9\x04\x97&amp;\x11\x90\xf74\x84)I\xd0\xe0{\xd6\xd0'</t>
  </si>
  <si>
    <t>b'#K\x1e\xad\x17%U\xb9\xa1\xbb\xb4\xb48\xdaw_\x06\x1c\xc0\x88\x12\x1d\xaa4\xbc\xf7\xcd\xda\x85V\x15W'</t>
  </si>
  <si>
    <t>b'\x0c\xcf\xdd\x95\x11\x80\xe6\xfc8\xc8&gt;\x03s[|\x92\xdf\xe0]\xef\xfdA\x8dD_\xa6\xa4\xa9\xcf{\x06\xd4'</t>
  </si>
  <si>
    <t>b'8\x9e\xa9F\x92\xb7&lt;\xe3w?\x84{8\x85q[@%\x81\xb9\xe1E8p\xa3\x1aU\x82($\x1c\x10'</t>
  </si>
  <si>
    <t>b'\x8c,\x99\xce\x15^R\xc6\xc0\x01\x10\x15[\xbd\xc8m\xc2\xa5+\x02d\r\x8dS\xee_\xbc\xd9\xb3\x0fh\xf5'</t>
  </si>
  <si>
    <t>b"\x17@?\x02\t\x08D\xc6@S\x1a\x19:z/\x87m-P\x925\x07?\xe2\x8e\xf2\x9e'\xc5,Y\xd9"</t>
  </si>
  <si>
    <t>b'\x07W%fX$\xb0\x08\x04WwNb\xd9(n(\xc8\xa7\xcbG\xc8\x90\xb5\xd8H;\xee\xe3\xb5\x13\x08'</t>
  </si>
  <si>
    <t>b'zZ\x95$\xaf\xf0\xd1\x0fA}\xfa\x05\xbb\x82\xd4Uv\x07\xb59\x0b(\xdacCi\x8aAHp\xf1I'</t>
  </si>
  <si>
    <t>b'\x99bbnzo`\xdba\x05\x8f\t\xfa\xb7/N\xf6\x1cT#\x05v\xcf\x9f\xe4\xfa\xd7\t\xb3wq-'</t>
  </si>
  <si>
    <t>b'CU*k\xd0\x97\xd9\x86hi\xe0m\x9e\x00\x97\xe6\xec6H \x83g\x8bUz\xa9n\xb5\xd9X\xdc\xcf'</t>
  </si>
  <si>
    <t>b'\xc2\xd3\xc1\xfc\x14\x16\xda\xb6!\x03a\xa6\xdbF\x0c*\xc2\xbf\x8a)\x01N\xfdI\x0c\x07\x94\xdd\x1e\xbe\xe2\x01'</t>
  </si>
  <si>
    <t>b'\x13\xfa\x07\x02\xc3\x1a\x1c\xb8\x06\xb4C\x0f\xd2\x92"\xb5Y\x93\x116\xe6/\x8c\xba\xf7\xea\xbb\xe5\x07\xbcx\x9d'</t>
  </si>
  <si>
    <t>912xx</t>
  </si>
  <si>
    <t>b'N\xdf\xec&lt;\\\x1c!\xabe\xc1\xaf\x81/"\\\x99Y\x0b\x18\xd0\xab|\xa6/9&gt;\xd4\x8a\x87\xd0;y'</t>
  </si>
  <si>
    <t>b'J\xc2\xe2\xfe\x99dBa\x99\xbe\x13\x18L\xa7\xb7\x98\xbd@\xa6\xdb\xf5\xb7\xab\x0e\x87\x04\xff@c\x87|\xdc'</t>
  </si>
  <si>
    <t>import &amp; export</t>
  </si>
  <si>
    <t>b';\xfdf\x7f\xd6\x05|P\xd1%j\x8ep\xb6]\x0f\xc1\x935\x9bCo\x181\x87\xdcA\xc7\xc0\xe3\xa6H'</t>
  </si>
  <si>
    <t>b']\xf8/f7\xdc\xed\xff\x07\xb1\xa5-K\x82\xe6r\x948\xbdF\xf5Y\x07\xc8[\xf1\xfb\xe7*\xe6=s'</t>
  </si>
  <si>
    <t>b'\x99\xa3$\xfc\xca\xbe\xc4\x12\xce\x91\x03;D2F\x14\x86\xa5@\xed\xdf\ta\x81\xa9\xc3C\xa4{N8\xdd'</t>
  </si>
  <si>
    <t>b'm\x18F\xd4\x98\xdc\x1et\xb0\xdd\xa5\x9fU\x879\xc2\xc9\x9by\x80\xbfU\xe5\x07\xfe;\xccjF/\xd3\xe8'</t>
  </si>
  <si>
    <t>b'\xab\xa7\x95=\xfe\x81\xc2q\xf2V\x99\xfc\xe5f\xe6\x84\x05\xe4\xe6&gt;h\x9d\x90\x90\xdd\xe2\xfe\xce\xf0\xefF\x06'</t>
  </si>
  <si>
    <t>credit be gone</t>
  </si>
  <si>
    <t>b'Pl\xc7M57\xac\xd6\xf3\xc7cNe\xe2\xcbr\xe1\x12\xd0\x83\xef\xd1\x83,\x82\xdd\xa9\xaa\xaaG|x'</t>
  </si>
  <si>
    <t>b'\x1ett\xb5c\xfc\x0c\xd8\x8d\x9c\n\xfeb\xac\x02&lt;\x0e\xcb\xd5\xa4\x04\xb0\xabm\x17!s\xe1}y\xfbP'</t>
  </si>
  <si>
    <t>b'\xc3\xf2S|\x0ch\xbd\x94P&lt;\xc5\x02*\xcb\x02n\xe5\xdb-\xf9~K\xc9g\xc9\x0e\x90\x9d\xc9\x17\x8e\x03'</t>
  </si>
  <si>
    <t>Quick Credit Card Payment</t>
  </si>
  <si>
    <t>b'\xf4\xb1\x1a\xeb\xe9\x82X\xbf\xde\x95\x83;.\xe0\x19\x8a\xfd\xe1\xe7\xc6E\xbc\xf9\x93u\xa3)j\x17\x04\xb9\xa9'</t>
  </si>
  <si>
    <t>b'\x1a-\x9e\x90\xa6\xe8\xe5\xf7\xcdU\xfe\x95q~h\nh\x9a#\\7\x92?\xf9\xdag\xa3~q\x96#\xbf'</t>
  </si>
  <si>
    <t>CAR PAY OFF</t>
  </si>
  <si>
    <t>b'\xe1g`\xcb6P\xd4m(,\xbata\x0b%\xef\xbc\x1d\x03\x07\x9d\x96\x9e\xf6\x8bm\xc3\xfc\xbcy\x17\xa2'</t>
  </si>
  <si>
    <t>Disc</t>
  </si>
  <si>
    <t>b'\xe4\xba\xa9m\xa0\xde4\x1f\xd6\x93T-m\x94\x88\xdbA\xb5\x08\xd4j\x9d\xb5\x01\xccM\xcc\xda\xf3\x06\xff\xcc'</t>
  </si>
  <si>
    <t>b"'.e\xd8\xc7\xb1\xc4\x92 m\x9f\xa2\xabS\x8a\xfa\xe3x1S%D\xad\xc8\xe9YE,W-!\xc3"</t>
  </si>
  <si>
    <t>244xx</t>
  </si>
  <si>
    <t>b'\xe5vv\n\x00k\xf0o\x96.\xb0\xff,\xf4y\xe2&lt;\xcds\x81\x8d\xa6\x96\xf2\x03\xa09\x0f\xa4\xe9\xfc\x80'</t>
  </si>
  <si>
    <t>b'\xb5\xc3g\xd1\x81B-E\xe7\xd7\x8bDJw\x9b\n\x7f\xdf\xc8\xa9BO\xb5\xba%\xf6\xfb\xb5\x95\x8fH\xf6'</t>
  </si>
  <si>
    <t>b'\x11*\x886W\x074[\xeb\x00\x9fx\x1d\xb8:\x07\xcc\xbb\xe67\x00P\xf2\x08\xad\xc6\x1b`{\xff\x19\x84'</t>
  </si>
  <si>
    <t>b"\x8a\x1e\x0f\x13\xbd\x00'\xd3\xa4\x01_\xefej\xc9\xe5^\xbcs\xa7\xa3\x86\x12\xdf\x16\x96\xfcb\x89\xd1\xb4\xb6"</t>
  </si>
  <si>
    <t>debt freedom</t>
  </si>
  <si>
    <t>b"\x19F\x8b\x9b\xaa\x9f\xac\x16\xff\xcb\tiY9\xa9$_'\x8e\x0c\\\xcc\x1d\x19\xbb\xdb\xdf3\xec\xb0h\xe5"</t>
  </si>
  <si>
    <t>Pool Repair</t>
  </si>
  <si>
    <t>b'R\xb6\x96\xb1\x86\x1ca=\r\x9a#!\x8b\x7f\x97,g\xab\x88\xab!\xe4\xd1\x8c\xf2\xe7\xe7\x83\xc4\x00\xad\x88'</t>
  </si>
  <si>
    <t>b'\xbbG\xa8T\xcb\x12\xcc17\x01\x9d\xb5\xd3EFK\xd1\xfa\x12\x16\x97\xdf\xaf5\x076v\xda\xc6\xc9m\x05'</t>
  </si>
  <si>
    <t>Consolidate Credit Cards</t>
  </si>
  <si>
    <t>b'U\x16\xfa\xe7,\x03b}\x10xn\xcf\x88\x8e\x9b\xc6\xdbF+\xc5\xb4\x0f\xd6#7\xef\xb3`\x87\x08\xda\xd6'</t>
  </si>
  <si>
    <t>b'\xf4\xc1\x1e\x04\xc72.\x15\xa4g\x1c\xd9%}\xf6\xabN\x87^A\xe9\x80\x9cA\x8a&amp;#f\xd8VEM'</t>
  </si>
  <si>
    <t>b'}\xc0l\xd9v\xe4\x12#\xd5\xd6\xeb\xadVh\xcd\xb9\xb5\xbd\xfc\xa4\x15\x84\xae}"GF\x7f\x0b\x8c\x95W'</t>
  </si>
  <si>
    <t>Refinance loan</t>
  </si>
  <si>
    <t>b'\xc7=\xb0Y\x02\xab]\xe1Ga@|Z\xb2\xcf9;zOS\x8d\x13Z\xac\x92{W\x18\x19D\x1f&amp;'</t>
  </si>
  <si>
    <t>b'\x9c\x8c\xc0~\xa9p\xbf\x05\xb9,m\xae\xfb\xe8\xda\x10\xcd\x16\xa5\xab\xbbY\xf3\x81^\x9e]\xd0\xf5d\x06\xd3'</t>
  </si>
  <si>
    <t>Medical Cash</t>
  </si>
  <si>
    <t>b'R\xcc\xcc;\xce\xa2\x8d\nFI\xbe\xf4\x13\xf1\x9ei\xdc\xf55\xa9\xa0,\x9f+9!8G\x80\xea=\xaa'</t>
  </si>
  <si>
    <t>b'\x94\xaa\xdf\xd1\x9c\xe4N\x10a\xb1\x1c\xde\xf2pT\x13\xa7)\x1e\xcbi8k\x18\x7f\xa6\xd1/ \xde\xf8\x1e'</t>
  </si>
  <si>
    <t>b'*\x87u\xe9z\x11U\xf7\xb7\xbe\xd8\x9eh\x03\x82\x16\xef\xd9\xfeL}\x1e\xef\x0bp\xb2B\x88X\xf2\x85\x98'</t>
  </si>
  <si>
    <t>b'\xf8\x1f\xd5\xa5\x85!;Z\xce\xab\xb5\x92.\xb0\xad\xe8\x7f\xed\x0ea\x8c\x90\xca\x1e.\xb2?H\x8d\xc0\x03%'</t>
  </si>
  <si>
    <t>b'X[\xc2\x90)\x0b\xdc!\x96\xd4\x07\x04T^\xa9\xa3\x8f\\fI\x1cA6\x95\xec\x9b7\xe0\xbe\xab\xc7\xb4'</t>
  </si>
  <si>
    <t>b'F^1\xce\xa7\xc2\x94O\xd1\xa4\xbe\xa4\xb04\x15y\x0f\xfc\x94!W\xad\xf6\x13\x0e\x16!\xae\x8d]\x99\xfe'</t>
  </si>
  <si>
    <t>b'W\xb6:F\x00e\x91\xf1\x8a\xfc\xa0\x8e\x7fX\xf7\x88rg|H@\x93\x9bJ/\xeag\xea\x8a\x88\x03\xa4'</t>
  </si>
  <si>
    <t>DiscoverFreedom</t>
  </si>
  <si>
    <t>b'\x99\xc9Z;\x02A\x9aU\x0b!\x95\xdb\t\xfb\xfc\xf8\x91\xedz\xea\x04\x9f\xd1\x0fW34v\xb5P(\x9f'</t>
  </si>
  <si>
    <t xml:space="preserve">wedding- celebrating life </t>
  </si>
  <si>
    <t>b'\xc2D\x8f\xce\xd7L\xccz\x02\xc3\xb5O\xde\x03\xf0\x08*\x93\xacv\x7f\xb1\x00Pi\x07\xc6\x0f)8\xad\xd6'</t>
  </si>
  <si>
    <t>b'uOe\t.\xaf\xdd\x888\x16.\xc9\x03&gt;\xcd&gt;\xa5x\x83\xb2\xd8c\x16J_\x95\x16\x7f\xe9\xf7\xbb\xcf'</t>
  </si>
  <si>
    <t>Moving to Boston</t>
  </si>
  <si>
    <t>b'\xb6\xffw\x18\xcf\xb4\xc9\xc0\xc3\xce\x8b\x8f\x91\xcfT\x02\x8a\xd7Z\xcbh\x83\xd3Foi\x08\xb6)\x03\xf1\xc0'</t>
  </si>
  <si>
    <t>b'\x9f{e\xc8\xb0\xe0L\xaa\x86\xdd\x18\xb3ed\x90u\xa6C\x85#\xb0\xc5E\xb2\xe4*T\xc4\xb4l*$'</t>
  </si>
  <si>
    <t>Consolidate Freedom</t>
  </si>
  <si>
    <t>309xx</t>
  </si>
  <si>
    <t>b'\x8f\xb7/\xbd\x17w\xe4\xe4/\xe6`\xae\xaaA\x80i\xe3\xbd\xc3\xf6\xb0\xa5H\xa9\xca\xc7\x93\x00\xb0\xa9\xaa\n'</t>
  </si>
  <si>
    <t>pay of my credit card</t>
  </si>
  <si>
    <t>b'$\xfbJ.\xf3\x1b\xb7V+\xdc\xe14\xdbF\xfby\xdcJ\x8a\xbep\x84:\x8eJ\xef&lt;f\xf7\xb2\x93\\'</t>
  </si>
  <si>
    <t>debt refinance</t>
  </si>
  <si>
    <t>b'\xdc\xafpl\x86c\xf7e&lt;\xf7\xeb\xb64\xe7.\xcc\x1d\xe0\xb2\xae\x9a\xf6\x0b\xe2\xb4\x889\xc2\xc7\x81\x88y'</t>
  </si>
  <si>
    <t>b'uX\xaf\xb2=\xe4\xa8\x1a-\xb3\xec\x8f\xfc\x07\x07\xfc\xf2k\x91\xa7/\xeb\xbd\xb5BNz\t\xd0]\xef\x1b'</t>
  </si>
  <si>
    <t>New furniture loan</t>
  </si>
  <si>
    <t>b'\xe1M\xf6\xe4\x93u\x95\x9b\xf2v&gt;\xcc\x8f\x9f\x07\\\t\xfaSo\xa9\x89l\xe0\xd0r\xa6\x1d\x95]\x9aO'</t>
  </si>
  <si>
    <t>b'\xde\\C0\xa5Hh1\xc9`\xf782\xd5\x11\x90\xcb\xbd\x97[\x11QW\xbf\xef\xc9\xe3\xa5I\xbd\xb5\xc1'</t>
  </si>
  <si>
    <t>b'wWqS\xa2-\n\x08\x15ez\x9d\xf4\xdf\xfc\xb8=\x01\xed0\x8c\x18\xeb5;7i\xc5Um\xa2s'</t>
  </si>
  <si>
    <t>712xx</t>
  </si>
  <si>
    <t>b'\xf9b\xd3\x98\x1f\xc2\xe2\xa3j\r\x86\xabb\xdd\xc2\x14\xe7\x01\x94\xf3\x9c*\x18\xf9\xe7Z\xb4\x96\xb6\xa7\x1c\xc1'</t>
  </si>
  <si>
    <t>b'$\xb1\xa4y\x8f2^E\x7f\xc9\x9f\x10dW\xfe_\xec\xedg\x9bN\x07\x9dT\xa8\x16\xa4\xe0\xcf(m`'</t>
  </si>
  <si>
    <t>b'\xf2\xde5\x86\x13\xfc\xdb\xbe\x08&gt;c\xc0\xd2\xa3\x7fp\xedc`\xf6B\x15\xbe\xd5k\x19\xb5D\x84\xb9\xd6V'</t>
  </si>
  <si>
    <t>Credit Card Payoff and Major Purchase</t>
  </si>
  <si>
    <t>b'pz\x84\x9a\xba\x89J\x96\xa1_#m\x05\x12\x1dV\xa1\xf9\xd9\xf6\x17\xf2\xe0V\x0b\xf5^\xa2&lt;\xcc\xf5k'</t>
  </si>
  <si>
    <t>b'\x06\xfe\xb1\xc8\x11Y\xb6\xd2Y\xa6\xf7RT~\xd7\x15\x1b\xcf\x9c\x8d\x9b\xb6-vr0\xf0Dq \xbc\xae'</t>
  </si>
  <si>
    <t>b'uI\xb5\xd7p\xf9\xc5\xbb\xe0W\x00\xd8\x8f\xaa\xe9h\xd7\xab\x00q4\x02\xe9\xe2\x05|\x91\x1c\xb1\x8d.i'</t>
  </si>
  <si>
    <t>b'\x97\xa9B\xdb\x94,Z\x9e\xebW\xac\xb7\xa2\x7f\r\xb4\x90yV\xaf\x80a\xad\x94\xa5]??~\xa5\xbb\x96'</t>
  </si>
  <si>
    <t>My Refinance</t>
  </si>
  <si>
    <t>b"ay\x19\xec\xa2'\xef\x17iM\xc4\xbdo\xc3\x16I\x9b,\x1c\xce\x15\xaa\x80\xa8\xe9\x8c,c\x9c\x82I\n"</t>
  </si>
  <si>
    <t>Credit Loan</t>
  </si>
  <si>
    <t>b'y\xa5m\x0c\x7f\xd1\x111\x1e\x19\xc8\t\x1ek@\xfeD\xacl\n\xd7\x92\xe2\x98*\x01\x9a\xe9\x89b\x9fo'</t>
  </si>
  <si>
    <t>b'\xc1I"\x80@S=\x98\xee\xf0\xe0y\x96@\x90]j\xed\xff\xcc\x89\xa5]\xde\x03\xdd\xecK\xc3\xa7\xf8\xc3'</t>
  </si>
  <si>
    <t>My Savior Loan</t>
  </si>
  <si>
    <t>b'f\x01t),\x7ff\x9emh\r\xe0\xe3\xf3\xado\x016x\x98\xc8\x9e\xd6n\x01\xc1\x1e*\xb5iOk'</t>
  </si>
  <si>
    <t>b'b\x1a\xbaExI\x9f\xc3;C\x13`=\xa4\xff\x937\x1c+^j\xd9\xdc\xc5t\xa26G\xdb\xe7\xa8\x03'</t>
  </si>
  <si>
    <t>b'X\xdb\x9d\x99\xd9D\x11\xa0\xba\xff\x1aa\x9b\xf4\xd3\\\x80w.\xd6\x83\x18\xf4\xe7\x1dI\xe8R\xac\xd0\x19R'</t>
  </si>
  <si>
    <t>b'%1&amp;M\x08B\xa0\x94\xd4\x89p2\xe9\x80\xc9\xd3\xc0\xe6Qa\xca*\xda\x98\xd4a\xce\x9f\x00\xc0O\x13'</t>
  </si>
  <si>
    <t>b'\';\xe7\xc5\xf6`z\xddN\xc8\xf0\xf0\xad\xf3\xf5\xf1S\x93*8U\xdc\xac\xd1\x02\x1e\xd0"\x9d\xa9\xc36'</t>
  </si>
  <si>
    <t>860xx</t>
  </si>
  <si>
    <t>b'\xb2a\x1bK\xc6^\\\xb5S\x1cLWU&amp;D\x88;\xab\x0f\xa1D\x97\xc0{\x1f"2\xa49\x98\xf5\x80'</t>
  </si>
  <si>
    <t>b'&lt;* \xce9\xaf \x8d\x90G\xb4I\xf0\x82[VZC\xc6\xbf\xa1\xf9\x04\xa1\x1e\x91\xe9r\t2\x92b'</t>
  </si>
  <si>
    <t>b'\x8f\xb7\x02\xfa\x87\x18,\x9a@&amp;\x13\xca\x0b\xd3;\x90\x83f\x7f\x08\x89\xfbD0\x89cd-\x06c\x7f\xd0'</t>
  </si>
  <si>
    <t>b'\x15\x9e\xdd\x03\xc1\x8e\xd9\xd2\xac\xfa\xf9\xe6\x02\xbf\xa4.4g\x85\r\x95\xc2\xec-\x11\xb9\x1c\x18"9\x0b\xc9'</t>
  </si>
  <si>
    <t>b"g\x840\xe0|h*,'?\x0e\xfd\xcb\xc3_\x82\xb1{\x17\xf0\x06u\x1a\x9a\xd0m\xc7\x9c0#\x97."</t>
  </si>
  <si>
    <t>REMODLE LOAN</t>
  </si>
  <si>
    <t>b"\xd5\xbf\xca\x9a\x83'.a\xc5nE\xc2\xb9\x83\xad\x02L\xe1 @\xb0\x95\xf3\xae\xedb\xb9-Z!\x82\x15"</t>
  </si>
  <si>
    <t>ThreeCreditCards</t>
  </si>
  <si>
    <t>b'\xb8\xf3\xff\xf2\xf0K3\xfc_y&gt;\x02\x9b\xe4\xc0=&lt;\xd2\x01\xdf\xca(\x1d\x1e\xfd\xec\xe27\x83\x1d\xaf\xa0'</t>
  </si>
  <si>
    <t>Bill</t>
  </si>
  <si>
    <t>b'\xa9\xa2\xb9\x0fiE\xf0\x05\xd7\xbd\xd5\xbb\x9c *S\xaf\x04\xb6Zt&amp;\x088\n\xbe\xf4\x9b\xe3\xb7W\xf4'</t>
  </si>
  <si>
    <t>Chase CC refinance</t>
  </si>
  <si>
    <t>b'R\xa4F\x15\xeb\xac\x84{\xbe\xdbF:\x9dr\xb3\x04\xb6\x12\x15\xce\x02\x92\xd9kn\xe8\xe5/\x970\x1c\xbb'</t>
  </si>
  <si>
    <t>b'\xb3\xa0\xfb!\xc4\xff\x7fU\xa6}}\xff\x1b\xf8S\x0eB\x91\x06\xf8\x92c?"G\xe2\x12j\x14\xc8Gt'</t>
  </si>
  <si>
    <t>b'\x18\x04\x83k9\xea\xff\x92\x88\xc9\t08\xce\xdd\xbc\xf6O7?j\x8d\x80\x11\xe6\x88b\x7f\xaa5\x15\x02'</t>
  </si>
  <si>
    <t>mybailout</t>
  </si>
  <si>
    <t>b'\x99\xb3=\x8c\xc0\x92.\xe9q3\xc9\x8eBV\x98zM\x8c\x89\xc3\xbc-Qz\xfb\x1d\xb7\xf3M\x7fHL'</t>
  </si>
  <si>
    <t>b'\xb3\xcc^]\x85E\x1b\x07?GIf,\x17\xdf\x0cJ\xcc\x0c\xcd \x81\x8a\xa2\x8b\x1c\x1b\xea{\x12N\x07'</t>
  </si>
  <si>
    <t>CreditPayoff</t>
  </si>
  <si>
    <t>b'B\x9e\x13oU\x82\xce\xc52\x08\xc3S\x8c\x01\r\x07\x08\x0b\x07\x9cV\xa2d5)\xed\x0b\x0f\xb9ZS\x15'</t>
  </si>
  <si>
    <t>The Loan</t>
  </si>
  <si>
    <t>b'uL]\xae\x0fwI\xb3u\xff\xacP!B\xe1&amp;Ux\x9b\x88\xc6M\x0eM\xa3:\xdcj\xe2\x19\x1e\xff'</t>
  </si>
  <si>
    <t>b' \xdf\\\x1c\xc5\xf1E+\xc4c\x84d.X\xb5&amp;\xc9]\xe1\x11\xd7\x05&lt;\x97f\xb21C\x05\xae\xab\x94'</t>
  </si>
  <si>
    <t>b'\xb8.\xc1\x99=\x9b\xff\xf8\xff\xe5U\xffB\xeb\xb6O\xc4\xb5\x9a\xad%Yi\xcd\x1f\x9c\xb4\x9c\xb2\xc3\x7f\xe0'</t>
  </si>
  <si>
    <t>b'+oM\xd4\x8f\xe7\xd3\xe5,\xa9\t\xa1D\x9c\x03\x8c\xcf\x9f\t\xc8\xf7\x87J\xf5\xd3\xc3\x13\x07\xc5\xf3\xf7\xf0'</t>
  </si>
  <si>
    <t>b'\xbd\xc2|\xc36\x9c\xd2\xd8\xc8\xc1\xaf\x16^f},z\x9dtR+\xb6\xdd\xae\xc1\xad\xb2\x9e\xbdH~\x85'</t>
  </si>
  <si>
    <t>b'\xcaM\xce\x10\x15\x13\xff\xbc\xbb\xae\n\xda\xa7\xdb/\xab\xd9\x95m\xdd\x14Z\x9c\x95%\xef\x97\x87\x0e[\x18\x11'</t>
  </si>
  <si>
    <t>b'dP}\x01\xeb\xe0\xf0y\xb7\x02\x82B[\x9a\xd8\xb0\xfd\x87E\x9f\x1emB\x1e\x01x\xe0`O\xde?B'</t>
  </si>
  <si>
    <t>BILL PAY</t>
  </si>
  <si>
    <t>b'\xb3\x1c\x1e\x86t\xf1\x1f\xff\xd0I\x9d\xa7c\x0b\xf1\x1f\xb2\x89\xc4]\x10T\xa4\x84\x9f\xbe\xa8\xae\xd5\xe2\xaa\xb9'</t>
  </si>
  <si>
    <t>Payoffs</t>
  </si>
  <si>
    <t>b"\xd9\xaa\xec\xc6\x08\x02\xcb\x9f\xfe\x919oO\xad\xc9fF\x90\xaf\x91&lt;\xe3\xd2v\r\xe6A\x1e\x9a\x93'K"</t>
  </si>
  <si>
    <t>b'E\xfa\xe9m\xd1\xed\x9c\xdd\x02\xf1\\\x17\xa3\xef\x99\xa5\xb6nc\xc1\xc6&amp;~\x13.\x1f\x8e\xc1 R\xe0\xe0'</t>
  </si>
  <si>
    <t>b'`\x02\xe2m\x917\x80\x84\x04\xd5\xd3Tv\xd92\xc9%-n\xde\xd5\xc2\xa4\xe91c\xde\xfdY\xeaa\x00'</t>
  </si>
  <si>
    <t>b'ZG@C\x88\x95;a\x9fp\xa4\x0f\xa4\xb5\x18\x95\x86\x80\xaa4\x8a\xecf\x94\xda\xef\x83\x10\xc8\x03[)'</t>
  </si>
  <si>
    <t>b'\x06\xcbv\x98\x1a@\xdf\xe7f\xd4\xc3\xaag%7\x00\\\xfe\xa1\xfdh\x16\xedQ^&gt;\xd5\xe5\x1f\xaf\xbc\n'</t>
  </si>
  <si>
    <t>BofA credit card refi</t>
  </si>
  <si>
    <t>b'\x96\xa7\xf2\x16\xad\xdd\x90\x86{\xf35\xa5b\xf1q[b*\xf7=\xd2\x84\xc2\xf1*\xa0\xabx\xe0\x7f\xc0\x0f'</t>
  </si>
  <si>
    <t>Get out of credit card debt loan</t>
  </si>
  <si>
    <t>b'\x19I\x90\x82c\x9b\x984\xdev\xfa\xf50\x12u\xa7\xf7\xa7\x87\xdd\xc8G\xea8\xbe;\xb9\x94\xd2\xdcma'</t>
  </si>
  <si>
    <t>Pay Credit Cards</t>
  </si>
  <si>
    <t>b"\xfe\x14\xde2kRhM\x1b\xbe\xa0',+w\xc9v\xc0Cq\xcc\x9b\xdb\xc2\x81\xfbDt-\xfb\xc80"</t>
  </si>
  <si>
    <t>BILL PAYOFF</t>
  </si>
  <si>
    <t>b".fj\x12x*s\x88\xa1\xb4\xc6\xda-\xdd\xac%\xfd5\r\x12'#:\xbf\xa1c\x9f\x96M\xf8X\x03"</t>
  </si>
  <si>
    <t>b'&lt;]\x9f\xef\xff\xb5l\xc1\x9b\xdb\xfd\x03\x1ecL\xa0\xf9?r9\x03m_\xff\x8d\x8dNh\xf9\xa3\x08\x89'</t>
  </si>
  <si>
    <t>b"`\xbe\x86q\xd5\xa5\xa6\xa3\xd8\xa3\x8b;'\xc5\xda\xfe_oO\xfd\x14v\xe6\xc4\xf0\nH\xae5\x99\xd1K"</t>
  </si>
  <si>
    <t>b'(\x15\x17\xd8\x0cC\x8c\xc940d\xd0^\xf1\x1b~j\xd4c\x15\x05\xca\xf7\xc0\x14\x8f9C\x9c!\x83\xc8'</t>
  </si>
  <si>
    <t>914xx</t>
  </si>
  <si>
    <t>b'^\xf1\xbc$\x97\xebCL\\\xea\xa9\\\xbc`\x81\x05\x9e7\x94ynPb\ts\xa8G\xc0\xfb\xffy '</t>
  </si>
  <si>
    <t>b"\xae\x8aM\xcc\xa2\xae\xdf&amp;\xf7?\x91c\xd2('-.\xd2\x08\xae7Dh06\x9f\x1a5\xde\xef\xb6\xc5"</t>
  </si>
  <si>
    <t>b'\xa8\xfeN\x80\\\xe3\xa9M\xfe\x8f\x1fUSD\x8c\x94\xfd\xc5\xf0\xca2\xf7\xde\xfc\xdd\xd5\x897`et\x0e'</t>
  </si>
  <si>
    <t>b'\x95\x10\x96\x9e\xeb;\xb3\xc8\xbe\xbcSo\x97\xaa4q\xe0\x98A\xd5\x9cpsvPg8\xf3\x10\x8aF\xb3'</t>
  </si>
  <si>
    <t>b'\xaflT{\xfb\xdc \xabi\xb1&gt;\xd7\xb7\x1e\x9c\xba\xdc\xa5\xb8e``\x9eq\xd8\x10o\xc1@\x19q\t'</t>
  </si>
  <si>
    <t>b"W\xb9\xaa\xbb\x7f\xbbIsZ\xdc'\xc1\x03\x80\xe5+\xa7\x15Yn\xe2\x8d\x12\x1d\x0b\x12H\xed\x04\xe52\x1a"</t>
  </si>
  <si>
    <t>541xx</t>
  </si>
  <si>
    <t>b'Q\xe6\xee\xc6\xcf\x00`[\x0f=\x03\x86\xd0\xe25\xbf\xa23l\xb2\x07\x07Xw\x00]\xdc\xc6\xc6\x92\xa1\xfd'</t>
  </si>
  <si>
    <t>Pay Off Loan</t>
  </si>
  <si>
    <t>b'd~d\xd5ph\xac\x89\xc0\xce{\x9c&gt;]\x03==\x8e\x92e4\xd2\xef\x82\xd7C\xf1\xf1\xe4\x88\x10^'</t>
  </si>
  <si>
    <t>consolodation</t>
  </si>
  <si>
    <t>b'\xe0\x19RV8\nB\xdaF\xb5}\\\x86\x18f\x1e\xb0d\xdb\x9b \r\xb5.Y\x82h^\xe3\x06\xef7'</t>
  </si>
  <si>
    <t>CREDIT</t>
  </si>
  <si>
    <t>b'l\x0br\x97e\xb1\x1c;\x89\x9c4\x91\xf6\xb6\nw:\x8c\xc6\xcay\xc0MD\xf0Q\x19\xd8\xba\xc9.\x9c'</t>
  </si>
  <si>
    <t>b'\xabO\xa6IV\x99\x8e\x1b\x16\xef\x92N\xd8 q\xc6=)1\x8d\xe2\x86ka\xc5\xf6\xef\x87\xbd:,\xb4'</t>
  </si>
  <si>
    <t>b'\x9e\xc4\x9dt\x14\xf0!Q\xbd1\x0e\x9c\xba\xea=\x81\x9c\\\xed\x03\x07\xdf\x90\xde\xe6\xe4Z\xe1\x0b\xf5\xff\x86'</t>
  </si>
  <si>
    <t>paid off</t>
  </si>
  <si>
    <t>b'T\x80\x9d\xd8c\x02aTmr\x8b\xb4\xf8\x83\x01&amp;\xbf\xb0"\xb2\xdea\xcb\xdf\x1a\xee5.\xf9\xb4\xd2\xd0'</t>
  </si>
  <si>
    <t>b'\x05\xf6\xb2\xb2\x8e\xb8[\xc14W\x15\x08(\xe4\xbc\xe3\xef\xa0\x06R\x15\xff-6\xda\xd5\x1a\xeb%\xe3n\n'</t>
  </si>
  <si>
    <t>1lendingclub1</t>
  </si>
  <si>
    <t>b'\x82\x88o\x0f\x0e[\xd8\xb78\xb7\xf3\x19tRx\xd0\x9d/\xdby|-\xc6v\xacm\xbb\xc2\xe2\xc7\x08\xad'</t>
  </si>
  <si>
    <t>b"\x1f\xb3\xd7\xe7\x9d\xa7o[?\xa9\xf9\xe2l\x8a'\xa8kc\xcf\xc2\xf4i+\xe8\xbe8~\x16\xdd^\xad\xa9"</t>
  </si>
  <si>
    <t>b'\xb0\x82C\xf7\x1e\xd6\r=\x06\x0f=&gt;U\xf5\xd2\xf3\x86\xa9f\xb0\xabw\x9bj\xca\xc8O\x95C\xcfr\xd5'</t>
  </si>
  <si>
    <t>wedding loan</t>
  </si>
  <si>
    <t>b'\xd4\xe6+\xe4L\xcf\x858\x1e\xb8vb%\xe6\x9a\xe2#\xca5eZ7h=\x88\x9d\xe7\xa5\xd7\x9f2\xcf'</t>
  </si>
  <si>
    <t>b'k\xa9A\xff\xb5\x85\xbe\xac\xd5\xaed3Cx48\x96\xd5\xc4;\xae\xbe\x01\t\xe2\xac\\\x14\x1aS1\xaf'</t>
  </si>
  <si>
    <t>b"\xde\xa1\xf4\xeb_`(\x1cz&gt;\x9d \x80\xf7\x1c\x03\xb1!\xdd'\x08\xaaI\x0f\xb8\xff\x15\xf4z\xf0F\xc6"</t>
  </si>
  <si>
    <t xml:space="preserve">Credit card consolidation </t>
  </si>
  <si>
    <t>b'Z#\xb3\xf6\xa5\xf6F_Wc$u\xd2\xcbX\x91\xb0\xce\xf6\xac\x91t\x8b\x06\xfc\x84G,\x04\xe3\x1e}'</t>
  </si>
  <si>
    <t>b"J9\x95\x119'.\xcf\xd6\x8e5Akr\xe8\x1f\x9b\x9a\xb5\xa2\\[\x8c}I\x1c\xed\x89o\xe1\x1d\xb0"</t>
  </si>
  <si>
    <t>consolidation (enjoy living again)</t>
  </si>
  <si>
    <t>b'\x87\xa9\x16\x9d\xa2\x98\xc4\xfc\x94p\xe9\x81B\xa5\xb1d\x9d\xc1\xea\x0b&gt;\x8f\x16E\x98\xdc^$\x0b\xa0\x07T'</t>
  </si>
  <si>
    <t>Help our Daughter</t>
  </si>
  <si>
    <t>b't\x05\xfe\x12)d\xc44\xe9\x1e\xbf\x95\xecfj\xb4\xa8\x0f\xfdW\xe6\x9d\xa2IT\x1e\xcc\xbb\xfcB\xea&amp;'</t>
  </si>
  <si>
    <t>Project Loan</t>
  </si>
  <si>
    <t>b'\x93\x8c\x8a\x8fb(\x19\xbf\xe1\x1c\xe2O`\x82\xc6h-f\xa2\x7f\xb0ZE\xa5\xda\x0c\x15\xd77~Q\x8a'</t>
  </si>
  <si>
    <t>b'\xd6x\xbdPl\x18\x13\xae5O\xc7\xe0H\xaeM\x81\x0c&gt;\xedN\xfb\x96IX\xdf9\xa2+\x83\x84\x0f\x0e'</t>
  </si>
  <si>
    <t>b'o0\x03\xfd=\xe5\xb5L\x8a\x9b\x10\xd1\x88\xff&amp;&amp;@\xb2o\x00?d\x05W\x8eh\xef\xc7\ttG\xf0'</t>
  </si>
  <si>
    <t>b'A^\xea\xc5\xd2B,\xd3GE\x8d\xd8\x84\xf1%\xc7y_\tU\x14\xf2\xecX\xfbvoQ\xfe\x92`9'</t>
  </si>
  <si>
    <t>Credit Cards Savings</t>
  </si>
  <si>
    <t>b'\xb7&lt;\xd4\xf94w\t/_\n\xdc\x93\x1b\x1aH&gt;\x12\xb7\xfe\x8b}\xfb\xf0\xb8\xbb~a\xcck;\x1a.'</t>
  </si>
  <si>
    <t>Over the final hump</t>
  </si>
  <si>
    <t>b'\xaeD\xa4\xef\xd3\xe4c\x96\xc7\x82\r4|\xbe*#\xf2\x8e\xa5\xcf"\xf5T!&gt;\x81\xfa\x82\x9a@|\xf1'</t>
  </si>
  <si>
    <t>668xx</t>
  </si>
  <si>
    <t>b";\x13DG\x10KeI\xe6\xd2V\xd6\x1f\x088j!\x1a5'\xc0\xcd\xa3E\xf5\x11\x04Ee\xfbSc"</t>
  </si>
  <si>
    <t>b'\x1df\x9e`ew\xdf\xf2\xf9^\xcb\xa0e\xf5\x86\x0e\xb2\xc9\xdd2\xe5\x07\xc0\x89lus\xc8\xfdV\x07\xe5'</t>
  </si>
  <si>
    <t xml:space="preserve"> CCelimination</t>
  </si>
  <si>
    <t>755xx</t>
  </si>
  <si>
    <t>b'\x19\xcf&gt;\xb4!\x92O\xfd(^\xef\xc4\xce\x82E\xb6\xb1\x1d9\xa7\x02\x92\x10\x82\x8b@\x11\x0f)\x8dVZ'</t>
  </si>
  <si>
    <t>Credit Card Consolidate Loan</t>
  </si>
  <si>
    <t>b'\x95\xa9_\x83D\xcb\x93\x1b\xf0^g\x84\x1b\xe6\x19\x84\xfb\xf2\xc06\x8e\x182\xed\t\xea\xc8B\x97\xf8T\xb2'</t>
  </si>
  <si>
    <t>teeth +</t>
  </si>
  <si>
    <t>b'\xd7\xc6}\xce\x95\\\xa0\r\x8f\x00\xb0\xea\x90\x90\xa4\x81\xa5\x14\x91H\xafc\x13e\n|\xd1RYg\x0c\xcb'</t>
  </si>
  <si>
    <t>Credit Refinance Loan</t>
  </si>
  <si>
    <t>b'~\x1f\xdd\x86\x0e{\x90l\xafG\xd8\x06x&gt;\x03\xe2&gt;G/\x9f\xa2}\n\x87P\x87[\x923\x84\xdc\xdd'</t>
  </si>
  <si>
    <t>975xx</t>
  </si>
  <si>
    <t>b'\xac\xa6\xe4\xf6\n\x12V\t\x12\x9d5#\x80\xfc\xbcJ7\x00\xb6\xee\xd2$e* \x10\x84\x03\x9f\x93\xb5\xfb'</t>
  </si>
  <si>
    <t>b'=\xacU?\xa8\xde\xa6\xb0\xa9\x0fV\xba\x80\xd1\xe1k\xf9\x9e\x8e\xd4U\xc0\xb2\xccX\x8f\xf7s{2\xdf\xa9'</t>
  </si>
  <si>
    <t>payed off credit card and truck</t>
  </si>
  <si>
    <t>b'\xc3\x17KG\x8c\x9c\x7f3*\x00?\x1aH/\xa6yC\r\x0b\x13\xea\xca^\xa0\x07\x1ek\xb5\xff\xbe\xd0+'</t>
  </si>
  <si>
    <t>b'\xd3OZ"\xe5\'\x1d{\xe6\\+\x05\xc1\xe4\x7f|^A\x82\xe0\x15k:d\xaf\x1f\\Y\xe21yZ'</t>
  </si>
  <si>
    <t>paybakdebt</t>
  </si>
  <si>
    <t>b'\xe7h\xcc\xa0&amp;eE\x82\xb1\x86`\x14\xc8\xcb\x0c\xe2\xaf&amp;\xe2\xf8Z\xbd\x84\xdeC\x99\xd8\x91\xa5\x05\xf4\xb3'</t>
  </si>
  <si>
    <t>b'\xd7\xd7\x19t=/Nz\x86\nb&amp;\xf9\x90,5\xd8\xfa\x01p`\xd2\xf2\xefq\xdcU\xe5\xe5my\xda'</t>
  </si>
  <si>
    <t>b'\x04\x97z"\x91\x84\x19\x83\xf9KO\x10\x1d\xe1\r\xaf\x85H\n\xb1\xf3\xc1\xe6\xc0\x0b\x17\xbe\x15\xc3\x8c\xecy'</t>
  </si>
  <si>
    <t>b'O\xcd\xb8\xaf`\x1c\xc8Ps$\x7ft&gt;\xc5t^\xbc\x9e\xfeA\xfa\xee\xe1\xdbd\xe3\xe3\xc0&gt;`\x91\x03'</t>
  </si>
  <si>
    <t>b'\xdbd\xe35\x19\xfa@\xc8@\xf4W\x08j\x06\xe7\xe3/kz\x97\x10Y\xe0\xb6\xeaM\x85\xad\xe1\x0fC\x9d'</t>
  </si>
  <si>
    <t>b'\xb26rbR\xe2\xe9\x16\xc6\x07\x80\xcewm\xd4"j,\x8ep\xbbO\xab\xf8j\xc9\x82\xfe"\xd49\xff'</t>
  </si>
  <si>
    <t>b'f\x9a\xadr\x10\x99\x05%\x87,\xd6\rug\xac\xd7\xe4\x9c\xa4~\n\xbe\xec\xc4"\xbb\x8e\x87?1\xe8\xf7'</t>
  </si>
  <si>
    <t>CONSOLIDATION OF BILLS</t>
  </si>
  <si>
    <t>b'\x11\xc8p\x97\xba\xf8\xa1\xb7h\x80!E\xc6@z\x87}?}6\x1d\x9a52\xe0\xc4Vop?\x9e\x1e'</t>
  </si>
  <si>
    <t>b"vi\xc2L\xb9'\x04U(\xcd5\x1d\x04\x8140\xcd\x93\x16\xa1\xcf\x16WY\x1c\xa4\x84\xca\xb7-)\x84"</t>
  </si>
  <si>
    <t>b'\x04:0X\x8e\x06\xa1\xeb\x16\xfc\x84zq\x96+&amp;_\x85&amp;W\xe3\xc1Ss\xc2pq-\x1c\x8c\x14S'</t>
  </si>
  <si>
    <t>b'\xf8\xc5\xcd\x17b5\xc5l\xd0\xfe\x08r;\xd9!\xaf\x16\xf2\xd7\x9b i!\xd3\xe9\xcd\x83w\xea\xc9I\xfb'</t>
  </si>
  <si>
    <t>b'\x1eI6\x9f\xbb\xdbj\xde\xc6\xff\xcag\xca\xd5\x15d/\xd4\xcc\xf1\xb8\xaf\xc2:\x847\xb4L9\xc3H3'</t>
  </si>
  <si>
    <t>b'Z\xad\xe37#\x81\xce-\xb2\xfa-\xe3\x05\xd7\x19\x9b\xfdg\x88\x80&amp;m"2\xbf\xfbj!\x9a?\xab\x0f'</t>
  </si>
  <si>
    <t>Dedt Loan</t>
  </si>
  <si>
    <t>b'&amp;/R\xdd5\x06\xc5:\xa6\xafY\xcc\xf3`&lt;\xa6Di\xb0K\xcd\xda\xa2\xd2\x15\xa38\xd1]\xdbl\xff'</t>
  </si>
  <si>
    <t>Debt consolidation Loan</t>
  </si>
  <si>
    <t>b'9\x00)+h\x8b\x9c\xc3\x96\xc7w\x13Ta\x97\xeb\xd9A\xcd_\xe9\xed&lt;s\xa2~cZ:o\xbc\xb8'</t>
  </si>
  <si>
    <t>b'\x1e\x162\x1fL\x1a*\xdd7b4CG\x15\xc0W\xc8&amp;\x95~\x9d\xa1\xdf\xb6a\x95\t\xd08\xad\xa71'</t>
  </si>
  <si>
    <t>b"o7E\xb6\xfb\xdf\xa9&amp;\x8c\xfb7\xb8\xb9,#\xa8Xz\x86}\xcdo\x08\xb1\xb4'\xc8Z\xc40PO"</t>
  </si>
  <si>
    <t>261xx</t>
  </si>
  <si>
    <t>b'\xb5j\x9d\xef\x7f,\xe8\xe5P==\xbf\xc4\xee\x16^\xa5\x1adV!X\xfc\xd9\xf4\xac@\xa5\x08\x9b+\x1e'</t>
  </si>
  <si>
    <t>b'\xc5\x0c!\xa8\xa7P&lt;^\xe2\x16jr\xcc\xa0\xc0\xcf\xd3&gt;\x0c\x1b\xf6\n\xcf\x14\xa23\xa8\x84\xa0\x01\x17\xcf'</t>
  </si>
  <si>
    <t>b'\x1e\x9a\xcbB\x19x[k\xe97\x0b\xd0\xbc\xac!G`\xd5\xea(\xb7\xe8\x13.L\xe8\x80\xa4\x87\xf33\xfb'</t>
  </si>
  <si>
    <t>b'\x85\x8aT95\xa3s_\xd5\xf5v2n\x0f\xffX|\xc8\x96H#\xad7"\xfc\xd2y\x80\x9a[\xbe|'</t>
  </si>
  <si>
    <t>b'mp\xd3\xb0F\xd9i\xa6\xc92\xf6\x82HW6\xe7d\xf0\x15\x86F\xc9\xe0 \xe9j\xd6\xd4\xba4+\xb6'</t>
  </si>
  <si>
    <t>mydebt</t>
  </si>
  <si>
    <t>292xx</t>
  </si>
  <si>
    <t>b'\x9f&amp;\x04\xc3l;+\xfb\xbc\x1bF\x81\xd0 2\xc4$\x13\xae\xb9\xbb&amp;\xf0\x17\x80\x90\xaa\x01\x01\x8d5D'</t>
  </si>
  <si>
    <t>740xx</t>
  </si>
  <si>
    <t>b'\xe0Q\xe1\xbc\xf0\x80\xb4p\xa0\xf2\xd2\xf1z\xb7\t\x8d\xf2}m\x15Sd&gt;\xe3I\x94\x9fM\x90H\xcc\xe9'</t>
  </si>
  <si>
    <t>b'\xccU\xbe\x9c\x9d\xf5\x19\x11\x89\xa5\xb1\x13\x8f\xd8\xe5)~\x9f\xfc\xf2v\xa9\xf1\xb61\x15\xd6y\xc3\xf3\x9f7'</t>
  </si>
  <si>
    <t>Future</t>
  </si>
  <si>
    <t>b'\x08G\x89\xf9\x99=\x95;l\x03\xda\x85}&amp;\xce\xe8\xe6Z\xd3\xf6\x8a\xc5\x06\xf4\xa2%\xfe\xfae\xda%\xfd'</t>
  </si>
  <si>
    <t>b'\xf8\xbdq\n\xf1\xd6sg7\x13\xa4;\r\xc4\xcf\xf8\xe9|\xc7\xdc\x7f.\xdc\xe1,\x0f]\x9e\n\x069U'</t>
  </si>
  <si>
    <t>b'\x80Y\x05\xc7\xbe\x87\x923\xb70\xb0W%|\x884v!\x86Q\xd1\xa2\xc2\xf5\x07\xee,\xaa\xc1\xee\xab\xdd'</t>
  </si>
  <si>
    <t>b'\xf6F\xda\x03Q\xda\x98UG$R\x08\xbbk\x10\xb6\x1e\xfdh$\x98\x95\xf7o\x9b`?R\n\xc2\xc7\x03'</t>
  </si>
  <si>
    <t>b'\xb6\xcb|\xc8C\x13}q\xa52\xe5\xeb\xb5\x1b\xd6V\nV\xb6+P\xa1\xa7s\xaf\xb8\xe9\x91\xb2c\x02\xb0'</t>
  </si>
  <si>
    <t>b'\xf7\xf2\x8d\xa0\xda\xd5\xe5\x93\x15\xf5\x06\xc1\x01\x00\xf6_x\xcf\r\xc6L\xb8\xe4\xac\x18\x81\xe60\x0b\x15\x07\xdd'</t>
  </si>
  <si>
    <t>b'WFu\xad\x8c\xa3\xa19n/\x98\xabP\x98\xfc\xe0\xeed\x056\xb8\xa8:#\x84\xe7\x9c\x85\t\x94\xe7I'</t>
  </si>
  <si>
    <t>b'\xc6\xfb\x04\xdb\xb1v\xbb\xe7\x02\xa6jzQ$\x1dg\x10=?\r&lt;\xac\xe0yu-o F\xc6-\xad'</t>
  </si>
  <si>
    <t>b'\x9a\x13\xb7Y*\x96@i\xe5\x87\x82\\\xce\x83\x00^\x83\xfc\xfe\xc8\xa8\xe2\x80v\x85\xb2b\x92D\x8d\xacc'</t>
  </si>
  <si>
    <t>Orignal Lending Club Loan Refi</t>
  </si>
  <si>
    <t>b'[\x8e\xb6\xc4\x84m\x8dA\xa2\x99t~\xd9\x1a]8\xce\xfchf\x1e\x93\xa9hY\xb4\xaa\xe8~Y0K'</t>
  </si>
  <si>
    <t>Consilidation</t>
  </si>
  <si>
    <t>651xx</t>
  </si>
  <si>
    <t>b'\x1a\xcf,V\xa3\xaf\x11\xf8s\xd5\x14BQ\x87\x9f\x84\x8b\xb0R\x19\xb0&lt;\xe3\xbf?\\\xaen?\x8b\xe63'</t>
  </si>
  <si>
    <t>b'\xd5z\x1f\x02\xf1\x19\x9f\x13wmab&lt;\x14\xf5\xc8\xef\xc9"6\x05\x1d\xc6\xdd\xdd\\\xc8\xd2M\x85BF'</t>
  </si>
  <si>
    <t>b'\x8f@Q\x10\x01yo[0\xa5\xa4\x83}\xab\xf8YT$~\x8b/O\xe4\xf0\x9a\r\xad\x11g\xe6}v'</t>
  </si>
  <si>
    <t>b'/\xd1\x98gv1\xc9\x81\xd3}&amp;jtb\t\xd3\xe3P7\x1e&amp;uO8d\xb0\xedT\xd7\xaaJ\xcb'</t>
  </si>
  <si>
    <t>CC PAYOFF</t>
  </si>
  <si>
    <t>816xx</t>
  </si>
  <si>
    <t>b'\x0fy\xc7\xcd\x133\x8eUPtwA\x0b{v*VQ\xf0(\xd5\x81\xf1\xd4Z\xc6\xce\xb9\x1f\x17\xbcb'</t>
  </si>
  <si>
    <t>improvement</t>
  </si>
  <si>
    <t>b'}\xd8\xd3zM\xc0A\x86\xc8\xf2^4\xcc3*\x1bB\xb0F?\xb9\xd23\x04y\x92\x83B\xabH\x9f\xac'</t>
  </si>
  <si>
    <t>b'\x1f\x016i\x1ds)4\x9a\xe9\x9d \xd6\xab\x07 MO\xc6\xf9\x8e\x16u\xecv\xf9:\xb6\x974\x01\xc0'</t>
  </si>
  <si>
    <t>credit cons</t>
  </si>
  <si>
    <t>b'\x9f\xa1\xc3\xc9\xd3{\xd07\xb6\xf4\x92\x0eh\xe1@l\xfa\xa1\xa8{\x9erf\x86\xd9`\xa3\x80\xf7\x1e\x9f\xe9'</t>
  </si>
  <si>
    <t>my personal loan</t>
  </si>
  <si>
    <t>b'n|\xd1\xb0\xc4\xd1s\x8cb\xfbXM\x94t-$\xcf\xd9\x17C\x04\xab\x8d\x0b\x11g\xdej\x1dA\x17\xf5'</t>
  </si>
  <si>
    <t>Freedom from debt</t>
  </si>
  <si>
    <t>b"\xdc%#\xd9\xf5?\xc2\xecG\x80\x8c\x0e{=\xaf\xdd'\xd7j\xfb#\x18\xcbL\x0e\xc4~\xf9)\xff_\xd8"</t>
  </si>
  <si>
    <t>b'T\xdc\x1f\xa1\xa1\x0fo\x03C\xb4\xd2\xc7\x90J\x85#\x92-;\x95F(\xb5%\\\x90GY\xaaP|\x0b'</t>
  </si>
  <si>
    <t>b'\xe5\xbc\x06\x0e\xb9\xbb\xe7z\xab\x9d\x1a\xa9\xf5\xd8V\x86\xb0}\x83g\x87\xe7\xc04Y!\xdb\xbb\x8b\xbfv`'</t>
  </si>
  <si>
    <t>b'bR\xf0\xf9\xcf\x90\xa3\x08\xd5K\n\xbc\xd2a\xff\xf7\x0cRY\xdaLx\x13fW?\x8b,\x93e\x7f\xc8'</t>
  </si>
  <si>
    <t>b'pXH,\xa5\x05ebL\xffv\xa0$\rz\x95w\xca\x8f\'=-e"\xfb\x8d\xfd\xcf\xb4\x00V\xc9'</t>
  </si>
  <si>
    <t>b'\xc3\xdf5\xf9W\xe1x\xf58\xde\x12\xe1\x0bj\xa7\x91\\;%\x19\xdcSrE@=\xfeh\x18K\xba\xc7'</t>
  </si>
  <si>
    <t>b'\x0cvC\x9deR\\\\\xd4\xe4\xf2\xc3\x16\xbd\xf0\x07\x8f?\x86T\xea\x15\xa5^\xaa\x88\x17K\xbe\xfe\x1d\xdd'</t>
  </si>
  <si>
    <t>b'-\xce\x97F\xb1Q\x1e\xe0UM1K\xd1\xf8o\xa4&gt;b\xde\x04\xa3\x0b\xfc\xa6\x0c\xdc\xa0\xa1E\xc4C\xa1'</t>
  </si>
  <si>
    <t>b'\xea\xbfb\x19\x93\x80\xb2\xbb9|\xfc1j\x06r\xd3\xee\x1bo\xb11+\xba;\xe9\xea\xda\xff\xf1\x8e\xc1P'</t>
  </si>
  <si>
    <t>Pay off high interest credit cards</t>
  </si>
  <si>
    <t>b'\xda\xa9r\xdeK\x8d\xb9\xf16\x9fg\x92\xc5\xaa\xcf\xbd\xf4(\xb8\xfa\xe9\x98\xdeb\xf5\r\x15\x8e\x97\xfe#7'</t>
  </si>
  <si>
    <t>Stop Paying Interest</t>
  </si>
  <si>
    <t>b'q\xf3^\x8e\xe1*\x9cjH\x94\x03\xa5\x87\xf6Mc\x17ud\xc1\xd1\xaf:f\xee\xbd\xf9\x19\xaec#\x03'</t>
  </si>
  <si>
    <t>b'\x8f\xdf\xe7\xf8\x94\x15 N\xbe\x0c\x162\x18d\xe2\x9d\xbb\xbf\xf3\xc1\xaf\xfa\x16\x18LJ\x90\xaa\xe1\x02\xc4\n'</t>
  </si>
  <si>
    <t>b'\xa7\xe3yS0\xde\nT\x04\xce\xbbj\x0e\xab\r\xf7F\xac\xdb\x017\xd8w\xac\x826\xb6\xa1\x93U\xfei'</t>
  </si>
  <si>
    <t>garage</t>
  </si>
  <si>
    <t>b'\x9b\x9d\xba\x83\xb8\xfa\x03\xde\x16\xb1\xb8skL\x05\x8d\x1a\x8d\xc9\xad*\x89W\xaaaG\xa8\x88\x94|\xd77'</t>
  </si>
  <si>
    <t>b"f0\x84\x9e\xe2\nG\x9d\x1f\x94 \xf0\x1f\x7f%\xbd\x86'\r\x9a\x9d\xa2\xb0\x87,\xa1\x12\xc5\x9d(\x05\x10"</t>
  </si>
  <si>
    <t>b"U\xbb8Q\t\xfe\xca\x16\x9b\xd0&amp;\xf0\xdf7%tQ\x0f\xd6\xa9\xb9!\xe6\xd3\xdf\xd5\xba\xda\xf3w'\xbd"</t>
  </si>
  <si>
    <t xml:space="preserve">Debt Consilidation </t>
  </si>
  <si>
    <t>b'\xad\xb4Y\xe6&gt;\x0c!\xef\xab\x8c\xc1\xcd&lt;\x19?/s\xba\xb1\xa3\xc1\xb9\xe4\x16\xef\x80\xa2&gt;\x95\xa0^\xaf'</t>
  </si>
  <si>
    <t>b'@&lt;\x87\xce\xf4\x10h\xce\xf0}\xb09\xef\x9e{[\xcbTn\xd4e\xd1\x9e\x10\xdax\xe8\x84,$\xca\xba'</t>
  </si>
  <si>
    <t>b'W\x944\x05;\x00\xd4\xdcl\xd2\x05BR\x81\xfa\x84P\xec\xa2\x19\xaa\xf5NM.\xe3~\x04+\xa3\x88\xe9'</t>
  </si>
  <si>
    <t>my loan</t>
  </si>
  <si>
    <t>b'\xf3|w\x820\xa8Y 3b\xbc\x01\xcf\xc8\x8b\x04\xccf0\xc1\x80\xc0\x86\xb1n{\xf1\xc6d\xe0\x9fB'</t>
  </si>
  <si>
    <t>b'\x98\xb6\xab##+\x13\x828\xb9\xf7\x85#\xe9\xb5\xdc^\x81[\xf3B\xd0\xda\x19\xcb\xf7\x91\xebN\x99\xe99'</t>
  </si>
  <si>
    <t>b'\\}\x1aR\xedn/\xc1\xd49p\xa5\xedj\x88u2\xb5u\x1c\x9d\xa2\xdc\x8d\xdb\x90\xb8C\xbd\xd60b'</t>
  </si>
  <si>
    <t>b'Z\xd1\xde\xed\x07\x0e)Rkw\xa2D\xfa,AmW2.\x8f@W5o\x8cz\xda\xae\xb6\x91\xe9\xce'</t>
  </si>
  <si>
    <t xml:space="preserve">Debt consolidate </t>
  </si>
  <si>
    <t>b'\t\x88\xf4\xb8\x90\xec\xdb\xbc\x08\x19X\xd0\x03\x06\x1c\xa4\xe2\x9djB\xed\xb9*H\xecs\xe0\xa5\xf1c\x17j'</t>
  </si>
  <si>
    <t>b'`\xe2\xd2f73~dL\x07^R\x8cit\xb9\xb9o\xae~wr\xacm\xc3t\x15(\xc5\xe6Xz'</t>
  </si>
  <si>
    <t>129xx</t>
  </si>
  <si>
    <t>b'\x04w\xa2\x1d\x1a\xb7\x02\xc3\x04\x08\xedJ\t\x01\xc4\xde\xaf\xbf\t\x14\x1fv\xeb2\xb8\\J+@\xc4E\x8d'</t>
  </si>
  <si>
    <t>End of the Tunnel loan</t>
  </si>
  <si>
    <t>466xx</t>
  </si>
  <si>
    <t>b'z\x8dG\xbb\n\x9c\x1f\x0cW\xa9\xbf\x00\xec\xd6\xf3\x8e\xb7)t\xfdSvR\xfc\xa4\xf39\xbd\x99\xb4\x8f]'</t>
  </si>
  <si>
    <t>Credit card pay</t>
  </si>
  <si>
    <t>b'\xfc\xf3\xb2\xdb\xa8Y\x07\xda?n\xa3w\x86\xe4\xa9\xdcKQ(n\x03\xec\r\x9fc\xf9\xd3\xdd\x11S\\o'</t>
  </si>
  <si>
    <t>b'\x13x_\xbd\xec\xbcg\x81\xa1%\xb9\xdaZ\x0023\xd5\xd1^\x1d\xaee\xa6\x00d\xb8\x95\xf5f\x85\x89"'</t>
  </si>
  <si>
    <t>b'\x8c\xab\x943\xbd\x90\x94M\xeb\xe5\xac:\x1bsN\x0b\x1c\x8c\xf1\xd3\x031\xa17\x9f\xd9\xf5\xb9\xe0r\x95\xcf'</t>
  </si>
  <si>
    <t>Reduce That Debt</t>
  </si>
  <si>
    <t>b'dm\xb1\x9a\xfc\xe6jB6#\x034*\xe7\x80\x82\x87?\x8ca\xdf(\xe4uKV\x934\x1f\xa7&gt;}'</t>
  </si>
  <si>
    <t>b'BkWqB#\x0f\x92\xa58\x06\xe2\xd7\xeb[x\x95\xf5n\xa7\x14E\xf8\xc6\xf5C\x0e[\x0czB\x07'</t>
  </si>
  <si>
    <t>payoffcreditcards</t>
  </si>
  <si>
    <t>b'\x85\x7f\xd6\t\xe3\x19&lt;"\xa1J\xe6\xd41S\x94\xb2x\x94\xb8\xde&gt;\x1cN\xdf\xc0k\xed\x95\x83\xd5\xeeC'</t>
  </si>
  <si>
    <t>b'\xfe\xea\xac\xac`U\x9d\xe9Fg\xa7\x90\x0b\xf3\xad\xf7_\x15\x7f3\x17qD\xc3\x08\xec\x8aa\xdc_G\x00'</t>
  </si>
  <si>
    <t>b'\xc0\xc2\x04\xa4:M\x13_{~8\xde\x02\x7f/\x12\xb4\xe2\xb9\xee/\x97pp&gt;\xa1\xb1aS\x8c\xcf\xc4'</t>
  </si>
  <si>
    <t>Debt Consolidation &amp; Home Improvement</t>
  </si>
  <si>
    <t>b'\xbe\x94\x84^u\x85\x15rm\x87q\x92\x0f\xe9u\x90/\xcd&lt;W\x7fM\x1a=\x88\xdbU\xd3$7]\xf0'</t>
  </si>
  <si>
    <t>b'\xd0\xf3-^\xa1W\xb8\xf5A\xf5\xecG\x1e\xf0\xa1\x9d\x9c$*)Y\xe7\x05c\x13\xf1\xa7|\xa0@x\x15'</t>
  </si>
  <si>
    <t>Make it easier</t>
  </si>
  <si>
    <t>b'|!L\xea\xfb\x88\xc1%_pa_D\n\x88\xd9\xc1t\x988\x1d\xa01\xc7B\xbe\xfc\x13\x05\x9f\xc8\xf3'</t>
  </si>
  <si>
    <t>b'5%\xfc\x98\x1aM+\x92\xa1\xaer\xec\xd0R"\xd5GQ20\xb8\xc6\x04\n\x0c4\xfbN\x83s\x0c\xd4'</t>
  </si>
  <si>
    <t>clouds</t>
  </si>
  <si>
    <t>b"Q\x02c\xe1Ud'p\xcb\xa3i\xd9\x1e\xc5K\x83\xce\xf7\xdf(\xf7v\xbe\xd9\x90(.]\x10\xd6\xf4-"</t>
  </si>
  <si>
    <t>716xx</t>
  </si>
  <si>
    <t>b'\x8b\xdd\xc3\x9fR\xae=Cy\xfc\xc7\x88\x17\xd5\xe3U\xc6\x86t{H\xbe~$\x80\x17?\x854\xfc\xa3\x08'</t>
  </si>
  <si>
    <t>Medical bills and debt consolidation</t>
  </si>
  <si>
    <t>b'J\xb3\xe6\xe7\\\xa6\xbdou\t\x80%T\xc0Ee\x9f\xec\x9b~I9\\\x12\x03M\xd5@\xdb\x83g\xd5'</t>
  </si>
  <si>
    <t>b'&amp;\xb3\x1c\xe2-Hhx\xfa\x08\xce\x1a\xf75\x8f(\xe7\x86\xea_W\xb8d\xec\x11\x0b\xbcxP\x18/p'</t>
  </si>
  <si>
    <t>One Payment</t>
  </si>
  <si>
    <t>707xx</t>
  </si>
  <si>
    <t>b'S`\x8f\xcb\x9b\x83\xa5\xdd\x10\xd9\x85\x05\xb5M\xb9\x18\xd3\xf2\\p\xfb\xc9s\x1b\xb9\x9d\x97/A\xee\x98\x9c'</t>
  </si>
  <si>
    <t>b'(\xe4\xb9&gt;l\xe2\xd5\xdf\x13\xaf\x10\xd0D\x9eC+\xe7\x03n\xec\xe5mFU\xa0\xabq\xab\xbb\xc6\xe8\xc5'</t>
  </si>
  <si>
    <t>Closing costs for home sale</t>
  </si>
  <si>
    <t>b'\xa2Q\x13\x188\x02\xc7\t\xceM6p\x12(\xccTU\x0b8B\xe46L\x9f\xf9\x03\xf5\xb5M\xab\x04\r'</t>
  </si>
  <si>
    <t>b"z\x07\xa2%(\xe0\x1b\xe9\x06B\xdd\x009\x7fE'\xb6*i3\xaf\x99\xc0\x87\x8e04Z\xc9 \xe6\x91"</t>
  </si>
  <si>
    <t>b'\xb6\xa0J\xb3)&gt;0\xaf9D\xe5H\xda\x12!\xf0\x8e3\xeaB\x8c\xb8d\xe9\xf7*\x07_\xe5\xaa\xe70'</t>
  </si>
  <si>
    <t>b'\xd4F\x96]\xaf\xec\xa4s\xba\x90\xac\x1b\xd5x\x037?\xb2\xd0\xc3[\xdb\xaeP\xc5\xbe\xb7bj3\xd9\xa5'</t>
  </si>
  <si>
    <t>b'\x97\xef\x924q\xcb\xa8T\xb6n\x04\xfbi\x10\x1c\x04\xbd/\x9f\xe6U@\xfb\xea\xb3\xac\xe1\x11e\x96\xbbu'</t>
  </si>
  <si>
    <t>b'xR\x91\xc56t\xdb\xcdwv\x98\x08\xddt\xe7a\xea!\xc1P\xb7\xf8\x1b\n\xbf.\x0bh{\xdcI\xd5'</t>
  </si>
  <si>
    <t>b'\xf2\xbf-*\xf4\xe19\xe0=\xdfd\x9ci\x83nV\xcbA\xc6A\x01\xb6\x8a{\xb6\x9f\x04\xe8\x10\x1akG'</t>
  </si>
  <si>
    <t>b'\x8d\x94\x0f\x04J\xb51H\xa4~\x07\x9b\x02.\xa9\xc7\x98\xaa9\t\xcb\xfb\xa3\xf3\x0c\x16.\xef\x95\xee\xda\xb6'</t>
  </si>
  <si>
    <t>b'\xd4\x13\xfbJ\x00./\xdaf\x83\x1d`\xae\x1f)D8\xe7\xa1\xa4f\xaeI\x9f\x84\x1e\xe5\xbc\xa4\xce\xb8$'</t>
  </si>
  <si>
    <t>Consolidated Loan</t>
  </si>
  <si>
    <t>b'}\xc3\xd2\xa3\xa3\xd4=\xfb\xe3\x08T\xe4\xbc\xdeJ\xcf\x07;&lt;B1V\x0c\xde)v ~N\xe7?\xb4'</t>
  </si>
  <si>
    <t>debt and remodel loan</t>
  </si>
  <si>
    <t>b'0%3_\xe8\x99o\xd7PH\xe3\xeah\xbdw\x1b@\x8du\x9e\x9e\\3\xdb\xd7~\xdc-\xd6x\x9by'</t>
  </si>
  <si>
    <t>Consolidation of credit card debt</t>
  </si>
  <si>
    <t>b'\xd0\x1f\xa0\x8f\\5\xd8\xd3S\x04R\x8f\x842\xaf\xdd\xdc\xbc:\x04\xe4\xebE\x18$\xbaVyeB\x1e\x07'</t>
  </si>
  <si>
    <t>b'\x85\xad\x90\xc9\xc4:\x9d\xcc\xd0\xd1\x8d\x18mr\xaa\xfb\xb0O\xf3\x9d\xf9U\x90\xe0\x80y\x9ee\xa8\x00\x0f\xb7'</t>
  </si>
  <si>
    <t>b'\x95\x16\xfc\xeb\x9a\x1e\x13\xbb\x1cp\x18\x12\x03\x9c\xbbp\xa5"4\xb0\x13\xf3\x83e\xab\x9b\x9fE\x08\x11U\xbe'</t>
  </si>
  <si>
    <t>b"\xd9#\xef8\xe2\x9e\xbe\xdd\x19\xd5e\xfd8\xbf\xbe;\x07'b\x99\xa3\\3\x97\x92j\xc7\xf1\x96B\xaf\x1b"</t>
  </si>
  <si>
    <t>b's\xa2\xd8M\xe2?M\x1f\x1f/\xf5\xd4\x8bK\xec\xc3/\xeb\xb3")j\x1d\xc3.\x99\xb5TN?\x08\x1e'</t>
  </si>
  <si>
    <t>425xx</t>
  </si>
  <si>
    <t>b"\x89\xea\x17\x95}\xc8\xea\xa7a\xd2\xa1\x08'\x90\x1f\xac`\x1a\xa9\x0f\xe5W\xcc\x19\xc9\xbbE8\x96 \xd2\xa1"</t>
  </si>
  <si>
    <t>b"\x84\x8fzd\x828\xb3\xda\xc0\xfd\xda\xf9p\x8d'Q\xddC\x8b&lt;Fe\x91\xf2f\x87\xcf\x08uieK"</t>
  </si>
  <si>
    <t>b'\x08\xe5\xcc\xfa"\x9a\x14\x84V)\xff{\xc1\xcdQ\xf2\x836\xac\xe01\x8ca\xc6\xa9\x02+\xe0\x13\xa0H\x90'</t>
  </si>
  <si>
    <t>b'O\xf8\xab\xc1\xd8+0\xf4\xbf\xe2\x1d\x16\xd5M\xb8\xf4\x1c9\xcf\xaa6\x0c\x9dN\xca\xc9\x05\xc6n\xa35m'</t>
  </si>
  <si>
    <t>b'u_g\x85P\x9fp\xb4[*\xc3TX\xe1\x7f\xe1&lt;&amp;M\xbe3\xc7\xf5\xea\x1c\xb1\x99\x93\x7f\xcd\x06\x91'</t>
  </si>
  <si>
    <t>Lending club loan</t>
  </si>
  <si>
    <t>b'\xd5\xcb\xeb\xea\xeeiV0H\n[l\x8e+1\x88\xc5\xb4+\xb6#\x14\xb4r)\xa7\xb2\xc9\x1a\x1b\xef{'</t>
  </si>
  <si>
    <t>b'\xb8\xe5\xc4"\xed\xd0\x83\xba\xc4C\xff*=I\xc9C\x10$\x94\xf4\xb4/\x00\xf5j\xa2\xdbZ\x83\xe8\xb8\xc1'</t>
  </si>
  <si>
    <t>Fantasy Pool</t>
  </si>
  <si>
    <t>b'~\x8f\xa5i&amp;\xa1\xaf\x82\x0e\xba\xb4ac\x05-\xd2B\xfd\x99\xd1\xf4m\xfc\x80\xfb\x8b\xef\xfb\xc4\x99/\xbf'</t>
  </si>
  <si>
    <t>b'xD\n\xc0\xbd\x1b\x1d\x0c\xf1\xda\xccSe\xc5\x88\x04\xb4"b\x1aK=\xb19E\x15\xca\x85\xe2\x03+\xf5'</t>
  </si>
  <si>
    <t>b'#\xe5\x925\xf1B6\xa7\xb2\xd7\xbfI\x18\xef\xd4\xa4\x9ae\xe298F\x95&amp;~\x93d\x10\x1dB\x7f,'</t>
  </si>
  <si>
    <t>b'\x91\x80G\xea\xd9\x13\x80p\xe5\r\xa6\xdeN\x82\xb4\xe3F\xf3\x9c\xd1V`1\x84\x03\x13\x17\x0f\xbe]\x1c\x8f'</t>
  </si>
  <si>
    <t>b'\x18\xd4%\x0b\x9e\x06\xfd.\xd6\x1b\xffau&gt;-D\xb5I\x07\x84\xe8jTE\xe8&lt;\x91\x97\xb1\x16\xc1\x82'</t>
  </si>
  <si>
    <t>b'\xa93\x05\xe4@{F4\xa2]\xaa\x11\xeb&lt;\x9b\x81Q(\xcd\x89\x9dR\x04\xe7\x1a\xd8\x98J\x16\xdc\xef\n'</t>
  </si>
  <si>
    <t>b'\xd8&gt;\x98A$%\xd024\x14\xf9g\x95\xe8G&lt;t{\x01V\xa7\xe6\rN\xd0/\xa6\xdc\x98\x98\xda\x0e'</t>
  </si>
  <si>
    <t>Credit Debt Consolidation</t>
  </si>
  <si>
    <t>b'g\x87\xf9\xedn\xdd\xbc\xb9o\xb18;s\xe4\xd3=E\xb7 \xe5\x0e\x87\xf8\xf0+h\xe1 \xf5\xee6W'</t>
  </si>
  <si>
    <t>b'o\xa8\xb1\xbb\xde\xf6*\xc0\x89r\x87/3\xfb\x9e\x96f\x11\x00\x0exN$=C?\xdfIE\nY\xc5'</t>
  </si>
  <si>
    <t>home inproement</t>
  </si>
  <si>
    <t>243xx</t>
  </si>
  <si>
    <t>b'Ra|\xc9\xe2\xc9\xa7|\xadJ\xb0)\xef\x8fm\x8b\x0eaN\xc7\x13{\xdc\xde\xe5\xb5ut-\xa3\xaa#'</t>
  </si>
  <si>
    <t>Pool Loan</t>
  </si>
  <si>
    <t>b'\xdc4\xc7\t/\xc3\xf5\x8c\x0bkk\x9e\x9a\xa5@\xd8\x1b\x9e&amp;\xb8\x00\xf6\xf2\xb19/\xf2\xd8L\xe4H^'</t>
  </si>
  <si>
    <t>b'\xde\nB\xf2\xcf \xef\xa32\xf7\x16\xe8\xea\xc8\xf1\xe1\xd0\xcd\x84\xb7\x9f\x1f\x02\xfb\x96\xcc\x16g(\x9bj\x07'</t>
  </si>
  <si>
    <t>Personal- Transmission repair</t>
  </si>
  <si>
    <t>b'\x02F\xeaQ\t\xa6\x9e\xf2\x1a\xdf)\xac\x17\xb5\xa3\xb3\x13E\xdf\x05\xa5.\xc8d\xc5\xa5\xe2\xe5\x83\xb4k\xd3'</t>
  </si>
  <si>
    <t>b'\x97]\xee\x19\xd9uB\xf7\xeaCo\xb7\x15\x9a\xcd!V\xf9\xb3\x13u\xe1u\xcd\xe6\xf8\x82\x08\xbahx\xf8'</t>
  </si>
  <si>
    <t>home repair</t>
  </si>
  <si>
    <t>b'\xee\x94\x9c\xdc\xb7N\xa4\x02\x9b,C\x9b\xb4\x1f=\x9d\x8fC\x87&amp;h\xd7\x9e\x8cH\x83\xf2\x06\x9d\xcc\x87w'</t>
  </si>
  <si>
    <t>No more credit card debt!!!</t>
  </si>
  <si>
    <t>b'7wt\xa1;\xd6\xce\xe8\xcb\xdd\x9e\x87[\x97\x83\xc9\xf87A\x9c[\xec\x95\x1c\xf2\x05\xa0C\xad\x91=\x18'</t>
  </si>
  <si>
    <t>Paint and Fix-up</t>
  </si>
  <si>
    <t>b'^\xfb\xd9q\xb1^\x8e\x98\xe4\xcc^\xc8\xb55\xf6F*)\xab\x96Wo\xd5\xa3&gt;\xf5"\xe9m0\xe8\xc6'</t>
  </si>
  <si>
    <t>b'o&lt;\x81/\xdd"\x9e\x98T\x93\xe2\xe2\xf0 \xa420Px\xed\x08i\x96\xe3\xba(\x92\xed\xd9x\x05O'</t>
  </si>
  <si>
    <t>b'\xa3\xb6&amp;#\xfbC~\xb6\x8doul\x96\xb7\x9a\xd6\xe67(\xc7#\x1a\xbf\xad=&amp;&lt;h\xca\xf2\xe7\x98'</t>
  </si>
  <si>
    <t>b'}[\x1bxU\xe2\x12s\x1c\x07\xb6G\x98\x96@\xea\x93\x81\xdc&gt;E\xb2\xd2\x99\xcaI`\x99\x07\xae\xe51'</t>
  </si>
  <si>
    <t>b')\x91r\xf9\xb7T&lt;\x86,{el\x93NC\x17\xecQ\ruis\xaa\x0ei\x1a]\x12\xda\xa6\x1a\x95'</t>
  </si>
  <si>
    <t>DEBT CONSOLIDATE</t>
  </si>
  <si>
    <t>b'\xacg\x0bf\xdf/r?\x80\x98\xb6\xfbU\xa3\x92\x82\xcf\x15\xa2~!h\x8c\xa4\xea+l\xcdz\xb41\x16'</t>
  </si>
  <si>
    <t>Auto Loan</t>
  </si>
  <si>
    <t>b'\x1ci\xb4\xf1"\x1e\xbc\x83\xbfo\xa82/\x1e\xb0\xf7\x85\xc9\xc1|\x7f\xa7}\xcd\x81d\xc8\xb5\xa4S\x06\x83'</t>
  </si>
  <si>
    <t>Commercial Fishing/ expense</t>
  </si>
  <si>
    <t>b'\xef\xe2\xf8\xa2\xc54\x93\x93\x88\xef\x86\xdb\xff\x1e\xdf\xf8};\x8ad\x9c\xc0\xef\xce\xddQ\x8dg\x03!xX'</t>
  </si>
  <si>
    <t>b'\x9bma\xedJ\xdc\xd9\xea^P\x14{\xf7\xb8\x80{D\xa3\xe5\x17\xb8`\x1e\x86\xd7\xce_\xbdBw\x80\xf8'</t>
  </si>
  <si>
    <t>b'\x8bF\x7f\xfd\xf7\xa3jt\x86\xcc,\x959\xf9\xd0\xed\x87q\x12\xb2\xc3\x99*\xe8\xf8`J\xff\x9a\x81fr'</t>
  </si>
  <si>
    <t>b'K\xe9\xac\xb1\xd3hc\x93\x14aC+2B-\xd1\xba\xb8\xd1\x03\x98E\xcae\xf2\xce\x86\xe1b\x1c\xa8\xff'</t>
  </si>
  <si>
    <t>b'\xca\xf8q\xbbr&gt;\xb4\xdc+x\x1c\xc7D\x1a \xd5/\x8bu\x0eu\xcbXT$*\x1c\xea\xa8\x03\xd4\xd3'</t>
  </si>
  <si>
    <t>b'\x8f\x86\xccxr\xd2$\x92@\xa1\xf8\x8f \xccv\x12"O\xd2Lh\xeb\x89\r\xb4G\xea\xdaOP\x897'</t>
  </si>
  <si>
    <t>Bill pay.</t>
  </si>
  <si>
    <t>b'G}\x1d\x9d\x14\xe1`V\x15\xed\xc2&amp;*\xaa-Z(\xe4\xedN\x9d+\xfb\x8fi}\xc36e\xd9o\xe6'</t>
  </si>
  <si>
    <t>Credit refinance</t>
  </si>
  <si>
    <t>b'q\x85\xc8\xeby\xbb\xa4\xe9\xa3\x9d\xadu\xe4N!\x8f\xad\x84\x10s@?\xc2\xe30\x13\xc8\x88D\x1c\xca\xc0'</t>
  </si>
  <si>
    <t>Vehicle loan</t>
  </si>
  <si>
    <t>b'"\xe2:\x8f\x1cE\x063`\xab\xde:\x8aoD\xc4\x0f:\xefu\x87l\xc7fs\xe1\x88U$\x03\x94\xd0'</t>
  </si>
  <si>
    <t>Additional Wedding Cost</t>
  </si>
  <si>
    <t>b'\x01\xcf\xad\x072\xfa\xd9\xbd3N&amp;\xda\xb8\\\xe3\xe8\xccg\xe0\xbdvr7;\x1c\xd0$\x9b\xb5\x98\xda\x0f'</t>
  </si>
  <si>
    <t>b'l\xf4\x1az\xaed*\xdbf\x1eF\xea\x9b\xaa\x17l^!K\xe0A}H\x19\xb8\xdc\x96\x9ft\xf7\xaf\x88'</t>
  </si>
  <si>
    <t>b':-t\xd0x\x1cwLi\x0b\xf2iWG\xef\x11TT\xdd\x9cM[\xbcw/\xaf\xf33v\xdd\x85|'</t>
  </si>
  <si>
    <t>citycat</t>
  </si>
  <si>
    <t>b'\x97"\x10\xdb\xd5Hzh\xe2&gt;\xe25\xc4\xea1\x89Yc\xd3q\x10z\x9ao\x8a\x80\xea\x83\x97\xf1\xeak'</t>
  </si>
  <si>
    <t>b'\x97\x89 \x1d\x08\xbf\xc8\xe6\xccH\x1b\xc64\x8153\xefs\xfe?Z\x14\xce\x8bFE\x10\x00\x0b\xe8\x91\x9c'</t>
  </si>
  <si>
    <t>Pay all, then pay one</t>
  </si>
  <si>
    <t>b'\x9c\xb8\xcb;\x19\xf5\xb9\xd4\x8a\xdc\x8f\x94\x8bZ\xf6~\xd2\x1a\xbc\xad\xd9\x0b\xa0\xbc&gt;\xad\xb0Y\x9e\x1e(t'</t>
  </si>
  <si>
    <t>b'\xda\x81\x93\x8c\x00\x13\x91\x95\xd6\xb2b\xbe\xd9\xf6\x14d\xd3\x9cR-\x06\xeat\xa1\xc78!\xd9\x90^-\xc9'</t>
  </si>
  <si>
    <t>the loan</t>
  </si>
  <si>
    <t>b'D\x10\xc9\xe0`\xcb\xa3\xf2s)b\x1eb\xb5\x94\xb5&amp;\x8dm\xb2\x02\x89\x7f\x18\x9c\x1b\xea\x83\xf2\xba|\x99'</t>
  </si>
  <si>
    <t>b'\xb0m\x0e\x15\xdd\xb4)^q,\xc6Ad\x8a%XB\xdf,)k\xd2\x1cQ\xfe\xcc\xf0j\x1bWl='</t>
  </si>
  <si>
    <t>b'\xfb\x19U\xfb\xb4\x98 \xd6\\\xba\xf8\xf1\x05M\xe0\xbe_3\xf4j\x91\xf0\xe3/\x06\xd2\xbf`\xe2B\x88v'</t>
  </si>
  <si>
    <t>b'\x88\x18\xca;\xa0\xf1FA\xe1\xea;\x9c|\x15\x18\x8d[d\x1d\xe9Q\x8c=x\n\x04\x06\x9a\x7f\x03\x90\xad'</t>
  </si>
  <si>
    <t>b'\xe9\xac\xa3\\y\xf7\x1f\x99D\x9b\xd0\xc4\xaa\xa2\x86N\xa2\xd2\xeb\xab\xba\rF\x82P\xc8\xdeS\x17G\xa2\x1f'</t>
  </si>
  <si>
    <t>b'\xac\xf5p\x97\xf4\x84\x13=b\xeb"\x06\t\xc7\r/$\x13yRRaFzu\x97\xf5\xc7\xc0\xca\xd7\xe9'</t>
  </si>
  <si>
    <t>b'\xde\xb8\xf0\xb3\xd8\xb5\xf9\tN`\xf7\x1a\x92\x07\x95\xef6#\xbaX\xe7\xf0\x13\x8c~w\x82\\P\x06\x160'</t>
  </si>
  <si>
    <t>b'&gt;\xde\xed\x07\xd7C\xda\xd9\xdf7\x94O\x8e\x9en\xf6h\xca\xea\xa7\xb7p\xd75\x87\xaa\xd2\x14\xa1$\x1f\xb8'</t>
  </si>
  <si>
    <t>I'm ready to consolidate!</t>
  </si>
  <si>
    <t>b'\x12\xa4YE\x01\xad\x97\xcc\xd1\xf4\xe3\x11\x9f\x0be\xce\xc1l\xebc\xb9Q\x0f\xc4\xb7\xf8\x86\x12\xb6\xa7\x9e,'</t>
  </si>
  <si>
    <t>b'I\n\xa9V\x0c\x15\x8d\xb2\xa5\xef\xbd\x19\xb1\xb3Z\x01R&gt;\xf0\xfa\x90\x18\xc8S5Mont\x05]\xc2'</t>
  </si>
  <si>
    <t>b'\xf9\xa4\xa2\xa4@Le*\xd6&lt;\xf7\x01\xb6\x12\xd0\x88\x1f\xdcN\x0f\x00\xb0$G\xf9tX\\\xf7\xe5\x12A'</t>
  </si>
  <si>
    <t>Consolidacio</t>
  </si>
  <si>
    <t>b'\xfd\x17\xa5\xe7\t\x0cL\xc2!J\xef\xb0Zd\x9c\xc9\x18U\x9f\xbc\xcc\xbcA}\x0eH/\x9f4\xee1z'</t>
  </si>
  <si>
    <t>b'\xc0\xb5(\x87\xfdA\xce\xa6S\xdcs;Q\x9dH\x97\xaa\x01\x95B\x02\x84Z\xa6P\xbf\x17\x90\x7f\x9euI'</t>
  </si>
  <si>
    <t>b'\xa7\xdd\x81\xf1\xd6X\xa9\t\x08\x8bj\xc2\xc4nPb\xb8\x01\rc\x8biU\x1e\xa3\xa5\x83\x8bfA\x1a\x8d'</t>
  </si>
  <si>
    <t>Wedding loan</t>
  </si>
  <si>
    <t>b'\x04\x82-\x8a\x88\x890\xedp_\xbb\xddE\xca\xc3\xda\x82\x0b?\xf7\xee\\\xf1\xcc\xbd\x11\xf7\xd3\xc6\xf4\xaf\x04'</t>
  </si>
  <si>
    <t>b'\xab\xd1\x06\x05|\x029\xd9\xc9\xd7\x87\xe1\xcc\xcfX\x0eb\xb4\xaa\xda\x92\xff\xad\x8d\x8a(\x8fS&lt;}\x97\xeb'</t>
  </si>
  <si>
    <t>No More Credit Card Debit</t>
  </si>
  <si>
    <t>b'*\x95\xdc\xacUU\x1c!\\\x97s\x95N}}GY\x86ap@\xb3%\xfe\x16Dz\xf9N:=\xff'</t>
  </si>
  <si>
    <t xml:space="preserve">debt consolidation </t>
  </si>
  <si>
    <t>b'b\xa6nT\xaco/S\xf0\x14\xa3\xf6\x91\x13\t\xe9}v-0\x08\x90}d\xe7m\x07c:j+P'</t>
  </si>
  <si>
    <t>assistance</t>
  </si>
  <si>
    <t>b'\xf9@\xb8\xfeu\x19\xe7\x0c\xe7\xff\xc5\xf9E]\x9f*\xc1\xfb\xcf`\xc0~\x8eSm6pts\xd4\xf9\xa7'</t>
  </si>
  <si>
    <t>b'\x7f\x1e\x07\xd0A#\xfc\xea\xc79LM\xb9\xd0|.\xea\x17\x032\x10)\xb8\\\x9bF\xc4@\x0b+\x9b\x94'</t>
  </si>
  <si>
    <t>b'\x84\xc1\xe8\xca\xa3\x91\xb9:K~\x94.\x11\xf1\xb3\xb0\x194\xc5\xe6\x8a+\x8c\xe2\x91s\x1f\xe5I\xe1;j'</t>
  </si>
  <si>
    <t>b'\x7f+W(\xef4\xa6\xe3\x9f\x9c\x10\xbf\xcb\x17&lt;\xe8\xc1\x81R\xc1\xd9\xc7"=(\xae53\x97\x0f\xb6\xb3'</t>
  </si>
  <si>
    <t>b'\xc2\t|\x08D\xa9\x95\x965\x07C:\n\x02\x97`l\xc8\x93g\xa8\xe6\x14\n\x13\xe9(\xff\xc3Ej\xab'</t>
  </si>
  <si>
    <t>b"\xf8\x0b\x81]'\xd7\xb9S\x90T_\xe5\xb9\xd36\xeb:#[jK8h\xd2c\xd7\xa0*W\x8b\xfd\xe1"</t>
  </si>
  <si>
    <t>b'\x93#\xb8NN\x11\xa0\xde\x91%d\xa5=iyE!\xca)a{F@\xf6\x00S2\x04Ui\x9b\xed'</t>
  </si>
  <si>
    <t>b'\xaadv\x84\xb6\xfe\ts\xc1rN\xa2t\xa9\xe7(l\xf4"\xa6&gt;y\x9f\xdc\x92Rd"\x15\xa5f@'</t>
  </si>
  <si>
    <t>b'\xf4\xc6\xcdn\x16Mw\x1d\x8e\xb6\x90\x96\xb0Zob\x0fm\xc8\xcfx-\xc1\x0b9\x87\xc3/\x8c\xa7\x91\x9a'</t>
  </si>
  <si>
    <t>b'i\xf3K*\xa2\xe5\xf6\xc2-\xe4F\xeb\xffm\xcf\xeb\x7f\xd2bU\x04\xd2\xf4\xecW\xfd\xf6\xd5\x9f9G\x82'</t>
  </si>
  <si>
    <t>Credit Consolidation Loan</t>
  </si>
  <si>
    <t>810xx</t>
  </si>
  <si>
    <t>b'\xd2\xd9\xc3\xfcC^N h7?\x07\xc4A5\x9d\xb0\xb4\xa5\xe8;\xd1\x95\xc2\x12\xb5\xf1g\xb1\xf5B\x04'</t>
  </si>
  <si>
    <t>b"\xde\xc9\xf9\x8e\xe7H\xf3\xec\xb1\x1f9\x90k\xfc\xad\x13v\xb2y\xd3;n\xe6\x1b\xee'wIzAE\x8c"</t>
  </si>
  <si>
    <t>Jeep</t>
  </si>
  <si>
    <t>b'\xaf\xa7\xeaa\xcf~W\xba\xd2G6qG\xef\xbd\xde&amp;\x1d\xefA3a\xea\xe8`\x97\x98`\xd2\xc0a\xa3'</t>
  </si>
  <si>
    <t>Eliminating rent with buying mobile home</t>
  </si>
  <si>
    <t>b'\xd4\x94\x1e\x1a\xe0\x10\xde\x87\xe9;|\xf4\x88\x05\xa6"0\xbbJ\xcfz&gt;\x02r\xfb\x1d\x82-\x13M\xabm'</t>
  </si>
  <si>
    <t>b'`\xe9\xfat!*\xf8\xd2_@\x06\xe4\xb2\x88\xfc\x9c\x17\xc3\xc5&lt;\x8b\xcbn\xe1\x1d\x1cG\x058\xe0\xf7L'</t>
  </si>
  <si>
    <t>b'v#\xf1F\x13\xa2\xe4\x9d\xa7\xc5E\x98\x8aaW_\\\xb3\xdb\xef0\x98\xb1\n6\x8dg\xff\x1e\x113I'</t>
  </si>
  <si>
    <t>Home Debt Loan</t>
  </si>
  <si>
    <t>b'\x95\x07\xc43\xc8\xcc\xb7\x08\r\x848\\\xa6.Mvw\xc4\xf4-k\xe0\xda^\xd8\x14\xd6\xa8\x05xF\xe1'</t>
  </si>
  <si>
    <t>b'HX\xe5{\xac\xd4b%\xcc0-FS\xd5\xa3/\xf8\xd34\xe7\x9d\xdc\xce\xf6\xeeW\xec\x98\xb2\x9e\x12e'</t>
  </si>
  <si>
    <t>b'oO;\xa6\xc0Z\xb7z\xbd\xdc\x9b\x00\xff\xcc\xf4\xec\x19\xebA\x88{\xe4=\xa9\x00I9%\xc4r\x9e\xc7'</t>
  </si>
  <si>
    <t>b'\xaa|6p \x94)Y\xcc\x181\x03\xef\xc3\xd2\xb7f\x1cDk\xb1(\x94\xf8\tg\xa84\x12m$\xfa'</t>
  </si>
  <si>
    <t>b'KEv\x9fe\xad\xe6\xf6p\x00&gt;\x96\xca\x8bI\xec\xe46\x9e\x90\x85\xbe=\x18\x91\x9f\x1e\x8f\x96-\x9d\x00'</t>
  </si>
  <si>
    <t>b'\x98,;\xff{4[\xaa\xf2\xb05\x07\xa7b\x14\xf28\xc0`\xdd\xde=Ist\x93\xfc\x9c\x8e\xf9\x87\xb8'</t>
  </si>
  <si>
    <t>b'$Y=\x03\xaaM\x81\xed\x06\xce \xd9mR\xad\x8f&gt;2\xa6wh\xf2\x80\xc7I\xd6\x19\x0c\x8f\xf5\xf8\x0c'</t>
  </si>
  <si>
    <t>relief 2013</t>
  </si>
  <si>
    <t>b'M\xd0\xf0\xe1/e3\x9f\xef\x87\x10\x82k\xa6\xbe\x0cc\xe9\xb4\x92x\xa8\xc3\xb5\x8e$t0\xda\xad\x15\x89'</t>
  </si>
  <si>
    <t>b'\x8c\x00\x93\xe6\xff\xa3\x9ebv\x06\xfc!\x87$7\t\xa7\xa6zU?l\x89,*\xb9\xce\x80:\x83U\xac'</t>
  </si>
  <si>
    <t>b'T\x81l\x9c\xa3\xce\xf2\x98\x1f\x11\xec@\xa5\ni\x83s\xf3\x8fU\xb2\x1d&gt;b\xe9 \xa4\x9b\xe7\xc7\x98\xbb'</t>
  </si>
  <si>
    <t>Organize my debt</t>
  </si>
  <si>
    <t>134xx</t>
  </si>
  <si>
    <t>b'\xb8\xb5\xfaz\xf6mk\xc3IAv\xab\x1f\xd3"\x84\x93Ck`\x16\xf2\xe0\x91\xfceh\x82\x11\x87\xf8\x8b'</t>
  </si>
  <si>
    <t>b'\xfe\x17\xc3b[\xcce/V\x93w\xa9\xcd\xa2M\xa66\xec\xf0;"\x81\xbe\xeej\xe5\xbf\x83\xc0\xe5\xd5\xb4'</t>
  </si>
  <si>
    <t>Consolidate Debt</t>
  </si>
  <si>
    <t>b'\x0fN3\xbf)\xcb\xd9\x9e\xeew\x0c&gt;o\x9a$\x1e\xc9L\xa4\x81\xd8%@/kc\xcb\x94)JNz'</t>
  </si>
  <si>
    <t>b'@\xaf\xbd\xc2\xcf\x94AI9\xdf\x00\xea\xc5W\xf1\x83(\x1f\x1aN\\\x83\x01\x05"1L1\xeep\xf6\xb4'</t>
  </si>
  <si>
    <t>1925 Window Replacement</t>
  </si>
  <si>
    <t>b'/Y_\xfd0\xf8\xda\xf9\x8d\xe7\xebp\x8f\xceb\xb7~I\x9bS\x8e&gt;\x87\xe4kH\xbf\xfe\'2\x84"'</t>
  </si>
  <si>
    <t>b'N\xf0\xc1c\x19\xd6;x\xca\x1f\xc6u\xc6\xb5\xac\xd4\xc2W7b\x82\xedR\xf2K\xbb\xb1\xfcX~\xb0\x98'</t>
  </si>
  <si>
    <t>Start up</t>
  </si>
  <si>
    <t>b'\xad\x9e\xbdl.\x01\xb4\xac\xb76W;\x8c\xb7\xae\x19\x91\xd1\x93\x90\xb7\x14U\xa5\xff\xf4\x1d\xd9\x96x+5'</t>
  </si>
  <si>
    <t>2013 debt consolidation</t>
  </si>
  <si>
    <t>b'\x8b\xc9T\xdd\x0f\xcc\x1b\xf1\x19\xea\xf5K\xee\x1f\xa4RM]S\xc2(c\x9f!\xeb\xf2\x9f\x18\x1aj\x1dn'</t>
  </si>
  <si>
    <t>b"\xfb&lt;c'\xa2*\xf3j\x1a\xb8\xb0\\\xad\xbd\x8b\xb8\xd9Gz\\\x07\x1f{$\xf3\xbe\xd5\xf8\xf3.\xfc\t"</t>
  </si>
  <si>
    <t>b'\xa6\xb2\xd1\\\x03]q\xb9\x7fg\x7ft\x9fz\xb2A7\xbd\x8a\x063\xee\x87+1\x83\xbd\x9c\xf8\xd6\xc6.'</t>
  </si>
  <si>
    <t>b'\x8aV\xd9\x92L\x08\xa0aN\x1be\xc3a\x01t\xd0c\xb7I\xdfN\x1a8\xfcP\x19\xae\xf8\xa8\x95SV'</t>
  </si>
  <si>
    <t>b'\xf2\x80\x08\x11\x07\xacC;v\xc5\xf8 \xd6+\xdf\xb6\xd4m\x80\xf5P\x81\xc6\xc3\x7f\xdcI/\x94\x0f,\xe9'</t>
  </si>
  <si>
    <t>CREDITDOWN</t>
  </si>
  <si>
    <t>b'\xe25\x92J\x0b\xd0\x03\xf5\xb0\x19+z&lt;R\xd1P\xe3\xed\xc3R\xc60)e\xe9b?\xef\x8c\xd8\xe0s'</t>
  </si>
  <si>
    <t>b'\xb1\x17\xb3\x12`\xfc\x9f\xb3\xf2\xfbp\xae\x02o\xbbI\x84\xc3\xadF\x96\x11\xd3\x03\xd4\x8b\xba\x1eT[M\xdb'</t>
  </si>
  <si>
    <t>otherdebts</t>
  </si>
  <si>
    <t>b'p\x12\xf2\xd3\xdaDs:w\xa6Z\x97\xd0\xd8Z\x1eyA\x1d\xf7\xe3\xa4\x99\xa2\x14\xa5X\xb7\xc7\xd9\x1a\x93'</t>
  </si>
  <si>
    <t>b'(\xad2\xdd\xa9\x92\x13,\x1e\xc8\xc2$\t\x8d\x18\xfc\x06C\x8b\xfe\x1b\xe6\xe3^Z\x15\xd4tM&amp;\x1bF'</t>
  </si>
  <si>
    <t>debt consol.</t>
  </si>
  <si>
    <t>b';\x95&lt;\x95a\x8d\xab\xbd\xbe\xe7-l\t\xbf^\xff\x95R0%\xe6\x11\xda\xda!&amp;\xcb\x81\xf0\xee\xa5\x01'</t>
  </si>
  <si>
    <t>b'\xce\xba\xc3\xf0\xbd\x88\xca@\xfa\x1f\x95\xbcA\xef\xa7\x84\xf5\xe3-\xb5\x1ed\xb4T_ol\xc96\xb22\x16'</t>
  </si>
  <si>
    <t>b'\xf6\x1a\xe0m\xfd\x9b\x08\xe5*%l\xef\x1f\xd6O\xbd\x08\xf3\x0b\xe0z\x89ln\xc8#\xab\xea6\xd7W|'</t>
  </si>
  <si>
    <t>b'\xe0\xd7,\xe8=\xc1\x9e\xdcv\xeb~\x9b9\xc2\x994\x8d\xccB\xca\xaa\x02\x13p\xd6\xa4Hl`\x16\x11\x0b'</t>
  </si>
  <si>
    <t>Hope</t>
  </si>
  <si>
    <t>b"\x92S'\xb4\x0fhS\xec\x95\x96\xfc\xa2!r5\xfd?\x08\xa0)b\x01M\x10c\xfe\x90\xcdNN\xb9\xd9"</t>
  </si>
  <si>
    <t>Business Loan 2013</t>
  </si>
  <si>
    <t>b'2n\xd4\xb90\xef\xe6\xbcw\xdb\x14\x0f\xa4\x8b\xd1\x83\x93\x05%\xd3\xe5G\xedoCf\x1b\r\x91jA\x1c'</t>
  </si>
  <si>
    <t>b'\x82\xd8\xae\xe8\xd5\xa9\x1f;\xa4\x01\x05.U$\xfa\x16\xe3\xeb\xfd\xe0\x80"4\x12\xb3\xbb&gt;\x99\xb3\xa2?w'</t>
  </si>
  <si>
    <t>b's\xd4\\\xc9I\xbe\x13q^\x14eB\x0fp`\xb7\x94\x1dj\xd2\xba\xf4U_t\x8a\x9dV\xa2Y~6'</t>
  </si>
  <si>
    <t>CreditCardPayoff</t>
  </si>
  <si>
    <t>b'+\xf2\xd1u\x8e\x07"\xca\xa0\xb3\x1a~hDB\x80%Z\x02\x11\xea\xce\xa0\xee\xf1\xc2\x1f\xfb \x8bGh'</t>
  </si>
  <si>
    <t>b'\x7f\x89\xca\x17*s\x9b[\xb7\xffq&lt;\x94{\xdb~\xa4\xbd"\x82\xdbU\xbb\x9b\x0e\xc9\xc1\xe5XX\x17\x91'</t>
  </si>
  <si>
    <t>b'V\xd5p\xd8\x08 `\xdf\xde\xb0r\x9ak \xfe\xe9\x9b\x11q6CQ\xb8\xc0\x9e=;,\xd5$\xd9\x08'</t>
  </si>
  <si>
    <t>High Interest Credit Card To Pay Off</t>
  </si>
  <si>
    <t>b'F:\xa9\xbd\x0eN\xf6\x9b\xd6Hb/\x85\xd2\xf6\x9e&gt;\x1b\x10\x17\x0eA\xbbJZ^\x93\xcf3\xba/\xd7'</t>
  </si>
  <si>
    <t>b'&lt;\xca9W\xb3\x01Z\x86}!\x9f\x06}\x10w\xc6sX\xc5\xd81las\xec\xe8\xd1\xc0\x8eQ\xfe\x87'</t>
  </si>
  <si>
    <t>To pay CC debt &amp; start emergency fund</t>
  </si>
  <si>
    <t>b'\xb5\x92\xcc\xa0\x01d6c\xa1&lt;\xc4h\xe2&lt;Fr\x9eQ#l)xp\x92\xa5[\xf7G\xdd\x87\xdd#'</t>
  </si>
  <si>
    <t>Pay off Debt</t>
  </si>
  <si>
    <t>b's}\xc4\x9b\x8bn\x88\xf9\xcb\x17\xa1\xe6\xf9L\n\x90\x9a\xb4\x9d\xa0D\x87E4\xd5p\x9a\xcb\x91\xbe1K'</t>
  </si>
  <si>
    <t>Debt Cons.</t>
  </si>
  <si>
    <t>b'\x84w2&gt;\x89,\xec\xc9\x15\xfe\xe0\xc0\x95\xf9\x80z\x9bTC\x0e\x7f*d\x1b\x8d\x1e\xfbQ~\xacC\xc0'</t>
  </si>
  <si>
    <t>b'\r\xd9\x7fr\xebN\x8e\xc4\x11\x82U{\n\x10\x9dk\x89\x8f\x97\x88&gt;\xda\xf2+\x8b\xec8\x0b\x84\x14K\xc6'</t>
  </si>
  <si>
    <t>nascar</t>
  </si>
  <si>
    <t>b'/\xeeEh\x88$ \xfc\xb7iL\xc6\x9a\xe8\xd6\x94!\xc0\xaf\xa1\xd0\x18\x85\xbc\xe3"\x98\xdc\xa5\xef\x83j'</t>
  </si>
  <si>
    <t>629xx</t>
  </si>
  <si>
    <t>b'\xfa\xc8\t#\x13\xd3\xe9\xa4\xd9\xf2\x8cZ\x84.\xe9\xfe\xacz&gt;\x92\x013\xb4x\xdf\rR\xc1R\xae\xf8\x14'</t>
  </si>
  <si>
    <t>b'\x9e\xcd.\xc2A\xf2\xa3\xf0l&amp;\x1d\xe0\xaa\x98z\x9eV\xda\x14\x97\xeeh\xc4\xce\xc2\xa5\x9a\xe6Age&amp;'</t>
  </si>
  <si>
    <t>homeimprovement</t>
  </si>
  <si>
    <t>b'\xf87\x86\x9a\x8e\x1e\x8f\x80\xbb\xaf\xf1\xdc\xc3\xd6Fv\xc2\x17$l:\xae\xee\xa7#c\x18$\x02\xd6\xf4\x90'</t>
  </si>
  <si>
    <t>debtbegone</t>
  </si>
  <si>
    <t>b"\xc3\xb2\x94\xa8\xa6\xd0\x9f\xe0\x84\xb2-\x8d.\x83l\xa4\xecq(\x9f\xf7\xa3\x02\x8c\xee8+\xfa\xb7\xfc'\x8a"</t>
  </si>
  <si>
    <t>b'4}\xbb6\xa8\xc3 \x10(I\x9d\xb2T\x958Db\xeb\xa6\x96\xd3\xdc\xc6\xec=\x8f{\x81(\xcd\x84!'</t>
  </si>
  <si>
    <t>b'g&gt;\xb7-\xc6\x9c6\xae\x8d&gt;\xf6T\xcb\xe4\x87/h\x93\xa9\x02\x1f\x05\xf0\x82\xf7\xbf\xed\x96)\xe6\xf68'</t>
  </si>
  <si>
    <t>b'\xd16\xd3\x89\x83\xb4I\x04\x827GX\x81\x82\xf5\x1cT\xd1\x85\x0b\x95\x86\xab?\x87\xf3\xab\x01\xbaq\xd7\xa2'</t>
  </si>
  <si>
    <t>b'\x90\x9aC\xd2\x1b\x8cm{\x18\x1d\x9f)\xd4,\xdd\x13a\xe9\xb6*Z\x1f;\x0b;\xf5\xc8\x0c\x94\x0c\x04\x8e'</t>
  </si>
  <si>
    <t>b'\xd3\x99\xf7\xcf\xfb|\x04\xf6,\x04\xdc\xe5\x8b\x858p\x0c\x8a`g\x88\x1b\xe3\xb4H\xd2\x85N\x87\x86-h'</t>
  </si>
  <si>
    <t>b'\xe5ur\xf8\x0c\x90\x81\x18\x16\xff{\xdc/*\x1e\x82\x9a\xc9\xd8,\x83u\xbbcj\xf7Q\x8b\x82}V\xda'</t>
  </si>
  <si>
    <t>b'\xd1\xdd\xa8M\xa4\x0f\xc5K\x05\xa9[\xe6+M8\xcd\x83\xab\r\x01\x7f8hg\xedsc\xfe1C\x93\x13'</t>
  </si>
  <si>
    <t>b"\x8a\xad\x0e\xac}w'B\x8eM+\x06\xe9v\xfd&amp;\xf2\x1az\xa7g\x89\xd2\x9d&lt;\xac'\xb0\xdb\xe9Dd"</t>
  </si>
  <si>
    <t>credit consolidation</t>
  </si>
  <si>
    <t>493xx</t>
  </si>
  <si>
    <t>b'bX~\x98\xa7\x94\x9f@+\xc3\xb2\xf0f\xdfhr\x160@\xb1\xb1\xd9\x12&gt;#O\xa4fT\x98\xdc\xfa'</t>
  </si>
  <si>
    <t>b'Y\xee"b\xf5Nz1\xb2\xe9E\xad~\xc7X\xed-=\xbe\xb6\x1dI\x8f\\\t0\xed\xd4\xce\xea\x02\x9a'</t>
  </si>
  <si>
    <t>b"\xcd698]}L \x90_\x88\xdei\x87\xc2\x04'Na\x0b\xe8\xdf\xef\xd3U1M}8)J\x83"</t>
  </si>
  <si>
    <t>b'\xcf\xb1\xe6\x06\x1fk\xd9|;\x80*+VV\x8ee&lt;|\xd8M\xad\x03O[f\xe5\xd4@DO\xcfz'</t>
  </si>
  <si>
    <t>Debt Consolodation and Home repair</t>
  </si>
  <si>
    <t>b'8\x01\xb8s\xe5\x7f"X(\xee\xf5T@\xed\xae\xddb[\xc2j\x01\x0c\xbd\xa5+\xae\xa84\x03\xdaC)'</t>
  </si>
  <si>
    <t>b"\x8e\x9fJL &lt;8|o@\xabQ\xfbe\xf8\xc6\x14\xbd\xb1\x0e\x8f\x11u\xd6\r1\xae\xb53'\xf7\xb1"</t>
  </si>
  <si>
    <t>b'o!\x12J{\xfb\x90\x85\xceO\xac\xa0U[\xa0\x0bv\xc9\x9cE\\\xfd\xd6\xcc\x83c\x84\xa6\x89\xd9\x0e\xc7'</t>
  </si>
  <si>
    <t>Homeimprovement</t>
  </si>
  <si>
    <t>b'\xf9\x86B&gt;\xc3&amp;\x08o\xca\x8b\xdaz:#\x84\xfdo\xa2f\xdd&lt;y\xde\xb62\x04\xf8\xb0\xca\x15_\xa2'</t>
  </si>
  <si>
    <t>b'Lf\xd0\xdf\xf0)Q\xfb\xd9\t\xad\x960\xde\xb1\xf8.\x04\xdfn\xb1|\xa9+0&lt;\x9fzL\xf9\xd3\x89'</t>
  </si>
  <si>
    <t>Consolidation / Loan pay off</t>
  </si>
  <si>
    <t>b'\x15\n\x1ctP\x06 \xe3`\x95.E\x99\xd1\xc0~\xc8\x07\x02\xb5\x05\x02\x9el\xecg\xacp\x18}\x88\xfe'</t>
  </si>
  <si>
    <t>Reliable</t>
  </si>
  <si>
    <t>b'\xb8\xd3\x8b\xaf\xa6f7P\xcfn,S)e\xba1b:y\xa6\xc4\x8c\xb7X\xf5\x01[\xbcD~\x82\xfa'</t>
  </si>
  <si>
    <t>My cc refinance</t>
  </si>
  <si>
    <t>b'\\2\xdd\xa71\xca\xed(|\xe7\xa4q;Br4\xbb\x93\x02=\xea\x1f4v\xe3\x01=\xec\x87\x90\xc9j'</t>
  </si>
  <si>
    <t>b'\xf8Wv&gt;\xa6\xe8\x98a\xa5o\x82&gt;c\x04\x1f\xc0b\xa5?\x05\x8f+Y\x89\xd8\x08{eI\xec\xf7U'</t>
  </si>
  <si>
    <t>b'\xf4\xa9\x9c+k&lt;z\xc9&amp;l\x1c\xd0\xe1\t\x8c&amp;s\x81\xf8\xe3\xf0e\xb2\xdc"%\xe3\xf2\x1a&gt;\x1f\xe8'</t>
  </si>
  <si>
    <t>b'\xb5X#\xe5\xa1\xaem\xdai-\x030Vt3\x99\xfd\xc7\x0b\x05\x13\xc6\x15\xb6\x8f\x92\x9e\xec\x93q\xcc['</t>
  </si>
  <si>
    <t>b'\xb1\xaabp\xe5\x85\x1f\xdb\xa1\xb2\xa8\xfe\tM\x079\xd5\x9c\x8e\xf0\x9e\x18\xc0\x89\xd0\xe8AI\xb2=\xc8o'</t>
  </si>
  <si>
    <t>b'Ah\x8fq\xde\xbc\xc7\xe5\xfc&lt;\x8e\xf2\xccZ(\xf4#\xa1\xac\xefJ\xf5\xc7\xe5\xda\x81|\x99\x08$\x85e'</t>
  </si>
  <si>
    <t>b'[&amp;f\x81\x9aB\xc2G\xbc\x9bPz\x14\xc8\xf0jv[\xfb\x90\xad\xeb\x9bxda\x01\xdb\xddY\x8b\xa2'</t>
  </si>
  <si>
    <t>Freedom1</t>
  </si>
  <si>
    <t>351xx</t>
  </si>
  <si>
    <t>b'\xae\xad\xc2\xb8&lt;Q\xa0\x04\x8a\xf1=h\xb2\xd8.\x94e\x87\x16$\xf9+\xb8\x9e\xa5q\xeb\xf4R~\xeb\xa8'</t>
  </si>
  <si>
    <t>swimming pool</t>
  </si>
  <si>
    <t>b'`\xd8\xd5\x1f\x19\xae\xd9,\x1a\x05\xa9f\xd1\xa2\x10\x88\x12+Yb\x89\xd7\xc1\x8a\xda\xaa\xb3@{\x06\x11Z'</t>
  </si>
  <si>
    <t>b'\xff\x17\x8d\x94j\xcdL\x9b\xc9\xfe\xc6\xfeSi+/\xde\xcf\xb2\x87M.i\xbd\xca\x7fD\xe8\x89y\x9a\x14'</t>
  </si>
  <si>
    <t>b' N\x05\r\xb7\x19\xcfZ\x81gr\x01P\x0e\x00;\xc8\xb78\xe89\x1cM\xc91\xf3\xf2\xe4\x98\xba\x1d\x90'</t>
  </si>
  <si>
    <t>b'\x03\x1d\xd0I\xc8\x17\x83o\xed/b\x92\xca\xcf\xac$\xeb\xc5&amp;\xf3\x1b3vD\x8a\x04\x00\xf6\xfe f\x1e'</t>
  </si>
  <si>
    <t>b'\x19n\x89\x08oE\x01\xfe\x82R,\xa6\xd4\x93\xceU\\h\x86D\xc9FG\x06\xe7\x84T\xe6\x8a\xab\xea\xf1'</t>
  </si>
  <si>
    <t>b'\x8b\x068v\x82AZ\xa2\xb4\xe9\x03\x19\x99\xec\x18\xeaz2!l/\x9e\xb1]\xf0\x89\x97\x8e\xb6\xa3\x87\x94'</t>
  </si>
  <si>
    <t>b'U_\xa0\x0f \x93b\x04\x8b\xd0\x1f\x0c\x8eC\xff\xf6\x18N\x86\x1d\xf0\xc1/{\xd1\xc9\x7fU\xde\xbc7\xff'</t>
  </si>
  <si>
    <t>b'&lt;wGTE\x1c\x92\xe3\xb9Q\x97p\x81\xb9\x98\xec\xd135\r\x1f\x97?z\xbc\x8b^O\x8a\xfc\xed\x87'</t>
  </si>
  <si>
    <t>b'\x7f\xcd\xa5\xd2&gt;\xdf\x80~\xb6W*O\x1c"\x95I\x96\xeb\xee\xa9\xe8te\x19\xfb\xf7\x1e\xc8\x99o\ty'</t>
  </si>
  <si>
    <t>b'\xb4\x98\x19]\xe9sF\x9d\xacD\x12,BXo\xe9\x9f\xd8\xe1h\x80i\xf3v\x1f\x99Nw\x00\x80U\xb2'</t>
  </si>
  <si>
    <t>Better Rate Loan</t>
  </si>
  <si>
    <t>b'\xc9\x92\xd1\xfae\xd2\xa8\nN+\xab\xf0\xc1\xe0\xfa\x82\x9f\x95\xe8\xb9\xfd\xb10\x9c\xb3\x90Z\x94\xf6\xde\x00)'</t>
  </si>
  <si>
    <t>b'\xb6\xb7\xce\xd3C\xaf\xbd\r\xf6{K\xbef\x8c\x01&gt;\xc7\x0e\xe7~\xbc\rlgl\xf7\xd9\xe9L\xee\x14\x19'</t>
  </si>
  <si>
    <t>Credit Card Accelerated Payoff</t>
  </si>
  <si>
    <t>b'\xfb\xf5\x10\xad\x98\x8d\xe44\x03\xc4&gt;\x99\xab_|\xa3\x95\x04\x1a|\xa4\xd7H\xc8@\xb1\x0b\xf1\xdc\x96\x16\x17'</t>
  </si>
  <si>
    <t>b'\xb1\xb9\xe7\x05zj}f\xe5]\x95\x90\xf4*\xbf\x8b\xff\xc41\xaaaw\xaa\xf0\xc3\nO\x19?\xbd&amp;,'</t>
  </si>
  <si>
    <t>b'\xbec\xe7\xb6\x9f\xf8\xc7\x950\xdf!\xbd\xbeO\x80\x19\xb8\xda\xaf\x92\x9e\xa25\x94\x93sO\xaal\xf4\x99\x98'</t>
  </si>
  <si>
    <t>I would like to lower my interest rate</t>
  </si>
  <si>
    <t>b'\xdc\xb3\x0b\x135^~P\xf64\xce,}\x97\xd1V\x9b\xf7\x98W\xf7WO\xde \xc8\xd3u\x13\xff\xbb!'</t>
  </si>
  <si>
    <t>b'\x97\x04R\xee7\x00\x87VJ\xbd\x15F\x8d\x05\xd0k\x87%\xd2\xf0\xe5\xec@iX\xa9L1\x8a\xcc\xc1\x93'</t>
  </si>
  <si>
    <t>b'\xcd\xdc\xc7Q(q2O\x97\x90\xe0\x9dIj\xc8\x1e\\4L S\xa9\x18T\xcaq\xd6l\x12M\x96\x1a'</t>
  </si>
  <si>
    <t xml:space="preserve">lower interest rates </t>
  </si>
  <si>
    <t>b'0I"X\x93A{\xba\xc2kp\x04\xfbz\xcf\xf8\xb1\x85\xb2\xdaE\x16!\xbaLQF\xda\xbeP\xbe\xc9'</t>
  </si>
  <si>
    <t>b'^\xf6\xaa\x04Zl\x15\xb4\\\x93\xb1\xf6\xaf4\xe3\xbb=!FHsJcW@\x8c\x11\xdb\x02\xb8\xc7E'</t>
  </si>
  <si>
    <t>499xx</t>
  </si>
  <si>
    <t>b'\xf9\x1dP\x9d\x92(\xf7 \xf3R\x02\xcd\xe1\xdd\xc4)\xfdf\x8e\x9f0M\x07Y\x96\x91\xban\xbf\xea?\x11'</t>
  </si>
  <si>
    <t>b"\xfe\x7f\xe9\x10jK'M\xb1S\xef\xe8O\x7fK\x0e2&lt;\x00b\xcfZ\x16\xcd&gt;\xa7~\xd6\xf2u;F"</t>
  </si>
  <si>
    <t xml:space="preserve">Refinancing </t>
  </si>
  <si>
    <t>b'\xab\x1c&gt;\xfelk\xecG\x1e\xa6\xaf\x9de\xad\x82\x93B\x1cH\xbe\xf1\xc2V\xaa7\x81w\x04\x01\x0fd\x1f'</t>
  </si>
  <si>
    <t>b'!\xe8\xd6|C:\xc6\xd1\xd0\x1c2\xc42\x11Le\\\xe2\x1c\xd6\xb3\x88\x0bF\x92&amp;$\xce\xde\xc0\xf5\xe1'</t>
  </si>
  <si>
    <t>b'\x932\x81GG;\x80\xdfC\xe6\xb9\x16\xa7\x8ff\xd9\xaf#\xed\xe0 \xe8\xf4\xf7\x8e\x05=1\x1b[\xcf9'</t>
  </si>
  <si>
    <t>b'\xf3\x8a\xad\xce\xa1\xa2y\x9b\xec\xf8\x84\x96\x1f@R\xf4\x1f^\x8e9\xb0\xbe\xceZ\x84\xcb\xdd\x94\xc4x\xd6\x99'</t>
  </si>
  <si>
    <t>A Better Future</t>
  </si>
  <si>
    <t>b"\xbd\xbc\x92\x90\x07w\xc1\xdb\\`c{\x18\xf3\xb8\xe4!\xc6\xb8A.\xb3\xaf'f\x1c\xef\xa7\xd5\xcd\xd1\xe6"</t>
  </si>
  <si>
    <t>b'\x99I\x00\x1f\x8b\x1b\xac\rS|iQt\xed\xbc\xa4\xe2\xd3\x1a\xbb\xceu\x9f\x88\x1c\xf9\xb7\xaaV\xb1\xb5\x85'</t>
  </si>
  <si>
    <t>Refinancing Credit Card Debt</t>
  </si>
  <si>
    <t>b'\x1a;YZ\xc0:\xdbY\xc8ku\xdaF1!\xf6gR\xb6&lt;\xa5"Z\x9d\xf0/7Q\xcfV\x9b\xab'</t>
  </si>
  <si>
    <t>b'm\xa3\x9b\xac\xb7}_n\xfe\xe04\xea]\x82F\xc3\xb3/\xa9^\xd9\xec\xeb\x7f\x9dw\xb5i\xa2\x1f\xc2\xa9'</t>
  </si>
  <si>
    <t>b'j\xab"c\xee\xefN_\xdfw\xb9\xbf\xceK\xc2s\x9d~\xf2\x11\x8e\x10\x01\xde\xc3\x93\xa8\xdd\x7f\xff\xc6_'</t>
  </si>
  <si>
    <t>b'\x8a*\xd96Y\xd0\x02\x11\xa4\xa5\xcaV\x91=\xff\x8a\x91\xb3\xcd\xb6\n\xb2\x88\x82\x06\x99\xdaN&gt;\xd0\x16\xf0'</t>
  </si>
  <si>
    <t>Clean up debt loan</t>
  </si>
  <si>
    <t>b"+T\x0fj?\x11\xd7j\xf2\xba\xcd\x8a_'!r\xfb\xfbR\xd5F\xf7\x1c\x7f\xd506\x8d\xdd\x8b\xf3\x8e"</t>
  </si>
  <si>
    <t>b'\x9c\x1b\x10\xed\xd1.\xb5x\x9f\xb2\x83#\r\x1c\xc9\xae\xa9\xea\x9c`\x83E{(\xc3\xb9\xd8#\xb3 \xc6z'</t>
  </si>
  <si>
    <t>b'\xed\xd8\x87 \xc1\x8c\xda\xb0ci\x8a\xcf\xb2\xbd;\x03\x8e\xe3@9\x1apV\xe7\x0b\xbc\xeb+\xef\x8cIy'</t>
  </si>
  <si>
    <t>Debt Consolidation 11-2012</t>
  </si>
  <si>
    <t>b'\xa6\xd32\x03R\xf7\xf1\x85&amp;\xef?s\xb6\xa2zgF\xbaz\xa8p\x98@\xa7k\x90G\xbd\x0e6\xd8E'</t>
  </si>
  <si>
    <t>Consolidation Plan</t>
  </si>
  <si>
    <t>b'l\xdao\x8c\xad\xdd\xaf\x01\xe4\xe1\x83\x02h\x0e%\xc3\x0bF\x01\x96\xa0\x17w\xfe\xfa\x07ws\xcek,e'</t>
  </si>
  <si>
    <t>getting rid of credit cards</t>
  </si>
  <si>
    <t>b'DL\xb28\xaa\xce\xb4Tm\xb0\xf1\xdb\x02\xd6p_\x8b\xec]\xefm\xd1N\xf6.CGz\x14I\xf20'</t>
  </si>
  <si>
    <t>b"\xce\tu\r\xd9 2\x11'\x8b\xaeR\xbe\xfe9\x93i\xadz\xee\x1dF\xc5\xa3\xe9\xf4\xef2\xfc\xf1\xf6\xaf"</t>
  </si>
  <si>
    <t>b"\xea\x01\x9c/\xc3#\x87\xad\xc6.`)\xadPA\xbe\xac'3\xe72\xaa\xaaR\x16\xf5\xe5)hG\xc9\xb6"</t>
  </si>
  <si>
    <t>b'\x05\xdb\xfe6\x8f\xae\xe1\xb60T4q\xa8\xd5\x06\x0ea\x83!\x07mQ\xa2t&gt;\xa5\xad\xa3)8\xb4\x17'</t>
  </si>
  <si>
    <t>b"{\x82@&lt;\xd6\x9a2\x00U\x14'uL(\x8d\xab\x83\x9c\x01\x83\xc2\x87\xc7\x95\x8b\xcc\x02.\xce\x91Wj"</t>
  </si>
  <si>
    <t>Website Loan</t>
  </si>
  <si>
    <t>144xx</t>
  </si>
  <si>
    <t>b'\x83\xaaO\x8eH\x90\xe4O\xe0\xc9\x87\xe8_\xf3\x11V9\x7fL(\xa9\x11\xda\xdb\x934\xf8\xeb\x15I\xebv'</t>
  </si>
  <si>
    <t>b'\x9b&gt;fA\xf4\x9dfd[k\r\xcb@\xc3\xfc\xa4\xe9\xb2\xbfL+(\xdfZ\xb1\xf2\xd6M\xce\xe3\xe6b'</t>
  </si>
  <si>
    <t>256xx</t>
  </si>
  <si>
    <t>b"\xec1\xd3r2\xf4'S\x14\xdcQ\xab\xeer\x83V\xc0b\xb8,\xc3\x117\x129\xcb\x8f\xa4\x80\x0c\xeb\xf1"</t>
  </si>
  <si>
    <t>SET FREE</t>
  </si>
  <si>
    <t>b'\x13\xcdx\xa7z\x9er|\x04\xc8\xe8aI\xa5\xa3\xda\x88\xc4\xba\x90\x98i!,\xd8*\xda\xf0\t\xf4\x02"'</t>
  </si>
  <si>
    <t>b'\x05;Q=i\xfd\xb3i\xca:\x92\x0bys\xa2@3V\xd5$\xa3\x85\xe0\xdf[\xc1A\xfb\xd5\xa9\x14)'</t>
  </si>
  <si>
    <t>My Zero Debt Loan</t>
  </si>
  <si>
    <t>b'\xeb\xdc\x07\xf8\x00j\xce\x03\x0b\x16\x1b)E\xcb\xb28\x8b\x9d\x7fZ\xb5\x0f\xe1\x05\xc5i\x12\xb3\x99\x00\x80\xa6'</t>
  </si>
  <si>
    <t>Consildation</t>
  </si>
  <si>
    <t>b'7\x87\x7fV\xdd\x15\xf1d&gt;\xd8\n\x07\xd0\xa9\xb8\xa9\xe9r\xeb\xe9\xa8\xaep\xc4u\xe9rB\xdb\xc2\xb9\xce'</t>
  </si>
  <si>
    <t>Moving-Forward</t>
  </si>
  <si>
    <t>b'\xbac\x8fbA\xca\xfd\xa3\xf4\xb8\x81Y\xeb\xf5\xe2T\xb2\xb4\x1ec\xcc\xef\x83R(\xe7\xeb\xb6K\xb1#\x0c'</t>
  </si>
  <si>
    <t>b'\x81G\x0e\xb9B\xa2\xf2\xcb\xc5\x8e\x8a\x19\xc3\xbf\xa7p\x00;\x0b\xc6gu\xa5\xa7\x94T\x85\x89\xe9\x9b\xd6\x07'</t>
  </si>
  <si>
    <t>b"\xa4\xb1'\xb6\x06\x05\xf8\xe1y\x9c;\xfe\x8b/\xeeg\xd4\x18)&amp;\x17\xaaWlCk\x84N`\x9c\xa2\xc7"</t>
  </si>
  <si>
    <t>b'b+\xc4\xabs\xd9i\xda\x97\xc8\xb9Y\x97\x84\x86F\xd1S\xaf*\x0b\x8e\xeb\xde\xd9{\xbe\x16*\xaf\xddN'</t>
  </si>
  <si>
    <t>b"\x08\xea\x0b\xfe\x86| \xb4\x85\xe8\x86Q\x08\xcc?\x98\xc2\\\xb6|\xe6X%\xd8\xcc0'\xa2\x90\x8e\xf5U"</t>
  </si>
  <si>
    <t>big home improvement</t>
  </si>
  <si>
    <t>b'\xe5\xa6%\xbbtq"\xf9\xb9$\x04\xeb\xae\xf5gm!\xcc0sm$\xd3\xfca\x10\x0c\x97\xc5\x8dy\x89'</t>
  </si>
  <si>
    <t>b'\xb9f"\x0eN*\x00b\x839\x88L\xdf\xc1?\xd1phf\xde\x0f\x8b\x8a\xae~\x03\xb05\xba\xe8\xa5I'</t>
  </si>
  <si>
    <t>Right of Way</t>
  </si>
  <si>
    <t>b'G\xa4o\xf1U\xa2\x06\xc4\xae&lt;\x06\xa9N\x85)\xff\x14zt\xac\xc7\xde\x0f\x8c\x98(.y\x0e\xe6\x0b{'</t>
  </si>
  <si>
    <t>credit loan</t>
  </si>
  <si>
    <t>b'\xb0\xdc\x88V\xcf\xb0\x94j;:\xe2\xe7\x9e\x01\xd7\x83#{\xe50\xf8YJ\xa0\xa5u\xb4QL\x9d\xf8\x1c'</t>
  </si>
  <si>
    <t>Worthy Borrower</t>
  </si>
  <si>
    <t>b'Kw-\xb6i\x0c\x82\xb3\n`\xe4\x03UK]\xbb\xed\xeb\xa7\xaf\x1b\x87\x1bSD\xf1\x95\x85fy\x81D'</t>
  </si>
  <si>
    <t>b'a\xcf\x10:\xf7\x8fJS\xac\x84Us\x9d\x0e\x97%\x02A\\\r\x08\x10\xb4\xe7;\xc2\xcb\x08\xac\x08\xfb6'</t>
  </si>
  <si>
    <t>b'&lt;\xf2\x1cU\xdc\xaec\x00XCw\xed\xd0R\x88\xca\xc7\xb1\x9a7\\(\xefZ;\x89\xb3\x1f\x9eY\x0bZ'</t>
  </si>
  <si>
    <t>clean up three years</t>
  </si>
  <si>
    <t>b'\xdb\x04\xa8?\x1b\x99\x98\x0e\xa6\xa3\x84\xf2\xaa@x|\x93"\'\x87\xb3\xed\x17\x1cc\xe6QQ\x06\x84\xd4\x88'</t>
  </si>
  <si>
    <t>b'\xe6W\x91~0\xea[qI\x99"J_\xff8s\x12fC:\x955*\xc9\xe2\xe1\xb3\xf0\xfe\x0e\xca\x11'</t>
  </si>
  <si>
    <t>b'\xde\xa2O&amp;fcR\x03\xc8\xf8N(N\xd4%\xfa\xde.\xca\xb9\x8c\xf4\x92\x81\xb1\xcd\xd6\xad\xd7\xa6\xdbm'</t>
  </si>
  <si>
    <t>Debt Free 2014</t>
  </si>
  <si>
    <t>b'\xb4\x0b\xc8R\xba&lt;q\xae\x12M\xc7G\xf7\x9c\x065\xce\xba\xbb\x0c\x90\xf4\x13Cm\xc6\xf9E\xbd4)\xc7'</t>
  </si>
  <si>
    <t>b'\x0b\x03\x8c\xb5\x9b-d7]\xc85\xf2\xf1\xc1\xb5\xd9\xc2k!!\x0f\x95\x8a%n \x99\xd2\xb7s\xaej'</t>
  </si>
  <si>
    <t>b'*\xa0G\xad\x98\x14$\xbb\x0fME\x91\r\x10Z\x06Qar\xd8\xbc\x13\xf4s\x9d\x0c.\xaf\xab\x81@\x82'</t>
  </si>
  <si>
    <t>b'\xf4\xbe9\x90\xb3~\n[\x92\x1b\xb8\xb2\xaf!\x00\x0f\x9d`h\xd4gU\xcb\x18\xc2.w\x92xK8\xc4'</t>
  </si>
  <si>
    <t>Restructing Loan</t>
  </si>
  <si>
    <t>b'\xf2D)\xb5W`\x83\xf7\\\xbe\xe6\xc2\x89\xd2\xcf@\x81\xe9N\xf4\xbf\x90\xd7`&gt;o\xc8i\x8d\t\x0e\x16'</t>
  </si>
  <si>
    <t>Paying off Credit Debt</t>
  </si>
  <si>
    <t>b'G~\xce]r&gt;J\xa9\x1a\xe6\xae\xeaEj_\xf4\x10\xdf\x96\xfc\x1bQ\x95kI\xcd\n}+\x8e\x00\x80'</t>
  </si>
  <si>
    <t>b'\x83\x06jn\x93\xdbJ\x85\x02\x84~~\xdc^\xe1\xdb\xb8O\x01Z\xb3S\xbfk\x0b\xd18\x9dO\xb24\xe5'</t>
  </si>
  <si>
    <t>Consolidate student loans &amp; credit cards</t>
  </si>
  <si>
    <t>b"K^\xabu\n\x055\x19\xcc\xc4\xd3\x07jo\xa6\x9c'\xc1b0\x96\x01\x95fa\x97.\x9a\xc49-\xcb"</t>
  </si>
  <si>
    <t>Change my life loan</t>
  </si>
  <si>
    <t>b'gI\x94\xa23\xd5.\xda\xa4]\x13-!\xada\xa8h\xcdo\x8c\x1b\x02l\x00\xcb@\xdfd]\xc2\xc7a'</t>
  </si>
  <si>
    <t>b"\x82B\xb7\xe4\x8a\x8cY\xe1m\xc42leQ{\x9b\xaa\x88\xb1\x8cu\xd7'\x11\x96i\xe3\xe6\xa5F\n\x88"</t>
  </si>
  <si>
    <t>b'\x91Z\xb7\x03\x06=(\x15\xf2\xba\x93\xb1\xc35\x9cL\xbb\x91\x1b\xc6\x0cC\x03\x9d\xa6\x9e\x97\xce_\xfb\xbeh'</t>
  </si>
  <si>
    <t>b'\x0c\x1a\xd1\xcb\x16\xe8{\x07\x83\xd9\xe3\xe5}u&amp;\xf5\xa06\x9f\x81\x18\x89-V\x1d\xee\xf6\xd362\x1c\xad'</t>
  </si>
  <si>
    <t>b'l\xcf}\xb6\x86\xd0\xb9\xdb\x99\xf2\x90\x9b-\xf4[Tw%)\xa9\xd9[\x03"\xeb\xee\x1bj\x94\xf5/_'</t>
  </si>
  <si>
    <t>b'Q\x17\xf7w\x849\xaend\x9d\xd6.\xc1\x8ef\n\xd7*\xb3\xa6\xeb\x1a\xa7\xb9\xee\x08{\xf8\x8c4\x90m'</t>
  </si>
  <si>
    <t>Building Freedom</t>
  </si>
  <si>
    <t>b'u\xf85\xeb\xcf\xe7\x12\xa4\x8b\xd3*d\x12\xf2\x88A\x9d\xb3\xd6\x92\xff\xd07{)(\xb2\x07\x9d\x03\x9d\x1e'</t>
  </si>
  <si>
    <t>b"\xbfG/d'{B\x94\xa6*\xa1P\x8e\xb3\x9e&gt;x\xc4T\x0e\xcf\x97\xbb\x071!\x8d4\xbe\x01\x02\xea"</t>
  </si>
  <si>
    <t xml:space="preserve">Debt Relief </t>
  </si>
  <si>
    <t>b'p\xe2\x04V\n\x05\x9fF1^\x8d\xae\x8a\x0c\x198c\xdc\xc7\xea\xcb\xb1\xdf\x14\xc7\x04y\xd5\xd3N}\xa2'</t>
  </si>
  <si>
    <t>b'\xd2\x17_6\\\xf3\x89\x1a\xbdN\xf6&gt;D\x9d\xee\xda\x7f\xf1w\xe9\xc9\xa9\x03\x18\x0b@[\x12\xb1\xe9\x99a'</t>
  </si>
  <si>
    <t>Consolidating at a lower rate</t>
  </si>
  <si>
    <t>b'q\x8f;\x13qz\x15\x80\x1d\x8d(-\xc4\xcb\x02\xe1\xden7\xdc\x07E\x0c\xb3\xa8\xf2\xae\xae\x9dT30'</t>
  </si>
  <si>
    <t>b'B\xa5\x946\x8c\xb6m\xac\xcd\xb1~\t\x96h\xb4e\x93\xa0\xf4len\xd6"\x10\xe9*C\x0b\xba,b'</t>
  </si>
  <si>
    <t>b'\xcbz\xb6NW\n\x8f\xe7\xa4\xd7\xb6J\x89\x82/kl\x91N\x1c\xceM+k\x13\xeb\xbc\x8158*\xde'</t>
  </si>
  <si>
    <t>b"\x8f\x0br2\xc4B\xad\x1f\xd6\xad'\xa6\x047o\xc8\x01\xd6\t\xb3\x086\xf1:x\xd7\x84\xa1=oI\xe1"</t>
  </si>
  <si>
    <t>b"OR*T'\xd6\xdez\xd7\x95p\x823\xee \xb5)\xfdtr\xa22\x80]\x86\xab6\x97\xc7N\x12]"</t>
  </si>
  <si>
    <t>Loann/debt consolidation</t>
  </si>
  <si>
    <t>b'\xbe\xe5\xb7w\xa3\xe6\x06\xaeq\x1e\xa0G\xd6\xbc\x11\xb6Dk\x96SJ\x94\xb4\xed\xfeup\x89\xbf\x9e\xd5]'</t>
  </si>
  <si>
    <t>b"\x8e\x92=\xdb*\xa6\xc3\x9a/6\x80\xbe\xff\x8b\xa8\xf6\xd4\xb4&gt;&gt;\xbc\xa1\xe7\xb2XyA\xc5C\xdf\x90'"</t>
  </si>
  <si>
    <t>b'\xc1-\xe5\xc42\xad\xd6\x01\xf9lF\x8bZ|0\xecYiT\xc1k.,k\xfa\x9a\x82p\x1f\x94\xcf"'</t>
  </si>
  <si>
    <t>payoff cr cards consolidate</t>
  </si>
  <si>
    <t>b'\xa9o\xe9\xb4\xed\xaf\x93\xd5\xbf2\xb79ux\xeb\xa5\xe5\xe7\xc4\xec\xc5\x02\nvq\xb5\x852Z;\xce\xd8'</t>
  </si>
  <si>
    <t>b'\xa1\xf6\xde\x84S\x11\xd8y\xa6\xffR\x89\xad\x07X\x8e\x1a\xd3Q\xb0\x84\xc143w+\xae!\xe1\x17\xd7\xc8'</t>
  </si>
  <si>
    <t>b"}\xa8\xce\x9b_,`\x8f\xd2\xc6\x8f\xe0\xfd\x8f\xad?Z\x98\xb2Iw\xcd\xb9f\xa3'\xe0\xde\x81\x8d\xbb\x10"</t>
  </si>
  <si>
    <t>b'Z\x7f\x03\x91a\xc8V\x8b\x83\xcc\xe6@\xcf\x18\xeb2\xe5\xcc\xce\xeeM\xd9\xb6\xe7-\x13\xe8^\x0c\xfa\xd8R'</t>
  </si>
  <si>
    <t>Refinance Two Credit Cards</t>
  </si>
  <si>
    <t>069xx</t>
  </si>
  <si>
    <t>b'\x89\xee@\x91\xfcX\xe1\x05\xf4\x03\xf1\x80x6\xb9B5\x16\x81\x0f\xe2\x8d\\XWJ\x16\x90\x97gE\t'</t>
  </si>
  <si>
    <t>b'\x00e\xe0\x9f\xb1YP\xcb\xe1\xf0#\x19\x1d\x9a7qgjW\x82\xc8)\x8c5\xc2&amp;\xcb\xa1s\x0494'</t>
  </si>
  <si>
    <t>Growing wiser about my money.</t>
  </si>
  <si>
    <t>b'\xb1|Z\x91*\n\xfe=\x7f\xa4\xe4g\xe6\xe1\xe3\xb3\x90\x05\xaf\xfaW\xf1\x8f\xd9_\xe0\x19y\xbd\xb51\xa8'</t>
  </si>
  <si>
    <t>No more credit cards</t>
  </si>
  <si>
    <t>b"\xc9'\x1dg\xb7o'\x9f\x82\x94F-\xfa\x0e\tl\x92\xdc\x11c\xd5!u\x12\xb3E|\x80d\xca\x97\x0c"</t>
  </si>
  <si>
    <t>Home Improvement B</t>
  </si>
  <si>
    <t>b'0\x14\x0e\x1d\xfa\xd9+\x10\x11L\x0f\xc8U\xb2\xd3u\xe9\x12\x83z\xad\xcc@\xdd_\xa3\xd7\xc2\x11_\xd8R'</t>
  </si>
  <si>
    <t>Uknown</t>
  </si>
  <si>
    <t>b'\x12W\xfe?\xff\x8aA\xb88^\xa1\xa6\x90\xe8\xc8/\xc7\x15Wt\xd0\x182\xe6^\xcdR\x00\x06\xe7\x086'</t>
  </si>
  <si>
    <t>Clean Up</t>
  </si>
  <si>
    <t>b'\x80\xa4\xbax\xa7\xf9\xbf\xad\x8aQSj^\x14\xe2\\\xcd==4\xf0;\xd8\xc8z\xd4CB\x96\x03q\xdd'</t>
  </si>
  <si>
    <t>Take Charge</t>
  </si>
  <si>
    <t>b'8CnCK:\x99K\xf0!\x07:(\xc9\xd3Y\x8d\x88e}\x1e\xb0\x0c\xf38\x86d\x9e \xd0\xfd_'</t>
  </si>
  <si>
    <t>Family Move</t>
  </si>
  <si>
    <t>b'\xe2\xa8\xf5\x93\xbe\x8f\x07\x04\x10ih\xf0\xd0\xc6gnK\x99\xfa\xce\x0b\xab\xd5k3\x18\xdd\xcf\x9b;,r'</t>
  </si>
  <si>
    <t>b'\x89\xb0\xb16\xac\x1f^K\x15\xc2\xb5\x8c\x8a;n=\x0e\xf7&gt;{\x95\x99\xdai33\xa6\xf6\x05\x9fVD'</t>
  </si>
  <si>
    <t>b'\x01j\x9f\xcbL\xf4}j\xd1\xe6\x08&amp;\x9a\xcdZ1\xeatBk\xc8K\xac\xfc\xc0n\xa0\xf1\xd2=\x06\xea'</t>
  </si>
  <si>
    <t>b'\x90\x0e9/\x18\xba\xc2\xe3\x9f\xb4\x08H\x011\xf6\x82\xd5\xbf(F\x14\xf4\t0\x0b\x87W\x06\xa5u\xea\x1b'</t>
  </si>
  <si>
    <t>b'\xb3\xd2p\x1c\xcb\xda\x1f/\x86Fo\xcc4\xa9\x10\xa6\xd3\x0b O\xb4B\xaf`\x06H\x93\x84\xa7\x84\x96Q'</t>
  </si>
  <si>
    <t>b'i\xf9}\x15A\x17\xdb\xd5\x04\xe7w\xe8\x94\xedo\x1e\x8ae\xc7\x9cw\xed\xd5\x90\xe9\xe0\xc0\xe8v\x98_\x84'</t>
  </si>
  <si>
    <t>b'2]G,g\r\xa1\xebz\x97\x9a\xa2\x0e\x07\xdc\xe6\xa6\xec0\x91A\xa4\x82W\x86J\x10@\xdcG\xe7\xf9'</t>
  </si>
  <si>
    <t>b'\xfb\xc0~l=U\x0b\x12\x1a]\xe3Nn2\xc6\xf8\x00\xb5\x1f\xe4f\xb1\x02d\xf2e\x184\x1a\xda\xb1\xfb'</t>
  </si>
  <si>
    <t>investment</t>
  </si>
  <si>
    <t>b'\xe3Y\x84\xfa\xb7\xff\xb3+[@\xfb\xa3C\xea\xd0\xeb\xa1\xac\xe9Ek\xf0\x7f\xa6~\x88n\xde\xb8V\xe8\xf9'</t>
  </si>
  <si>
    <t>b'@\xb7\xe2g\xc9\x99\xec\xdd&lt;\xd0\xe8D\xb30\xbb\xa9\x9c\xdf\xde\xc5\xf1\xe6\x89\xa3N\x08\xf8ld\xd7\x8a\xf4'</t>
  </si>
  <si>
    <t>DOG</t>
  </si>
  <si>
    <t>b'\x86\x967@&lt;\xc3\x94\xfd\xc2\x03\xb7\x11\x96\xe4\xfd\x8d\x96\\\x0er\xda\xf5"+\x95\x99\'#\xbf\x03\xaf\xec'</t>
  </si>
  <si>
    <t>b'\xc5\xba\xa9\xc8\x94\xc0WOt\x15&lt;\x071D4\\;\x99\x1f\xf8S_\r\xf1-\xf5k\xa66SK\xb0'</t>
  </si>
  <si>
    <t>fairmont</t>
  </si>
  <si>
    <t>259xx</t>
  </si>
  <si>
    <t>b'Zi\xc1\xac\xdc\xe1\x98\x05C\xbc\x9e\x8f\xb0\\\xd6\xc0\xa8*`\x87\xec\xaf\x90j\xf2\xf2e\xbc\xb0e\xf1\x18'</t>
  </si>
  <si>
    <t>Relocation 2013</t>
  </si>
  <si>
    <t>b'&amp;\x87\xb4\xbb\x071\xa4\xdf!F\x00\xe4\x05\xd6\x06\x9e\xa9}xK\xd3Hk\xa1\xaeGu\xa8&gt;\xf7\x94\xe5'</t>
  </si>
  <si>
    <t>b'\xdb|\xe1\xbf\xef\xd2(\x8f&lt;Z*\xee\x03W^\xfa\xa7\x9c\\\x83m\xb5%\xea\xa1\x88\xf9\xbf\xa6o\xd3;'</t>
  </si>
  <si>
    <t>710xx</t>
  </si>
  <si>
    <t>b'\xe0Y\xf9\xa8\xd4\xa3\xdc*\xdc\xcf9r\x19\x96\x91\x03I\xb0P\xf5VB\xbe\xe5\xa4;\x02\xd5\x82\xf0*\x86'</t>
  </si>
  <si>
    <t>776xx</t>
  </si>
  <si>
    <t>b'\xa0@\xd5\xfb\xab\x83\xf1%z\x7fLj\xc8&amp;\x14\x1a\xa0\xdbW\xdd\xa4\xfe\xd8P\xf9Q\x11J\xe1\xbf\xc2|'</t>
  </si>
  <si>
    <t>Debt consolidatiin loan</t>
  </si>
  <si>
    <t>b'\xd34\xff\xd5\x84\xea\x91)\xf1\x1exg4\xbc&gt;\x11\xacX\xe6\xfc\xae\xa5\xb8\xbc\x9dw\xc1y\xbe&amp;\xe9('</t>
  </si>
  <si>
    <t>Code Freedom</t>
  </si>
  <si>
    <t>b'\xa5\x97\x11\x0fwU\t\r\xf7-\xbd\xef\xf5\xad\x1c\xfc\xad1T\xef\x14\xf9n\\\xe5bMk\xebj\xe2\xe4'</t>
  </si>
  <si>
    <t>b'\t3\xdfFX\xfd\xae\xa31\xd3`\x98\xc5\x8b\xc0\xc5\xef\xcf\x12\xeb})\xf3\xeb5uK\xaa\xde\xad\xfc\x12'</t>
  </si>
  <si>
    <t>b'\x07\xe8\xc1O\x9d\xd2VJ\xec \x1bu\x84g\xeb\xf0\xc7\xc4\xf8\xff\xa0\xf8\x12\xc5\x818\xc8M3\xb5W\x97'</t>
  </si>
  <si>
    <t>A GOD SEND</t>
  </si>
  <si>
    <t>378xx</t>
  </si>
  <si>
    <t>b'N+\r\xee\x1a8@\xdf,n\xcb4\x9a,j\x89uw3\xef\xdf\xf6\xc56r-\xb0B#\x12\xa9\xb0'</t>
  </si>
  <si>
    <t>Pay My Bills</t>
  </si>
  <si>
    <t>b'GC7J\xd1\xa4\x13\x92"\x00\xdcR8\x11m\x8b\xd6\xe5]\x90\xe3\n|m\x83Xw?\xa0\xee\xf9\x13'</t>
  </si>
  <si>
    <t>b'_O\x13M\x03W\xec{\xe21\x1a\n\x04\n\x0f\x95\xf2\xac$\x91\x8a\xaf\xbd\xc9\x1b\xd0\xfezb\xaa\xd3g'</t>
  </si>
  <si>
    <t>Blue Truck</t>
  </si>
  <si>
    <t>b'\xf1\x03m{\xc1\xd38\xd4S\xa9\x90|\r\x10\xedt\xf7B\xed\xb1\xa7\x99\xa0U\x06\xe4P\x8f!3\xd3\xb5'</t>
  </si>
  <si>
    <t>b'\xd6\xe5\xa5^\xfb\xdb\xbb\x06u\x86\xba\xab\xcd&gt;\x17\xe5\xd2\x1a\xb7O\xf2\xfd^\xdd\xb6\xdbI)\x05\xe6\xe4G'</t>
  </si>
  <si>
    <t>624xx</t>
  </si>
  <si>
    <t>b'\x88\x99\xd2 Ad\x03FS\x10\xa0[\xec\xb8\x1a0[\x06G\xc7|.\xbe\x81I\x17\xdf\xec\xaf\xcd\x94\x07'</t>
  </si>
  <si>
    <t>401k repay</t>
  </si>
  <si>
    <t>b'\x08dW\xeb!\xaa\xb7\xf4\x19\x14\x91 \x1d\xa1A\xef\xc0\xa0J\x9b\\\x03$ng\xb8!\xe3\xfe\x83\x06j'</t>
  </si>
  <si>
    <t>pleasehelp</t>
  </si>
  <si>
    <t>b'\x94\x1a\x1f\x11\xf92\xccQ\xce\xceW\x97\xc8i\xaa\xd3\xcd\x10\x02\xe06*\xc6m\x9a\xb3\\u\x85\xee!:'</t>
  </si>
  <si>
    <t>189xx</t>
  </si>
  <si>
    <t>b'\xc3V\x15U\tq\xf4k\xf26\x0eE\x1d\xce\xf7\xa1m_vO\xc4\x1c\xf2\x178\xb5i\xc6d\xcc9r'</t>
  </si>
  <si>
    <t>CAR REPAIRS</t>
  </si>
  <si>
    <t>b"\x16\x8a\xb5E\x16Dwv\xad\xd4\x14\xdc&lt;sT\xce:\x9cZ[.\x1c@\x99\xef\x0e?\x8d\x92\x12'&lt;"</t>
  </si>
  <si>
    <t>Debt - Credit Cards</t>
  </si>
  <si>
    <t>b'\xdf\xfapJ\xdeo\x97\x88O\xc6[\xc2\\8\xbb\xde\xfeQIT\xb8\\\x8d\xec\xbdv\xd3E\xbdl\rn'</t>
  </si>
  <si>
    <t>close credit cards</t>
  </si>
  <si>
    <t>661xx</t>
  </si>
  <si>
    <t>b'3\xe4\xb11\x9e\xe6roG\x92h7\xf7\x95\x04\x83\xfe\xd5\n\xd9\x90*kg\xfe\x86\xcd\xa5g\x10\xc2\x96'</t>
  </si>
  <si>
    <t>Medical Loan</t>
  </si>
  <si>
    <t>b"f\xab\x8b\x11\x9db\x05{\xb2\xd7z\x9d\xa4}j\xce\x8e\\\x8c\x8a\xa7u?\xf0\xd9\x8dX!'\xc6\xbd\xc2"</t>
  </si>
  <si>
    <t>Loan for various things</t>
  </si>
  <si>
    <t>b"\xab\x19\x8b\xd4\x90=\xfb\xe8\x07I'\xadV\xf6\n\xb3\xc0\x00\x8d\x98\xfa\xd2f\x8b\x08\x83\x94\xd6\xd6\xb0\x82\x8b"</t>
  </si>
  <si>
    <t>pay down</t>
  </si>
  <si>
    <t>b'\xa2tf\xe4\xc0\xecn\xd5\x00y\xb4j\x07\x99\x07\xa9\xde\xf3\xb5\xab\xac\x96o1\x85\xc0s\x0f\xf1&gt;A\x7f'</t>
  </si>
  <si>
    <t>b']\x19e9\xe3f\x06\xcfD\x8b.\xb5\xfb\xe2\x00\xc4k(q\xf9\xd9\n\x02\xa4BZe\xee\xe3\xe1\x85u'</t>
  </si>
  <si>
    <t>b'\xb4!\x99\x13\xcc\xf7\xccO\xa7\xc4u\xf3o\x14|\x03/\xe3\xe2e0\xa8\xf0:\x1bkd\xc6\xd9\x9e\xbc\xf1'</t>
  </si>
  <si>
    <t>CC</t>
  </si>
  <si>
    <t>b'\x08\xb8a\xd8\xa8\xdb\xb8\x01\xce\x1d\xab\xe1\xc0@4\xf7_y\x14\xc88[\x96\xda=\xdf\x0eu\xa6F\xd3\xa4'</t>
  </si>
  <si>
    <t>b'\xde]7L\xb2|\x91\x0f\x9f\xf8Um\x80\x93j\xdc\x02\xe3t\xdd\x97\xcc\xa3\x12|\x02nR#x\x88\xbe'</t>
  </si>
  <si>
    <t>b'\xf0\xee\xbe\xbc\xb1lkB\xafB2\xcf\x18\xb9\xdd\xb4fu\xa1\xb3\xbfr\xa0\xaa\xb9\x9d\xad?\xa5\x10\xb5&gt;'</t>
  </si>
  <si>
    <t>b'\x0c\xfe\x99\xc9\xaa\xfd\x02\x84\xf1\xe7uh\x87_\x1a\xfb\x8d\x85\xd5\x9b\xa2\x7f\x96\x92\x95\x8b\x8bE\x014zP'</t>
  </si>
  <si>
    <t>b'\x99\xfb\xc1\x1aUM\x92*\x8ad\xa34p?\x12\xa9\xe76\xbb\xca\xc4\x06\xc4:\x81\xa3vv\x1b1\t\xd0'</t>
  </si>
  <si>
    <t>New roof</t>
  </si>
  <si>
    <t>b'\x16*1Wg\x91\xb62w\xe3\x97\x98x\xef\xf5V\xf0dU\xeeF\xb5\xda\x80B\x00j\xd1\x8b\x8d\x81^'</t>
  </si>
  <si>
    <t>b'c"\xaas^\xc1\xa6\xa9\x90\xc0h\xa9\x94N\xabn\x87~\xcf\x87ye\x1f4%\xe8\xcb\xaa\x17_"Z'</t>
  </si>
  <si>
    <t>b'\xa0\x0762Gl\xe5\xa4\xfc\x88\x15up\xc2\xca!\xaelB\xe7\xa2v|:j\xd1lG\xdd\xb4\xf8\xe3'</t>
  </si>
  <si>
    <t>b'\xdeh\x16\xbe)G\xf4\xb6\x7f\xe8\xbfJ\xb3D)\xcf\xfb\x84:\xcam#\xe5\xb0\xce\xb4{1\xe33\x80\xc0'</t>
  </si>
  <si>
    <t>b'/\xb6!\xa9V\xb1\xb5\xb7\x9f\x0eu\xc5U\xae\xc9t\xacO\xd8z1\xc7\x16\xe6\xed\xdd\xeb{\x07F\x98\xc3'</t>
  </si>
  <si>
    <t>End of CC Debt</t>
  </si>
  <si>
    <t>b'\xaae+\xc1\xae\xdfs\x8a\xaf\xbb\xf0\x9b\xfd\x13^vw%\xce\xd2\xce\xcf\xf0\x1a\x97[\x95\xe98\xe5\x9a\xb2'</t>
  </si>
  <si>
    <t>For Credit Cards</t>
  </si>
  <si>
    <t>b'\x08\x1e\xf7@\x80\xe7G\x80\x87\xa9E\xb00\xda\x89\x81R\xc6\xaa\x81\xb6|G\x98\xfer\xc1Rm*\xb5\xcc'</t>
  </si>
  <si>
    <t>forward</t>
  </si>
  <si>
    <t>b'M\x8b\x96\x08\xa3\x83T4\xc2\xc5x^\x93\xc6\xfbW\xbe\xfb\xf0\xf7\x0c\xd7\xb6Tl]\xc2i\xbf!\xa3#'</t>
  </si>
  <si>
    <t>Lending Club Consolodation Loan</t>
  </si>
  <si>
    <t>b'M\x96^N\xd6w\x0c\x08\x8d[\xd6\xf5}D\x18\x92\xb0:\xb2&amp;$\x8c\xfe\xe8\xda\xd9,|N\xc3iX'</t>
  </si>
  <si>
    <t>b'\xd5\xba\\\xd2ef\xc4\xb6\xf7w\xef\x9d\xafA\xa3\x96-\xc9\xba\xbe\xa0fvj\x8eG&lt;0F"m]'</t>
  </si>
  <si>
    <t>CreditCard</t>
  </si>
  <si>
    <t>b'\xa7\x90\x03Z\x06&lt;{V\x90\xea7d\xa9r\x9c\xba!\x88\xe4\xa3\x86&lt;!v\xd0\xbe%\xe35\x02\x83\xea'</t>
  </si>
  <si>
    <t>b'\xf5\xae8\xb8K\xab\xdf\xd03\xb3v?t\xbe\xb9\x8f\x91.O\xab\x04}\xfa\x19}\xbf\x9eB\xf9\xbc\xe3['</t>
  </si>
  <si>
    <t>b'\x8d\xdc\xad\xd3\x13\xb3f\xce\xc8\xb0\xdeo$x\x83\xbdr\xb7c\xc6\xf5\xbc\x16\xd8A\xa0\xe3#Q\xc8\xd0\xec'</t>
  </si>
  <si>
    <t>b'\x06r\x98L\xddR6\xfc\xc4\xf5p9\xf6I\xad`\xe50EC\xec\xb5D\x9c\x90\x0bF\xec\x1e\xcb\xe2\x13'</t>
  </si>
  <si>
    <t>122xx</t>
  </si>
  <si>
    <t>b'T\xaf\xad\xc0\xab\xc3\x11\xd0\xf1"\xa5\xc3\x92\xf9\xeb#\x8dE.\x87\x04\xaa%\xea^\xe5\x05\xa4\\Mg='</t>
  </si>
  <si>
    <t>all in 1 bill</t>
  </si>
  <si>
    <t>438xx</t>
  </si>
  <si>
    <t>b'\xa6p\x1d\xfe\xea\x1f\xb7~M\xf9\xaeS\xd9\xad\xba\n\xac\xab\xe8\xdc[y\x01\xad\x1b\x98\x9f\x8a\x00\xa5\xe7\x02'</t>
  </si>
  <si>
    <t>b'\x1b\xc6\xbb\xd2\x07\t&amp;\xf6\x02hZ\xfb\rl\xe7s\x12\x10L\x8cV`\xafY\xefK\xc5~\x05\xcb\xacu'</t>
  </si>
  <si>
    <t>b'V\xb0\xd5\x0c\x8e\xcb\xdc\xf1\xc4\x1e\x04\x1f+\x9d\xa9\x99\x14\xd5\xd8l\xc9\x975\x7f\xaaG\x05f\xa2\x06*d'</t>
  </si>
  <si>
    <t>b'KX\xf7\xb8\xf3\xfa\x8b\xfaM\xfcV\xcdd&gt;ZP\xee\xb0=\xea\xd3\x00,p\x9a\xdb\nLi\xa8\xb4\x0e'</t>
  </si>
  <si>
    <t>b'\x1d\x8f$\xcc\xf0\x9eb\xcc+\x01\xe0\x01c\xe8E\x16[\xa3\xb2{63\\\xfd|O#\xef\xb4\x11\xf6$'</t>
  </si>
  <si>
    <t>b'\x1f\xdf\xdc%h\xfc\xb9\xf9W\xcf\xd2\xa1\x13\x93\xde\xaf\xaa\xb6\x8e\xd6`\xe1sK\\1"\x82^\xfd=\x94'</t>
  </si>
  <si>
    <t>b'\xa3\x16\r\xd5\xcd\xc3\xf6v\xec\xc2vg\x89\x9b\x00\xdf\x15S`B\x8be\xca2$&lt;\xfa8p\xb3k\xcd'</t>
  </si>
  <si>
    <t>b'\x14|\x80\xaf_;\x97\x1b}\xe6\x86\x9c\xca5\xf7c \x1f\xad\xc9&lt;rU\xa4[\xfa`V\xf3\x06Z\x03'</t>
  </si>
  <si>
    <t>Credit Card Close Out</t>
  </si>
  <si>
    <t>b'f/\xb3\x8c\xb4\x85v\xf261\x07\x12\xa8\x12J\x1ck\x9b\xd3\x9b\x85\xa9\x0e\xab\x12/\x1cx\xee\x83UF'</t>
  </si>
  <si>
    <t>Credit kill</t>
  </si>
  <si>
    <t>b"#n*\xc2\xffI\xd9\x8d&lt;\x80'\x97\x82|\xabM\xe0\xe3\xe0KK1\xdcY\xac^^\xbd\xad?\xcd["</t>
  </si>
  <si>
    <t>b'\xa3\xfa8;J \x87\r\xafw\xd9\x9e\x1b\xa9\xfd\x99\x97\xbd\xf4c\xd3\x87qq\xb2;w@\xbe\xec\xaa\xea'</t>
  </si>
  <si>
    <t>b'\xec\x83\x92\x18\xa0)\xa6\x11\xeatx\xfai\xa8\xa2\xa9\xa1\xf6\xb1\xc5\x14+\xc0e)Y\xc1\x846\x0f\xa5#'</t>
  </si>
  <si>
    <t>b'\xfcP\x16\xe2\x17\xff\x04\x10\x94\x8b\x1a\xcb\xcd\xb9\x060Y\xd3!-9\xe8\x838O\x1eB\x94d\xff\xcd\xc4'</t>
  </si>
  <si>
    <t>b'&gt;\xc9 jL\xe7\x13g\x00s\xd2$\xd8\\\xa5\xd5\xab\xa2z\xfa\xb83#\x1d\xda\x0b=\xb6|\x91\x8d\x94'</t>
  </si>
  <si>
    <t>b'\x17\xe1\xc4\xce\x8f"\xb5\xb7\xa9\xe2\x86\xa7W\x81\xe6\xd3\xfc\xcd\xfa\x19\xd6{G6\x1e\x13\xd6\x15\xc6\x84\xd0L'</t>
  </si>
  <si>
    <t>b"\x94\xa5c\xca\x1d\xc5\x08\xb1\xcd\x9c\xea\x02v&amp;\x8a\xfc\xe0\x82\xea\xdc\xe34!\x08p'\xeb\x91\x16?\xc6\xed"</t>
  </si>
  <si>
    <t>b'\xb9\x15\xd0t*\x90\x12\xa9\xa6q\x10\x8ey+:\xbc\x0c&amp;\xb6\xf9\xb7s\x98\x15\x95\x88\xc2Sh\x17\x83{'</t>
  </si>
  <si>
    <t>b'\x05\xb6?p\xe6@\xd2\xa1\x80\xef[\x19\xf7\x9d\xc1\xa5\xca\xcf/\x927\x92\xc3~+ J\x07\xe2\xad|\xcd'</t>
  </si>
  <si>
    <t>b'\xec\xa5\xe3\xa8\x82mS\xe4\x93\xf4\x9a\xa2y\xe0\x08\xd9k\xec\x9e\x90k&amp;u\xe0nr$`x\xc5\xc9\x10'</t>
  </si>
  <si>
    <t>Reduce Debt</t>
  </si>
  <si>
    <t>b'\xb7Z\x89z\xff\x9e"+#\xca,\xb8\x16\xe5\x03\xa2=\xb6\xf4\x1f\xcd\x0f\xdc\xd7\'!|\x1e\x93\xc04['</t>
  </si>
  <si>
    <t>b'\xf7\x82tt\xc9\xc5wu0&gt;\x85m\xbe\x88dH\x95\xdd\rT\x93\x99-\x0cC\x8f\xd4\xc2C\xa8\xc1`'</t>
  </si>
  <si>
    <t>b'\xc5"\x1d\x16x\x9b\xa6\xf3G\x16s?\xf70\x14\xed\xfb\x92@\xbc\x81\x0cm\xd3\xb8\xe8\xc2\x91\x08a\xb2e'</t>
  </si>
  <si>
    <t>b'r\x11\x9av\n\xad`\xf6\xd4\xd0\x0b\xde\xc2\xf3\xc48\x8f\xab\xaf\x0bk\xa0/M\xa8\x1e\x04\xd2\xd9N\x7f\xa4'</t>
  </si>
  <si>
    <t>Debt Free in 3</t>
  </si>
  <si>
    <t>b'\x02_\x99\xe3\xe0@\x98{\x9c\xf4\xdd\xb0\xdb\xde\x86q\xd4\xc9\xfd\xa2]\xdf\x1c\x9bj\x85\xa3H\xf4@\xdb/'</t>
  </si>
  <si>
    <t>Debt Payoff Plan</t>
  </si>
  <si>
    <t>b'[(\x1b\xf5/\xb2\xd6\x88\xa4\x88\xbac\xb8r`\nY\xa0\xb2\t%\xd5X^\x7f \r\x1e\x9e/\x91|'</t>
  </si>
  <si>
    <t>b' E\xda\x06\x0c\x93\x14]\x9c\xb8D\x10\xdcK\tjq\x0f\x13\x17\xad\x8c&gt;`D\x06~\xbegKO\xf6'</t>
  </si>
  <si>
    <t>b'\xb6.\x9cc\xa0\x05\x8f\xf9&gt;\xedD\x9a\xd4\xe0\\\xb0\xbbC\xb5N\xde\x1e\xc22F \xab\x8d\x96\xfe\xb7\x85'</t>
  </si>
  <si>
    <t>b'\xa7\xae\xb1\xc39\xe6\xbbH\xb2\xb9\r|\x19^\xb55\xa1\xa05FVj\xd1""\xf8\xe5|)\x83\'\x1d'</t>
  </si>
  <si>
    <t>b'f\xc1\xd3\xd1\xc1\xb6\x8d\xcd\xf6\x89=\xae\xc6\xf5\xad\x1b\x93M\x8cb@\xf5NPm\xfb\x8a\xd1\xc7si\xdf'</t>
  </si>
  <si>
    <t>b'\x8d6\xa3Z\x15\xdf\xda$KN\xd8\xa8\xb7\xd8\xd7\xb8N\x85\xf7\xb9\xba\x06\x10\xde\xec\x83\xca8\xae8\xee\x87'</t>
  </si>
  <si>
    <t>Pay Off Credit</t>
  </si>
  <si>
    <t>b'\xbc\xc0\x1c{\x9f{\xcc.j4D\x87\x18O\x04\x87\xef\x93\xec\xf0MSQ\xfbY\xd6XWL\xc1bu'</t>
  </si>
  <si>
    <t>Credit Refi and Car Repair</t>
  </si>
  <si>
    <t>b'\xc8l\xca\\eeXO\xdc\x02\xab\\:\xe6\xcb\x0cS\x15\x01\xc7\x92\xd9\xb6\xfbD&amp;\xb6\xc2\xb0@\xcb\xf6'</t>
  </si>
  <si>
    <t>2013 debt ends</t>
  </si>
  <si>
    <t>b'\xcb\x1e\xb3&gt;\x1fH\x81c\x87\xf8\xf2\xb3\xbf\xad4\x7f[\xab\x0cf\x0c\xf2\xa8QC\xa0\xc4wL?*\x17'</t>
  </si>
  <si>
    <t>b'\xd6\x90v:\x81H,\x81\xfe@\xb4\x18L\t\xf2\xdd\x00\xfex1\xf3Y\xec Y\xb3\xe6\xcbS\xd3\xde\xc9'</t>
  </si>
  <si>
    <t>b'\x911\xe4\xe0\xe1\xe3\x18\xdc8\x92\xaa\xca$$\xbedc\xb1N\xd1z\x08+:\x180x\xeeQ\x0f\x98~'</t>
  </si>
  <si>
    <t>A reliable suv</t>
  </si>
  <si>
    <t>b'F\xb2\x170\t\xcecUp\xa9nW\x89\x8d\x89Y\x9c\x00\xf8\x14jm\x13\xe97\x04\x05F\xa5\xedXp'</t>
  </si>
  <si>
    <t>my bills</t>
  </si>
  <si>
    <t>b'\xc6^$\xca\x8c\xd3\x98U0:\x0fR\x1fVN\xa1Q\xbf\xc0\xaeu\xb2\x92$3\x93 \x1e\t(\xa3a'</t>
  </si>
  <si>
    <t>b"-e)\xfc\xb1C\xfb\x9fh\xd3\xa8X\x9d\x9b\xb9\xce\x1fw\xd5\x07\xa8\xb4\xb9~ubs\xe9\xc59'\xf6"</t>
  </si>
  <si>
    <t>b"\x8ep\xa2e\x15$V\xfc\xad&lt;\xc7\x8ag\xe2/\x0e\xed\xf9\xdfu\xaa?\x87\x07'\xa8\x92\xdb\x04;\x10\xdb"</t>
  </si>
  <si>
    <t>b'\x1fm\x1b),\xcc\xd1]\xebmQq|\x009\xbe"F\x02\x8b\x8e\x05&lt;\x16\x13\x9b2\x93F\xba\xb4 '</t>
  </si>
  <si>
    <t>b'\xe2[Ov\xd0\xbf\x9f\x94&gt;;\xa5\xf6\x12\x03\xa7\xd2\xe7\xaf\xb8o\x99T.\x9e\xfb2WXi(p\xf3'</t>
  </si>
  <si>
    <t>b"B\xe5\xdc\xe9\x16\x1a\xb6\xa9'\x97\xb4e\x9e\x99\xc8\xac\xca10\x89hku&amp;V\xb0\x91\xadO\xea7\x9b"</t>
  </si>
  <si>
    <t>b"\xc5\x14\x04\xe2\xac\xb6e'ZN`\x1e\xe8\xf0\xc7\xbb\xd9\xc6\xfbxW~\xaa\xb8\xa1Xay61\xc4\xf5"</t>
  </si>
  <si>
    <t>b'\xc2\x9dJ\xce&lt;\x0e\xda\xf89HD%\xe6\xbc\xac\xfcho\x92\xf9\xfb\xactK\xdddx\xaf\x1e+ \x8f'</t>
  </si>
  <si>
    <t>b'G\x8c[\x96\xc5\xd9\xef\x9ap\xa9\xc4\x88\x8b\xef\xfe\xaa\xb3;\xd2\xbd\xf5\xb1\xb2\xf8w\xf5$/T\xf6\xffD'</t>
  </si>
  <si>
    <t>b'\x88\x99S\x1a\xd4\xb4\xec\x19\xe4\xa7[g\x84t\xe1\xe8\xd3\xde\x9fd\xfbk \x13&lt;\xa3L\xa5\xa4kR\x91'</t>
  </si>
  <si>
    <t>b'\x1a\xcfx\xb5 \xbbB\xd0\x85|J6j\x98=\\\xb6+\xa4\x9a.\x14:[[1\xf5(\x8e\xee\xb3 '</t>
  </si>
  <si>
    <t>b'\xf4\xa9%|\x9d\xc5\x95\\8B1\x1b\\ap~\x19\xb4U8\xb3\x99\xec\xc9\x97\xf6\x915\xe9.\x0c\xb1'</t>
  </si>
  <si>
    <t>b"erz(\xf4\xd7&amp;\xcdH|\xed\x0c\xc9W\xb9\xaf\x92\x03hr\x0ed f?\xc4\xe6K\x95\x94\xba'"</t>
  </si>
  <si>
    <t>b'\\A\xe1\xea(\xe6\xcd\x06\x82\xfee[\xb3D\xbf\xa1fs\xab\x95&gt;\x1f\t\xacG\x91a\xeb9\x14B}'</t>
  </si>
  <si>
    <t>b'o\x0c\x11X\xa75\xeaw$Mw\xd2\x05\x98@\xd6\xe5w0\x84\x1e\xff\xac\xb7NK9?s\x9dD\xda'</t>
  </si>
  <si>
    <t>b'\x12\x15\xd9\x9b=Gn\xf3\xcc\xd7q\xb2H\xfa#L\xd0\x02*\xc4\x0e\xa3w\x89\xedR%\x81\xa2\xf2\x0bH'</t>
  </si>
  <si>
    <t>b'\x87\xd8\x9c\x1e4\x89\xdf\x8c\xbb\xc6\x9f\xf6c\x9bD\t\xee\xf5\xeb_\x02\xf4\x0b\xae\xdbO\xb5\xe9\xf3Y\x8by'</t>
  </si>
  <si>
    <t>b"\x08r\xd8z\xe0\x01I\xbf\xcb\x86\xc0c\x95\xf6\xa2\x0b\xf0\xd8]'\x17\xea\xb6\x17\xfa;nSBd\xb2\x04"</t>
  </si>
  <si>
    <t xml:space="preserve"> Get it Paid</t>
  </si>
  <si>
    <t>b'tD\x18\x87\x83\xa4J6\x80\xc1\xa2u\x02\xbcR\xcdd\xe4\x0bK\xab-\x9ehl+_\x0e\xfe\xc0\x86\xa3'</t>
  </si>
  <si>
    <t>b'\x86L\x84\x16&amp;\xf8\xf0\x88\x95\x10k\xc4G\xb8+\xd2\x01\xef\xa0(\x1a\xb5|\xc9\x94:\xc2\xdf\xe5\x08\xc1B'</t>
  </si>
  <si>
    <t>Pay off loan</t>
  </si>
  <si>
    <t>b'\xd0c\x15\x8d\x19\xac\x926\xf9\x1c\xc2\xf4\xbb\xc6\xd6\\\xeao=\xab\xd7\x1cW\x99\xe6;\x9b]{RPY'</t>
  </si>
  <si>
    <t>597xx</t>
  </si>
  <si>
    <t>b'\xa1\xb4\x16\xd6\xb8\xa23-z\xd3RO\xb8z\xf6\xdb\xf3J\x9e\xf9eM\x12\x08@\xb7`\x9a\x99fj\xe1'</t>
  </si>
  <si>
    <t>b"\x90\x8f'\xab\xe5\xe8\xfe\xd1\xff\xd6Kc\xef\xc0\xd4\x11\xde#OB,\xef\x8e\xf5\xc5ZQ\x81\xbf\xb9\x1a\xe2"</t>
  </si>
  <si>
    <t>Credit Repayment</t>
  </si>
  <si>
    <t>465xx</t>
  </si>
  <si>
    <t>b'b\xb8g\x92\xb8H\xa99\xb6\xe0v,\x9eR!t\x0f2\x8a\xc6\xef3j4E\xd4B\x06l\xd1vI'</t>
  </si>
  <si>
    <t>Discover</t>
  </si>
  <si>
    <t>b"\x12\xaa\xd1\xf4\xaa\x82$\x95g\xd6\xd8\xcd{tJM\x85$\x189\xe1\xc4\xcfS\xb8\x067u'\n\xd2+"</t>
  </si>
  <si>
    <t>153xx</t>
  </si>
  <si>
    <t>b"#00{v\xd2\xa3\xf9\xe8\xa2\x00\x00\xd3&lt;\x1a\x01v\xfc\xf1\x01\xe0Q\xf8\xe7\xc5\xac`['\x01\xa5\xc6"</t>
  </si>
  <si>
    <t>215xx</t>
  </si>
  <si>
    <t>b'\x0e\xd8\xfd\xd5\xf9\xb2\xc8 \x8f`\xd8sO-r2{~x\xb6\x92\xb8^2T\x0e\x0fo"ZO\x97'</t>
  </si>
  <si>
    <t>b"'\xb1`\x84\x80}\x1b\x88\xcf\x83\xb7_z!\xf5\x87\x1cr\x94\xc8\x1a\xf2\xd0L$\xd7\xea\xacW\xaa\xfe\xe5"</t>
  </si>
  <si>
    <t>b'\xe4\xd9~\xe3O \xbe\x9d\x87\xd1\x142\xe4\xc4\xbb\x86Fm\x7f\xcc\x8e\x03\x7f \x16=ES\xd3\xe1S\xeb'</t>
  </si>
  <si>
    <t>Debt Freedom Plan</t>
  </si>
  <si>
    <t>b'\xa5\xe3L1\xc5\xc95;\x05\x9d\xb6y\x1f\xdd\xfa\x86?\xe9\xd8\x19\x82\x95\xc0s`\x0cV\xaa\xb6Wg\x89'</t>
  </si>
  <si>
    <t>b'K\xf4\xcd\x99\xd90m\xc8A\xebR\x81i\x99,8YE\t+\xff5\x08\xe9\xac\x93\xc8\xb6\x97\xb3\xb5\x81'</t>
  </si>
  <si>
    <t>b'xu\x1e\x03\x80\xcb\xde\xbc\x92\xda\x03bU\xba ]\xa2\xf8\x93\x1c\xa2^\x17\x0e\xb48\x13\xbc\xe7*\xbd\xdb'</t>
  </si>
  <si>
    <t>b'k@\xa7\x02\xbfx\x92xy\x9bx\xc7hN\x02z\xb2\x9e\xd5\x19\x1fQ\xd9!\xca\x1ft\x8c\x04\x93B\x88'</t>
  </si>
  <si>
    <t>MS</t>
  </si>
  <si>
    <t>386xx</t>
  </si>
  <si>
    <t>b'\xe5\xde\xf0\xb4\xb2V\x04/\x04\x1fv;H\x93\x7f\xf2#\xb9f\xa4\x00k\x91]\xc96:\x97]\r0,'</t>
  </si>
  <si>
    <t>b'\x00\x01\xd4{\x8b\x97\x1d}\xae]6\xfe\xdee\xacS\xef\x98\xf2\x9f\x8d|D\xe5\xd2\x9fT1%r\xe6u'</t>
  </si>
  <si>
    <t>High Interest Rates Suck</t>
  </si>
  <si>
    <t>b'\x18\xc5j\xca\xb0\x95\x88e"\xf0i\xcf\x82p\xcaM\xb0\xcc\x84\x16\xa9\x00\xa9\x8e\x98Obrp`\x1a\xfd'</t>
  </si>
  <si>
    <t>b"'b\x95\x80\xc4\x9b\xdb\x0e\x9e\xb8\xc3\x89\xc6\x00\x08\xac&lt;\x80\x8d@\x8f\xf8\xb0M\xf8\x0e\xf7\xe2C\xa3O\xee"</t>
  </si>
  <si>
    <t>b',\xaa\r!SF\x1e\x15\x03\x1e?\xa4\xed^\xed\x04\xf1I\xa9\x88\x90\xc1Q\xe3\x19*\x1f#\xba\x94\x8c_'</t>
  </si>
  <si>
    <t>323xx</t>
  </si>
  <si>
    <t>b'\xa5\xc8\xc3\x1b\x88\x17\xfe\xa0|*a^\xe41F\xcd(\x8b\xabA\xd7u\x1d\xcd_\xfem\xf4\xc6\x1d\nP'</t>
  </si>
  <si>
    <t>Bills Be Gone</t>
  </si>
  <si>
    <t>b'\x83MyHs\xb2\x93\x1f1\x97&lt;`\x11\xa9H\xfc\xd6\xa57\x83&lt;4\xd0;m\xf8\xc2\x9f\xd0}\x84\xbf'</t>
  </si>
  <si>
    <t>b'r\xc3\xec\x8bL\x1c\xf7\x7fW\xfa\xdc\x86\x8c\xde\x91Q\xd8\x18U&gt;\xda\x081q\xa3W16)g\xcbf'</t>
  </si>
  <si>
    <t>Personal Loan- LC</t>
  </si>
  <si>
    <t>b'\xdd\xf2\xf5\xd8\xe6\xb4H\x9c\x8d\xaa\xc1\xc9\xd8\nV}\x9c\x03m\xbe\xa3Yx\xfaP\x15B\x07?;\x04X'</t>
  </si>
  <si>
    <t>b'\xaa\x83\x1c\x07\xd9oL\x82yf\xe8(#\xba\xb8\x0b&gt;_00\xf5\x88\xaa\xfb|Lt@\xed\xccj\xc2'</t>
  </si>
  <si>
    <t>Debt Pay</t>
  </si>
  <si>
    <t>b';\xe46\x82\x85\xd6\xb3\x07\xca\xd3{\xcd0\xb2|\x0e1\x87\xf1\rR\x8a\xef\x8d\x95Q\xf9+\xc5\xbc2G'</t>
  </si>
  <si>
    <t>b'\x07\x8b\xba\xdb\xf9&lt;\x93B\xd0.\xb6\xf6\x19C\x8f\xcb\xb7\xc2\xa0o\x82\xdd\xf3.\x17\x93D\x01\xa1\x9d\x9e\xf2'</t>
  </si>
  <si>
    <t>CC / Tuition Consolidation</t>
  </si>
  <si>
    <t>b'\xba\xb6\n\xd1\x88\x8c\xb9\x0bV\xbdm(w7\xa7\x93\xf9/\xbapn.\xdaGG\xea\x18\xb5$}\xcd\x86'</t>
  </si>
  <si>
    <t xml:space="preserve"> LoanConsol</t>
  </si>
  <si>
    <t>b'aA}\xe5\xf4?J\xb5;\xe3\x01\x0b\x9d7l\n\xbcZ\xf8\xb6\xc4J\xd3sQ\xd0g\xd1\xbc\x19\t\x95'</t>
  </si>
  <si>
    <t>b' g\xaf\x03\x0bA\xdb\xe1j\xe8j\xc2\xdb\xae?\xd7\x19C\xdbO\xe9\xee\xbc\xc9\x12\xd6P\xd8`-\x8a"'</t>
  </si>
  <si>
    <t>b'\xbb\xa3Ev\xe6&gt;\xfd\xd1\xdc\x97\x7fBf.\x0b\x90\xa2\x068\xff\xcf\x19+=1R\xf0\xe1\x93\x87\x9fR'</t>
  </si>
  <si>
    <t>b'{agR\x016|ok\x0c\x1e\xcc\xc1\x94\x7fPuc9\xe7z\xec\x0f\xb0G\x8e\xf9\xf4a\xfb\xdb\x15'</t>
  </si>
  <si>
    <t>b'\xde\xc7So\xd4\x18\xfc\x9f\x88Z#\xe5\x08\xc0\r\x88+\x0b~\xb0un\xa0U\xa1\xe9\xcet\xf8\xa6\xedt'</t>
  </si>
  <si>
    <t>b'I\x02\xa4%\x7f\xb9&amp;\x1f[\x88K\xbb\x0c\x943\xe7\xfb\xa9\xd9\xf1\x99\xc1\rK&gt;\x96n\x99\x00\x95\t\xdd'</t>
  </si>
  <si>
    <t>b'~U\xeb\x9d\xec\xc56\x91\x95@\x12\x1f\x90\xcc\x07\x12\x17C\x1e\x1eU3\xd2\r\x9f\xb2\\\x18\xe2\xa5\xebD'</t>
  </si>
  <si>
    <t>Refinance my original LC loan</t>
  </si>
  <si>
    <t>b'\x11%\t\x00\xc5t\x80$)\xbclp\n\xa4\xd1\x1e\x8a\xde\xa4V\xe5\xc9\xff\x96\x8f\x90\x87L\xe1\x91\xe0\xc7'</t>
  </si>
  <si>
    <t>Consolidate save</t>
  </si>
  <si>
    <t>b'\xa1\xdbT\x89\xb1\xbd\xa9F\xb0\xa6!\x0f*\x9c\x1b\x00\xb4\xf1\x99\xc7U\x88\xb2@\x12\xe3\xcf\xd8P \xcc\xdd'</t>
  </si>
  <si>
    <t>one</t>
  </si>
  <si>
    <t>b'\xe8\x8e\xb3\xfc\xc4\x99w#~ ^\xb1\xbb\x8f\x8c\x99\x9cV\t\xb4\x02\xc2\xa3\xa3\xe1\xc4\xf6}\xf0vf\x90'</t>
  </si>
  <si>
    <t>b'\xc0x4\xc9%\xa1LS\x12\xa8C\xca\xa1\x95\x7f\x826X\x0b,S_3\xd4\xe9Bz\xf5v\x02p\x08'</t>
  </si>
  <si>
    <t>b'XcB\xe4l\x1e\xaa&amp;\xa02\x10\x1f&gt;\xa6\xd2b\x80B\xc2\xffs\xedP&amp;\x1d$o\xa35d\x9c\xad'</t>
  </si>
  <si>
    <t>255xx</t>
  </si>
  <si>
    <t>b'\xda\x7fph\x8e1\xc5-\xff\xefQ\x91\xc2\xaah\x08\xb9\xb8\xc0#d\xa8\xeaO\xb0\x0bf8A\xf7\xfa\x1b'</t>
  </si>
  <si>
    <t>Loan for back yard and hardwood floor</t>
  </si>
  <si>
    <t>b'\xa2\xdd12\x88\xef\xf2\x82\xa2Y\r\x95\xb3\xe9a{\x89\xe8\x95F\x9a\xe0\xe8C\xce\x02\xc7\xe6CQ\xb00'</t>
  </si>
  <si>
    <t>b"\ni\xf6\x02\x86\xd8\xac\xaeP\x95\x1f\xaa\x9b\x94_\xcc'T\x82.\xbap\xa3&lt;0k2\xdf\xe0\x17\x00B"</t>
  </si>
  <si>
    <t>b'\xc7G*L\xb3N\xae\x17\xa8@_Z\xb9\xcdR)L\xdd\x94[\xe0\xdd\xae\xf8\xaa\x90\x071-\xf6\xe3('</t>
  </si>
  <si>
    <t>Credit Card Balance Payoff</t>
  </si>
  <si>
    <t>b'\xa7\xa8\x18\x19\x93/\xf0\x86n\x89-\x8c\xd7\xbf\xe4J&gt;\xa0\xb8\xd7\xbc\x90n@RI\xfc\x05\xae\xf3\x16\x83'</t>
  </si>
  <si>
    <t>b'\xbd\x80\xaf\xce20\x9c7E\xad\xa0\xfb\xf3DY\x01\xe6\xc0\xf7\xc6Z\x88\x0f\x1f\xd0n\x10\t\xd5Wo\x02'</t>
  </si>
  <si>
    <t>b'\xc4KO&amp;\x9a\xc4\x10\xfc\xa75\x82\x11\x8c\x9c-\xaaf\x19\xd1\xfbg.\x14\xa8\xa7\xb6\xa0\xc2\xff\xe7/\xcd'</t>
  </si>
  <si>
    <t xml:space="preserve">Debt consolidation loan </t>
  </si>
  <si>
    <t>b"'\x81h#b\xda&lt;\xad\xb1_\x99\xc2N\x7f\xfeF*\xb1n\xa3\xc8\xb8\x18\xa6E\x03\xdf^{!\xd7X"</t>
  </si>
  <si>
    <t>b'\xe0\x86\xea\x12\xac\xdc\xc9w\xee\x0fH:~\xd5\xc3\x9b.U\x0e\x06\r\xaf%\x88\xbc\xf4\xb7-\xb7\xa0e\xc9'</t>
  </si>
  <si>
    <t>b'n\x06\xe0\x07\xed\xff\x97\x07\x7f\xa9^\xea{\xc3\x03E\x97\x8b\xfa\xccL\n\xce\x9c&amp;rz,\xfc\xfdoy'</t>
  </si>
  <si>
    <t>b'\x14\xe4\x1a|?Y&lt;\xfe\x1c\x9e\xaa\xdd)\xa9\xd1\xc93\xa4\x8a:\xee\xa1$\xeb\xf3s\x00"\xc0\xe7\x87\xdf'</t>
  </si>
  <si>
    <t>b'\x83\xb3\xc1\xbe\r\xea6\xa7\x80\x0ff)S\xae\xf0\x14\t\x05\x8b]\x87\xb2\xc9\xebo\xee\xf7\x8d\xe1\x97\x9b\xa7'</t>
  </si>
  <si>
    <t>b'\x7f\xc7\xed\xdfr\xd8q\xb1\xc8\xaf8?P\xd4\x0e\x966!\xc0\x97#\x85]G\x10\xde4\x05\x02\xbe\xbeR'</t>
  </si>
  <si>
    <t>Debt Pay Off</t>
  </si>
  <si>
    <t>b'_h\xec\xa4\x84\x1d(]i\xce\x80nI\xed%\x99\x9b\xd9\x15\xe0\x96z\xce&gt;\xcd\xd3\x0b\x02G$\xc5\x08'</t>
  </si>
  <si>
    <t>3 Year Freedom Plan</t>
  </si>
  <si>
    <t>b'\xaey\x07~&gt;z\x1e\x83\x9f-\x97\xe6\xd9\x83k\x8f\x8e\xed\x0b\xd3\x15bZ}\x1aC\xeb\x9dn\xc0\xc9\x9d'</t>
  </si>
  <si>
    <t>LESSDEBT</t>
  </si>
  <si>
    <t>b"QO\x006_p\xa6\xe2\xb9\x82\xf8\xcd\xcd^\x99\xf7\x9a'\x88\x85C4\xa7\xc5\xd7\xb7\x8fg\xb2\x17\x8b:"</t>
  </si>
  <si>
    <t>Financial Peace</t>
  </si>
  <si>
    <t>b'B\rc*\xf3\xb5\x90\x87\xe3\x0e\xa1\x9066\x9cC\xf3\xeaV"\xa0\xa1v\x07\xd1O\x17S\x96*\x89X'</t>
  </si>
  <si>
    <t>b'\x8e\xfc\xe8\xda\tC\x07\x8e8\xa8qT[\xbf\x12u~\xaa\xcd\x85\xc5\x07?{\x00\xb8\x84s3\x87\xf9['</t>
  </si>
  <si>
    <t>Pay off credit card.</t>
  </si>
  <si>
    <t>b'\x18/\xf5\x16\x15|\n\xbb\xb9\xe5\xac!m\xdb\x02\xcew\x90\x88\x96\xfd\xa57\xb8\xb0W\xf5\xa8\xcb\xb0\x9f\xc0'</t>
  </si>
  <si>
    <t>b'\x8c\xeb\x05\xc0n.z\xea\xa4uy\x13\xdbqw\xbe\xfa\x93\xfcQ\x9bw\xc6\xda\xb9\xe8,%\xb8g\x8a\x19'</t>
  </si>
  <si>
    <t>Consolidation 1</t>
  </si>
  <si>
    <t>b'Fl\xe3\x8en\xab\t3\x9aWr\xde\xbde^\n\x03r\xd0\xa6\xe2n@B\n\xdf\x15\xdf9\xdb:\xd5'</t>
  </si>
  <si>
    <t>b'\xc9\xfdd\xdc\xfegZ\xd5Bopz\x8a-\xf7\xd8\x10\x00X\x91\x84\xad\x87+\xf1i\xa9\x1e\\$\x96\x94'</t>
  </si>
  <si>
    <t>payof credit card</t>
  </si>
  <si>
    <t>b'=t\xca&gt;\xfc\x1eN\x89\xbe\xdb\xe7\x14\x96\xc5\xf2\x17\xcd\xa6\x15\xa9(\x13\xe2\x06\x89\x8eu\x18\xa0\xcdv\x08'</t>
  </si>
  <si>
    <t>Goodbye Debt</t>
  </si>
  <si>
    <t>813xx</t>
  </si>
  <si>
    <t>b'\xddx\x10c\x17]\xc5\xf51\x83t\xc3\xb4i\\\xa6x\x13\x0e\x86]\xe8\xcf+\\t!n\x10\xaa\xbe\x0b'</t>
  </si>
  <si>
    <t>415xx</t>
  </si>
  <si>
    <t>b"_\xe3\x1f'\xfd6\x05\x8e\xc5(\xc8\xb76\xb8\xf5\x83\xba\xb0\x0b\xd8\xeeM[.\xa4W\x86\x06\xf1-b|"</t>
  </si>
  <si>
    <t>b'\xb9\xe9\x1d\x14\x7f\xab\x03\xbd\x82\x1e\x87\x02\xa6\xed\x93\xaf\n\xc0Z\x8f\x16\x8c\xc7\x8dA \x7f\xd7\x0e\xb8XZ'</t>
  </si>
  <si>
    <t>b'\x04[\xea\xe5\x8a\x88_\x92\x8f\xe33\xf7\x88\x10\xd7r\xae\x1e\xe4\x19\xfe\xe6\t\xf0:\x0eEt\x99=\xb97'</t>
  </si>
  <si>
    <t>b'&lt;{\x13\xd06\xee\x01\x94~\xefW\xbf\xb2Gjf\xa9M\xe9W\xfc\xb3\x00\xa7s\x98&lt;\xa0\xc5oz\xb9'</t>
  </si>
  <si>
    <t>b'\xa1\x17\xcd\xe9:\x83&lt;\xe5KU\xae\xdb\xae\xa0wR\x04\xfb\xbbP\xff\xa1\xe4\xb4\x05\x92}V6\x8a)\x90'</t>
  </si>
  <si>
    <t>New Bike</t>
  </si>
  <si>
    <t>b'\xfb\x1b\xabB\xbc\xe76PD\x90s\xf8\x14\xae\xdc]#\xfc\xebK;\xd2\n96jl\xd4\xf7\xd8\xe7z'</t>
  </si>
  <si>
    <t>b'\x0b\xeb\x00\x02\x94S\x03Zi\xb5\xcf\x8b\xec\x07J\xda&gt;&lt;\x9bcV\t\xb1\x06e](\xf7|\x9a\xd3\xda'</t>
  </si>
  <si>
    <t>b'\x1b\x89}\xb8O\x03b\x0e\xd5\xb8M\xb3Z\xa9*8t\x0e\xe6\x14"\\\x8d|\xde.\xda#\xa3\x90t\x10'</t>
  </si>
  <si>
    <t>boapayoff</t>
  </si>
  <si>
    <t>b'\x921\xbe\xc5\x9e\xe4\x88)S0\xf5\x82\xe0f\xda\xde\xee(#er\xec\x11u\xbfj\x10\x9b/\x9d9\xf4'</t>
  </si>
  <si>
    <t>b'j\x1b\xc0\xca\x9d\x82\x02\x9d\xfb\r\x9c\xae\xd9\xa3S\x1f\xb9`\x1f\xe0\xea\x0e}R\xeb\xbeZ\x9c\x84A\xcb\x0b'</t>
  </si>
  <si>
    <t>b'\xf9\x1f\x91\xba[\xcf\xab\xf5\xc7\xd2\x9e\xb8\xdd\xeb\xca\x15\xe1\xfeb\xa9\x9e\x88\xce\x89b\x98:\x8c\x077U\xb7'</t>
  </si>
  <si>
    <t>b'b\x8efA\x06\xd3\xb0\xa0\t=\x0eR\x1fV[0\xb7\xcd\x9c\x9f\xfb.A\x00\x91\x0b:\x94,\x8c\xc3k'</t>
  </si>
  <si>
    <t>b'\xc8\xdcY\x8eE\x98\xd6\xc5\xffr*2\xb3\xbbw}\x9d\x19Fk\xf2\x02\x83\x1d.`\xb1\xf7\x90\xfe\x96k'</t>
  </si>
  <si>
    <t>b'\x0cd\xc7y\xad\xdd\xfb^\xf9tr\x0e\x02\x11s\xe1~\x10y\x1b\x88AF!]\xc0\xecSD\xf05#'</t>
  </si>
  <si>
    <t>b'zy[D\xb7\xa9&gt;X\x9c\x98\xf7e\x03@\xae\x12\xd2\xc3\xb1n\xed\x00m\xbf\xf0\xbao\xe9\x81\xa40`'</t>
  </si>
  <si>
    <t>b'\xd5\xda8\x1b\xeep\xf3\xed\x01D\xac\xf0,\xa6\xdc\xa4\xd6p\xf8\x18\xf0E\xafp8\xae\xdb[x\xc9w\x10'</t>
  </si>
  <si>
    <t>b'5\xe7\xeb83\xf7\xdf\xd6\x9d\x1f\x01a\xc1`\x84&lt;\xd4\x1f\x04\x02\x97\\+*\x1a\xb74\x01\xbe*\xae\xf1'</t>
  </si>
  <si>
    <t>b'&lt;\n\x07Qn\x0c#\x06&gt;\xef\xff\tw\x11G\xe7A\xf8\xb18\xeb\xfeU\xe2\xd4\xe9\xf0\xc1^\x87y\xf2'</t>
  </si>
  <si>
    <t>b'\xca\xaa.\xe0\n\xe4\x11@\x89\x85sr\x89\xb5\xd4\x9b\xddK\xf0\xc0xG\xd7l\xca?2\xc0\xdbrwP'</t>
  </si>
  <si>
    <t>Combine bills lower interest being paid</t>
  </si>
  <si>
    <t>918xx</t>
  </si>
  <si>
    <t>b'\x83;\xe2\x17\xdd\xc5g06\xe2\xc4\r\x19\xa8)3]\x11I$\xd0\x0e\xa77\x15\x9f\xd7\xcf\x04\xa5j\x9a'</t>
  </si>
  <si>
    <t>Debt Cut Operation</t>
  </si>
  <si>
    <t>b'O\xf7\x9f\xa4\xaf\x1aL\xd9\x12W\x1c\x0bU\'\xfe\x99\x1c\xb2"\x91\xc8\x81\x19|m~Nwt\x07E\x81'</t>
  </si>
  <si>
    <t>Moving Forward</t>
  </si>
  <si>
    <t>b'2]\xa9\xe8BfA\xd8\x9dU\x89\xf2\xd7\xf7\x91\x95\x96\x95\xd4\xe9\xba\xbb\n\xab9\xc5\xd9\xbc\x8b\xa4\n\xf3'</t>
  </si>
  <si>
    <t xml:space="preserve">CC Consolidation Loan </t>
  </si>
  <si>
    <t>b'\x7fz\nc\xe3"\xd3\x1f(\x18p\x14\x12\x15\xf9\x880\xc4\\\xf6\x9e\xd7\xe1S\xfc%\x99\x1bp\xe9\x9b\xc5'</t>
  </si>
  <si>
    <t>inventory</t>
  </si>
  <si>
    <t>b'\xed=]0|\xec(Z\xf1\n\xfb)\xe1P\xaa\xe7\x9d\xba$ J\x8f\xd3sB\x01/\xc24\x81\xa9#'</t>
  </si>
  <si>
    <t>b'\x8b\xcd\xa9\xc4.\xd8~\x04\xaa]\xd97\xc8l\xdcx\x1b\xe0+\xf7\x98-\xd6\xe9\x82{\x95\x02\xb2\xc5\xeb['</t>
  </si>
  <si>
    <t>b'\xd3\xb9\x14\x9f\x8e1\xf3\x05Kc\xb0\xf3\xee\xe1\x9dv\xcat|7\x0fX\x8c+\xe0\x95\xc1(\x04\xa7\xa6G'</t>
  </si>
  <si>
    <t>A New Start</t>
  </si>
  <si>
    <t>b'g\xef\xbej\n\x8c\x12\xf6n\x86\xfb\x9a\xe2\xc5\xbeuL\xc1`=\xf3\xacD\xe2H\xd8\x99_\xad\x14\\\xd0'</t>
  </si>
  <si>
    <t>b'\xcf\x8b; \x96\x1b,9\xb0o\\]\xa4R\x91\xc8")o\x08\xe5\xee\x8c\x0f\xc3\xfc\xbaq\xfcz&amp;\xd3'</t>
  </si>
  <si>
    <t>b'5\x8dU\xe3\x1c\x0fu\xf2\xd6\x89#]\xcb6+C\x11\xcc\x0f2\xec\xad|\xa0\xf79\xe3[\xc5\x8b04'</t>
  </si>
  <si>
    <t>b',\xe9\xdd\x11\xaez\xe6E\xef\xdfD\x83\x1fZK\xc7=\xab\x97\xb5\x8b2QR\xde\xf7\x13]}\\\xe5\x0c'</t>
  </si>
  <si>
    <t>New Start</t>
  </si>
  <si>
    <t>458xx</t>
  </si>
  <si>
    <t>b"\xa2\x02\xa9'\x02\xdcX\xa9\x17\xea{\x91{\x1e\xbd\xb4\x03j,\xca\xd9v\xca2#\xfdOM\tX\xd7\xac"</t>
  </si>
  <si>
    <t>b'\x8a\xe2\x87 \xdd\xda7\x92\xb3\x9e\xb7\x88\x80e\xdb\x8cz\x98\xef\x99\xddI\xb8\x99uG$\xfa\xf0\xbe\xea\xa5'</t>
  </si>
  <si>
    <t>b'Wna[1X\xb6\xb8Q\x11/E\xb7\xdeM\xfd\x9f/\x08w-\xc4\xd6&amp;C\xc1\xa2(6\x01\xd7\xd8'</t>
  </si>
  <si>
    <t>Loan Payment</t>
  </si>
  <si>
    <t>b'sj\xabm\x9f\xaa\xa2\xbe\x99\xb1\xea\xec?\xc3\xcb\xac\xa9\xd4H\xe6\xcd\xc7G\xd0\xfcn\x8d\x02\xc8ZG\xed'</t>
  </si>
  <si>
    <t>Consolidation 101</t>
  </si>
  <si>
    <t>b'\xe2t\x8e\xf0\xe6h\x1d\x84\x91\x8f\xe7\xb1\x9b\x03\xbd\xa6\xf1\x19\xef\xaf\xe6\xe4\xaa\xab\xea\x11\xb4\xde\xb6-,\x9c'</t>
  </si>
  <si>
    <t>b'\xb4:g\xee\xb7\x1fH\x90m\x11z\x9a\xe8\xc0U&gt;\xba\x05Ww\xda\xf6\xa2\x150\x9bn\xb1o\x02ED'</t>
  </si>
  <si>
    <t>b'\xab\xa0\xf6n\xe8\x9e\t\xd3\x94\xcb\xbaE.\xae\xa3\xa4\xdcC\x0e(\xcd\xbd\x8c\xb4l\x8d/4\xa4\xe9\x8b\r'</t>
  </si>
  <si>
    <t>b'F\x94X\x96\xd1aKm1\xc6\xe2\xf6\x82x\xd2\x7f\xf0~72\xe3\x90M\x83\xba\xe6\xbe\x1db)\xd9\xd4'</t>
  </si>
  <si>
    <t>One Main B&amp;A</t>
  </si>
  <si>
    <t>b'N\xe0s\xed~\xbfq\x13\xee\xbcu\x1a\xf8\x9c&gt;\x81\xb4~\x04\xb4bNvI^P*Me:\xfd\x11'</t>
  </si>
  <si>
    <t>b'+^\x8a\x1c\xae\x08\xc2\rO\xf8vT\xa2{\x83\x10dY\xc1},\xc4\xe9\xe53\xec$\x1c\xfc(]\x90'</t>
  </si>
  <si>
    <t>b'\xbdv\xae\t^\x08?\xfc\x10\x07\x02r\xec\x81\xdcpf\xcaj^\xf7# \xf6W\xf2\x06\xcfs\xcf\n\x95'</t>
  </si>
  <si>
    <t>b'H\xba\xc1\x88_&lt;\x866\x95\xdch\xea\xe3jx\x83\xe3\xe2\xdf\x84\x1f\xe2\x84W\xd9\x9d\x9c/\x89\xd8\xfd\xb4'</t>
  </si>
  <si>
    <t>b'\xf4\xb7MP\x8c\x88\xe5\xffJo\xae6+\x1f\x82sr-\x17\x0f\xc1R\xba\xf5!\xf9\xe4\xda\xb3\xf1\x9e\xe1'</t>
  </si>
  <si>
    <t>CC Refi</t>
  </si>
  <si>
    <t>b'\x07\xb45\xb9r\xa6\x85i\xcek\x12&gt;p\xad\xd59\xe8&gt;\x15\x990\x1era\xd5\x1c\xfa\xf6\x10n\xad\xfa'</t>
  </si>
  <si>
    <t>b'\xb9\x14o\xefK\xfd\xc4\x99N\xef\x83\x18\x1c\xbe\xfc\xd4\xe3\x8c\x02=\x05!\xe3vl\xb4x\x1b,v\n\xb7'</t>
  </si>
  <si>
    <t>b"4\xb5K\xd1uO/\xacR\x18a5\x08\xdew\xc8\x9f+q\xa0\x12\xf1'\x82\x10\xba\x02\x87{\xf10#"</t>
  </si>
  <si>
    <t>b'\x84\x1fh\xbc#\x07\xb6L%\x1cE\x90\x8a\xb2\x7f@\xb8t\xd2d y\xfc\x01,\xc4\x81\x16&gt;%\xc12'</t>
  </si>
  <si>
    <t>b'\xc4~\x94\x8c\xd6\x18\xa1N\x86\x92n\xe3\xe7\xeaG!k\x8d\xe3%\x80.rQ|l\x13\xf3\x04\x80\x08&lt;'</t>
  </si>
  <si>
    <t>b'.\x83\xb5\xe5\xdd\xef\xaf\x14\x85\xb7\x89\x98\x87\xf8&lt;\xee\xc05E\xaa\xbaW\xd1\x1e\xd9zVJ\xeb4&amp;\xeb'</t>
  </si>
  <si>
    <t>b":\x1f\x8e\x05~'\x88\x1c\xa2\x85\xd8\x97\x0f\xc8&amp;B\xe2\xacu\x8cc\xa7X&amp;\xd0P\x97\xac\xb0\xf9s_"</t>
  </si>
  <si>
    <t>b'\xea\xeb\x0e\xe3\xbb\xf1\x1f\xc2[^\xce\xaeB\xaeW0Z\x97\xe9(\x9e\xa4\xa69_\xbf)_\x0f\xec{\x1a'</t>
  </si>
  <si>
    <t>b'#?\xa2q@:n\xa5\x12\xab\x9c\xa8~\x94\xcd\xb6v\xdd\xb5UH;1\t@\xb8W\x95\xbfC-]'</t>
  </si>
  <si>
    <t xml:space="preserve">Consolidate high interest </t>
  </si>
  <si>
    <t>b'\xb4U!8c\x1by4m\x10\x91\x92\xf3e\x96\xb1\xe4\xf9\xc9\xc2\tu\x9f\xeb\x8du\xfc\xf17\x18\xf3\xfd'</t>
  </si>
  <si>
    <t>b'&amp;\xe2\x9f\x00\xdc%\x87\x11{\x93L\xfaD\xb8\x05\xfa=6\xdb\xa0=\xff\xdd\xb3\xc6Q\xe3I\x99\xfb\\h'</t>
  </si>
  <si>
    <t>Stable Income Flow with Good Rate</t>
  </si>
  <si>
    <t>b'\x03\xf0Q\xd0\xa5?\xfaM\xa4U\xfc\xca\xec\x0b5\xca\x04\xa1\x18Mk\x9a\xc5\xfa\x19T\xae\x0c(|\xa2\xad'</t>
  </si>
  <si>
    <t>b'\\\x80N\xb5UI\x06H]\xde\xf1\x8f\xba0`\x9c@u\xa8r\x18\xc6q\x0f\xa9\xc3y9\xb7\x9c;\x1b'</t>
  </si>
  <si>
    <t>b'9\xcc\xee\xadT\x04Op\xdavb\x15\x9d\xff\xb4\x1a(\x02?\xa0\x1d\x05Yj\x08\xb5M\xf9\nGP\xac'</t>
  </si>
  <si>
    <t>b"\xb4\xf9\xd3\xa2\x87S\xb2'i]\x1d\x95rb_\x0c\xa4\xbb\xa8V5h\x8f\xa3\x19@!\xb3\x99W\xd9\xb5"</t>
  </si>
  <si>
    <t>612xx</t>
  </si>
  <si>
    <t>b'W\xa68\xc3D?\xd9\x8e\xbe\x81\xe7\x06\xfe\x04\xd1+\x1e`\x16\xcb\x7f\x83S\x15.\xd9bu\xac)!\xa1'</t>
  </si>
  <si>
    <t>b'F~\r\xf5\xb2\xc9\xc5z\xa2\xd5\x913\xf7\x88\xf9\xadP\x1d\xd1\xec:M\x9efX\x86|X\xbe1\x98\x07'</t>
  </si>
  <si>
    <t>b'\xe6\xed`\x91\x86\xff\xcb0\xc3\xa5\xfb\xcf\x91/\x0c\xf5\xb5\x11Y\x07\x990\x08\x94c\xc2\xe2d-&gt;\xcc}'</t>
  </si>
  <si>
    <t>b'\x03\xf7\xe6q\x96\xe9\xc5\xce\xdf\x8b\xa5\x1fbc\xact;V\xee!\t\x1d\xad\xae:\x02\xce\xbf\xea\x93u\xed'</t>
  </si>
  <si>
    <t>b'Y%\xd2\xb0[\x93{\xdf\x9d\xd16\x9ao.0\x06\xda\xe3\xf49z\xb8\xe5rq\xe2\xfc\xe9\xb8`\xb1{'</t>
  </si>
  <si>
    <t>Consol</t>
  </si>
  <si>
    <t>b'\x10\xee\\d_\x8e5VS\xeb\x9b\xe3\x90\x89\xd5]\xc7\xaf\xa3v\r/B\x97\x00\x84pf\xfcK(\x82'</t>
  </si>
  <si>
    <t>safety</t>
  </si>
  <si>
    <t>287xx</t>
  </si>
  <si>
    <t>b'\x9c\xee\xf5\xf0]7\xeb5\xa87\xda\x13\x08\xabs\xbdG0\xc8kz\n\x85\xc9\xda\x07\xcd\xfbq\x96\x7f\x1e'</t>
  </si>
  <si>
    <t>Helps</t>
  </si>
  <si>
    <t>b'|:_l\x99O7u5\x81r\xf4\xeb\x8f(\xce\xa2\xcfv\xfei\xc3\x12H\x7f\x1c(g\xdd\x15m\x19'</t>
  </si>
  <si>
    <t>b'\x0e\xf7\xe5;\xe18\x04\xbaQ\xf1X\xcd\xf3\x95F]@\\\x86\xf5\x02\x18\x04\xce\xeb\xba\xd0\xec\xea\xdc&amp;\x90'</t>
  </si>
  <si>
    <t>New Orleans</t>
  </si>
  <si>
    <t>b"\xec|\x03\xf8\xfa'\x80C\xb1N!\x1d\xeek{B\x1cz\xa1W&lt;\x8b\xf8V/\x1c=\x8f%L\x06\x96"</t>
  </si>
  <si>
    <t>b'\xa6\x97*\x12yf\xea \xae\xb8e\x8dc-\x86\x03~Y|\xbcp\xdc\xa0\xd3\xaa\xdb\xcf\xe3x\xeaq\x07'</t>
  </si>
  <si>
    <t>Move</t>
  </si>
  <si>
    <t>b"\xf6g0\xe4-\x9ds\x0b\xceR\x0ff\x15\xd8\xc2\xf3\xe5}\xcd't7\xaf&lt;\xf4\x12w\x8e|'\x11\x87"</t>
  </si>
  <si>
    <t>money loan</t>
  </si>
  <si>
    <t>b'\x07|\xe2\xf7Z\xb5=\x89\xe3\x12\x10\xa6S$g_\xe2\xf1\r\xae\x89\x94p\xdf\x01vg\xd0\x9aQ\xd0:'</t>
  </si>
  <si>
    <t>b'\x1c\x81\xe2)\xc1\x8e\xf5\xc2\x97x\xfd=)\xe6\xa02\xda\xf3\xbd\t\x04;\x8a\x00\xc4i\xb6\xf8~\xa7\xe2Q'</t>
  </si>
  <si>
    <t>b'^\xa54bg\x17n9\xb4\n\xc5.\xb9\x10\x81,\xaf\xe5l\x98\x95\x8avR\xb7F\x93\x1d\x00J\x9f\xac'</t>
  </si>
  <si>
    <t>b'n\xe2\xaczf\xd9\xf40\x10\x03\xb4v\x9b9\x82\x84\xae\xda\xb7\xd8O\xaa\\ \xbf\xb1\x1e\x88\x8b\xe6!+'</t>
  </si>
  <si>
    <t>med laon</t>
  </si>
  <si>
    <t>b'~i\xe4\xff\x8f\xc0\xed4 \xb4\xa3\t\x8f\xe8\x86`\xdc\xff&amp;D{\xd7\x8c\xa2\xd8\x00\xf0!\x83\xa1\xbb\x1a'</t>
  </si>
  <si>
    <t>b'/\xc9\xa4U\x1f5\\\xb9\rTs\x9bXw\x95t\xeeP\xd7\x80\xc3\x905\xff\xf6\xe0\xff1\xa0M\x1f\xf2'</t>
  </si>
  <si>
    <t>b'ZS\xfc\xc3U\x90~\x8a\x03\x1e4\x1eU~\xdc\xdbj\x89J\xabV_\xb5\xab\x94\x8c5\x9a\x8d\xe4\xbc\x81'</t>
  </si>
  <si>
    <t>b'\xb3\xf13b\xf5\xb0\xd2\xf9\x14\xbe\xb6\x90\xf6\xfd\xb1\xe0\xdfX\xa7\xf2\xb5R\x1a\x00\xd6\x17\xc3\xa5\x1d\xd1\x80\x84'</t>
  </si>
  <si>
    <t>Motorcylce</t>
  </si>
  <si>
    <t>b'v\x14\xab\x99\r\x9d\xde\x9f\x1f|\xd6\xd9\x8d\xb1\x9d\xde\x99K\xc8\x13\xbb\xc9!\xcb\xba\xbdT6\xad4\x95p'</t>
  </si>
  <si>
    <t>Roof repair</t>
  </si>
  <si>
    <t>b'\xf28+\xd6v\xff\xf7F]*\xba\xd3y\x0f&amp;h\x93\xb7E;h\x83\x85\x91L\xf24\xca\x95\x81J\x13'</t>
  </si>
  <si>
    <t>b"\xc5\xf1\xa5?Hk\x93\xca\x9a@\x9d\x1d1\xf3L\xac\t\xa5\x06\xcb[\xe96z\xdf'\x122\x8b\xbbq\xb8"</t>
  </si>
  <si>
    <t>Purchase</t>
  </si>
  <si>
    <t>b'O\xa2\xe8d\x0b[\xc6\xa4\xcf\'j6b@\x02kMl\xfdd\x0fw\x10\xeb\xc2\x02"\x1e\x85&amp;=H'</t>
  </si>
  <si>
    <t>b'\x19\x04)B\xf8\xda\xff4\xaap\x99n\xe9lN9\xe9\xa9\xcb&amp;\xed\x80}\xf9:\xd0CH\x13\x84y\x90'</t>
  </si>
  <si>
    <t>b'i"\x92\r\xcc\xe5\xab7\x8a}\xe8N\x1fw\xb14\x1a \x13q\x8b\x06\xc1\x1a\x01\x94\xf5\xcdWT\xe2\xdb'</t>
  </si>
  <si>
    <t>b'\xde]\xb5-0\xa8\x8f@\xdc\xd0\xfa\x8f\xe5\x96l\xbf_\n;\xd4\x03\x15\xfcT\x19\x90\x8a\xfa\x8e\x18\xe5\x05'</t>
  </si>
  <si>
    <t>payoff credit cards loan</t>
  </si>
  <si>
    <t>b'\xcfl\xc4v\xb3\xb2!\xfb\xb3I/yO\x14x\x19U\x05i\xe43\xbf\x16\xc1\xf3\xc7\x18\x81\xe5\x95\xd8\xe5'</t>
  </si>
  <si>
    <t>b'$U\xaf\x8e\x14\x0b@\x9d\x82\xf7\xa0$\x81\xbc\x8e\x11$y\x96^\xd0\xc5\x0c\xfe0\x1cw\xbc\x11\xbftU'</t>
  </si>
  <si>
    <t>b'\x8f\xe7\x8fRZ\xb7\x9e\xd2\x15\x129\xd7\x8b\xdd\xeb&gt;T{2\xa4\x03\x96\xdd\x07\x0c\x11\xb8j0\xdc\x86\x00'</t>
  </si>
  <si>
    <t>b'\x81\xfe\x0bArpZQ#\r\x13\x85h\x8b\xfcD\xbf?X\x84\x97X\x07\xc2\xa7B\xd7\x85\xf7\xecR\x14'</t>
  </si>
  <si>
    <t>short term help</t>
  </si>
  <si>
    <t>b'\xec\xb7`^\xfc1v\xdb\x1cN\x91\xa4\xc8U\x0f\xec\xf9\x1a\xf1\xc2\xda+0\xc7\xbah\xfe1\xe5\xacP4'</t>
  </si>
  <si>
    <t>b'\xaa\x9d\x19\xa5?2^\xaf\xcb\xe8\r\xec\xa5\xa0\xe5\x9f\x1d\xde\x03\xbd\x94\x18W\xab\xd6\x8c\xd7A\x8e{/?'</t>
  </si>
  <si>
    <t>b'\x9f\x98J\x0f\xbb\x9d\xfa\xbd\xecu `td\x8cg94\xea\xcb\x9e=\x8f\x1a\xc0\xa5\x05\xf3\xab\xf8\xe0\x08'</t>
  </si>
  <si>
    <t>b'!\xbe\x1d\x89\xecd\x1es\xcd\xac\xb0V!s\x7f\x8b\xff9.S;\xdcO\xff\xe9\xa4\xd5\x7f0@3/'</t>
  </si>
  <si>
    <t>major</t>
  </si>
  <si>
    <t>b'1\xf4\xc1J\xbb\x08\x10\xcb!\x1e\xba\x80\xd5\x9e\xde2,\x8f&amp;\xe5B\x8b\xad\xc0\xce\xdf\xf3/&lt;3d\xda'</t>
  </si>
  <si>
    <t>Credit refi</t>
  </si>
  <si>
    <t>b'7\xa7s\xe7\xc2w\x13W\xaed\xc2\x92\x12\xaf\x0f\xc1\xf2\xb5\x9a\xd0\xd4w\xe7\xd2\xcc\x1f\xa2\xf4\xef\x02I\xb1'</t>
  </si>
  <si>
    <t>Debtfix</t>
  </si>
  <si>
    <t>897xx</t>
  </si>
  <si>
    <t>b'\x82\xf6\xe6\xb5\xbf\xcb\xb5\xc6\x92\x03iFtO1u\xb4\xae\xb3\xd7\xb85F}=\x0fPZ\xafEA\xf3'</t>
  </si>
  <si>
    <t>pool</t>
  </si>
  <si>
    <t>b'\xdeK\x8a\x90\xb2~8M\x88q\x9d^\xf0\x028\xab\xc1Kt"\xa6\x82F)\xb9\xa2\x1ej\xecE4r'</t>
  </si>
  <si>
    <t>b'$$\xc8a\xb1\xd0\x16.7\x95\xb9\xde\xe2\xcf_[:aP\xb2\xf8\x185\xfc\x07\tR\x1b\xff\xcb3\xc7'</t>
  </si>
  <si>
    <t>b'1#V\x9c\xeb\xca_t\x88\xc9\xf2\xb1\xa7P\xd1\xc21\xa3D\xc4h/\xb84\xc0\x96~\xf5\xb0\xc4z;'</t>
  </si>
  <si>
    <t>b"-\x80\x91\xe6@\xc6z\x82\xbf\xa8_!YY\x8bz\xee\xd1|\xacOh\xfbEf\xaeAG21'\x9d"</t>
  </si>
  <si>
    <t>US Bank Credit Card</t>
  </si>
  <si>
    <t>b'w\x9a\xd3G\xbd\x0e\x1e\xb4\xf7.b|\x0e\xb2\x85\x82U\xb0&lt;\xd2\xbf9\xca\x8dj\x9f\t\xc8&lt;A\x87\xb4'</t>
  </si>
  <si>
    <t>Consolidation Loans</t>
  </si>
  <si>
    <t>b'\xf4\xf7\x84\x82Q4)%\xa6\xdc\x10\x03W)\x98\x07\x87\xe4$~\xe2V\xa6\x00\xdd\xe0&gt;\xedM\xe5R%'</t>
  </si>
  <si>
    <t>New transmission</t>
  </si>
  <si>
    <t>067xx</t>
  </si>
  <si>
    <t>b'\x12"\xba\xe4\x04\x84\x06z\xcep\xcb\x13\x1b\xb1\x8fER\x13\xe9\x89\xc3\xb5\xd7\xc5z\x7f\xa2\xcdo\x1c\x8a\x12'</t>
  </si>
  <si>
    <t>b'\xde\xd09R-w\xf9\xe9\xb7\xed\x07\xde\xcc\xe5E\x91\x86\x00\x8c\x8b\xb3\xf6:R6\x9c\xb0\xf3Yti\xeb'</t>
  </si>
  <si>
    <t>b'\xac\xee\xf9\x87\xc5?\xef#\xb5\xd5\xb4\xce?b\x9c\xf6&amp;{lx]\x80\x17\x1cQf\xba3W\xd5\x01\x9c'</t>
  </si>
  <si>
    <t>b'{d\xab\xf2|\xe0\xad\xa6|\xda&lt;g\xb1t($\x04\xca\x1b;D\r\xaff\x12\xb2\xbeK\x1b\xc9\x88\x06'</t>
  </si>
  <si>
    <t>b'\x15\xc6\xb44\xc8\x85\x82\xb2\xa0oTu\xcc\rA_E\xe2\x12"\xf3\xe1\xc1Nke*\xd6}K\xacB'</t>
  </si>
  <si>
    <t>b'7\xbc\xa4\xe8\xc0\x81\xf8\xc6\x9c\x06\x81\xc83@C\xf4v,\xe3\xb62d\x9f\xbc\xba\xca!\x00\x05\x9fh\xca'</t>
  </si>
  <si>
    <t>b'^Dh\x1b\xd6\xfa\xca\xff\xb0h\x9eRd\xb1\xfb\x06\x83u[z\xde\xd4\xed\xfd3!n\x18\xadd\x0c\xca'</t>
  </si>
  <si>
    <t>b'-\xd0\x96X\xd2\xcf`\x84\xa5\xe5\xd5\xba\x8d\x05\xe3\xcb\x03/\xc1\xa2x\x7f\x08\x8a\xea|-\x91\xb1&lt;\xc7\xc3'</t>
  </si>
  <si>
    <t>b'\x93&gt;\xfb\x045\xdb\x1f\xdb\xa8$\xde0D\xa2\xab\x1a_\x04\xfc~[\xa7P\xcb\xf1=\x9f*X\x03\xa8\x99'</t>
  </si>
  <si>
    <t>Cards/Wood Fence</t>
  </si>
  <si>
    <t>b"\xfc\xb7S\xb1\xab\xb3'=\xbbUm^?\x1b4'\x9bw'\xe9\xcc\x98\x7f\x80\xcdm\xc1\x07\xaa\xad\xc9q"</t>
  </si>
  <si>
    <t>Debt Consolation</t>
  </si>
  <si>
    <t>b'\xf0\xb6\xf7%}4\x96\xb9\xf3;\x7f\x15\\\xa2\x1a\xa6\x95\x94n\xac\x91C\xdb\xb2\x9c./\xae\xb7\xf3Y\xd6'</t>
  </si>
  <si>
    <t>b'c\xf2\xfa^U\xd5D#~\xef\xe7\x94\xfc\xef\x8a\x15\xaa\xbb\xff$D\xd5~\x18\x070\xc5\x0c\xa8\xf9\t\xb6'</t>
  </si>
  <si>
    <t>debt consolidations</t>
  </si>
  <si>
    <t>b'bd\x87\xae\xb9D\xec\r\xcel\x120Jf\xed*\x85E\xa0-\x8d\xa2\x8f\xf5\x01\x82\x90\xff4\xa6\xeeA'</t>
  </si>
  <si>
    <t>b'\xf4\x08\x96\x9en\xfaXe\xd7\xf0\xf8\x1d\xa9\xd0\xaf@\xa2\x1f\n4\xa3\x01q\x94\xcd@\xb7\x01f\xb8\x92q'</t>
  </si>
  <si>
    <t>b'\xa6\xe7\xeb2i\xda\xdfk[Dj\xcb\x01\xa7yB\xc7\x1f8\x0c\xd6~\xe4\xcb\x95\xae\xfc&amp;\xbd\xe6Tz'</t>
  </si>
  <si>
    <t xml:space="preserve">Short term </t>
  </si>
  <si>
    <t>b'\x91\xac\xc6^\x14\x90j\xc2\x07\xad;\x01s\xd2\x1dl[Nk+\xdb\x85Z\xde\xa0K\x84\xa0\x7f\xb9\xdf]'</t>
  </si>
  <si>
    <t>b'HE\x7f\x0e:\xee1\xceX\x83\x96\xe1b\xbc\xc4\x1d\xf1\x83\xea\xac.JwXr\xd0\x1eJoG\xf0\xab'</t>
  </si>
  <si>
    <t>b'\xe2\x9b~\xe0Zf\xf96c\xa8\xceY\x90\xd2WN\xfd\xf5\xbc\x0f,\x06w\x88F\xf6hv\xeb\x98?V'</t>
  </si>
  <si>
    <t>423xx</t>
  </si>
  <si>
    <t>b'\x81\xf2\xfe\xa4K\xde\xc0\xb7]\x8f\xef\x17\x84\xc27\xd1z\xb8E-/2\xe8]\x13\xefp$m\xd9\xfaF'</t>
  </si>
  <si>
    <t>Working to Eliminate All Debt!</t>
  </si>
  <si>
    <t>b'w\xd3\xcc\x81u\xd3@\xf2\x90b\xaex\x93\xfd(\xe5p\x15\xc5\x9c4\xea\xeb&lt;\x8e\x88\x92`\xdcHGT'</t>
  </si>
  <si>
    <t>b'\xd7\x1a\xb5\xee\xba\xfa\xe0\xd2\xceucw\x84\xfc\xcb4\x0f\xcal|\xb2\x85\x8e\xcd*|a\x96)~\x1d\xca'</t>
  </si>
  <si>
    <t>b'N@\x01\x8arn\n\xc9\xea\n\xc21&lt;\xd1\x10m\x9f\xa2UB\xeak\x01v\xdd\x07l\xb6Dj\xc7v'</t>
  </si>
  <si>
    <t>b'\xdf\x05\xf6.=\x8b\x02.\x8c\xfds\xd9d\xfb\xda\xcd\x18\xf2\x8e\x07cPy\xebh\xc2\xef}7\x19ET'</t>
  </si>
  <si>
    <t>b'\xc1!S r\xe0\x06`a\x17\n\x1d\x04\t\xaa\xe3hB-\x87\xe1m\x81\xdaLH\xec\xc2\x81d\x90E'</t>
  </si>
  <si>
    <t>cons.my.bills</t>
  </si>
  <si>
    <t>b'\xa0r\xcd\x98\\\xef\xf5&gt;"\xae\xdbhA&gt;\x0b\x00I\xf1P\x8d\xcb\x9f^-\xf7\xf5\xe0\xd8\xda4\xc4\xff'</t>
  </si>
  <si>
    <t>solution</t>
  </si>
  <si>
    <t>b'\x95\xfd\xcb\xf5\xc1\xdf\x7f\xd2\x9f\x9f\x88\x03sY\x8b\xe7\x0e\x98\xd9Z\x9d#2\xe0#\xda\x9d\x1a\xb8X\xce`'</t>
  </si>
  <si>
    <t>Better Personal Loan Interest Rate</t>
  </si>
  <si>
    <t>b'\xee\xfa%E\xb6\xb9\x9aQf\x9a\\(\xb1\x057\xce\xfe*\x95\x04Iy\x95\xd2`\x94\xa7\xaf\xd5X\xef\xfa'</t>
  </si>
  <si>
    <t>b'\x1bcJc\x01\xdb\xc6\xf2\x11\xcf\xb7\x97\x98Suj\x7f\x9e\xbb\xceCRTfb&gt;d\x98SZ\xc9)'</t>
  </si>
  <si>
    <t>b'\x1b\x1b3a?\xe1\xea\xe3^7D\xe3\xb6\xb7\x0f\xcb\xef\xce~r\xb20\xa2\x81\xf7f\xcfa0\xad\xb5\xd1'</t>
  </si>
  <si>
    <t>b'\xe6\xf7AZ\xa0\x8fLZ\x08o~:\xed\xc5\x8f!\x95\xd9\xf1!\xcd\xb8=G\x1b14\xa9K\xe9\x06y'</t>
  </si>
  <si>
    <t>b'\xa6\xb7\xd5\xa0\x95H&lt;@\x97)\x93\x14&amp;;\xae\xc1;\\\xac\xdc\x7f\xe7\xce!\x14\xd0\xd3u\xdbJ\xe0\xe5'</t>
  </si>
  <si>
    <t>b'B\x8aT_\xb36\x13\xd0\xa4\x03\xab\xe0Q\xb93\x0eK\xe4\x9d\xdf\xc9\x9bI\xf2G\xbd:x\x92N\xe9\x01'</t>
  </si>
  <si>
    <t>CC Payment</t>
  </si>
  <si>
    <t>b'u\xa3[\x94\xbbdr\x9a\\\x11\xbe\x1d\xca\xf6\x92\xa1c\xba\xf0@\xfa\x9c\xd8:\xda\x81"\xd5\xe5\xd5]|'</t>
  </si>
  <si>
    <t>b'\xb4\xe2\xcaB\xb0n|\xe2\xacA\xb1\xd9\x86\xa7\x9c\x8fv\x86i1\xf8\x01D\x7f\x19\x97\\\xd8\xc4""\xe1'</t>
  </si>
  <si>
    <t>b'\xd0\xfct+\x06&lt;=$\xcd\x9a\xc3\xe4\x96\xc8Hr\x90Z\xfc0\xaa\x8f&lt;u\xcd\xc9\xfa|]:\xfc\xac'</t>
  </si>
  <si>
    <t>b'\x03U{\x9b\x9e\x7f\x06\x95t~\xb1\xe5{\x9e\x1d\xf1\xdc\xe2Ce\xb5\x0e\x12\x16\xcd\xb4\\=f\x83\x06\xcf'</t>
  </si>
  <si>
    <t>b'@9\xad\x91\x18\xe9\x92\x1c\xc3\xbf\xc9\r\xf9\xa1\x1b\xdcw\xcb4_\x8bb\xbaR\x8c\x9bn\xacKF\x15q'</t>
  </si>
  <si>
    <t>LOAN FOR LOAN</t>
  </si>
  <si>
    <t>b'J5\xfby\xdaw\xe7\xefCU\xa2\xa3\x8d2j\xd2\xa53\x02\x92U\x95\xd7\xd7J\x16\xb4\xc7\xc7j8N'</t>
  </si>
  <si>
    <t>b'Uwq\t\x06$w\x08,\xcb{\xe1C\x1a\xb6\xbd\x12v\x95L\x12\x01\r\xd8^\x961\x84\xf5\xf7T\xb5'</t>
  </si>
  <si>
    <t>eliminate credit card debt</t>
  </si>
  <si>
    <t>b'\xe7wZ\xa5#\xc7\xb4\xfbY\xf8q\xb6\x8d[\xd8\x7f\xa3\x05\x00\xfb\xd0\x93ot\x8d\xff&gt;\x1c\xb9\x9fP\x99'</t>
  </si>
  <si>
    <t>b'\xe2\xe7\xfc\xd4d\x04x\xd6\x06\x1c+k\xfde\x9d\x8b\x119\x06\x86v\xef\x16\x97\x7f2\xb7\xad\x14\x08\xbcE'</t>
  </si>
  <si>
    <t>b"Vm\x11\xbfj \x04\xbb\xab\x0e\xc2O\xcb\xb9\x8c\xc5\x16C\xaaR\xb8\x10\xaf&amp;t\xf6}\x17\x11\xbd'\xf3"</t>
  </si>
  <si>
    <t>DEBT RELIEF</t>
  </si>
  <si>
    <t>b'\xda\xe9\xdf\xba\x8c%bf\x1a\xe3\x8e$:\xc6Q\xccL\xd5H\xad\xe8D]\xdbi\\\xe4\x90\x00jc\x96'</t>
  </si>
  <si>
    <t>pay off debt</t>
  </si>
  <si>
    <t>b'\xdb\x10\x8f0\xe2\xf3\xf3`\x83b_\xea\x90A"\xaf\xd3.\xaa\x0b\x10~\x1c\x9c\xfb\x88(\xa9\x7f\x18\xe9a'</t>
  </si>
  <si>
    <t>b'QV\xe87\x97\x90\xd6`\x1a\xdd\x95\xd2\x13\xed\xf3\xbd\xbcT\x9c\xe8\xfa\x16\x18x\xea\x08N\xcaA`\xf6\x13'</t>
  </si>
  <si>
    <t>b'\x01V\rJ\\\x95[\x0e\x87c\xc4N\x8e\xd0\xd6\x91qJf-\xb5c\xd8\xb3\x16\xcej\xfe\x04\xf8\xc2\x9a'</t>
  </si>
  <si>
    <t>b'\x8ds\x9d\xd2\xd5\x867x\xc0\xeeP\x17\xda\xe6\x19AE\x06\x1b\xa3\x13\x18$[\x8c\x98\xdd`\xc9\xa4V:'</t>
  </si>
  <si>
    <t>Lowerpayment</t>
  </si>
  <si>
    <t>b'\xea:I\x8b\xaf\xf7=\xf2\xb9\xf4b\x0b\x8f\xa4i\x9a\xba[}\xfb\x02\xbb K\xdc?\xff\xc6\xc0\x91\xf9\xc6'</t>
  </si>
  <si>
    <t>b'l&gt;\x94o\r\xf0\x80\t\r\xa5{\x17\xc2\x8eB\x1e\t9\x17\x9b\xeeA\xe1\xf09\x8e\x8f\xe8Y\xd7\xf0\x8b'</t>
  </si>
  <si>
    <t>acct payoffs</t>
  </si>
  <si>
    <t>b'.n%\xcc\xc0:\xe1B\xc793\xe6bL=\x00\xe8\xb7\xed\x06\xf6\x9b\xe8\x0f\xb6\xc4\xc8\xd4d5S\xf7'</t>
  </si>
  <si>
    <t>b'%PE\xcf\x9a`\x918\x85\xb5&amp;\x94V`\x9bL\xe6\x8e\xde\'\xc1V\x89\x18\x92\x9e"\xb3\x00%\x8a\xf7'</t>
  </si>
  <si>
    <t>restart</t>
  </si>
  <si>
    <t>b'\xc9\xc8\xbf\xd4\xe5\x1c\xc9\xef\x14cCn\xeb\xf1\x80\xfa\x97D\xf4\xb5\xe1\xe3\x97\xdb\xff\xfa\x1a6mTW.'</t>
  </si>
  <si>
    <t>stress reducer loan</t>
  </si>
  <si>
    <t>b'\xb0~yf=\xb5\x1d\xa7\xfa\xb6J_ \xeb[\xfc4\xf6\xd0v\xd9\xf2h\x8b,rh\xe5\x8dJ5D'</t>
  </si>
  <si>
    <t>b"\xd9L'@C\x8c \x96\x00\xadw\x86\xbf}\x86\x9d\xe4I\xe9\xf7\xe6\xb1\xa6\xde8s\xb2H:\xec\xddv"</t>
  </si>
  <si>
    <t>b'\xa2\xd6\x89z\xe1\x90\xc3=g\x9eb\x1a\xe4\xd3t\xfb\xdcY\x8b\x85\x17\xa5O\xae\xf8N\xf6\x95d,eH'</t>
  </si>
  <si>
    <t xml:space="preserve">Personal Loan </t>
  </si>
  <si>
    <t>b"\xf8]\xcd\xe1\xea\xb6\x89\xeb9&amp;\xaa\x1a\x1e\xbe\xf9\xa8\xab\x8c'\xc1\x0fPe\xd1\xb2\x10G\x9fT\xf8\x8d\r"</t>
  </si>
  <si>
    <t>b'mQ2\x858$\x922\x90\xd4\xfe_\xfe6\xae\xa9\xaa\x9c6 dO\xccE\x11\x14\x01\xca\\z\x83\x8f'</t>
  </si>
  <si>
    <t>b"'=k\xa0\xd9\xec\xb7\xc5\xce\xe42\xac\xff8\xcef\x9a\xa0\x9b\x1a;w|\xe1{\x94\xf2\xe2\xc2\x8ag\xff"</t>
  </si>
  <si>
    <t>b"\x9e\xec?Q\xd3\xfc\x97\x9f\xcb\x8d='\xf2%\x15\x0e\xe1\x96\x7fp\xe9r\xb9\x0bE\xac\x92\x9d\xe2&lt;\xa8\x15"</t>
  </si>
  <si>
    <t>b'\xca&gt;\xcff\xb4\xcf\x06dt\xd5Y\x90\x97\xf04L\x94\xe4o\xdfvM\x1e\x87\x0cX\x98\xb4\xdb\xe0d\x97'</t>
  </si>
  <si>
    <t>debt  loan</t>
  </si>
  <si>
    <t>b'L\x85L\x15FR\xe6\xf8\xb1Q7}\x8d\xd2\x9e\x97\x073\xd5\xe1\x96\x89\x9b\x0b\x0e\x7f\x07\xd8 \xa3\xda\xeb'</t>
  </si>
  <si>
    <t xml:space="preserve">Debt Consolidation Loan </t>
  </si>
  <si>
    <t>b'\xbca\xaf\xd3\x81#\xd6zd\xec\x12?G\xb0Qf\xd0\xd0\xf16gq\x8f\xe8q%\x9c\x9d\x10\x85L\xfa'</t>
  </si>
  <si>
    <t>b'\xe7``M\x1d\x87\x94\x10\xea\xbeS\x1f\xae+\xaf_\xd6\xee\xf7\x1c\x9a\x17\x9b\xae\xcc\x11U\xe6\xea\xf9x\x1f'</t>
  </si>
  <si>
    <t>peace loan</t>
  </si>
  <si>
    <t>b'vf]\t\xd3OCh2\xc2\xcd\xef\x9a7h-!(\xcd\xf5\xd6\x1e\x98\xc2\xb0*,\xbb9O\x99\x82'</t>
  </si>
  <si>
    <t>b'\xf0oo5\x1a\x82\xf6b\xb3&gt;d\x143\xa6\xae\x82\x8e\xbc.\x8e~\x12w\x86\xec5\x13\xb3\xc3\xc4*u'</t>
  </si>
  <si>
    <t>637xx</t>
  </si>
  <si>
    <t>b'\xa9\xf4\xadQ~\x19\xf0zx\xeb2(\x10U\xe0\x02M\xf3\x98\x1b\x0fvb&amp;\x1d\xad\xf9\x96\xc3i\xa4\xbe'</t>
  </si>
  <si>
    <t>Loans for all seasons</t>
  </si>
  <si>
    <t>b'\xb0\x07\x8bQ\xf88\x95&gt;\xba\xd4\xa8\x9c\xf4\x15\xd3\xb4\xa7\x98\x97\xe0K\xb9\x99$,\x86\xe5.lDw#'</t>
  </si>
  <si>
    <t>b'\xce\xba\xe1\xadsa4\x0cK\xe5\xa2[\xb9Gv\rS~N@4A Ua\xd1\xc9gI\xd4W?'</t>
  </si>
  <si>
    <t>Paying off a long term int only debt</t>
  </si>
  <si>
    <t>b"\xc3m\xe4\xfc\xd5LV\x13'N\xc7\nA\xe8\x8d[\xfc\x1e\t5~\xd0\x11\x0bW\x9c\t\x90O\xa5\xa0f"</t>
  </si>
  <si>
    <t>b'\xdfU-\xc5\xf5\n\xb5\xa2il\x1d~\x0b\xc8\xca\xc6X9\xdcH(?&gt;\xbaK\xfbS3\x91R`L'</t>
  </si>
  <si>
    <t>b'&amp;\xf4i-\xdf\xedP\x03.W\x12\xc2wBH\xa62\x03\x11\xb3P`\xd1B\x97\xe8\x00\xc0cwV\x06'</t>
  </si>
  <si>
    <t>b'*\xe3\x93l\xb3\xbe\x87\x9bw\x8b\xe2\xd0\xce\x9a\xdf\x87\xa50n\xce\xd9F\xaa\x83\xab\xc5Lu\xb3\xcbU*'</t>
  </si>
  <si>
    <t>b'\x93h\xbfW\x93*\xae\xf5\x1cm\xa6\xc4F}7\x9cUP\x85\xc4\xad\x11\xc2^\xc0\xc9\xe7\x81\xcb}\xe1\xf1'</t>
  </si>
  <si>
    <t>out of debt in 3</t>
  </si>
  <si>
    <t>b"\xe5\xdd\x0f4-\x0b8\x04\xa6\x8c\xc7\x03'|\xbb\x83-YB\xac\x13\xb5\xab\xd6\xa0\xe2\xceh\t\nFa"</t>
  </si>
  <si>
    <t>majorpurchase</t>
  </si>
  <si>
    <t>b'1\xc7\x17\x8e\xa8$\xca\xaai\xd1\xdc\nq\xc4\xac0\xc60\xbb\xe3_\xd0N\xf4&gt;\x13c\xff\x0b\xba(\xe9'</t>
  </si>
  <si>
    <t>288xx</t>
  </si>
  <si>
    <t>b'\xbc\xb5z\x14\xb2\xf21?n\xf2\x0e\xbc\xddI\xff\x1520\xf9\xec\x0b\x90\xfb"\x00e\x1f\xa0\xaa\xc6\x81\xd7'</t>
  </si>
  <si>
    <t>Credid Card Debt</t>
  </si>
  <si>
    <t>b'm@I9\x0cE\xf0w\xbc+\xd6\'\xd8\xbdkd\x10\xe0\xd5\x97\x89"\x8a\xd3\xeb\x83\xa4\xa8\xfeL\xa8\xa2'</t>
  </si>
  <si>
    <t>b'_\xa0f\xf6q\x0c\xc2\x85\xb5\xb4%\xfe]27`*\xa8\xba\x89\xbc\xc7n\xcdU\xd6&amp;M\x19~G\xac'</t>
  </si>
  <si>
    <t>b'\x12\xae\x89G?\x13\xdc\xc7\xec.$\x94\xa3\xd98\xe8\x0cq\xf46\x05\xa9\xba\x82\xda\xfclR\xea&amp;k-'</t>
  </si>
  <si>
    <t>b'\x0e6y\xe0o\x0f\xc6\xff\x08\xf7&gt;\xf3\xc0\xd8a\xd4\x01\xe9\xf4\xd5\x19&gt;\xa0X\xe9\xa2\xea\xc1\x12\xc9\xe2?'</t>
  </si>
  <si>
    <t>b'\x1a2\x93\xb0\xae\x0e`\x1e\xe5\x0e\x0e\xd18r\x80\xb2\xd9Q4\xdbF%\x07\x90\xb30\x12\xd7\xa6q\x0bz'</t>
  </si>
  <si>
    <t>OUTTADEBT</t>
  </si>
  <si>
    <t>b'\x8f\xff\xa4\x9a\x04\xde\xc5$\xe7\x9a\xf0]4j\xab{Q\x1dX\x81\x93\xdd\xc0\xbc\x91\xb6\xdcp\x06\xa82\xd1'</t>
  </si>
  <si>
    <t>b'\xc3B|^\xa4\xf8\xa5-\x15\x85\xe4\x19\xd0\xadjp(\x96\xbe\x0e\xac\x18\x07\x0f\xe9\x12oDM\xbe\x7f\xf6'</t>
  </si>
  <si>
    <t>Getting and staying out of debt</t>
  </si>
  <si>
    <t>b'\x9c\xff\x1d(\x9e\xe5R\x0c!\x04Q\xb1\xc2\xaa\xc7Fl\xbaT\xc9\xc1`s\xc2\xfd\xe8R\xe8qD\x8c\xdc'</t>
  </si>
  <si>
    <t>Kick My Credit Cards to the Curb</t>
  </si>
  <si>
    <t>b'\xfbr\xd7\x88\xf8/\xb5\xcc\xbc\xef\xccl\xbc\xf2r\xa9\xb2\x9f\xb1\x84\xc9\x02\x8b\xbd\xa8\\G\xa4`\x1a;\xe7'</t>
  </si>
  <si>
    <t>b"3S\x14\xfa\xdeS\x8fw']\xf3\x86Tc\xc9\x10\xc4\x95\x9dRw\x96\\\x04XrO\x1b\x15&gt;\xedE"</t>
  </si>
  <si>
    <t>Thank You!  Thank You!  Thank You!</t>
  </si>
  <si>
    <t>b'\xe6J\\\xd7?Y\xdb\xa3\xb34}S\x16+\xf7\xa3\x99c8\x06\x92\x9e\x1c\xeb\xec@y\xe4^\xe0\x0b\x8c'</t>
  </si>
  <si>
    <t>b'\x8dl\xab"\xd9\xd9IT\x11\x07&amp;y\r\xec!\xc0\xc7b\x9dnM\x10+|\xed\x0b\xe9\xa8\x86VW\xbf'</t>
  </si>
  <si>
    <t>b'\x90\x99\xc4\x8d[\xcd;\xd4\xe1g\x98"M(\xb3\xa6\x9cN\xf9qi\x92qe\xba\xd5/\x9b1\x8f="'</t>
  </si>
  <si>
    <t>b'\x9e+\xf4 \xa8\xe3P$-\xec\xe6\xd4\xf3\xf4\x98\x8b\xb7\xbc2\x91\xb1\x17\xb5\x1b\x07O_\xd3\x07\xab\xab\xae'</t>
  </si>
  <si>
    <t>b'\xa4\rJ\xb2\x1c }\xdf$\x88\xfa\x8e\x99/\r*jQ||\xa7Q\x01vf^vZ#}p\xed'</t>
  </si>
  <si>
    <t>b'8\x0c\x12M/Ro\xd6\x90\xfa\xc1h\x14\xf6\xe0S\x10\xf9\xc8\xa2Q\xf9S\xe7\x14\xf8\xd6\xbe\x0c\xf4s\x84'</t>
  </si>
  <si>
    <t xml:space="preserve">For The Kids </t>
  </si>
  <si>
    <t>b'rV\xd6-\xdf\x98\x99\xa7\x19\x9fs\xd5\x11:?\x10\xd5r\xbfu[\x0ef^U\xfa\x1bWx\xdd\x0e6'</t>
  </si>
  <si>
    <t>b'\xbf\x8c\xd6\xab\n\xb6\n\x0cu\xc8\xb4\xef\xf9~a\xaf`\x84\xa6\x9f_\xec8-\xc9\xcf\xb6\xb0\xe4m"\xd8'</t>
  </si>
  <si>
    <t>b'\xd4\x9d\x16B\xc1^:\x99o\x96\xdc\xd3M\x00K\xf0\x12\xec\xcd\x07\xff&gt;\xb7j\xe8\x9e\xcei`~\x9f\x15'</t>
  </si>
  <si>
    <t>b"\xa3\xaa\xa1P\xde\x10\x95\x80,a\xb6\xb5\xc9\xa7\xae\xb5'\x19\xb6v\xffr#\x89&amp;\x07\xbd&lt;\xdf\xd9\xba("</t>
  </si>
  <si>
    <t>b'X\xe4cy-\xd1\xae\x83{\x84\x0eO\xb5\xb6\xc0BM0\r\xf43\xbc\xaewI\xb1Us\xc7{v\xf4'</t>
  </si>
  <si>
    <t>lessdebt</t>
  </si>
  <si>
    <t>b'\x90l\x0b\x93A\xd5\xc5Qq]\x97Z?\xa6\xe5\xab\x88\xd0\xb2\xb9\xd909\xb5)\xd2&gt;\xc6@\xa6+\x14'</t>
  </si>
  <si>
    <t>b'\xdd\x04\xb7\xda\xb3\xdd\x1d\x0f\xf1\xca\t\x06+\xbcn\xe6#vp\x11\xa3\x1dw\xe4\x10\x1b\xfbz\xacf\xaf\xbf'</t>
  </si>
  <si>
    <t>b'\xc7\\\xf3\xd3Q\x93\x90\x01\x13\xfe\xea\xc8\x90&amp;\xe8\x89\x95w\t\xbe\xb4\x1e\xf5\x0f\x13#*\xccVq\xd1\x86'</t>
  </si>
  <si>
    <t>FINANCIAL FREEDOM 2013</t>
  </si>
  <si>
    <t>b'q\xe6\xc7\xd9p\xc8\xe9\x9e\xb5\x94\xf5\xf5\xe7{$\xe7\xe6\x16\x15\xd8kV\x9e\xeb]\xb0*Yt\xdd\xa0j'</t>
  </si>
  <si>
    <t>b'\xf3w\x9eeZ\x8b\xf7\xf6\xa7U\xad\x12\xeb(2\xb6\xf9d\xb3\xf0\xa9b\xd7\xd9\xf1\xc4\xb3A[[\xad\x13'</t>
  </si>
  <si>
    <t>b"\xdd;8'\x8a\xb2\xd49h\x04|\xf7)\xf0\x97\x81\x080\xbf\xeb\xb3\xe1\xf9_tNF\xa7F\t\xaeT"</t>
  </si>
  <si>
    <t>b'^$\x9c\x00!\xcf1\xa7i\x87\xbd;\x83Hh\xacH\xa8\xe4\xfeB\t8\x07\xa4\xaaF\t2\xd4\x90\x94'</t>
  </si>
  <si>
    <t>Freedom From Debt!</t>
  </si>
  <si>
    <t>b'\xa9$\xd3\xfd\xa7\xe0nl\xb6Z\xde.\xf9\x12\xfbw\xc02%\x00\x99y!l\n\xa7w\xbe\xa7\x0f\xa1*'</t>
  </si>
  <si>
    <t>b's\xc8(\x8c\xe7\xe2$\x9c\xacV\xee\xb8$\x8e\x9f\x99\x14\xc6~\x8e\x92\xae\x8f\x88\xae\x9f\x02m\xb34t\x1c'</t>
  </si>
  <si>
    <t>b'\xf5~Y\x0bY\xc3UQ; \xdb\x8b\xcbAa[\xb0\x1d\x93\xd1\xc3\xc4\xedN\x02\xf6\xc4V\xc9\t\xbe\xdd'</t>
  </si>
  <si>
    <t>b'\xce.\x02\xbf\xb9c-\xba.\x8efb#O\xe7\x7f\xccf\xba\xe6I\xaaF\xa1\x07,\xcb\xcb\x89\xa7\xa1\x1b'</t>
  </si>
  <si>
    <t>Boat loan for 50% of the purchase price.</t>
  </si>
  <si>
    <t>b'\x06\xf3gL\x10!@\xc4\xb4f\xa6\x9c&amp;\xb3\tZo\x9c\xec^VI\xa2\xd8\xcf#V\xc4\r68\xc8'</t>
  </si>
  <si>
    <t>b'\x19\xe7V4\x80E\xf9WI\x03\xf6\xeb\xf1\xb3\r"\xd2s\x1bU\x1e\xa0n\xce\x02ncSM,D1'</t>
  </si>
  <si>
    <t>b'\xb3\x1e\x15\x9fuV\xa8P\xc2x\xccO\xdcR\x95\xcb\xaea"\xf9\x7f\xe6\xc0\xa0S\xf9\x18\xc0\xbd\xcf\xcd\\'</t>
  </si>
  <si>
    <t>b'W\x08\xe3\xb6\x17J\x00\xb4(\xd9\x80;b\xbf\x83\x88{\x00&gt;\x8d&amp;\x97\xfa\xe7\xbd\x02\xfb\xf1\x8f\xb4K\xd8'</t>
  </si>
  <si>
    <t>b'\xd6\x84r\xd0B\xed\xd3\x87\x06~rJVs\xeaM\xe8d\r\x93\xc6\xe0\xc6\x13`\xc2\xf8\x19\x1f\x97:N'</t>
  </si>
  <si>
    <t>Debt Consilidation Loan</t>
  </si>
  <si>
    <t>b'\xa4v\x8aV\xde\xfe\x94\x96ng\x8c\xf4\xa7\xa1\xfe\xf18\xb8Hmd\xdf\xf2)\x04\x03(,U\x89Lh'</t>
  </si>
  <si>
    <t>b"\x15\xf6\x8d*\xe3\xf9\xf2\xe1\xc3\x9a63\xe6\xc7\xfa\xef\x90\x1e\xc4q\xd0\xf3\xad\xaf|B\xf1'@\xd1\x06s"</t>
  </si>
  <si>
    <t>b'\x03\x058\x8d\x1d&gt;\xb0\x1e=(\xfa{\xc1*\x8c|%&lt;\xe5\r\x9a\xb2\x05er\xf7\xd3\xc8pe\xafy'</t>
  </si>
  <si>
    <t>b'/1\x95%\x14=nA\xcacJ\x80g\xadg~\xf6I\xd9\xd6\xef\xef\x99\xa9\x16&amp;@\x9e\xb4AI\xe3'</t>
  </si>
  <si>
    <t>175xx</t>
  </si>
  <si>
    <t>b't\xc6\xc1\xb0t\xa4\xf4/k\xf1"7\x0e\xe3b\x93\x83Z5?\xc5\x88\xcf\xba  w\x96&lt;j\x9d\xed'</t>
  </si>
  <si>
    <t>b':\x94=\x8d\xaf\x85\x91\xccFy\xa7\xd6\\\x1a\xc4\x86\xab\x9d`\xe0xh\xea3\x0e\xffo~%k+c'</t>
  </si>
  <si>
    <t>NewLoan</t>
  </si>
  <si>
    <t>b'l\xed\x9bq$\xef\xe0\x90\x803\xa5\x82{\xa5k\x8ck\xb9\xb4v@@\xed\x84\x967\x96[V\xc2#\\'</t>
  </si>
  <si>
    <t>Refinancing high interest card</t>
  </si>
  <si>
    <t>b'8S\xa4\x95\xabe;\x1b\xf9n\x8c\xd7\xb9&gt;\xf0\x9f\x16\xdf#\x84\xd6:\x89\xf4\xe3\xfe\x95\xfc\xca\xb9*\xec'</t>
  </si>
  <si>
    <t>b'\xb1\x1ck\xde\x1e\xc5\xb8\x7f\x86 \xf44Y}\xf8\x8f\xa2\xe6G\xa9\x12\xc1f\xbb\x15\xc3"\x13\rX,&lt;'</t>
  </si>
  <si>
    <t>Affiliate Marketing</t>
  </si>
  <si>
    <t>b'G\xb3\xd1\x06\xa6\xbbB\x94\xa0\xf9\x03O:uH\x0fe\r\xc5.$\xbcH\x85\xa5\x19\xd2\xf3\xecsq\xf2'</t>
  </si>
  <si>
    <t>Consolidate bills</t>
  </si>
  <si>
    <t>b'\x7f\x10\xa5\x05\xc5\xcf\x84B\x9a\x8c|\x1aG)\x9d\xc4qyu\xe4\xef}\xa5\x12C\x11\xd1hn\x9eih'</t>
  </si>
  <si>
    <t>Used cars business</t>
  </si>
  <si>
    <t>b'\xb4\xbb\x1cj.\xb4\x82\xd0\xb4\x10\xc4\x034\xa0\x9a\x7f\x12$\xca\x9eS\x1c\x01\xafM@\xde\xf2\xa1\xb3\xf0\x05'</t>
  </si>
  <si>
    <t>Debt Consolidate/Home repair</t>
  </si>
  <si>
    <t>b'\x1dE\xe72\x84\xd5b\xc9u(\x8blO\xd3\xbf\xa7Q_p\x96H\xe1\xe8@a\x96xP\xc5\x87\x1b\x8a'</t>
  </si>
  <si>
    <t>b'\x9a2_\xd8\xde\xfdm)]\xcec\xcc\x11\x1f\xb7\xcabbA\x0eDGDbk\xf1\xda&amp;\x8a\x95\x00\xb9'</t>
  </si>
  <si>
    <t>Loan to consolidate debt</t>
  </si>
  <si>
    <t>b']P\xe3dSH\xa3\x93\xb3\xa2\x12\xcd\xb9U3\xea-}\xd9s\x82\xe1 \xfd\x13\xef \xd3i\xb0m\x13'</t>
  </si>
  <si>
    <t>b'\xb5(A\xe4\x94M\x0e\x9b\xa5:i9\xff\xb2C\x08\xcd}\x06\xea$k1\xebV\x92\xd4\x9f\xdd\xe3\xa9\xe6'</t>
  </si>
  <si>
    <t>b"\xa5\xf5]\xdeDs2\xba\x90\xeb7'\x05\x0b\x0b\xb7\x81\x07J\xaa\xa22(0\xc5?4_2b\x84\xb8"</t>
  </si>
  <si>
    <t>Deby Consolidation</t>
  </si>
  <si>
    <t>b'V\x06\xa36\xe2K\x05\x81l\x1c\xd13\x1e\x93\x0c^\x81X\x16O\xbc\x03\xe0\xeb\xf7\x8c\xcc\xc5\xce\\cu'</t>
  </si>
  <si>
    <t>Chase CC Refinancing</t>
  </si>
  <si>
    <t>b'\x1b\x1cs\x1d\xa0\xaeS\xbdD7\xeb\x82\xdf\x94\xc4\xc6\xac\xf0\x86\x98I\x12\x11\x19\xb6\xbdX\x01\xfe\xf5`u'</t>
  </si>
  <si>
    <t>fellowship interviews</t>
  </si>
  <si>
    <t>b'\x04\xd9\x17\x0eA\x92\xc2+*\x84s+\x13\xa4\x96\xbc9\x85\x82d\xf6\x11?df^[\xc7\xe2\xda\xef)'</t>
  </si>
  <si>
    <t>b'c\x92\xb0O\x12\xee\x85%\xb8\x8a\x87^\xdd\xbb\x87\x85\x9bUzv\x8f|\xd9&lt;R\x1e\xfe\xf8\xb4\x0cT\x19'</t>
  </si>
  <si>
    <t>b'\xb6?Q\xec[\xc4\xdd\xdd\xa2C\xb0f\x9d\xa9\x12\xdc_\xc1k\xd5\x189\xf5\xa4zj\x023\xce:n\xa8'</t>
  </si>
  <si>
    <t xml:space="preserve"> Loan</t>
  </si>
  <si>
    <t>b'8\xaa\xf2\x92%w:\xf7\xc9Q\xf5K\x1c\xd3\xa6\x8d\x0b\xd6\xab\x83gc\xee\xca\x8b\xf5}\xdf\xb9\xc51\\'</t>
  </si>
  <si>
    <t>b'B\xcc\x8d&lt;b\xfa\xad\x02\xb4#|d{\x05D\xa1\xb7\xd1\x1d\xba+\x86\xaa\xc8\xbe\xfd\x17 \t\xf0\x07\xe8'</t>
  </si>
  <si>
    <t>b'\x1a\x83\xb8\xbf\xf9"\x85\x03\xc2\xe5e[\xef\xcf\x0e\xe3\xb8P\xed\xcf\xfd8\x95\x9dP\x15\xd3\x0f\x1c\tY\xec'</t>
  </si>
  <si>
    <t>b'\xcd\tQF\x01\xcf\t;\xe1{\xdf3LE\xae\x13\x82{\xb0\xb5.\x85FF\xb9T?\x12j6\xba\x88'</t>
  </si>
  <si>
    <t>b'\x94\xbf&gt;:\x9fq\xd1x\x07&lt;\xf2\xc0\r\xd96pbFHS\xdd\\\x91\xd0d\x01\xeb\xfdn\xf0I9'</t>
  </si>
  <si>
    <t>b'\x9dV\xb4^\x17\x13:\xc4\xd3_\x15\x08\x8cG\x17y\x18\xff&lt;-\xae\xfd\xe0\xdc\xc3\x88\xc6\xfca-\xad\xaf'</t>
  </si>
  <si>
    <t>b'D\x004\x1cr.{48\xca\xedt.4\x83\x05\xa8\x1e\x99,^A\x1b*\xb5\xc1\xa4\xe5\xa6_\xebN'</t>
  </si>
  <si>
    <t>b'\x87~\x8b\xadp\x0c\x05\xe0~-\xa3\x9a2Y\x14\xe4V\xe3\xa6\xc7h:\x9bN\xa1n\xe1\x7ff0\xd7\xa9'</t>
  </si>
  <si>
    <t>Consolidate all my bills to one</t>
  </si>
  <si>
    <t>b'\x08\x91_\xd4\xa8\xe0\xd3\x1e.\xb6\x87d{_W?\x99\x0fE\x1e`\xc4\x97\tA5}M\x04\x1f\x14B'</t>
  </si>
  <si>
    <t>Pay off credit card debt.</t>
  </si>
  <si>
    <t>b'\xd1\xe3\xbc\x8d[\x87\xfcJ\x86\x87\x19\xee\xaeoK\x98\xba\xba\xeeP\xa3Lyz\x92\x1cy_\xa1&lt;\x85\x85'</t>
  </si>
  <si>
    <t>b'\x11\x04/\xe1\xd5\xf4]6\xf34\xcf2&amp;\x96\x86`-\xad\xa1h\xd1C2\xb4{$-D\x18 f\xdd'</t>
  </si>
  <si>
    <t>b'\xb7\xc2\x06&gt;*\x06[\xd4\xa0\x98c\xf2\xef\xab\xe7\xee\xdb\xb17\xe1\xfc\x11\xe0\xdc]\xf3\x1eS\x94\xdf\xe0\x0f'</t>
  </si>
  <si>
    <t>credit card refinance and debt consoloda</t>
  </si>
  <si>
    <t>b'\xbb\xfc,P\xeb)\x94h\xb9\xad\x901\x9b\xb7t)U\xf1*\x14\xd7\xc1-\xfe\x85S\xf5\xfa.o\x11\x03'</t>
  </si>
  <si>
    <t>b'\xf5\xf2\xd0\xd8p\xc5x\xf5k\xb3\x0c\xc4\xc8\x0c\xc6\xb4\xaf6\x95\x18\x17+8\xa74\x12jJ\x06v\x80\x81'</t>
  </si>
  <si>
    <t>b'\x1f\xe2}E\xcf\xb2\x8av\x9e\xe8\xd5\x01\x84\xe1\xa6k\x9e\x0f\xdb+\xa8\x1e#\xad*\x02G\tl\x99\xf3\x9c'</t>
  </si>
  <si>
    <t>b'=K0\xed\xe5aZ\xba\x1f\x85\xad\x9aM\xac\xe9A\xf3x\x91\\\xf0\x9c\xcb\xb5\xb90`\xcfc\xf0\xd2\x0b'</t>
  </si>
  <si>
    <t>2nd LC loan for 36 month debt consol</t>
  </si>
  <si>
    <t>b"B\xb5\x85\xa1\x9d7\x88'\xd2AM\xc1\xde\x94h\x0f\x18\\\\\x1d\xd3)oY\xba*4\xf9T\x1dbm"</t>
  </si>
  <si>
    <t>b'X{\xfe_x7\xef\xdf\x16y\xaa\x18\xc6\xdf\xef\xd1\x18N\xab\x9c9\xee\x90c\x1c\xdf\xbb\xcb\xc8\r\xa3;'</t>
  </si>
  <si>
    <t>credit  card consolidation</t>
  </si>
  <si>
    <t>b'\x8eA\xb2xQ\xf7\x0fl\xa3\x80D\x9a)\xae\xe7\xcc9\xefV\xbd\xd3C\x86\xf4\xb8\xf4\xa6\x14Y\x15\xc8\x02'</t>
  </si>
  <si>
    <t>b'\xe8=\x89g/\xb8\x8f\xe0\xe6=\xb2\xc9\xc8\xcc%\x0f\x8f\x14@@\xe8=\xca\x0c\xcbq\x9d(\xad\xf1\x00\x9e'</t>
  </si>
  <si>
    <t>b'\xbd\xe7\xcc\xd0\t\xd0\xb5XvTR\x80\xdb\x9d\x04\xb4^&gt;\xc5\xab\xef\xea;\xba\x1f\xbf\x9eN_\xe17\xfe'</t>
  </si>
  <si>
    <t>Progress</t>
  </si>
  <si>
    <t>b'\x96C|$gT\x9d\x08\x83\x82\x10w\xc6{\x1f\x98\xa1G\x9c\xa4\xc7\xbf\xe7\x1b\xf7\x06;!\x15Y\xbf\x87'</t>
  </si>
  <si>
    <t>Storage Issue Over</t>
  </si>
  <si>
    <t>b"\x8c\x11\x08\x05\x18/\x19\xac\xd7'b\x17\x85\x0c\xbc\xf4\xcf\xf9\x89\x03\x1a\xa9C+\x05E\xbd\x93\xef_\xf6\xfa"</t>
  </si>
  <si>
    <t>b'\x04\x91\x97\xf4\x97\xee\x85\xaa_\x84\x82\x0b4\xc2{\xb0\xe4\xbc\x18Uc)\x13\xe3g\xb6\x12&gt;\x04&amp;M\xb6'</t>
  </si>
  <si>
    <t>Debt Consoladation</t>
  </si>
  <si>
    <t>b'Fa\x958\x03=\x9dE4\xdb~t\xbeWT\xca@[\x87\xe73\xed\x88\x9fP\x92\x07\x00\x9aI\x06\xda'</t>
  </si>
  <si>
    <t>b'\x95T\xda\xd9)R:\xb3y\xddk\xb7\xf4\xda\xf6\xf0\x82tHa\xcb\xba\xd2\xda\x8e\x00RH\xca,\x04\xe0'</t>
  </si>
  <si>
    <t>b'Q\x8a\x85\x00\xae{\\\xb5\x07J\xb9\xbd\x05\xa1\xc5\xa85o\xddd\xe5\xc0\x8d"\x83:!\x13H\xe3\xb5\xba'</t>
  </si>
  <si>
    <t>b'\xbf\xba\xd0]\xae\xe7\xa5\x9b\xab\x8c\xcd\xa3_&lt;\x96\nz\x88(\x9dvL\xe1I\xb7\xb9X\xc6p\x86=\x96'</t>
  </si>
  <si>
    <t>b'm\xd2\x97!;\xfc\xbe\xb8\xbf\x93\xa3r\x98\x9dj1pu\xd9\xc0\xd7K\x02\xac\x06\xa3\x9c1\x8c\xc1\x12\xb0'</t>
  </si>
  <si>
    <t>Debt freedom plan</t>
  </si>
  <si>
    <t>b'n\xfc\xe6V?\xc1x\xaa\xe8\xba\xe4\x042\x93\x8e\xc4\x1cL\xd5\x1e$\xe0\xa9\xf3\xa1\x81\x19\xf8\xf0\xa6J\xdb'</t>
  </si>
  <si>
    <t>My loan 2013</t>
  </si>
  <si>
    <t>b'\x86\xef\xab\x15F\xe4D\x91\xc8\xc3$\x8eJ\x8a\x94\xf6\x9e\xa4\xbaw&amp;\xc1~w\xe2@\xc1\xd2\x91\xa9\x03\xb2'</t>
  </si>
  <si>
    <t>b":i\xeb\xc2\xe1\r\x012J 1'2\xde\xac\xb68r\xe9,\x13\x8b\xc1\x9a\xb5\xcf\xdc\xc8\xdd\xb0\x0e\x98"</t>
  </si>
  <si>
    <t>b'T\x06[.\t\x8e\x1c]\x11E\xfd\x8d\xa0\x1e.rz\x8c\xc28|\xb9\xa6\xd98\x02U\x12\xa1\x0f*\xec'</t>
  </si>
  <si>
    <t>Make my life a little easier</t>
  </si>
  <si>
    <t>b'\xda\xfa\x04\x02\xc3\xe7\x0b\x84\x99\x91\xe2o:\x82\xfe\x1f\xdc\xc9\xcf\x03\x94\xa5\x92&lt;\xb1\xae\xb6j\xb8\xfb\xe95'</t>
  </si>
  <si>
    <t>b't\x0eX\x1c\xe2{\x0c\xbb^&amp;Aet\xe3xt\x0b=\x9a\xf5\xa3.\xb1r\x8f\xab\xae\xe2o\xab)\xc9'</t>
  </si>
  <si>
    <t>b'\xbe\xd8\x1b/+\x85e\x99=\x0b7\xe9\x85\tP\xbc\xef\xd8\x961\x1e\xefN&gt;\xd6muqN\x11\xf2\xe9'</t>
  </si>
  <si>
    <t>603xx</t>
  </si>
  <si>
    <t>b"Jf\t0\xe9\x18\xf4\xf3~\x92\x99\x80\xf0\x18\xb4(\x91\n\xd5vU\xe6Q6o\xfd\x91'\x97\xe3|\xc7"</t>
  </si>
  <si>
    <t>b'c\xc7\x07\xc3\xa1h\xe2\xd6\xa6\xf63y\xcf\xe7&lt;0c\x06"\xe4\xfb\xd1V\x91v)x :\xe6\xef\x8c'</t>
  </si>
  <si>
    <t>b'\x86\xcb\xd8\xe1U\xab\xaf\x1fF\x19\x9a\xcf!\xc9\xf3\xae\x89\xe6\x82\x89\x8b\xde\xce\x0cA\xff0\xd8\xbe\xcbB\xc9'</t>
  </si>
  <si>
    <t>b'\xa4+\xd0\xe6\xd2\xe6\x9d\x15X{J\xf2mm\xd9S\xb1\xf9SR8\xd3\xc4\x97\x0fJnB\x82\x9bN\xaf'</t>
  </si>
  <si>
    <t>bill payoff</t>
  </si>
  <si>
    <t>b'\xbf#\xb9i\xa3\x8bC\x15`\xd2\xb7&amp;!.\xa6\xb3\xb0\xf8\xa3G\x0e\x13\x9e7fB\x02\xfb\xce\x04\x1c\x0f'</t>
  </si>
  <si>
    <t>Consolidating credit card bills.</t>
  </si>
  <si>
    <t>b'\xe9o\xc0"\xccE6\xf8\'\xce\xf0!\xcfu|\xe5#\xb5]\xcf\x05x4"\x98\x10\xbb*\xbe\x8b6"'</t>
  </si>
  <si>
    <t>b'2\x7f\xfe\xff\x1e\xba\xe6\xe2\x12\x0f\xe6E\xf9a\xe9\xdb\xe9\x9eJ\xf6\xb9\xa7\xe5\x92g\x1c\r\xc5)\xf1\xaa!'</t>
  </si>
  <si>
    <t>b'-\xca\xa7\x05\xb7 yD\x9bld\x83\xad\xd5o/\x91\x08\x03e&amp;w\x03rJ\xb0\x1cq\xe2R\x97$'</t>
  </si>
  <si>
    <t>b'\x9d\xc8\xc7\xd8~\xb5\xe5\xed6#P\xcc\x90_\xe4\x11\xd0\xb8\xbaT\x87\x13\x98\xc8h\xe6W\x10\x0e\x9c\xafP'</t>
  </si>
  <si>
    <t>b'\x11\xf6S\x11\x00\xa8\xf84\xfc\xed\x97J2~0&lt;\xaf\xac\x85\x1fT\x0cW\xde\xa1\x04|\xf8%\xc9\xf6\xad'</t>
  </si>
  <si>
    <t>b'\xf9\x15\xfe\xe1Ww\xc2l\x1c\xbdX\xc8\xf7\xf9\x84\xd1\xb0\xadH~\x0e\x11G\xb9\x05\xe2d\xb7^\x00\xb8r'</t>
  </si>
  <si>
    <t>b'\xfd\x04\x1c\x00\xa2[\xcb\xc4-\x8f\xf04z\x01Mg\x07\x95c+J\xf2\xe4L}Y\xc7\xb3\xe7Vd\xb9'</t>
  </si>
  <si>
    <t>b'\xd8h$\x15\x14NP\x86\x19\xfas\xa2\xdb|gx\xcc\xf1\xe2\xaa\xe6\x98m\x17\\\xb0\x08\x85\xa4\xa1\xa9u'</t>
  </si>
  <si>
    <t>b'8;R\xf2[\xc2\t\xeb\xa4\x12\x8aO\xea\xce\x0c\x91\xeck\x8e\xf7R\x12\x94!\xab\xf0t?\x86\xad\xc5z'</t>
  </si>
  <si>
    <t>Get Rid of credit cards</t>
  </si>
  <si>
    <t>b'\xc2\xe3\x0e\x1dF&lt;7\x8c\xe9\xe6\xd4s3|\xa9\x8f`\x8c\x96\xd7\xd5\xa4E\xc7\xc0^{8\xc7Tk\xb6'</t>
  </si>
  <si>
    <t>Real Estate investment in overseas</t>
  </si>
  <si>
    <t>b'\x13~\xb1\xd7Ze%yioJ\x87\x84D6tr\xfc\xee07\x89xS\xc4B\x82\x13:vk|'</t>
  </si>
  <si>
    <t>b'\xca\xee\x01\x0e)\xc0\xf9\xee\x04\xfa\xddBM\x94\xa1\xda1\x0e\xe7\x00\xba\xa5\xd34\x0f\xc5\x02\x8a\xc7\xc4,\xbc'</t>
  </si>
  <si>
    <t>b'\x92Y \xb0\xf3\n\x14\xe7(\x97!\x8e\x82\x1cX\xe0\x89\x86\xf0\xd8\xf1\xc7\xa4\x03}\x9cAT\xec\xec]\xd4'</t>
  </si>
  <si>
    <t>Credit Card Debt Payoff</t>
  </si>
  <si>
    <t>b'\xc6\x0b\xf3\x96Zd\xb6\xf2\xe0J:B\x9bD;^jM\xf4\xc1\xdc\x9e\x81\x06\x1b\x1b\xa4\x96\x8ef\xfd\xf1'</t>
  </si>
  <si>
    <t>b'\x93Z\xfb\x05\x18\x10\xfe\x1f\xbc\xdfM\xb0\xfa\xf0\xf3\x0c\xef`\xed\x01\xa6\xa3\x1d2\xe3\x8e\xc6U\xbd\xd0%c'</t>
  </si>
  <si>
    <t>b'\xd0\x85\xaf\xb8\x16}C\xa4\xc8\xefP\x98\\.&lt;\xb8W\x15\xf8\xb2\xb3j\xc3w @\x7f\xafbcP\x8c'</t>
  </si>
  <si>
    <t>b'#\x1c\xe9\x84\xc4\x1c\x8e\x8bQ\x10\xcd*;eIc+\x1b\x8b\xb5\na\xde\xde\x7f\xc5\x1f\xef\xc0\xd4\xfc\xb4'</t>
  </si>
  <si>
    <t>b'\x9d`\xf6l\xcc/S\x95\xf28\xee\xfeQ\xe8\xabq8\xf0r\xdb\xea\xf9V\xef&amp;\x062\x9d\x00\xcf\xe8V'</t>
  </si>
  <si>
    <t>b'\xea\xdb\xd9\x87o\x89\xbd\xec\xc2\xb6\x96\xc7sW\xd3\xae&gt;\x15u\xcc\xf4N\x134\x1f@\xf3\x91s\xb8\x97&amp;'</t>
  </si>
  <si>
    <t xml:space="preserve">Bill consolidation </t>
  </si>
  <si>
    <t>b'\xdaQ\x1d\raP\xb0\x9e\xe3\xd8o\xd2\xe9\xd3*\x81\xdf\x82\xce\x85N\xff\x96\xfb\xac\x94\\\xf7\xde\xafb\xb0'</t>
  </si>
  <si>
    <t>b'\x04\xc6\xafY&amp;~0 \x1b\xc7:\xb1B\xbc\x882\x9d\x9f\x9a\x1d\x0f\x10\xa1\x9e\xa8\x97O\xf7&gt;\xbd#\xad'</t>
  </si>
  <si>
    <t>debtcons</t>
  </si>
  <si>
    <t>b'd\xc8\xfc\xefN\x83\xfb\xc1\xe6*t\x94\xe3\xdc\n\x87t\n=#\x07\xf4sS\xef\xc03\xd4\x19k\xd5K'</t>
  </si>
  <si>
    <t>b'\x8d\xa1\t\xfa\x82LjHg\xf8\xfbg\xfeu{\xb4\x8f\x8ca\xaf\x1aT\x104\xa7\xff\xaf\xf1\xdd\xd2\xe8Q'</t>
  </si>
  <si>
    <t>b'\xd7\x0cY\xb3\xa9\x7f\x80\x84H\x17l\x0c\xcd\xa6\x86\xd7\x02|+V\xd8\x90\xa9e\x1c^n\xdf\xe5?+\x06'</t>
  </si>
  <si>
    <t>b'\x08,;%\xde^\xe6\xa2\xa41/\xdd\xab\xe9\x1c#\xa0\xd0\x8d\xe6\x89Cc\xdd\x1c\x92ei\xb3\xf2\xd8P'</t>
  </si>
  <si>
    <t>IRS Repayment / Debt Consolidation</t>
  </si>
  <si>
    <t>b'\xcfQzv}\x80\x9c\x16\x1b\xe8z\xc7\x06\x9e\x08Q6\xc10\x1e\xe4\x82\xfe\x01\xee~V\x83\xa82\\\xf9'</t>
  </si>
  <si>
    <t>b'\x8a:}o\xe8\xd5\xf6|\x1cJcj\x9d\x03Jp\xb6O\x9cxx\xda\xfa\x0e3\xce[\x1e\xa1t%\xc6'</t>
  </si>
  <si>
    <t>Deck &amp; Porch Loan</t>
  </si>
  <si>
    <t>b'\x81\xdc\x18\\\x82\x14\x00=f2\xf4M\n\xbd\x94\x12\x8dY[\x80\x85\xe5\x11\n,\xa9\xfb%\x1e\xda\xd0\xf6'</t>
  </si>
  <si>
    <t>b'\x98\xb3\xf4\xf9\x05\xbd\xb0\x19\x12\xd3h\xd1:\xe3r\xe3\xc4\xe5\xc5\x15\xcf\xc7\xed\xb6\x15\x83\xaaZ\x93Q\x10\x19'</t>
  </si>
  <si>
    <t>b'\xc5t\xdfY\xbe+=E\xc9Ovu\xa4\x0b\xe2\x8b\xc0\xf1\x1c\x0f)\x0bm\xfazmt\xc4F*\xfa\x90'</t>
  </si>
  <si>
    <t>b'~\x18\x08L\xab1\xa4"\x0e\xfa\\P\x98\x83On\xcb\x18\xffU\xfe\xcd\x83\x0c\x18\xc7\xa4\xf5W\xd2"\x94'</t>
  </si>
  <si>
    <t xml:space="preserve">Consolidate debt </t>
  </si>
  <si>
    <t>b'\xd2 0\xae{\x10\xcc`\xd4\xe03\x00!\xd5F\x8c\xc3\xc9\xb4\r\x15\xa2\x8a\xd8;&lt;\xf2\xd2\xed\x91\xd4\xff'</t>
  </si>
  <si>
    <t>dc 2013</t>
  </si>
  <si>
    <t>b'\x00up9\x8dV\xde\xa4/\xf3\x0e\xdd\xf2(\xa4\xb0\x90\x9b\xc6[\x8b$\x7f\xbb;\x95\x06\x0b\x0cSg\x92'</t>
  </si>
  <si>
    <t>b']g\xc8\xf5_\xb8\xb0\xe0H\xaa\x8d\xfb\xf6\xac\xd1Rl\xadW\xa3\x03w`I\xd8-\x0b\xd67\xacQ\xef'</t>
  </si>
  <si>
    <t>b'\xc9?\xbd\xb6\xef_\x062\x86\xed\xe3X\x87s\xee%X\x90\xd7\x9do)\xfe\xca;\xb8#\x11\x07\x15\xdb\xac'</t>
  </si>
  <si>
    <t>b'\x10\x13\xa4\x9a\xf1\xa6\xf8\xaa\x0f\xb7,&amp;(L\x9bM\x08%\xbb\xc5\x01@[\x98\xadY\xe1\x16\xd3`/\x02'</t>
  </si>
  <si>
    <t>b'R;\xdevV:lP\xa3\x1b\x92\xf6\xc52\xd6\xd2\x18u\x0e\xa2\x94\xfd\xe4\x02\xa7\x15\xaa\xcb\x0f\xad\xe5\xd5'</t>
  </si>
  <si>
    <t>b'^3\xd0Xf`\x18\xf9\xfb\x92f\x17=\xe7\xbf\xa3\xe5Z\\r\xac\xc2\xf1\xa4"LZ\xf15\xfc\xa2&amp;'</t>
  </si>
  <si>
    <t>Out Of Debt Loan</t>
  </si>
  <si>
    <t>b']\x80\xf9{86\x8a\t7\x99\x13P\xf56@\xc0\xd7.\x00\xd5B\xec\xde\xeb\x16\x0c\xdd\x01k\xae\xe0\x88'</t>
  </si>
  <si>
    <t>2001 sportster (2)</t>
  </si>
  <si>
    <t>b'\xd0\xacm?\xf8a\xa7\xa5\xde\xe3\x1e`\x1b\xef=\xdc!\xbf\xfa\xf4Bec\x10\xe6\x9br\xcc~\xeb\xe1\x9f'</t>
  </si>
  <si>
    <t>b"5\xc1W\x9e0E\x0c\xad\xb8&amp;\xc1\x83\x82\xe8\xceLiB\xc7\xda'\x04\xcf\xce&gt;B=\x8aI\xec_\xa9"</t>
  </si>
  <si>
    <t>b'\xf8k\x89\xa6\x1b+ \xa7\x08m\x9a8M|b{\xe2O@s\xae\x9f*`\x93\x0b\xb0\x84P\xf8\x84\x06'</t>
  </si>
  <si>
    <t>b'S\x8b\x07\x04\x81\x03\x13\xaenE7+\x95\xbc\xd6\xebu\x1dic|}\t\xa7O\xa3\xfbw\xaa\xb3\xc4M'</t>
  </si>
  <si>
    <t>b'*\x8a\xe1\xbah\x83\x0f\xa3\xec\xcf\x8a\x909\n\x0e\x0e\x9b\xd1\xaf&gt;\xb25\x9a\xe8\xb16q\xf9+\x92\xd2\xa5'</t>
  </si>
  <si>
    <t>614xx</t>
  </si>
  <si>
    <t>b'a\xfc\x8e\x916\x90#\x1d\xf1.?\x19/\xa2L\xba\xdf\x8b\x7f$`A\xd3%I\xae|.?y\xffo'</t>
  </si>
  <si>
    <t>b'\x15ifDo\x98\x1d\x87F\xd2-*Z\x90\xb2\xc8\x01?HC86se\x1d4_\x0e80\xca/'</t>
  </si>
  <si>
    <t>b'T\xaa\x8dXzB\xf1\xe9\x97\xe9\xe2\xbf\x14\xfa\xec\x8c\x1e\xd3\x03\xe9\xa0\xac\xcbb\xd8\xbe\xc07\xe1\xf1\xc0\xfe'</t>
  </si>
  <si>
    <t>Needed</t>
  </si>
  <si>
    <t>b'\xf5\xe2*\xf8V\xa1\x02\xf3\xd28g\xae\xfc3\x07\xdc\xde9\x12o\x10\x97\x14\xf0\xac"\xae]\x10\xb4\x8e\x95'</t>
  </si>
  <si>
    <t>b'\xbe\xd4\x1c\xab\x15\x96\xf1\x86\xcd\xa1\x9b*f\xab\xf0\x1a\xd4\x1c\x03\xfd\x0bO\x8e\x0bc\xb5G9.\xe6\xcc\x82'</t>
  </si>
  <si>
    <t>b'\x99\x96\xcf\xa04c\x9c\xe6\xf7\xacri\xf5\xf9s\x07\xa5\xeb#qEl\xba\x91\x7f\\:oM3"\xc8'</t>
  </si>
  <si>
    <t>AUTOMOBILE</t>
  </si>
  <si>
    <t>b'\x82\x04O\x03\xd9@\x18\xc8\xc9\xbd\xa3\x9c;$\xdc\n\xd2\x05\xfa\xae\xd3?\xa2\xaa\xfd\x8d\xde8\xa2\x8b$\xe9'</t>
  </si>
  <si>
    <t>Tuition</t>
  </si>
  <si>
    <t>b'\x12&amp;\xc2\x927z\xab\xfcp\xf7\xd5\x1c\xec_A\xcbU\x9a\xcd\x8b\x9e\xc0)\xeek\xe9\xc3v9\x19\x95\xf5'</t>
  </si>
  <si>
    <t>b"\xb6`_E:J/h\xc8_\x11\xf7a,\xf4\x17'z\xc6u\x19\xcc\xfc\x97\xacT\xb5\xd8\x0f\xb1\xc5\xae"</t>
  </si>
  <si>
    <t>Bill pay loan</t>
  </si>
  <si>
    <t>b'I\xd3\x01\x00*)\xe0\xcf;\xfcn\xca\x1bx\xfc\x0b\xfcx\x90\xce\xeaM"\x0c\xccwxEF?6u'</t>
  </si>
  <si>
    <t>b'\xd4SA\xd8\x8f\xced\x10\x85^O\xc9{\xf4\xfd\xba\xc0\x83\xff\x1dK$Z\xcb7\xa3\x1a\xa1\xdb\x92P\xf1'</t>
  </si>
  <si>
    <t>b'3\x05$\xaa\xc8\x97\x19\x94\x1a\xb1o\xde\xcd\xbf{?8\xeesq\xcf\xd9k\xae\xec`+@\xd5\x8c\xd8\x0c'</t>
  </si>
  <si>
    <t>Chase</t>
  </si>
  <si>
    <t>b'\x00\xc0I`k$-\re\xf3\xdaLu\x94\x0b\xb0\x982\x87\x9c\xd5\x96\xa6&gt;\xed\xd0!\x13\xafYv '</t>
  </si>
  <si>
    <t>b'*ngvgB\xbf\xf8\xc0"^y\x88\x9d\xce\x02\xdeR\x7f\xbb\xe7d"\x14h8"\xa1\x0f|\xb4W'</t>
  </si>
  <si>
    <t xml:space="preserve">Credit relief </t>
  </si>
  <si>
    <t>b"\xed\xe9\xad\x18s(\x81PZY\xf9g'T\x8c\x14C\xb6\r\xba\x9d\x1d\xa8\x86&lt;?V\xd0\x19\x92\xb6\xdf"</t>
  </si>
  <si>
    <t>Payoff medical loans</t>
  </si>
  <si>
    <t>b'4U\xaf\xc4bh\xa5\xb2\x87\xe4\xcd\xc5\xdf\xcd"\x0b\x12]\xf4\xcb\xe9\x83R\xd3\x1c\xec~\xd6\xa9k~\xed'</t>
  </si>
  <si>
    <t>GreatOption</t>
  </si>
  <si>
    <t>b'\xc4i\x8dZ\x01x\xc0\x91\xb8\xf8M\xe2$\xf0\xd8d4\xefO\x83\xe9h7\xd8\xf7\xce\xee\x02\xfe6v~'</t>
  </si>
  <si>
    <t>pageant</t>
  </si>
  <si>
    <t>b'\xa5\xac\x87\x1a?\x96\x81\xd3\x08zw\x01\xd5\x87\x81\xbf\x14\xf7\x80\t\x84\xb6\x11U\x94b\x8d\xe6\xa1gP\xdd'</t>
  </si>
  <si>
    <t>CC debt consolidation</t>
  </si>
  <si>
    <t>b'\xdb\nt\x0e\xc7C\xc4\x14\xcd\x85\xef\xd3W|D\x97\r\xba\x7f\xb5\x00\xb4v\x89sW\xb2]E\x96(u'</t>
  </si>
  <si>
    <t>Lending CLub</t>
  </si>
  <si>
    <t>b'P\x0c\x10\xdasE#\x97\xd8\xad\xf4\xb2\xefq\xa8\xf1\x8f\x1e\x918$\x00T\xaeN\xb6h\xa5\x88\x1f,\x15'</t>
  </si>
  <si>
    <t>b'\xb8GGU8\x81o\xef\x8c9\xa3\xa8.\x9a\x98MA`\xeb\xc2\xe1%55/\xe0\xb5UP\x00\xd8\x89'</t>
  </si>
  <si>
    <t>b'\xd9\x9c{\xc7\x17\xbcD\x91\x14!\xbfAd\xebq\xce\xe04}\x12\x06\xbb\x8a\x9a\x97\xff\xe7+\xbc\xc5\xb5k'</t>
  </si>
  <si>
    <t>Credit card relief</t>
  </si>
  <si>
    <t>b'c\xcd\xb5\x8f\xe1\n\x8c#D\x93e&amp;o\xe0\x0f\x1f5\xafB\xf01\xfd\xf9\x9b\xbb\x86.\xde\x17R\xd0\xcf'</t>
  </si>
  <si>
    <t>Travel Trailer</t>
  </si>
  <si>
    <t>b"S~&amp;\xa1\x14{'\xcbJ\x88\x16v\x94Z\xe0&amp;]w\xfe\x121\xb4\xd2\xaf\xe6\xf7\x0f\xe8/\x1d\xcaz"</t>
  </si>
  <si>
    <t>Credit card balances from dog's surgery</t>
  </si>
  <si>
    <t>b'nk\x8d\xbbs\xb7\x04\xec\x9c\xc3o\xe4=\xddFU\xc7\x16\xf3_.a\r\x81 \x1c\xa9w\xdd\x816X'</t>
  </si>
  <si>
    <t>b'T| \xfb\xcc\x96\x86i\xc4\xb0\x7fSI&gt;\x01\x9c\xe7v\xfcD\xe7L\x92F\x1c\xb3\xa1\x8f\xb71\xba\xb4'</t>
  </si>
  <si>
    <t>034xx</t>
  </si>
  <si>
    <t>b'\x9b\\\x98\xcf\xdc/Q=\x94\xb4\xc5\x9b\x14p\xf2\x81\x99\x95]\xc1\xbf\xe8i\xd1\xf7^s5\x13\\\x8e\xfd'</t>
  </si>
  <si>
    <t>b'P\xc4E\x82\xea\x90fP{\xdd\xd0\xbcU\x9eO\x94\xc5\x82\xc7\xa5\x9f\x7f~\x844\xbf\xb3\xb1\x8a\xf1\x08\x15'</t>
  </si>
  <si>
    <t>b'n\xc9\xd7+c\xae\xc5l)M\xf8\xbbw\xfcQ\t\x91\xddM\x99\x14s\xfd\x92\xac-\t\x02\x84\xc2UZ'</t>
  </si>
  <si>
    <t>b'C\xfb\xd2\xe6\xf7\tu\xc2\xc6L\x0e\xb8\x9e\x0b$E\xa7\x13&lt;,\xc2[\xf6\x81B\xf6\xb2\xa7\xfdV\x0ce'</t>
  </si>
  <si>
    <t>b'\x9aG\x8eq\x1cs{ N48Q\xb3y\xe3\xe8\x1a\xb0 S\xda\x95\x9d\xabS\xa6b\x8d\x82\xa0+S'</t>
  </si>
  <si>
    <t>b'CD\xc9|-}\x8c\x05[&lt;b\r\x0e\xefi@\x89t\x00t\xc0\xfc\x84\xe3|8m\x91&gt;\xb1\x0f"'</t>
  </si>
  <si>
    <t>b'#+\xcd*\xcd\xb6\x9c\x8e\xfef\xe1]\x9a\x96\x97j\x16\xbaQ\x9e\xe7x\xd1\x8dBsF\r\x11m\xef\x1a'</t>
  </si>
  <si>
    <t>b'\xd9\x88\x0e\x1e\x91\x1a,7a0\t\xdc\x12H+ P\xba\xa1\xc2o\x16\xdad&gt;\x11\x81\xcaf0j\xfa'</t>
  </si>
  <si>
    <t>b'D\x90\x95\xbd\xf4 Z\xa9\x8c\x93c~\xcf\x98~@\xd9\x1fT\x96\x9cw\xe7\xd6\xe8I\xcb4\xe7\x80\x1dp'</t>
  </si>
  <si>
    <t>Credit Card Free in Three</t>
  </si>
  <si>
    <t>b'\x84\x9d\x15\x1a\xb7I\xd5\xd2\xb6\x1b6G\x03\x8e\xa0D\xe1\x08\tE7J\xa5\x8f\x01\xcf\x8e\xa3\x97\x16\xb4\xb1'</t>
  </si>
  <si>
    <t>b'\x1b}\x0ek\xb7^\xd5Tx\x8a\xe9\xf5\x9br*\xd3\x08\xa3dp*pA\x86\xb9\x951\xf9\xc3\xc2 &lt;'</t>
  </si>
  <si>
    <t>b'\xe5.\x1e\xf0o\xf7\x12\xcd\xf9\xf9j\x1d\xb9\xa9e#\x16J/\x00\x01\xd78\xc1\xf3\x80s=\xdc8=\x80'</t>
  </si>
  <si>
    <t>b"[&gt;n'#\xa0\x07\xed\xd3h\x15\x9f\xa1\xa6\xacS5\xc3\x99\xa2\xfa\xb1\xa2\xb1?qV\x1a^\xb5w\x07"</t>
  </si>
  <si>
    <t>home inprovement</t>
  </si>
  <si>
    <t>b"\x16\x1c%\xac:\xe78\xcdX.h\xc7\xf5\xe1/\x93eH!'\x87\xf8A.\xf9\xcbJt\xa6\x87\xe2!"</t>
  </si>
  <si>
    <t>b'\xf7Tj\x82r\x97l\x89O5\x0c\xe1\xef\x93\xa8to7\x8c\xc7U;xX\xb2R4\x04\xe5(\xfcQ'</t>
  </si>
  <si>
    <t>b'ce\xa4XCn\xf6B$\x82\x159\x0b}\x0c\x02\xb89\xb9D2\xe3\xcf\xcb\x13\x88,m\xe1\x178o'</t>
  </si>
  <si>
    <t>Car Financing</t>
  </si>
  <si>
    <t>b'R\xff\x81)\x7f\xb6\x82\x87:\xb7\x898\xc9V\xa3\xd5\xc7\xcd\xed\xcdO\xa7\xc8A\xdcqB\xdf\x97\x8d!\xc9'</t>
  </si>
  <si>
    <t>Auto Loan For Daughter</t>
  </si>
  <si>
    <t>b'\xe0\xd2\xcf\xc6\xb4\xb4\x8c+O\xb83C*)\xe4\xcc\xc3{}\xe7\x9c/+\x02ND\x06`%T\x95%'</t>
  </si>
  <si>
    <t>b'\x1aLF\x15D\xad\x97\xad\x1e\x03\x81&lt;y\xd7\x7f\x1e\xd5g\xf8\\\xec\x07e\x14|L\xec0\xd8\x19L\xf2'</t>
  </si>
  <si>
    <t>b'~\x9a:c=\r\x8a\x91\xb1y\x97\xf4\xfe\x9c\x0bg\xaa\x80i\xe5`xq\x94.\x90\xec\x9e\xa8\xcd^\xe1'</t>
  </si>
  <si>
    <t>b'\xf4\xf6\xb5\xbc\x7f\x17\xa4\x14\xd4\xef\xbd\x92\x12\xfd.\x9aX\x92\xf8\xf6\xbdq\xcd\x04\x8b)\x12\xcfuY\xd7\x1c'</t>
  </si>
  <si>
    <t>b'\x99f6t\xce\xd8t~[\xbd\xf7\xea\x99\x12\xcb\xd8?\xe8\x1b\xdb\x94\xee@;\x87\x0e\x1f\x85\xe2\xd0o\xa5'</t>
  </si>
  <si>
    <t>b"\x9e\xbb\x8f?\xb1F\xc8}\x91\xe3\xe5\xcav\x8a'b\xa2\x0b\x85gJ\xc3\xe4\x8f#ZX\xdf\xd8\x9c\xd7g"</t>
  </si>
  <si>
    <t>homeatlast</t>
  </si>
  <si>
    <t>b'\n\x9e\x95F\xb5\x07\x13\xedR\xb8\x96Y;\xcc\x1e\xe6\x9b\xff\x15\x94/\xb7z\x83+\xceT\xef\xc4A@\x98'</t>
  </si>
  <si>
    <t>b'\xc3L\x81\rB(\xb6\x0f0y\xa8\xf5\xa2L\xb8"N\xe7\xd61\xb0i\x96L\x9e\x1f\xca\x81[\xcd\xda\x08'</t>
  </si>
  <si>
    <t xml:space="preserve">Credit Card Refi </t>
  </si>
  <si>
    <t>b"\xfd\xee'\x96^\x13\xa4\x16\xff@\xef|\\g1\x1f\xca#\x13\t^\xeb\xf5\xd3\xaf\xb7\x7f\xb8\x0b\xfa\xcc\x16"</t>
  </si>
  <si>
    <t>payoff Loan</t>
  </si>
  <si>
    <t>b'?\x053\xf5,\xbe\x7f\x1b\xf3M\x03 "Nue!\x1a\xef\xa9\xb3\x14B\x15\xe18P7c\xc4"%'</t>
  </si>
  <si>
    <t>b'g\xf3\x19\xab\x98\x13?^@\xd3\xef\x92z\x91\xc9/\xc5R\xca\x1dEY6X\xc3Y==_\xc8$\xad'</t>
  </si>
  <si>
    <t>Last loan</t>
  </si>
  <si>
    <t>b'\n\xd6\x04{\xc6\xa4\xdb\x1f\x82\xc4\xd4k\x12\x9b\xc7\xc9G\x1c\xa1=G~\xb1\xb4\xc4\xf6:\xe5"%\x02i'</t>
  </si>
  <si>
    <t>b'\xb6\xbd\xdes\xb1\xc4D\xe3S\x90*x\xc1Sv\xb5\x136\xf4\x8a\xad\xca&lt;@\xee\x81I\x15\x8d\x86\xce\xce'</t>
  </si>
  <si>
    <t>Living More Responsibly</t>
  </si>
  <si>
    <t>b"\xfb\xeb,\x00\xee)\xa75\xe7_\xd2m\xb0\xd0\xdf\xebVF\x95\x89(\xe4\x153\x06\xcb\xda'\xd7\xa5X\x94"</t>
  </si>
  <si>
    <t>Chase consolidation loan</t>
  </si>
  <si>
    <t>b"\x82H\xa70\xce\x12\xf8\xcfD\x03\xdf\x00\x0f\xddp)\x97\xf4B\xc2\xd5\xd9\xde\x99#%\x83^'a\xa2\x13"</t>
  </si>
  <si>
    <t>card loan</t>
  </si>
  <si>
    <t>b'.M"\xac\x11\xb9L:\xc5\xc5\xf2a\xbc\xaeE\x9aD\xac\xb3\x85u\xb8\xb6\x07f\xe0Ho\x82_\xcc\xea'</t>
  </si>
  <si>
    <t>b'G\x89D6\xec\x1dN\x0cf\x02\x87\xf3\xff\x14\xd4c\xfd\xba9c\x08\x9ese/\xcaD\x88\xa9\x0e8\xb0'</t>
  </si>
  <si>
    <t>b'\x8a/\x8c\xcf\xcdgk\xa1\x86\x8c\x9eN\x10Auy\xb8\xeeB\xdc\x9d\xef{$\xe1\xd6\xcf\x9d\x86\x0b\x85\x8e'</t>
  </si>
  <si>
    <t>b'\x1c\xef;0\xd2)\xa2\xb6\x04\x9c\xa9w\xa4\xa0K\xd8\xd9\x85\xe9\xa7g\xae\x1bA\x16\x81\x16\xc9!q\xa7j'</t>
  </si>
  <si>
    <t>b'\xdeY\xa9\xdc\xe8\xb8\x87\x10\xed\x16\xb1,\xe7N\x98\xf8-\xf9E\xa0X\xed\xc1K\xc8\x97\xbb\x03\xaa\xc9/\xb1'</t>
  </si>
  <si>
    <t>b"\x99\xbc&gt;\x853x#FL\x0c\xf7\x1c\xf5\xcc\xbcp\xde;'\x07\x0f\x0f)\xda&gt;y\r\x93\xb1K\xfcP"</t>
  </si>
  <si>
    <t>Combine to make less payments!</t>
  </si>
  <si>
    <t>b'\xe7PN\xdf\xbb.\xd9\xc0L\x9e\tv\x9b\x10\x1c\xa6\x04\xa3@\xa0|p\xe5W&lt;B\xe4(;g\xae\xb1'</t>
  </si>
  <si>
    <t>b'\xf3gO\xfa\xac\xb9\xff8\\b\xd0\xd8\x05(\x8e\x9a4\xfd\xa0~ty\xf7\x071\xd3\xe3\x00\x91t\x97\x86'</t>
  </si>
  <si>
    <t>Loan2013</t>
  </si>
  <si>
    <t>b'O\x8f2Q\xeeD\xbf\xfa\xc8O\xad\xbb|\xd6-\x997q\xbd\xe1\xdd\x08Q\xa5\xf9+K5\x10y)\xc4'</t>
  </si>
  <si>
    <t>b'\x1dS\xced\x15\x7f=7(Oj\xab\xbfOW4\xe03\x12\x86o\xfd\xbby\xc7\xbfV\x10Q\x96p7'</t>
  </si>
  <si>
    <t>Safe Investment</t>
  </si>
  <si>
    <t>b'\xf8\xb3\xa5\x00y\xc9\x00\x0e\x88\xd3\xae\x04\x17\x03+\xd7\xdf-\x93\x1c\xdbd@FZ\xcb\xac\x8f\xa2C\xa1\xff'</t>
  </si>
  <si>
    <t>debt conslidation</t>
  </si>
  <si>
    <t>b'+\xa6T\x88\n\xbd\x8f\x8e@0\xacUL\x07\x02\xcc\xa0q\xd4\xfe\x12\xbd\xfbD\x10\r\x7f|/D\x9f\xc6'</t>
  </si>
  <si>
    <t>b'\xac;\xf8\xa9+N\xa2\x8bJ\x06\x07F\x9e\t\xf6\xc5yn\xad\xee\xc1\x8a\xbf\xf5\xfb@"}L\xd4M\xcc'</t>
  </si>
  <si>
    <t>clean up debt</t>
  </si>
  <si>
    <t>313xx</t>
  </si>
  <si>
    <t>b'\x1e\x84U\xb4?2\xe5\x0e\xaa\xae\x9a\xc0n\x9b\xbaHi\x8c\x12\xb9\n\xc1&amp;!#s\x9e\x8b\x948^\xc4'</t>
  </si>
  <si>
    <t>883xx</t>
  </si>
  <si>
    <t>b'\xfb\xea(\xe7\xec\xaa\xa7I:n g\x1e\xa5m\x9a\xb5\x9e\xf8\x0c\xd2\x9caD\x1c\xde\xca\xd3k*\x19='</t>
  </si>
  <si>
    <t>b'\xc2\x07i\xc4\xe5QL\x05p\xa3\x956px~\xe1\xfe7i\xd95SV\x87\xdcp\xaf~L\xa0\x13J'</t>
  </si>
  <si>
    <t>pay them off</t>
  </si>
  <si>
    <t>b"\xbbz\xf2'\x84\xb5\x9b\xc1!\xb2m\xab\xbeK2\x87Z1r\x9f\\\x9b\xc6\x01\xe1\xddfgj\x88\xbe\x17"</t>
  </si>
  <si>
    <t>project</t>
  </si>
  <si>
    <t>b'\xde\xb4\xa2-%X4\xaf.\xd3\xec&gt;\x1b*\x87\x90\xa7\x0c\x0b\x12~a\x01\x9dk\xb3\x97\x85\xf2\xe4\xeb\xb3'</t>
  </si>
  <si>
    <t>b's(%\xf2_\xf4\xda-\xffK\x18Ak~\xf4\xdcc\x8dqC/G\x84\xf8\x95;\t]\xb2\xda\xb6\xba'</t>
  </si>
  <si>
    <t>b'\xd8\x94\xcb7\xce\xe0\x12\x80\x0cu/\xd2\x7f\xaa\x98\x19\x15\x97\xc6]\x81#\xa3\x97@J\xc6\x00\xfb=5b'</t>
  </si>
  <si>
    <t>A new beginning</t>
  </si>
  <si>
    <t>b'\xa0\x90k\xfb&amp;\x89n\t\xe5\x81\xebdq\xd9\xc6\x9e\xc3{I\xe8\xcc\xd2#\xfc\x99o:&lt;*\xab\xf4\xd5'</t>
  </si>
  <si>
    <t>b'\x00\x03\xc6\x9f\xc8S[\x0e\x8e\x1f\x15# e\x81\x1c\xbc\x01\xb1\xa1,J\x8dL\x85l\x83nH\xd3\xd7_'</t>
  </si>
  <si>
    <t>b'\xb2\xbc\x96_\xc6\x1a\x11\xce2\x87\xabM\xee-\x96\x1aWCY\x0f\x9c\x9a\x99\t\x14\\O\xbf\xea\x05\x012'</t>
  </si>
  <si>
    <t>b'\xd8\x8e\xa0\xf7d8y\xd1\xab\xc9$\xf2\xcc\x85uZ\xc0\xfd\x03\x18\x97&gt;\x1b\xaeI\xb3"\xda\xddY\xadK'</t>
  </si>
  <si>
    <t>b'\xecd&amp;\x0cX\xff\x14U\xff\xf7\xf3\xfa\x8c\xaeq\x80(\n\x01_\xba\xf1[\x7f\x91\xd1\xcc\x99\x97\x05M3'</t>
  </si>
  <si>
    <t>b'\xa6\xe9\xb4\xf1r\xb0\xc4\n:\xb4\xd5^\x13NdR\xb5\x8bt\xact\x11\xb5A\xff\x87\x82\x9b\xf9\xc27\xd8'</t>
  </si>
  <si>
    <t>to pay my credit cards</t>
  </si>
  <si>
    <t>b'\xa3sz\xcb\x9f\x9aRA]\xcd\x19\x83\xe8d\xd2\xa8\xcc\x13u\x00\x8a8\xc93\xd9\xe1\xc3p\t\x88Sf'</t>
  </si>
  <si>
    <t>b'\xb56\xdb\x03\xd8\xc8z\xf5\x07N\x0cT\xb6\xff\xfby\xb5\xd4\x8c\xe9\xf8C\x90\xd7nxnO\x19I\xc20'</t>
  </si>
  <si>
    <t>ConsolidaEdu</t>
  </si>
  <si>
    <t>b'\xb6A\x9eyjlu.*\xc4E\xd8\x1b\x12\xeb\x99]\xaa\xd18\xe6\xf5d\xb4i\xdc\x96\x03\xd6Q\xec\x0e'</t>
  </si>
  <si>
    <t>b'\xca\x916\xb2\x11.\xc1\xdd\x9c\x03\rqg2U\xc8\x0f\n\xf3K]\xca\xe8\xe0\xee=\xc2\xee\x8e\xbfG\xe7'</t>
  </si>
  <si>
    <t>BILL</t>
  </si>
  <si>
    <t>b'M\xe3\xa7\xe0\x9b\xe4\x81\xfa\x9a\xfa\x97V\xeef7\xc9\xedA\x97:L\xec\xb5W\x89j\xac\x9e]\xae\x00\x1f'</t>
  </si>
  <si>
    <t>Money2012</t>
  </si>
  <si>
    <t>b'0\x1f\xa3\n\x1a\xbd\xb3`\xeb\xf1\x0cJD\xf5\x10\xa7\x87K]X\x16M\x8e\xf1\x8b\x8a\xbb\xf8*\x08\x08^'</t>
  </si>
  <si>
    <t>The First Step</t>
  </si>
  <si>
    <t>b'\xc2Dd\xbb\xa7W\x98s"\xe3R\xc29\x86\xdd\x98\xeb\xb3\x0f\xc0\xb2\xb14\xb1\xbc\n\x08\xce\x9f\x06\xe0\x1e'</t>
  </si>
  <si>
    <t>b'\xa6\xd1Nc\xe5\xa2\xcc\x0b\x1c\x05\xf2\xbf\xd0\xac\xd0\xd5\xb5\xbe\xd8\x12\x9c\xa7V\xa6\xd6"\x03\x02f,&lt;\xd3'</t>
  </si>
  <si>
    <t>Card Payoof</t>
  </si>
  <si>
    <t>671xx</t>
  </si>
  <si>
    <t>b'&gt;\xa4\xe8+\x1b\xe4\xf2\xba\xb3V\xae\x95\xe04wz\xa5\x81\x88~\xf2\x115|\x9a1G\x15K\x8f\xc7T'</t>
  </si>
  <si>
    <t>b'Ii\xc7\xf0\xae\xb5\xf00\xc2\xe1\xa9\x9fu\xd5\xb1\xeeR\xd3\x9a`ri6\xaf\x9e\x05\xa7/N\xe6/\x9d'</t>
  </si>
  <si>
    <t>credit card refi</t>
  </si>
  <si>
    <t>b'\xe6\x9b\xf6\x86"u\x17z\x92xH\xf1#R\x11Z\x90\x941(\xf3\xf8\xbd!\xe1\xe5w;]F\xf5\xe1'</t>
  </si>
  <si>
    <t>b"\xa8\xae\x12\x87\x18\x11,\xa5\x11\xbe\xb8i\x15&amp;\xb1i\xa9Tm\x1d\xbf\xf2\xd2'\x1d:\xedFk\x82*i"</t>
  </si>
  <si>
    <t xml:space="preserve"> debts</t>
  </si>
  <si>
    <t>b'\xa2\xfe]E\x95\xa9\x0cb\x87\x02R\xcd6F\x97\xd8\x8d\xab\x14\xcdh\x93\xfd\tE\xad\x8a\xce\xaa\xabI\x98'</t>
  </si>
  <si>
    <t>Credit Card Payoff Plan w/ Lower APR</t>
  </si>
  <si>
    <t>b'\x85(GPrm\xdf\x8aX\x9d\xfbaI\xb2\xef\xe6%X%0\x1d\xd4~\xae\xbf-xZ\x861\xea\xe5'</t>
  </si>
  <si>
    <t>Debit Pay off</t>
  </si>
  <si>
    <t>b"m\x12\xdc\xe4'\xd8\xc4;C\xcc\xaeQ{\x10\x89`vw\x98&lt;\xea,\xe53\xf0\xbe\x97o\x86v\x8a\xf8"</t>
  </si>
  <si>
    <t>consolidations</t>
  </si>
  <si>
    <t>b"P\x03\xc5ZSdD'\x9f\x99%`\xa0\x8er\xe5\x9fE\xd1\x91\r.\x98\x05\xb7T\xf2\xf0;2\xabh"</t>
  </si>
  <si>
    <t>b'\x03\xca\x7f\xfc\xe4\xf9\x11\xf0\xd8\t)\x85\x88*\xea\xce\xbeA\x08Q\x12\xe4\x95%\x04\x06\x00\xa5\xa9A\x88\x89'</t>
  </si>
  <si>
    <t>b'\xb1\xeeW\xa0R\x1c\x93*\xc6\x1a\x8b\xbdwU\xc6\x1c\xa7\xf3\x80x\x9e\x1fO@\x85\xe6\x91\xe6t\xf8)\xa0'</t>
  </si>
  <si>
    <t>b'V\x06\x19\xcbZq\xb6e\x07\x92)G\xa8\xfe\xd5m\xc1\xb8\xbb\x99\x87\x1c\x0e\x03( \xd9j\xda)\x94\xde'</t>
  </si>
  <si>
    <t>bathroom</t>
  </si>
  <si>
    <t>b'&lt;\x91\xfa\xbd\xa4\xc1\xd7\xbc\xe4,.\x17\xfb~\xfaV(\x17\xd0\xc6\xb9yx\x88gny\x87\x10\x0e\xc9c'</t>
  </si>
  <si>
    <t>b'\x8f\x8an\x10k\xe3Aa\xb2d\x13\xe7\x853,&amp;$"i\x96&lt;\x10K\xb3\x8fT\x05(\xd0\x94\xcb\xc2'</t>
  </si>
  <si>
    <t>b'*\xe0w\x08\x12\x97q\xee\xee\x1b6V@\xd9\xaf\xbeO\xc0\x06\x85\xd7\xdc\xb3\x01d\xe2[\x1a\x0e\xa2r\xa9'</t>
  </si>
  <si>
    <t>b'Y\x83]F\xd8=\xaa\x83+\x1c\x90\xac\xa5\x98Ya\xed7kL|\x95W\n\xdd]V\xd5\xe5\t\xedm'</t>
  </si>
  <si>
    <t>b'\x9f\xdeNWG*\xb9\xb5l)R\x8e}2u-\x1cwb5g\x90 \xbe2\x8c\\=Uj\xfbV'</t>
  </si>
  <si>
    <t>Credit Card Refiance</t>
  </si>
  <si>
    <t>725xx</t>
  </si>
  <si>
    <t>b'\xd2g\xe5\xd9P\x97\xa16\xb3\xe7\xe4\x04\xff\xbbE\x0c=7n\xea1_\xf3c4\x0bD\x84P\x0b_:'</t>
  </si>
  <si>
    <t>Business Acquisition</t>
  </si>
  <si>
    <t>b'r\xb9\xa5e\xd5y+g?\xbar\xd2\xeb86iU\xa4\x9f\x0e=qg[\x84\x8d\xb6\xe8CaBi'</t>
  </si>
  <si>
    <t>566xx</t>
  </si>
  <si>
    <t>b'1\x8d\xc8\xba\xf9$\xa8\xf2\x7f\xf6o\xaf\xa4\xcd\x97V\xb78\x8c\xf6\x05u\x15\xe9\x06\xe4_\xeas\xb7I\x8f'</t>
  </si>
  <si>
    <t>b'\xd4_\xf7\x81n\xe0Z\xf3U\n\td\x97;\x06\x8e\xf4\xc7\x8c\x069\x92[\x7fc\x15%U\xa7\x938C'</t>
  </si>
  <si>
    <t>b'\xf3n\x82\xeb\xa1\n\x0b\xb2650\xf0\xb2\x1f6\xcdK\xb7\x8e\xcdO\xf9\x05\xdd)5\xe4\x10\xe2_ \xd8'</t>
  </si>
  <si>
    <t>b'\xa1\xf5\x18\x0f]9\xb1_mnl\x07*\xb5\x055\x16A;z\x9b.f\xa5Qv#}\xb3\xa8\r\xc5'</t>
  </si>
  <si>
    <t>b'\x17\xef\xea\xcf\x9a\x01\x1dY\xb98\x07zU\x90.\x07\xc0\xfd\xf5\xc1\xe5\xec\xe9\x89\xd1\xd0\xf3\xf9\xf4E\xa66'</t>
  </si>
  <si>
    <t>b'\xa3*\xb1\xc4\xc3e\xdb\x14\x05Pj\x1f\t\x1d\x06\xc7D\xc50q!\xec\x80w\x99*5\xbeu7\xf5\xd6'</t>
  </si>
  <si>
    <t>b's\x87J\x12\xee\x01\x1e`UK\xd1\x0e\xbd\xb9\xe1\x13-\xce|R\x07\xfb\xa5\xc7yg\x93\xcdN\x9b2H'</t>
  </si>
  <si>
    <t>999xx</t>
  </si>
  <si>
    <t>b'\xb5\xffB\xaeLqS\x1fG\xc0\x92mK\x12\xcc\xef\xcf\xac\xbe\xe8\xcb# \xe5u\xc3\xfa\xd5\xa7VC\x8e'</t>
  </si>
  <si>
    <t>Wanna Be Debt Free</t>
  </si>
  <si>
    <t>b'Y&gt;\xb7&gt;\xb6T?\x9a*\xa6\xef4\x89\x10z\x86L\x85\xa72i\xa0Ba\x0f"I\x1e\xd4\x95`\x98'</t>
  </si>
  <si>
    <t>b'\x88^\xdb\x1a\x8d5\xe0\xb7(\x02T\x0f:\xd5#\x087\xcb\xb3\x98\xf6\x88\x07m&gt;\xbe\xb53"!\xe0;'</t>
  </si>
  <si>
    <t>b'^\xfeUa#}}\x89X\xa0Y/\xe1S8\xad?\xa9\xd1\x853]T={3\xc6\x08\xb0\xcc?\x03'</t>
  </si>
  <si>
    <t>b'\xee\xf3\x84\x0e\xfa\xb6)\xac\xb2wO\x1e\xdb\x9f\x8d\x93\x95\x08\x8d\xfa\xbe\xd7\x0e\xee\xfc\xdd\x10w\xe9Ge\x92'</t>
  </si>
  <si>
    <t>b'\x96\xbeT\xee\x80\x89\x94\x13\xf8\x9b/\x88W\x07\x8f\x94\x85B^\x0fThM\x15\xe6j\x1f\x82\xb1m\x14\xa9'</t>
  </si>
  <si>
    <t>b'\xc6\x0eS\x0e\xc9\xcf\x97F!\xe3\xa9fg7\x1a\xda\xb0I\xdfQ\xe27wF=~,\x9dC\xd7\xc9\xd4'</t>
  </si>
  <si>
    <t>b'\xb1\x8e\xfb\x97x\x11Z\xf0-!\x8a&gt;\x13\x93\xff\xc9]\x97^X2\xd2\x94\xc5@q1\x87\x9b\x1b\x93\xd1'</t>
  </si>
  <si>
    <t>b'y\x90\\R.1ke\xb1\xee\x85\x90\x06\xc0\xfcAo\xeed#\xd1\xe8\x96\xa1!e\xa5\xaf\xf6?Z}'</t>
  </si>
  <si>
    <t>Amazon Visa Payoff</t>
  </si>
  <si>
    <t>992xx</t>
  </si>
  <si>
    <t>b'\xf5\xaa\xdboU\xbd\xa3\xfc\x13\xd8yy|\x91\x18\x8d\xa8\xed\x00\x91\xb1\xc3E\xd7\xb6@m\x12H\x17\\\x0c'</t>
  </si>
  <si>
    <t>b'\xd8\xe8KC0_w\xban\xb1s\x7f\x8c\xe4 \xf50rm\xc2\x17\xbf(\xd1\xefd ](\xc96-'</t>
  </si>
  <si>
    <t>804xx</t>
  </si>
  <si>
    <t>b'y\x0c\x1a\xb1\xe4\xc3If\xe8\xc3\x95\xee\xf5d\x0f\xfdT\x80\x93V\x8d\xebf\xef\xac\xe3Tw\r\xb7\xca\xaa'</t>
  </si>
  <si>
    <t>b'J\xd5)\xc6\xc9|y\xe9\x13Cr?\x8fS\xe77.\xee%\x1d\xca\xa2\x89|\xafJ\x08Q*\xfc\xb1W'</t>
  </si>
  <si>
    <t>b'\r\x90\xa0\xe3?\xba\xa3\x1eHh\xa6\xc2\x8c\x8e^\x9f\x9d\x9b\x94\x1c\xf9\xa4"^\xcc\xf0\xb5\x82\x98\xea-\x10'</t>
  </si>
  <si>
    <t>b'\x95\xa3|\xaa\x12\x15\xee\xd8&amp;\xd2Av.4|\xc8\n\x99\xcd$\xdb\xc2i;\xb6m\x8a\xf4D\xd1\xef.'</t>
  </si>
  <si>
    <t>American Express Payoff</t>
  </si>
  <si>
    <t>b'\x1e&gt;\x89W\x87\xc6tT\x00pHI\xf4Q*\xadX\x957\x1a\xa60\xfa\xde\xc0\xaf\xbch\xc0\xde\x7fX'</t>
  </si>
  <si>
    <t>Debt Reductions</t>
  </si>
  <si>
    <t>b'dlB\xfe4s\x9d\xf4\xcd\x91|\xa4e\xbf\x03_\xc7z\xc8l\x1b\x14a\xf5\xefY\x02I\xf3)\xc2\xa5'</t>
  </si>
  <si>
    <t>b'o4\xdcz\xfe\x81i\xc5\x1f\x19Nu-\x94\xd1\x8dB\xa0\xeb\xf2 \x93\xd3X\xc5F\xb4\xc1|\x03\x15_'</t>
  </si>
  <si>
    <t>b'\x18\xeaU\x813m\\v\xc8so\x97\x9b\xb9!\xd4\xa4\xf8(R\x99\x17\x00\x05\x1f\xaa\n\xae\xebY2\x86'</t>
  </si>
  <si>
    <t>b'\xafS\xdb\\\x8bWG%\xe1\xfb\x175\xca\xc3F\x0f\xebRj8+\x9f\x0e\xc7\xea\x10&lt;\n|B\xce\xe9'</t>
  </si>
  <si>
    <t>Debit consolidation</t>
  </si>
  <si>
    <t>b'\xc2\x90\t\xa93\tW\r\x8a`\xfa\xad\xcd\x02\xe4h\xff3\x8d\xd0\x1dz\xb6\xe7\x07#\xd8_\xae1v\x94'</t>
  </si>
  <si>
    <t>b'\xf7\xf4\x0f\xfa\\\xe6H@\xd8&amp;hQ&gt;\r\x06U\xf8\x97\x18$\xe1\xd6\x81\x03B\x90{\x08\xa9v\x18\xb8'</t>
  </si>
  <si>
    <t>b'\xe5\xbf\xb1\x90f(\xca6hhT6\xb5\x81aG\xa3r*[\x04\x14\xf5\xf5\x194\xfbH\xeb|\xe8\x9a'</t>
  </si>
  <si>
    <t>Loan Payoff</t>
  </si>
  <si>
    <t>b'\xaa\xdf,C\xb3x\x07\x00\x0e\x9d0\x9a\x01\xa2u\xab\x02:`k\xf4\xbd\xae\xfcGBs}&amp;l*\xa1'</t>
  </si>
  <si>
    <t>b'9\x0f\xf7\x10\xc2G$\xa2t\xa1\xca5\xda\xde/\xb2f\x00\x8f\xe6\xf7\xed\x037!G\x04#\x02\t&amp;\xdc'</t>
  </si>
  <si>
    <t>Pay my dues</t>
  </si>
  <si>
    <t>b'\x83\xb0#\xc3\x80\x87\xe5b\xae\xd2\x11\x9e\xc9~\x9a9\x86U\xf1\xfcs_dt\x1ey\xfb&lt;\x12\xec\x003'</t>
  </si>
  <si>
    <t>b'\xc8\x19~\xe2\xd68VtH\x1bn\xac\xd2\x16B^\x11(j\x83&lt;rE\xbb\x8c\xfaL\xeb;\xe2H+'</t>
  </si>
  <si>
    <t>b":Y&amp;H~\x8a\xbe\x13\xc6\xe4v'\x11\xc4\x89\xac\x1f;A\xcb\x9d\xd9\xb9\xb0X\xea\xd3\xafsy\xb9w"</t>
  </si>
  <si>
    <t>b'\xe4P&lt;\xc8\x0fr\x8a\x0e%+n\x84\x1a\xf0\xa6\xa3\xf9Ml\x80a\x00&lt;\x9bx&amp;\xec\x90g;\xab\xc6'</t>
  </si>
  <si>
    <t>Paydown Account</t>
  </si>
  <si>
    <t>b'\xbeYYWQrz\x8c\x9f\xbb\r\r\x8f\x00\xe6\x86\xbbD\x89AM\x9dT\xfe\xc0\xfcwl\xf9T\x04\xa7'</t>
  </si>
  <si>
    <t>b'\x04*w\xff\xf6\xf7f\\\x19\xdd4\xd5\xe0n\x13\xb3\xf7\x00\x84^0\r~8E\xb7V\xe7\xc3\x10\xdd\x0e'</t>
  </si>
  <si>
    <t>b'\x9c4&lt;\xb9\xc9Q\xa1\x8a\xd8&lt;\x83\xc6\xb7F\xfcq\x8aF\xc1\xcf\x82\xb3\xbc\x1es\x13 y\\`\x0fX'</t>
  </si>
  <si>
    <t>Payoff Credit Card Debt</t>
  </si>
  <si>
    <t>b'k\x98\x19\xc9+M\xb5\xe8ts2\x04\xe82I\xcc\xd1z\xa1$\x88\xf2~+\xc8p\xd4Q\xfaEf*'</t>
  </si>
  <si>
    <t>b'*\x94\x057\x01\x15\x13=\xc7\x1d\xc9;Ae\x89\x9c\x05\xad\xd4\xaf\xdf\xa0A\x14\xc7\xb5\x90p\xc5\xf0\x7f]'</t>
  </si>
  <si>
    <t>Debit Relieve to lower my credit payment</t>
  </si>
  <si>
    <t>b'5\xec\x80\x1f\x05\xb8\xbdB\xcfP=C\xf6`\xef84\x122o\xbf\xef\xe6\xabd\xff\x8e[\x18k\x81\x01'</t>
  </si>
  <si>
    <t>CC consolidation</t>
  </si>
  <si>
    <t>b'\xddR{\xef\xe6\x8b\x1b\t&amp;b\x0e\x9cl\x19\xb9s\x9a\xad`[\x8f\xaa\xb6\xf4\xae\xba3\x150h\x88\x96'</t>
  </si>
  <si>
    <t>b'\xff\xe3\xaa\xab\x9b5\xa6\x03\xef\xf0\xb2?\xa4\xa9f\xe2\xe4@B2e4\x05\xab\xe5\xa3\t\x95\xc5\xd6\xbfl'</t>
  </si>
  <si>
    <t>b'\xc0\xcb\x9d\x7f\xfb\xb8=o\xcc\xb4\xd3z|\xc9Vm\xbf\xf7\x8c\x1f\x13\x1c2P\xbbI\x9a\xda\xe2\xb7\xfe('</t>
  </si>
  <si>
    <t>b'\x1a\xd3\xa79^\xd5\x1f\xdb\x196\x9aP\xc8\xe0\x80h\xd7\xbd\xcf\xb1I\x9e\xf6\xea/\xc9\t\xe1\xee\xa8A\xbb'</t>
  </si>
  <si>
    <t>b"\x9a')2\xe4z-&gt;,\xf3Vs\xf3.\x99\x0b\xcew[hv\x0fJ\x9d\x85/\xf6\xf0\x0f)\x9a$"</t>
  </si>
  <si>
    <t>Consolodation Loan</t>
  </si>
  <si>
    <t>b"x\xce\x01N;\xd6\xb6\x08r\xb4\xcc\xb4\\\xa0Rv#\xf9z\x06g4='vQ\xa7G\xa4\x875\xfb"</t>
  </si>
  <si>
    <t>Credit Refinancing</t>
  </si>
  <si>
    <t>b'\xad\xcfR\xb7\xb1\xbe\xd8&gt;\xaeuR\x91{\x809\xe9\xe1;\xa8d\xe8\xc6\x81\x93\x86^\t*\x83\x14-o'</t>
  </si>
  <si>
    <t>b'I\xc7\xd1A\xb3!\xb2\xf5\xc9\x9a\xb7\x00\xf8\xd0n\xd7]Ez\x86\xc5g\x1a\xd4\x17\x98\xbc\x12,\x92(]'</t>
  </si>
  <si>
    <t>b'\xf5j\xe3\x9f\xc0O\x01\xbez\xd35\xb9\xac\xfdk\xf1\xf8A\xcb5\xc1S\xdd\xb8_\x9f\x81\x96s\x07R\xbb'</t>
  </si>
  <si>
    <t>b'L\xd2\xb7\xf54\xe0.G\x94]N;+\x9d\xb6\xa2O\x11\x80\x81A\x9e\xe4H\xcd;3s&gt;\xe9\xcc\xdc'</t>
  </si>
  <si>
    <t>b'{\x9b\r\x14g\xc9 \x9c\xe2\xa2\xb1\xa8\x9f\xe3}\xde\xe2M\xf9\x90\x12\x9a\xa4.\x1d\xcd\xc8\xad\xbf&amp;\x92\xcd'</t>
  </si>
  <si>
    <t>b'Bu\\\x84\x0e\xa1[GC*SKA\x15\x9c\xdbL\x03\x8dgNA\xd7Z\x9fm\xbd\x14\xd8\xec\xcaP'</t>
  </si>
  <si>
    <t>b'\xd5\x82\xdb.\xad\xb1\t\xee\xa5\x9d\xf0\x0b.\xf5\xd4=\x89\xc8\xf0\xb2\x1b\xcd\xb3\xaa\x92\x87\xb0\x96\xde\xb4K\x7f'</t>
  </si>
  <si>
    <t>My personal loan</t>
  </si>
  <si>
    <t>b'Ay\xf22`\xcfT\xaf\xed\x14\xcb&lt;\xa73\x82\x0eR\x95\xab\xebX\x1f\xd2\xe8\x04\x04\xf6\x80\xc1\x80\x01\xc4'</t>
  </si>
  <si>
    <t>loans payoff</t>
  </si>
  <si>
    <t>b'\xf42\xe7QN\xa4Q\xb3\xa6\x90\x07\t\xfc\x1f\xd3\x10A\xf2\x84\x94\xa3.\x85\x06\xa1\xf4\x98C\x07\xf5\x14 '</t>
  </si>
  <si>
    <t>b'\x8e\xee\x82\xd2\x063\x04F\xaaU\xfb\xe9|\xf8A\x8d\x82\x85\xe5\x94\x9e\x92\x0f\x96v\x842\xa8\x81N\xfc\xa2'</t>
  </si>
  <si>
    <t>b'r\xb3-G-|\x1aL\x00w\xa4\xc6$N\xdd\xaf\x0bM\xe7\xdc\x12\x19R\x1b\xea\xdbSlL\xbc\x92\x95'</t>
  </si>
  <si>
    <t>b'\x82T\xb8\xfe\xb6\x127\xd1\x89\xd9\x96\nK\xe3\xe0\x92\x81s\xa1\xc0\x15g\x05M\xe1\xf8,I\x9f\xe8Q\xed'</t>
  </si>
  <si>
    <t>607xx</t>
  </si>
  <si>
    <t>b'\xb1\x1a\xdf\xf9\x9f\xd9whY)c,\xdd\x07q6k\xa8~\xd3\x95\xde\xc1\xf2\x93\xdd\xbdA\xca\x85\xdf\r'</t>
  </si>
  <si>
    <t>b'\xcd\xafr\xbd\xa9\xee\xb1~AA\x9f\x02\xb1\xc2&lt;\x97\x03kw\xa2HP?\xdb\x81Y\xc7\x0e\x8aD\xbe\xec'</t>
  </si>
  <si>
    <t>b'\xd6\xe8\xf8Fs\xd2\x94\xbe\x9e\xd1\xd8\x89\x94\x93\xd3!\x1cC\xcb\xf6\x9a\xcf&amp;\x02$\xff9\\2\x1f\xc4\x7f'</t>
  </si>
  <si>
    <t>unsecured dept</t>
  </si>
  <si>
    <t>b'\xf0dM\x14;iWY\x1a\xf6`\xfc\xff\x13\x9a\xf9Q\xfa,\xe8\xd2\xe8`\xd7Y\xfd`\xc0\x08X\x95o'</t>
  </si>
  <si>
    <t>979xx</t>
  </si>
  <si>
    <t>b'\xa3\xa4\xa6&amp;\x1c\xaa\xef\xe5\xfe%\x10Y\x94\x83\xf6\xf4\x9c\xa3\xa3\xf9\xf9\xb8\xff\xd8D\xa6\x97%\xa4&lt;La'</t>
  </si>
  <si>
    <t>Home improvements</t>
  </si>
  <si>
    <t>b'wB\xa8\xddO\xc6\x17i\x84\xf0K\xba\t\r\xc1\x16\x82:\x7f}\xa7-\x03\n\x86\x99\x1c\x1cP\xcc\xef\xb2'</t>
  </si>
  <si>
    <t>b'\x15\xda0}\r\xc0\x11\x05\x0f\xe9X\xad\x93\\\x88\x12\x1e\x10\x98\x82+\xbfsA(\xdb\xc8\x159\xc3\xe5\xcb'</t>
  </si>
  <si>
    <t>b'\xb0\x10\xde^\xebI\xb3\xf7w\xed.\xa2X\x86p\xa5*JD\xdb\xbd\xe6\x9c\x84 \xb3*\x9c\\\xe8\x95\x8a'</t>
  </si>
  <si>
    <t>b'&amp;x\xa5\xf1\x9c\xee;\xa3 \xf8?\xf4dD\xa2ChL\xf0\xd4\xe2\xfeQB\xcbX\x95=\x15#= '</t>
  </si>
  <si>
    <t>1 time debt loan</t>
  </si>
  <si>
    <t>675xx</t>
  </si>
  <si>
    <t>b'\x12\xee\x98TT\x8b4\x01IV\x85\x1b\x85zk\xbdS\xfe\x88\xa5\x85\xa98\x1d\x7f\x8aC\xf64\x13[\xf4'</t>
  </si>
  <si>
    <t>Dept relief</t>
  </si>
  <si>
    <t>b'\x1c\x9d\xd3\xca0/\xf93\xeb\xee%~\xc1;\x8d\xc8g[\x97\xa5\xccj\xbe\xde6\xcf\xc8\x88\x8f\x16\x1a\xd4'</t>
  </si>
  <si>
    <t>Clearing and Consolidating Debt</t>
  </si>
  <si>
    <t>b'\xaf&gt;\xb4C\xdd\x8a:\xd0\xef\x02^\xea\xda\x8d|Y!\x14!p\x0b\x02G\xb7\xf9;SW\xce\xbf]\xf0'</t>
  </si>
  <si>
    <t>b"D\x04\x19\xde\xa7\xe2\x87\xb9s\x84\x7fN\xc7(9'\x06\x1bu\xf3_~f\x1c3k^l\xb0\xcb5E"</t>
  </si>
  <si>
    <t>b"k\xa8\x93\xc6!\xa0j\xb3\xa3\xaf3\xe4k'T\x01\x07~\xff\xf0\xa6\xb7tM\xd6Q\x10\xfbs5Wn"</t>
  </si>
  <si>
    <t>b'\xd9\t\xe8S\xeb\xc7]\xb9Fd\xf4MO\x85\x03BpQ\xc5tG\xe88`\xb5\x8d\x82\xc6\xd8\xc7\xf4\xac'</t>
  </si>
  <si>
    <t>b'\xe4q\x08\x92\x91\xb5\xf4iK\xa3\x1eR[\x1fD\x9a5\xdd\x94\xf7\x12\x1aC\x14-\xb9wkH\xa7\x14\x1c'</t>
  </si>
  <si>
    <t>Excellent Credit</t>
  </si>
  <si>
    <t>b'M\x8a\xfbd{\xb2\x0b3\x1f!\xfb\xf8M\x0f\xa9 q6&lt;\xca\x80`\x03qc\xa0\x93\x11\xee\xa9G\\'</t>
  </si>
  <si>
    <t>pay of cards</t>
  </si>
  <si>
    <t>b'\xdawd\x8c\x99|-i=\x13\xd6n\xaa\x05QX\xe1\xe0\xce\x9f\xc9s\x812i\xef\x80G)\xf2j\n'</t>
  </si>
  <si>
    <t>My Personal Loan</t>
  </si>
  <si>
    <t>b'n\xbb&lt;\xb5GM\x99Y\xea\xc0\x1ai\xf0\x000\xfcJM\x91E\xc9\xe2\xfay\x9cP(\xec\xd9"]\x9f'</t>
  </si>
  <si>
    <t>b'iq\xbf\xd9\xbd\x92\xfa\xd8;\xf3-]U\x94\xd4\x84DJ\xa3\x96\xf3D\x17\xbby\xdcm\x0e=vho'</t>
  </si>
  <si>
    <t>New</t>
  </si>
  <si>
    <t>b'\xc7\xbb\x93\x1cR\x92\xf0\xe48\xc5P4%\xa9.\xd5\xcd\xac&gt;\xebX\xc6\xc0\xed\xbb&amp;\x87\xdcq\x1f{\xfa'</t>
  </si>
  <si>
    <t>moneysaver</t>
  </si>
  <si>
    <t>b'\x80*\xf7}GD\xe5\xb4]V\xa7HGZ\xfc\x9e}K\xec\xdb\xb6-\x1d\xfam(b\x98C\xab%\xbf'</t>
  </si>
  <si>
    <t>b'/\xd0n\x189\x12\xea\xd6\xaf\xdb\x1a\x7f\x84\x93\x0b\x14bB\xd0\xb7m?\x11R\xe1\xf0\x9fN:"\xaf\xcd'</t>
  </si>
  <si>
    <t>b'\x83\xc0\x1b\xda5\x0e\xc4#\xc6\xd5\xfaD\xc6\x83n\x96%\x12\xc7\xc3B&lt;Z\xc0\xe8d\xec,8]K\x99'</t>
  </si>
  <si>
    <t>b'\x93-\xf2\x80\x81\xd3\xd6{\x86\x92/\xe9\x92\x9a\x81F\x9d\x1d5\xa5N\xd4\xeat\xc8\xddS\xd4\x1f\xbd\xd43'</t>
  </si>
  <si>
    <t>Credit_Card_Consolidation</t>
  </si>
  <si>
    <t>570xx</t>
  </si>
  <si>
    <t>b'\xb8@\xb6A\xb6\xc8UF\x80\x05\x98\xff\x9c\x8d\x8cCaN_:\x98\xd2\x13\x91*\x86\xe9FTq3\xb5'</t>
  </si>
  <si>
    <t>b'D\xfd?y\x11@x1\xefUK\x03k\xc4\x95b ?\x15=\x80\xac\xa7f\xa9\xd4\x87\x17\xde-f\x80'</t>
  </si>
  <si>
    <t>b'jv!N.\xbd\x9f\xd1\xce\xe8\xe8\xdb\xf6,\xfb=j\xa6\xd7\x0bP\x9cU\xd2\t6v\xcf\xc16\x1f\xcd'</t>
  </si>
  <si>
    <t>helpful loan</t>
  </si>
  <si>
    <t>b'\xfc\x14el7\xcf\xb8\xd3\x7fr|\xfc%\xbc\xf9E\x89\x92\xd5\x18\xf7.\xd1\x1e\x16\xd2k\xe7\xb4\xbc;\xcb'</t>
  </si>
  <si>
    <t>b'\xaa!\x8fgD\x13\xd3\xab\xea\xa1\xc1\xablk\xe2PR\xda\xee\xac\xa2\x1e\xd5\xff]\xf8r\xc18\xde1]'</t>
  </si>
  <si>
    <t>Consolodate Debt</t>
  </si>
  <si>
    <t>b'\x9au1~\x00\xa7\xa7Z\x1d\x18$V\xdea\xa7\xc1\x1c\x9b\x15hs\xe9\x04\xb5.\x96\xa0\x10\xa8\xc6~\x03'</t>
  </si>
  <si>
    <t>b'^x\xb0oS @\xa2Ag\x0b\xe5\x93\xa4\x1eN\x9d\xe1\xc1]C-W:l\xe8\xdb\xec=AX\x15'</t>
  </si>
  <si>
    <t>Please consolidate!</t>
  </si>
  <si>
    <t>b'\x19\xa0\xed6\xa2da\x84&gt;\xb9\x04\x99\x91cu\x03\xb3G\xe5\x1d\xed\x15\x8f6\x10\x9a\xe3\x9a\x8b*2\xa1'</t>
  </si>
  <si>
    <t>b"(r:\xad\xfd'\r:\x9b\xe2\x15\xd1\x94\x97\xcdw k\x15\xc8\xf5\xc0\x16\xcf\xf8Q\x84\x04\x89&lt;-'"</t>
  </si>
  <si>
    <t>High Interest Debt Consolidation</t>
  </si>
  <si>
    <t>b'/\x81i&lt;\xe0p\x93\xee\xe5\xa5\xd2\x01\x19\xaf\xc4\xb3\xf5~\xc5\x81\x90\x04\x1e\xdb\xeeb\x18+\xf3\xb9\xdb\xdf'</t>
  </si>
  <si>
    <t>b'w4M\x8c\xb3I\xd4\x8f\x01o\xcb\x1aK*\xdf\xd5\xea\xa0\xdf\xe8\xa4,\x04Z\xae\x97\x8d5e\xddE\x7f'</t>
  </si>
  <si>
    <t>b'\x14M\xf4\xd2Q!\xc0\x17\x84r\x9eCd\xd2\xcb\xc1sVY\xb7\xc4\x8b\xc9Z\xa3B\x0b\x80\xde\xc5\x80\x87'</t>
  </si>
  <si>
    <t>The Ramsey Method</t>
  </si>
  <si>
    <t>b'\x01\x00~z\x81\xf4\xd7\xcb(}P\x97\xd5\x9at\xda\x9f\xe0\xc7\xcd\xb1\x12\x8e\xba\x89\xb8\xcd\x1e2o\x7fO'</t>
  </si>
  <si>
    <t>b'\xc2\x15Y*\xf7S\x1c\xe2!{~h\xb9\xe8m\xbd\x10TUi\xbfu\x98\x9a\xdf\x88\x1fc\x9d\x06u\xe0'</t>
  </si>
  <si>
    <t>b'~+xE@s\xfc\xfe7\xafK\x95\x17\xbb\x91\x11x\xb7Bs\xf0\xe3~_\xff\xdd\xdb\x86\xad,\x87\x9c'</t>
  </si>
  <si>
    <t>b'\x9d\xa2\x9f:\x9b\xa6Q%\xcd\xd4d\xc2\x13WV\xe3Bj\xde\x01V\xcb\xd3\xad\x81F\x82gZ\x16\x851'</t>
  </si>
  <si>
    <t>997xx</t>
  </si>
  <si>
    <t>b"1&lt;\x12\x01\t\xc9P\x83\xa1\xe5DUl\x08B\x1b\xfba6&amp;\x0b\x8c\xe0\xfat|\x82'w\xbe\xd8F"</t>
  </si>
  <si>
    <t>b'\xa3\xe2~b\x0f\xf9%\xc5\x17\x12\xa7aH\xf5&amp;`\xa6\x9e\xe6\xc5\x99\xdd\xf1&amp;\x9dz\xa1\xea\x95\xfa\xcc_'</t>
  </si>
  <si>
    <t>b'5fMa\x96\xf9\xcb\xbcQ\xe8\xa3\xb5J \x8b\x8f\xe6U{Q\xca\xb8\xc3\xc0^\xcc\xf24`\xb16v'</t>
  </si>
  <si>
    <t>My Saving Grace</t>
  </si>
  <si>
    <t>b'\x8beE&lt;:\xca\x80E\xb8\xc4\xe9\xfb\xa3\xd8\xf5!&amp;\xd5d\xe1\xfd\x02j5q\xa3\x8d\xe8\xdf1@.'</t>
  </si>
  <si>
    <t>LENDING LOAN</t>
  </si>
  <si>
    <t>b'\xae*\xbc\n?\x19[4\\\x98\xad\xe7\xae\xc8\xadu\xd0P{\xafz?\xe2?\xea\xf3:6=\x07\x96\x0b'</t>
  </si>
  <si>
    <t>b"\xa3D\xd2y\xec\x8ek\xc4B`\\b\xbe\x06\x05\x9a'X\xc1\x96J\xa6\xa0\xe5\x11&amp;\xeeVg\xa1\x96\xcb"</t>
  </si>
  <si>
    <t>b'\x89\xd3R\xa8\x0e\xa6v\x82OW\xe5A\xb9\xa5n\xf5\xbc\x98W\x8fx&amp;o\xfc\xe2\x03SB\xea\x02\x19Z'</t>
  </si>
  <si>
    <t>b"p8O\x99&amp;S\xe3d\x1e\xbd3\xb7\x1f+\xf2\xdb\xd5 \x0f\x13'1\x8f\xa1\xd1\xf0\xd8F\xces\xc2\xf4"</t>
  </si>
  <si>
    <t>Credit Card Cutter Loan</t>
  </si>
  <si>
    <t>870xx</t>
  </si>
  <si>
    <t>b'\x08\xc5\xd5\xee\xd1(\x82\xf2,\xa8\x1a\xa2$\xf2*M\xc3\xad\xd5P\xf8pZ[\xfe\xceI,SSg\x0b'</t>
  </si>
  <si>
    <t>Taxes Credit Cards</t>
  </si>
  <si>
    <t>b'\xa2\xd5\xfc[\x83"\xa7V\'P\xa8\xba\xb9\xf2\x1e\xb1\x9aq\x9e4\x7f\xe5\xa8\x8f_@\xd8\xe5\xe6\xe1|\xd7'</t>
  </si>
  <si>
    <t>b'i\xbcFUA\x94\xe3\xa4\x90\t\xa2\x8a\xbb:\x19\x16\xff#\xc1\xaaPWe\xc2\xfb+E\xbad\xd6\x8d\xf5'</t>
  </si>
  <si>
    <t>Debt Elimination</t>
  </si>
  <si>
    <t>b'\xe1\xb3!\xa1\xdf\x07\x11\xa7"T\xdfz}\xc0\xb1\xef\x8aK:\xa1\xbd\xe4\xf7\xb3\x9f\x94\xc1\xee\x95\xd8r\x03'</t>
  </si>
  <si>
    <t>b'\x88?\xb0\x15,\xe6\xb9o\xbf?\xbc@\xd5\xdc\xa7\xd9\x1c}\x8c\xb2\xe9\xee\xcc\xed\xf6*\xab%&amp;9\xd6\x9c'</t>
  </si>
  <si>
    <t>b"\xb94\x93\xc2\xc3\xcdX\xc4P\xc1$\x9c\\pi:[\x8ft\x87\x00yu\x1e\xe6\xc5\xdf'\xc8\xd4\xafF"</t>
  </si>
  <si>
    <t>HomeLoan</t>
  </si>
  <si>
    <t>b"\xfb\xf4\x89\xfe'\t\x0c\x05\xed[\xe5\xf3kj\xac!P`\x7f\x13r\xb6,\xdb}\x11\xba\x9f\xf1!\x90\xe3"</t>
  </si>
  <si>
    <t>b'\x87\x98\x85gG\xd5w`\xe2\xaeR\xb6`\xf3\xb9"a\xc88\x81\xf1C\xca\x1a\x05S(\x94\xe6\x86\xb8\x06'</t>
  </si>
  <si>
    <t>Get out of debt &amp; Modernize Kitchen</t>
  </si>
  <si>
    <t>b"Q\xfbl\xb9\xb0\xfb'8]\x9e|'\xc0\x11\x1eC\x9f\x13:\x18\xf1\xee]7\xe2\xfd\xc23\xc3\x95\xcbd"</t>
  </si>
  <si>
    <t>new roof</t>
  </si>
  <si>
    <t>b'\xe8\xb1\x00,\x0eJk1\xc5\x86\xe9\r\xd4v\x17\x01\xfc\xcb"\xcb\xdc\xdar\x93\xd5d\x99\xf9\xf5\xf4q@'</t>
  </si>
  <si>
    <t>b'\x03\xfa\x9ak7\x86\xfb1\xbfI\x89\x8bA\x8f\x1a\x10S\x98\x1ft\x14!\xb3\xa3&amp;\nR\x98L\xc3#N'</t>
  </si>
  <si>
    <t>b'\x1bz\x1e\xdb\xc7\xed\xddi!\xa4h\xbfJ\x88=\xe5\x8e\xef8T\x00\x0bQ5j\x00-rbT\x9d\n'</t>
  </si>
  <si>
    <t>b'\x8bIj\xe4\x8b\xf7\xf0}\xf5A\x80\xcd\xebC\xcc\x0c\x83\xcf\x8b\xe5\xb7\xa5\x1e9&lt;_D\x11.\xa2@-'</t>
  </si>
  <si>
    <t>b'\xaa\xa1\xc1\xef\x07\xa5\x08\x82"\xd3\x88Nu\x9a\x80\x1fhQ\xcf\xb6\xd7N\xd1\xa1\xac\xb5\xbf\xd7\xd0\xe1T;'</t>
  </si>
  <si>
    <t>consolidate-my-creditcard</t>
  </si>
  <si>
    <t>b'\xd6\xf4z$\x15\xb2X\x1c{\xc7\x06\x87\x01/\xdbT\xe8\xb6\xc1")\xa8g\x0c\xacf\xe2w\x81"n\x01'</t>
  </si>
  <si>
    <t>b'\xf6n\x90M\xd3o\xe7\xa9T~\x93\x89X_\xc2(RL\x1b*QU\xaf\xcey\xd4\x94\x10r\x02\xec\xa0'</t>
  </si>
  <si>
    <t>Eliminate Credit Cards</t>
  </si>
  <si>
    <t>b'\x84~\xc8\xe6\x8c\x80\xf0\xb9\xb9\xa1&amp; \xb6\x00\x8b\xe5\xac\xe1:T"\xfc\xbd\x1e\x02\xc9\xa4P\xcd\'q\x18'</t>
  </si>
  <si>
    <t>b'\xa5\xf4\x04,\x0f.\xc9\xf6\x0c\x9f\x11"&amp;\x94\x12r\xe1\x8c\x1a\xf0\x85\xe3\xd8\x9f|\xe9\xeeD+\xbf_z'</t>
  </si>
  <si>
    <t>reinvestment</t>
  </si>
  <si>
    <t>b'&amp;\x91\xaa/V\xafE,\xab!\xa8\xc6\xd0\xbe\xd5h\xe6\x05\xcd\xd2$\xbes\xe7wel\x84\xa3TP\xd0'</t>
  </si>
  <si>
    <t>Loan to End All Loans</t>
  </si>
  <si>
    <t>b'6\x81Zr\xc4\x90\x82\xca\x04\xb8\xb6\xf3\x05\x84\x19\x88\xa8A\xfc\n\xe3\xd4R\x04\x88:\xfc\xfa\xb9\x82(\xca'</t>
  </si>
  <si>
    <t>Get out of DEBT</t>
  </si>
  <si>
    <t>b'\xe6V\x84)\xf3\x0b\n\x0fO\xa5d\xdcv\xf7\xac\t\xf9\xac\xe4\x1a\xb7a\xdb5\xa4\xc1q\xb1a\xf5J\x97'</t>
  </si>
  <si>
    <t>b'\x145\xaaI\xd0\xdc\x89\xe0\xe50UPW\xa9\x81\xba!-&amp;\x97 \x1c\xa2\x02\xd0\xcd\x04\xec\x9dj\x95\xe4'</t>
  </si>
  <si>
    <t>3 year debt clear</t>
  </si>
  <si>
    <t>b'\xd0:\x08WO\xa8\xc0/\x08\x8cp\x06\xbaE\x10\x12\xf2l\x1f&amp;#\x0f\xa8@}h\xd3\x1f\xe1\xd7\xe8\x85'</t>
  </si>
  <si>
    <t>finish off cards</t>
  </si>
  <si>
    <t>b'\xb9\xb3\xfa \xf4\x07\xfc=t\xb2\xbc\x82\x16\xc2f\xe1\xc8\xeb \x83\x8f\x10\x91D\xd6\xd5\xec\n\xd7\xf1r='</t>
  </si>
  <si>
    <t>b'j\x08#dn\xc9\xd7\xa3h&lt;\xe72\xb8\xde\xf6\xa8\x8az#j\x18\xfa\x9fm\x8f\xb6#\x89Rc\x81U'</t>
  </si>
  <si>
    <t>b"\xeb\xc7\xc6\xff\x02\xa9\xe5\xd3\xb3\x85\xd4m!f'\x85\x86\xda\xad-\r\xca,\xa7\xe6\x1a\xf4XZ\xd8\xa8g"</t>
  </si>
  <si>
    <t>End in sight</t>
  </si>
  <si>
    <t>b'\xf5\x87\x059.2\x90\x00\xb6\x86\xac\x11\xb6\xdd\xab\x00\xcf\x9d\x02y\xf7\x89\x02|!\x00\xcfR\xad\xc5`x'</t>
  </si>
  <si>
    <t>b'\xdd\xbd{\x8d\x9aP\x95g\x05g\x94\xd7MAR)\xcf\xeb\xe4!\x02\x99k\x83\x91F\x8dw\x9d\x8a\xc2f'</t>
  </si>
  <si>
    <t>A Break In The Fall</t>
  </si>
  <si>
    <t>b'\xd7\x9a\xe6\xe2\xcd[\xd3\x85\xd5\xba\xb8\xe6y\xbf\x8f\x11j\x8a)\x94\xee|\xac\x00W#u\x87\xa1\xcaS\xa0'</t>
  </si>
  <si>
    <t xml:space="preserve">Medical Loan </t>
  </si>
  <si>
    <t>b'\xdfn\xcbj\x1b\x80\xc7\xdaZ\xe9\\! &lt;\xa2\xde\xa8\x04\x18g\xa5\x05m\x05\x96\xe4\xa8C\xef\x1b\xd2t'</t>
  </si>
  <si>
    <t>b'\x10\x0b\x085\x9b5\x03\x98\x16\x8a\xec\x83H_\xfc\xa3\xe5\x91\x15\x1a\x04\xaa\x8b;S{}8\x08\x99\xb4\x8a'</t>
  </si>
  <si>
    <t>b'\xef\xf0\xc4,\xca\x17\xc9\xa6\x96\x06\x7fKQ,\xf7$&gt;XyN\xc2\x875m\x84(\x81\x84n\xaf\xbc\xeb'</t>
  </si>
  <si>
    <t>b"\x10\x8d|\t\xea\xb1A\x0c\x9e\xa7s'\x8e\xa3\xab\\\xb8n\xf6\xca\xb7B\x1auG\xd6\xb9\xe6\xf7\x14H\xfb"</t>
  </si>
  <si>
    <t>Gun Loan</t>
  </si>
  <si>
    <t>b'S\x03\x9agYd\xf0\xe8\xe5\xff\xb86\xb2\xaa\x9a\xa55\x0b\x9aR\x93\xb0L\xbe\xdc\x1fxc\xa7\xb9}^'</t>
  </si>
  <si>
    <t>Earnest Money for house</t>
  </si>
  <si>
    <t>b'\xe7f\xb7\xbd{y\x99\xfd\xfcT\xbem\x1fI\xda\xe2\x91O\x83G\xb4\xcb\xb3Uap\xa8\x8f\xee\xcbJ&amp;'</t>
  </si>
  <si>
    <t>credit refi</t>
  </si>
  <si>
    <t>b'\xb7qU\xd8\xfb\xcbf\xa4R\xed-\xf2\x8csl\xcd\xb0\xc3l\xce\xe9"\xf3jH\xbf\x9a\xe7P\x8eBT'</t>
  </si>
  <si>
    <t>b"\x9e\xa9\xd5\xe6p\xf7\xa0(\x08\xf6\x0fi\xf7\xbc\xb7'#\x8b\xab\x19\x80L\xb4\xc0FK\x97\xfe\xec\x9b\x01a"</t>
  </si>
  <si>
    <t>b"\x0c1\xaf\xd4\x95S\xc9\x9a\xc3r\xdd\x87'\xa7%\xa4\x93\xed\x19C\xeb*\xd3wX\xef\x8e\xfe\x88\xaf\xb4m"</t>
  </si>
  <si>
    <t>b'8\xe0\x04\x8e\r\x06\xb1\x03\xe9\\\xec\xffp}\x83\xd8Nn\xfaL\xe8\x04+\x98\xab\x82K\xe9\xe9\xe2\x92\xef'</t>
  </si>
  <si>
    <t>b'\xe4\x88\xd6\xdai\xb6\x1c\xa7.h\x03\xab\xfc\xf2,\xdft\xeb`\xa0\xc6\xac\xebi\xbd\xbc]\x86\t\x97~\x12'</t>
  </si>
  <si>
    <t>b'I\xb9\xc2X0\xf8D\xec]\xbd\x1f\x99\x8df\xe9\x97\xaa\xb4\xf17\x12\xc9\x98\xb9\xee\x83\x0bG\xe8\xac\xd1\x84'</t>
  </si>
  <si>
    <t>A/C Loan</t>
  </si>
  <si>
    <t>b'\xb2\x8d{\xdd\xacUD\x87rv\x96D\x7f\xea\x16\xa33\xc9/\xa9\x06\xaf\x10\xf1\xae\xd8\x19\xfd0\xc8x\xdc'</t>
  </si>
  <si>
    <t>Triumph</t>
  </si>
  <si>
    <t>b'\x10\x91\x13\x116xJB:\x01\x08I\xd2\xa9\xd6H\xcf\x11a\x14\x8c\x97\x82}\xc2\x1c\xbc\x8a\x1f\x9b.\xa1'</t>
  </si>
  <si>
    <t>b'T\xb6,\x8c%U/\xd4\xbaL\xa6O\xe2\xb0\xd7M$\xb2\x92\x82\x92&gt;\xa9\x15\x8f\xe4S\r8C\x15:'</t>
  </si>
  <si>
    <t>payout</t>
  </si>
  <si>
    <t>b'\xb8AQ\xc1\x16\xa5\x10\xce\xcb\xa2\x06\x91\xd1\xc8Yi2\xa2f:1\x0fr\xcb\x9ez\xc0q;&lt;\xfd\xbf'</t>
  </si>
  <si>
    <t>b'n\xc3\xc8M\x85\xcf66-\xd3\xd6\xea\x81\xd8\xd2\x11\x90\xf0{\x1e\xec\x88\x9c\xa1\xb8\xf8\xf4\xcba!\xe4\xeb'</t>
  </si>
  <si>
    <t>b'\xbaQ&lt;\xea\x0e\x11X\x867\xd3\x85bL\x8a\xa7a\x12fc\xe0\x87\x9f97\xc8L\xb2\xa5\xcc]m\x8b'</t>
  </si>
  <si>
    <t>Home renovation</t>
  </si>
  <si>
    <t>b"\xa3\x05'\xb1U^\xf2p\xf8\x07\xa2\xb5NP\xe4s\xb0\x91\xfb\x8c\x1a\xf6\x03\xdc\x84\x84;\xe7E\x8c\xfb\xe7"</t>
  </si>
  <si>
    <t>b'\xf3\xc7\xc1\xd2c`}\xb7\x02\xa6z\xe6\x16H)\x7f\xb0\xe7\xf3\xb9\x99\xc0\x85\x14\r\xa2\xfd\xa1\xcd\x88\xa8\xbe'</t>
  </si>
  <si>
    <t>consolidation of small bills</t>
  </si>
  <si>
    <t>b"\x04d\xe9\xb0\xacX/x\x88\x066[\xb2\xe84~E\x98\x0f\x191\x0e8\x82\xa4\xe6\x01t\xceI'L"</t>
  </si>
  <si>
    <t>b'l\xb5Q\x0f\x8b\x1a\x80\x98]\xe7|*a\xcb&lt;\x7fz\x81\xd7K\x8ee\x1f\xc3\x19s\xa8\xf6A\xed\xc4\xa5'</t>
  </si>
  <si>
    <t>b'K\x04o\xe9\xf9\x90\nj2\x1aIE\xab\xef\xc4d\x13b\xe6\xd9\xfa\xbe%&lt;2\xb1i\xb94$\n\xe2'</t>
  </si>
  <si>
    <t>b'\xce[\xf8n\xa0\xae\xaf\xe8\xce\x880\xa5\xd7\x8c\x93\xd3&lt;\xbf\xb2!x"P/\xf4\xc4\xd5\x9c\xfc\xad\xb4P'</t>
  </si>
  <si>
    <t>personal loan to pay off debts</t>
  </si>
  <si>
    <t>b'Sw\xb0,\x7f7\x0f\xe7l\x9cH\xed\xe2\xc3\xcd"\xe2\xc9$\x1a\xe6\xe0A\xeb\x94\xb67]-\'\x1f9'</t>
  </si>
  <si>
    <t>b'E\xcb\xaeg\xb8T6\x92\x84\xee\xfaE \x9f\xa8DC`\xe9\x82\\e_N&gt;\x7f\x92i\x16]\xbf\xe2'</t>
  </si>
  <si>
    <t>New Car</t>
  </si>
  <si>
    <t>b"\xc4S\xed\\\xdfR\xfd\x0e}\x01\xf4\xd4#\xb8\xaa'!{[W\xd7\xcc\xba\xb1\x03\xcf`\x9f\x88\x97\xdb\xaa"</t>
  </si>
  <si>
    <t>b'\x88\x99\xaa\x0f\xf8\xa4+\xca\xfb\x15U\x92\xc6\x9cHf\xcc\xa7&lt;\xcdOi\xdb\xe6i-\xe4\xfc~\n\x10c'</t>
  </si>
  <si>
    <t>b"4v\x9c$\xa5\x9b,\xaf'\xe8\xb3z;=\x05\xfc\xed$\xb0\x81KW&amp;\xa5\xa0zU\xc4\xb6W\x07\x80"</t>
  </si>
  <si>
    <t>b'I\xfd\xae\x82\x08\x10z|\xab\xca~/\x9b\xed\x85\xf9\xcc&gt;\xf6%\x7f\x8a\xder#\xdc\xd4\xe5\x0fM\xf8a'</t>
  </si>
  <si>
    <t>b"&amp;@\x93\x97\xe97\xb7HV\xb2\xcb\xcd\xa3\xa0@\x91B\xec\xc651\x82\x06\xbf\x81r\r\xf5\xdfj'\xbc"</t>
  </si>
  <si>
    <t>b'bX\x8f\xe2r\xad\xea\r\x14%G\xbdP\xc6`!c\x04w9\xe3*5=\xf2\x9a\x8fW+\x10\x152'</t>
  </si>
  <si>
    <t>November Loan</t>
  </si>
  <si>
    <t>b'\x12\xebL\xb0\xfb\x9bt\x8c\x82\x81\xd1z\xc80\x94S\x88\x04j\xcb3\xf5e\xe1@\x055[\xd2\x0c\x04\x06'</t>
  </si>
  <si>
    <t>b'\x1a\xb4\xb5\x83\xb6\xe8\x8b\xbc\xaeX\xea\x99f\xb9b\x85\x0f&lt;\x00\xe9\xbf}W)\x0fR:\xfb\xaa\nU\xce'</t>
  </si>
  <si>
    <t>b'C\x1f\xdc\xc6\xfe\xb4\xaaa\xbf\xfb.Hd\x13l\xa2\xf6\xb0B\x8f\xd2\x8d\xa9"Y\xb9tZ\xb6\x95J\x9f'</t>
  </si>
  <si>
    <t>CC refinance loan</t>
  </si>
  <si>
    <t>b'\xb8\x91\xdb\x01\x05\x93\xaa\xb8\x18\x0c;=1\xcf\x86\xe5b\xb3\xfa\x88~S!\xa9\xe7J\x06\xb3\x94\x81\xeeK'</t>
  </si>
  <si>
    <t>b'&amp;\x87\x0c\xe5@&amp;\xe5\xc4\xe6\xc5\xcaeN\x19O&lt;\xb9\x04\x9f\xffCk\xc09\xf3\xd7\xc7P\xb6\xae\x9d\xad'</t>
  </si>
  <si>
    <t>b'\x05#G\xd6\x89\xed\xa7\xdbe\r\x90Y:4\xbb\x02`\xd0\xb2i*\x9cWA\x0cE\xfb/\xbe\x17\x0cA'</t>
  </si>
  <si>
    <t>Credit Card Consolidtion</t>
  </si>
  <si>
    <t>b'\xa7B\xac\x98*\x8ft\xd8Tv\xa2S\x07\xcaO\xffG@\xfbA\xd1&amp;007\xfd\xff\xdc\x02\xaa\xa1\xa4'</t>
  </si>
  <si>
    <t>b'\x00\x7f\x1a\x19fyV\x15\r\xe4\xccs#\x1fB\x8e\x05\x1fl\xa8\x9aU\xd4\xeb\n\xb9T[\x1a\x04M\x96'</t>
  </si>
  <si>
    <t>Thanks for your consideration.</t>
  </si>
  <si>
    <t>b'm\xde\xcf\x85\x8dAL&gt;\xcb0\x81\x03&amp;K\xe6\xa4Z\xffb\x01)?@Q(\x888\xc5\x94:T\xd9'</t>
  </si>
  <si>
    <t>b'\xbd\xba\x8cQ\x179\xa3\x8e\xc3\xe9\x84r\xecDG#22m\xe6N\x16V\xb2\x90w\x9f\x80\x14\x90\x99\xbf'</t>
  </si>
  <si>
    <t>Dental work and miscellaneous</t>
  </si>
  <si>
    <t>b'\xf3x\xee\x0e\xe4h7\xa5\n\xbf]\x97Sc&gt;\xfe ~;\xdaip[o\xd4Yn\xf0v\xe2H&lt;'</t>
  </si>
  <si>
    <t>b'\xb4\xa3\x9f\x0bf\xbf\xb2\xdeUL\xfc\xc8*_G\x01\x146\xc1\xaf,@k\xdd\x16l\\\x15i\xfa\xf6\x00'</t>
  </si>
  <si>
    <t>Lowermydebt</t>
  </si>
  <si>
    <t>b'? \xad\xce\x91\xf4\xed\x85\xc6\xddtNc\xb2\xd8g;\x99\xeb\x9f\x14\xf4\x05\xe7W\xc9t\x04\xe9\xaa\xd3E'</t>
  </si>
  <si>
    <t>b'c\xf6\xae\n\xba\xd5v\x16z\xda9\x97NOy\xba\x86$Q\xf6\x19\x7fL\t&gt;`\xd4\xe2\x00\x7fo3'</t>
  </si>
  <si>
    <t>b'\xd8\xb8&lt;\x9cun"s\xfa*\x88q!#.s\x0f^\x0c\xf1\x8e\x05T\xc2]\xab\x01\xde?\x7f\xde\x8c'</t>
  </si>
  <si>
    <t>European Vacation</t>
  </si>
  <si>
    <t>b'\x12E\xac\xfbG\xfaPW\x80\xaf#\x1a\x98^1\x91\x04Y\xaf\xee\xd92\xb9D\xed\x9d\x818\xb8G\xb8\x0e'</t>
  </si>
  <si>
    <t>Get it Done</t>
  </si>
  <si>
    <t>b't\xd2\xf4\xbe\x9c\xa9s&amp;\x97\xfe\x7f5\x199d\x16Yl\x1d\xcf&lt;\x10J\x1d%-\xb9\x154\xd8CT'</t>
  </si>
  <si>
    <t>b'\x14\x01i\xa4JK\xf22:s\xdf\xed\xedJ\x7f\xbdL\x01\x99\xca\xd8\xfao\xcc\xb3\xc9\xae\x8d\t\x9a\xaa\xfa'</t>
  </si>
  <si>
    <t>last time</t>
  </si>
  <si>
    <t>b'\xc7\x1c\x9d\x8d\x8aB\xff*\xfa\xbaNw ,\xf8\xbfcii\x94\xe1*\xccM\xe8\xbb\xa4\n\x07\x82\xfe2'</t>
  </si>
  <si>
    <t>Consolodebt</t>
  </si>
  <si>
    <t>b'\xe6\xb3K\xc8\xf4\xee0\xf5"T\x92-\x0b18\x98I\xa2r\r\xe69u\xc8f6\xc0\xaa-\x95n\x85'</t>
  </si>
  <si>
    <t>b'\xa5.\x81\xbc-\xa7\x13\x9dNC\xaf\xfc\x81]&gt;H\x91\xb4\xf7\xe0s\t\xaa\xc3\xa7\xef\xd2\xa1\x8c\xb9\x89\xe8'</t>
  </si>
  <si>
    <t>b'\\\xe9\x01\x8e\x13\x89\xbbT\xa0\xdd\xa1p\x8c\x02;\x1c+a\xee\xe2o\x080\xd3(\xadp-:\xde\xd4\x11'</t>
  </si>
  <si>
    <t>Pay My Debts</t>
  </si>
  <si>
    <t>b"\xfeVb'9\xa4\xa7h\xc9SpJ\x16\xf8\x15\xea\xc7y\xf5\x93\xec\x87\xf3\x03\x9d\x98\xc7\x82\x06pl/"</t>
  </si>
  <si>
    <t>b'\x1eM\xb3T\x14\xedT\xack\x978\xa9\xbe\xa4\xd4l\xc3\x06\xde\xfc\x87M\xfc@\xcbBt*\xd7U\xfa\xdd'</t>
  </si>
  <si>
    <t>b'\xe6\x14\x89s\xee\xee\x17\x99\x01\xf7:\xba\x9d\x849t-tzv@\xd2\xc1f\x95\xf7\x9c\x88\xe6\xf9?\xe0'</t>
  </si>
  <si>
    <t>b'\xf6\x87\x8b\xbbC\xbb\x0e%\xbeZ\xf1\xc2\x96\xec!\x1e G\x1b\xbd\xcb\xa2\xff8\xb7\xb1KZ\xc3\xee\xf7\x03'</t>
  </si>
  <si>
    <t>b'\xc5\x06\x17\x83\xaaH\xa2\x87jZ\x8c#M%\xc5\x17\x17ZVR\xdb\xbd(\x91zH\x17\xbf\t\xd6b\x11'</t>
  </si>
  <si>
    <t>Home Purchase</t>
  </si>
  <si>
    <t>b' !\xf6\xa4=\xeb}{\xe9\tc\x95\xcfs\xa4H~\x1b\x9cL\xc5\xa9_*\x8b\xeb\x1eht\xbb!0'</t>
  </si>
  <si>
    <t>PAY MY CREDIT CARDS</t>
  </si>
  <si>
    <t>b'-\x85L\xf1\xc7\x9d\x81\xd0\x93\x02w\xff\t\x05b\x8e\xaf\xb5\xe7&amp;\xf2\xabj\x99\xba\x9f\\|\x926\x7fK'</t>
  </si>
  <si>
    <t>b'\xeds\xca+\xb3\xce\xa4s\x94\xf6\xcbd\x8c~\xaeq\x91\xf2\x81\xbd\xb4\xb4\xbc\xdbU\x06\xbd\x89\xab\xef"h'</t>
  </si>
  <si>
    <t>Debt destroyer</t>
  </si>
  <si>
    <t>b'\xe0\xb3?\xe1\x06\xd4\xc6\xc3\xe6\xb5\x96]\x99u\x93pB\xac\x85\x96\xea\x08\xfa&gt;\x9d\x8a\x06\x19L\x98VF'</t>
  </si>
  <si>
    <t>b'\x1bo0TG\xd0\xdf\xb9\xe1\xf4\x91\xafE\xea\xb1\xfa\xd33\xbb\xd2,\xd4\xae\xfd\x0b\xfak\x91&gt;FF\xc9'</t>
  </si>
  <si>
    <t>Payout</t>
  </si>
  <si>
    <t>b'\xb6o@\xda\x161}#r\x8b\xf2k\xfa\x91\xdb\xa5\x89\xabX\x14\xf2ot\x1a\x1a.\x9a\xd1\xa0\xf5g\xe1'</t>
  </si>
  <si>
    <t>b'o\xf6A\xdagg3\x88&lt;\xea\x8c\xe8\xa9\xad?\x0c&gt;\x1b\xa1\x89@r$\xd5\xd2]\xbb\x0f\xa6\xad\xdf\xf0'</t>
  </si>
  <si>
    <t>b'\x0c\x81:\xd2K\x1fU\xbfT\x9e\x0bl\x1e\x96B+\x89\x03\xaf\x14C#1\xac\x07\xd2%w\xea 6O'</t>
  </si>
  <si>
    <t>b'\xfd\x92\x03\x81\x93\x9f\x8d\x9f\x11r/\xe4\\z\xd3\x8bE\x8c6\x08\xcbbPR\xa7[\xc8\x87\x15\xc6\x19I'</t>
  </si>
  <si>
    <t>b"\x1c\x1e\xf4'/\xfe\xb4\xe2=\xa5f\xaa\x83\xb1\x13\x84&amp;4\xb31\xb0\x18\xce@-\xa0\xde$\xc2\x1e\x1b\xae"</t>
  </si>
  <si>
    <t>Catch Up Loan</t>
  </si>
  <si>
    <t>b'A^\x97\xc1#c\xd0U\xa5cu\x8f\x89H?2)\xb4\x80)\xa8\x91*8(72\xe8\xe3{|\x8b'</t>
  </si>
  <si>
    <t>b'\xd2\xaf\x9e\xcf\x96\x91\x8a\x90\x87\xde\xd2\x9aN\xdf\n\xe5P|D\x82\x97^\xe7\x0c\xf7U\x1e\x0b9\xd3\xb0\xb8'</t>
  </si>
  <si>
    <t>b'\x94"\xe3\x19\xba\xf6\xf6I3+\xffA\x05~\xf6\xf6u\x0fg\xcdF\xc9M YW\xf42\xa9\xfc\x01t'</t>
  </si>
  <si>
    <t>CREDIT CARD PAYOFF</t>
  </si>
  <si>
    <t>b'\xa1&lt;bG\xe3\xc9?\xda\xd6\xf6\x93L3\x17O\xfcV\xd2\x94\x18\xeb\x94\x84\x94*:\x8e\xf5\xc0\xb4\x17+'</t>
  </si>
  <si>
    <t>b"\xe1r\xe6\x98\x9dP+0\x9d\xac\x0cy\x13'&lt;%\xf3$q\x8b\xdb\x96\xf1\xf2\xda\xf4\x96\xca*\xf8&lt;#"</t>
  </si>
  <si>
    <t>b'\x82{\x0fL\x16\xb6\xe7td\xb31\xdfl\xf3\xd8\xc5`\xd2\x86\xdf\xc4\x7fSg\xf3\xbf\xc5\x82\xea{B\x97'</t>
  </si>
  <si>
    <t>Credit Card - Refinance</t>
  </si>
  <si>
    <t>b'\xd3\x1e\xcc\xb2[\xd1&amp;\xde%\xa4S\xc8y\xaa\x8c\xd7\x93\xc1\x9f\xde&gt;0&gt;\x14%\x81\x03kp\xe9\xed\xb1'</t>
  </si>
  <si>
    <t>Car repair</t>
  </si>
  <si>
    <t>b'F\x0b\xd0\x8bJ:#\xf8$*F\x1b\x861\xcdl\x9b\xdb!\xbb\xa9}\xf4\xb2\xb8\x1abZ\xff \xaak'</t>
  </si>
  <si>
    <t>b'\xce(y\xde\x99\x97\xecz\xbe\x89\x9a\xc0m\x1d\x8a\x86\xf3U\xb5+YMG\xcf$\x7ff\xbaI\xca\x94s'</t>
  </si>
  <si>
    <t>b'\x99ve\x17\xda\xc4&amp;\x1d\xb9\xf7\x9b!\xbfW\x07\xb0\xc5\xa0\x80yGi\x02\xf8&lt;\xd2\xb7\xc5\x9e\x95\xa0\x90'</t>
  </si>
  <si>
    <t>Vehicle and credit card cash</t>
  </si>
  <si>
    <t>b'\xfe\\\xde\x8b\x13\x17\x92\xbc\xd0u\xf3\xf5!\r\xa2\xc9\xe4\xbe\x03\x90\x95\xaaA\xf9.vn\xd4\xca\xdc\x13\x9c'</t>
  </si>
  <si>
    <t>b'\x9d\xd1(\x95\x8az\xfb@\x1b:~\xf5\xae\x8c\x8d\x81\xa5\xbf\xb7\x86\x85\xf9\x1b,ERF\xee\xf8\x83U\x11'</t>
  </si>
  <si>
    <t>Debt Consolidation &amp; AC unit</t>
  </si>
  <si>
    <t>b'\xfak4\xb5!\xff%5\x9c%\xdaS\x94\x925\xfdj\xfb\x9a&amp;\xafuE\x1a\xb1;j\x88&amp;\xc5\x8eX'</t>
  </si>
  <si>
    <t>b"&amp;'\xfd\xd3\xfc{1*!\xfe\\\xa6\xf2\xf0\r\xbe\xa5@\xa3!\x07\xaaE\xb0\xdb\xddIf\xa6-\xc2\xa0"</t>
  </si>
  <si>
    <t>b'\xe2\xaa,\xa8\x0bl\xe6\xe7p\xc1\x84\xbd"\x08!\x00\xa4\x03\rOn\xf7b\x1d\nq\x0f\x896\x93\xd2\xf6'</t>
  </si>
  <si>
    <t>b'i.\xcdyk9\xdd*\xd0h-\x0b\xc2\x14\xb2\x04\xe2ZRf\xeenc\xd5R\xcb\xaf\xe7\x80\xe26\x1e'</t>
  </si>
  <si>
    <t>Consolidating for a smoother transition</t>
  </si>
  <si>
    <t>b'm\xb9\xde1Q\x1a\xfd\xf5\x08\xfe"w\xabeTX\xfd/\xf4\xa4"\x19\xf3\xed\xe8\x01VDG\xf2\xaa\xf5'</t>
  </si>
  <si>
    <t>b'1eFR\x8a\x9c\x08u\x84\xe5\x8b\x1b\t\xc9\xd4W\xea\xebQ\x0c\xd5\x93\x04&amp;9,\xde\x97\xb1;\x12\xf8'</t>
  </si>
  <si>
    <t>No Debt</t>
  </si>
  <si>
    <t>b'\xee\xc1\rG\xb9\x1d\x8aM\xc9\xb9/\x8d\xeb\x86\xa3\xfb\x12\x06\x06\xde\xaf\x85\xb8\xd15\xf3U(\xe0!s\xa6'</t>
  </si>
  <si>
    <t>b'\x9c\xfb Xn\x94\xed\xf6\xc9 ps \xbd\x97\x81\xe1\xdf~7\x1e\x96\x9bFs9\xf1\xb0\xa3\xe5n\x9d'</t>
  </si>
  <si>
    <t>Knocking interest rates down</t>
  </si>
  <si>
    <t>b'\xdeH\xc2\x18\x9d\x8c\xb2\xd1E\xb1s\xc4QP~\x92;\x18Taf\xe1\x9fj$?1~\xb8\xba\xc2\xb3'</t>
  </si>
  <si>
    <t>b'\xd2\xe7\x001\xfc\xd1\x96\x06\xc9\xe5\x92{\x9dD\xc9\x07\xa2E\x9c\x96]\xee\xce(9\xb3\xfb1(\x9e\xcfX'</t>
  </si>
  <si>
    <t>b'\xd7 Z\xe9\x1fX@%$]J\xe5\xd8\xa6\x98i\x83\xc0\xc7\xa8}\xe0=l\xb4 \xc4\xc9\x97\xf1\xc8N'</t>
  </si>
  <si>
    <t>bank consolodation</t>
  </si>
  <si>
    <t>b'\xc7T9\xae\xe8\x98*\x1f\x86\xb5&lt;\x03RK\x91\x90q\xe5\xb3v\xf8\x9cn\xf1\x98\xb0\xb4S\xd1\x9e\xdf\x9c'</t>
  </si>
  <si>
    <t>Helping my family</t>
  </si>
  <si>
    <t>b'\x99\x13\xe6\xaa"=\xd5\x91m\x06\xa9\xd2\xf7\xae[\x012\xe6XG\xec\xe4\x86\xf1\xd8Q"j.\x12ke'</t>
  </si>
  <si>
    <t>2nd Loan</t>
  </si>
  <si>
    <t>b'\x03h\xe3$\x1fs=\x18\x99\xfa\xf4N\xb1z\x1dxX\x9b\x82\x7f\xd2\xe9\x18\x03\xf4\x08\x8e?(\xdb\xff\xf6'</t>
  </si>
  <si>
    <t>truck/credit card</t>
  </si>
  <si>
    <t>b'\x0c\x83\xb1\xf4\x13\xdf\xb4\xb6\x1d\xb9\xcd\xd0\xc4\x16\xc4@\xa25\x94\x11_\xa7\xbb\xf4\x91s\xcc\x88\xe2\xdd\xc0\xb8'</t>
  </si>
  <si>
    <t>b"%PZ\x05\x8f\xb1\xc2V\x05'S\x17\x90c\xf9\xa3\x85\xd0\x10\t\xe11\x17\x1d\xd9\xc6\x1b\xb2\x8c\x1f\x00("</t>
  </si>
  <si>
    <t>Personal Debt</t>
  </si>
  <si>
    <t>b'Hu\xb9? \xb7\x8a\x14V\xd1\xa4\xbf_\xf5\xc4\xcbr\xd2\xbc\x9c\xb2\x1c\n\xb0\x10e\x83/\x9b}a\x93'</t>
  </si>
  <si>
    <t>b'\xc2\x8a\x9c\r\xccS\xbe\xd4=\x869,\x90\xc6\x1a3|4(\xcf\xed!\xeb+\x9a\xacS\xdf\x8d\xe2Uo'</t>
  </si>
  <si>
    <t>b'\x12\xc5\xc55\xae.\xe9z4\xa4\x9cu\xe4\xee1\xb8\xba6"\x04\xc1\xd6\xfe\x97\x7f\xe4\x00\xae\xa1\xf3\x19X'</t>
  </si>
  <si>
    <t>b"\xf1i\xfc\xceT\xbb%\x8b\x88\x87\x07\x12Y\x00\xcblx.\xc2\xf1\x1e\x9d\x026\x0c'\xef*G\xcfoZ"</t>
  </si>
  <si>
    <t>b'w.\xcc\xf5\xf9\x06w\xb8D/\xb1\xf0Sg\xccls\xfe 9f\xc8\x16\xcb\x93V\xaf\x94n\x8d\x18\x06'</t>
  </si>
  <si>
    <t>b"?\x9a\xe5\xb9\xe2'8\xdd\xee\\\xd0N\xda\x13%\x17\xc4\xe7\x81vu\x91\x91\x98m\x89.\x06eE\x9f\xb4"</t>
  </si>
  <si>
    <t>b'&gt;\ty^p=({\x81C\xe6\xa3\xd3\x1e\xfa\xaa\x92\\\xf4\xd4w\xf6\x03\xec\xae\x92\x0cNNa\x1c$'</t>
  </si>
  <si>
    <t>b'd\xbf\xec\xd6\xafE\x00\xa8\\\x1a\x15ki?\xe2\x8c7\xdb\xa3\x8d\xc9\x03AH\xf7\xfd\xf1i\x9a\xb4\xf9,'</t>
  </si>
  <si>
    <t>catch up</t>
  </si>
  <si>
    <t>b"\x84\xeds\xec\r\x8a\xca\xfa\xc3\x96K4\xc3-\xfa\xfc\x82&amp;='w:\x8f\x83/\x80\xee\n?\xfe\xbdz"</t>
  </si>
  <si>
    <t>b'\r\xf0\x07\xcf8\x06?\x8c\xa6\xdeG\xdd\x9e\x8bs\x92\xc9F5\x98v\x1e\xe3\x97zw\xe3\x12\x02A\xec\x12'</t>
  </si>
  <si>
    <t>b'D\xb1\xeeS\xcc\xf8~\x9c\xef\x89%!.\x10D\x0e\xa7\x92\xa9oP\xc3\x07\x91\xbc\x91e\x89\x8a\xee\xc8\xba'</t>
  </si>
  <si>
    <t>b'\xbb\x93\x03r\x9f\xd7[\x01\x9a+\xd4\x01\xbf\x87\xf4\xda\x1cJq\xcbM\xc7/&lt;\xac\x17\xf5Q\xd9A\xb0\xe7'</t>
  </si>
  <si>
    <t>829xx</t>
  </si>
  <si>
    <t>b'\x82\xb8\xa7\xcavX\x96\x7f\x1eV\x96\x94\xc88\xe3\xba\xd0\x04\x99\x9a\x1fs\xd4\x99\xd7\x04\xbc\xd3\xa3\x97\xfb\xb2'</t>
  </si>
  <si>
    <t>b'e\x03\xaex\xbf\xc69\xd0\xf8M\x18\xb0\tY\xeez#\xf0u\xcf\xa0\xafy\xa5BM\x15\xd0\xb9\x10\xa6\xe3'</t>
  </si>
  <si>
    <t>DC Loan</t>
  </si>
  <si>
    <t>b'\x10+5B\x13ne\xcd\xf1\xf5\t\xd2\xfd\x189\xe8\xdbtJ\x93\x03\x00\x7f\x10\xc2\xfc)\x92\xff/UY'</t>
  </si>
  <si>
    <t>Just to have one payment</t>
  </si>
  <si>
    <t>b'\xe8\x1b\xde\xb6M\x02\x10\xc1\x82\xcbV\x92\x07\xaf\x95a\xe4\x89\xfc\x1a\x85z\x8e\xc0A\xbeH\t\xca\xa5\xb5|'</t>
  </si>
  <si>
    <t>b'T\xa3\xc8\x9e\xf9&lt;;\x95\x90Z\xa5d\xc8+\xa7|1$\xdbB+X\xe2~\xef\xf8Q\x10J+\xf2\xd8'</t>
  </si>
  <si>
    <t>b'd\x07\xe3V\x1b\xb1\xe4\x9co\xb0Gf\x1ao\xe0t\x8d\xa2\x1c+\xe9f\x17\xfb\xe2\xaf\xdb$\xeb\xcdw\xc3'</t>
  </si>
  <si>
    <t>b'\xb9\x9d!^\xfej\x050\x01\x82\x1e\xcd\x81\rR\xc0x\x86\xd4\xf1\xdc\xe3\x8e\xb9;\xd5\x92\xd6\xe1\xe7=,'</t>
  </si>
  <si>
    <t>b'\xacRn\xc1*\x1e\x01\xfaT\xd6\x86\xd5%\x0e\xe4\xa0\xba\xdeh\xc3\x7fM\xef\xe3\xf1\x7f+h$\xba\x04n'</t>
  </si>
  <si>
    <t>Get it together</t>
  </si>
  <si>
    <t>b'\x0b\x91v\x8b\x91\xdc\xf4\xb0\xd5R1\xf0\xf1\xe5\x87\xe7X%\xb9\\\xaf&amp;\xa3\x8cf\t\x9e$aQy\t'</t>
  </si>
  <si>
    <t>Home remodel</t>
  </si>
  <si>
    <t>759xx</t>
  </si>
  <si>
    <t>b'\x7f-\xb4\xda\x01\tf\x92Z0]\x1fb\xedj\xbc\xcc\x7f\xbc)\xf29\x9f\xb63\x80\x8a\xd3\x143\xee&amp;'</t>
  </si>
  <si>
    <t>Citi and BOA refinance loan</t>
  </si>
  <si>
    <t>b'-^l\x96\xcb\xdfw\xc0~3$\xd7E\x1d\x1b\x7f\xde\x84P\xebH\xd3I\x8f"\x91X\x9f#~\xba6'</t>
  </si>
  <si>
    <t>b'\xb4\xf2\xa5\xf5\x8djT\n\x84\x882\xc5,*\xc1\x9f\xf0p\x07\x90\xb5\xf5\xb2KrywI0\xa1\x18|'</t>
  </si>
  <si>
    <t>Refinance Student Debt</t>
  </si>
  <si>
    <t>b'\x13\xf5P\xc7\xc1\xb7\xbcs\xb6en\xf9\x9e\x06)\x85\xc2\x98\xaa3\x86c@g&gt;\xfb M\xe8\x04\t\x04'</t>
  </si>
  <si>
    <t>b'\x9d\xaao\xe1%\xf7\xcf\xc6}D[\\\xd4+p\xfd\xf2D\x13:TOo)\x88J\x87\xeb\x8e\xe3\xe0\xe0'</t>
  </si>
  <si>
    <t>get my life back</t>
  </si>
  <si>
    <t>b'#\xac\x01\xa1\xc3\xa0W!l\xb4\x91}WA8\x9e\x04!\x1f\x01|\x05\xdc\x16\xb3/\xe8*\x984\x95\x93'</t>
  </si>
  <si>
    <t>LendingHelp</t>
  </si>
  <si>
    <t>b'\x0f\xcd\x95\xd89n\xdf\xaeS\xc7\xbeX\xb4\x99\x8cd\x94\xac\x1b\xdeK\x84\xc9\x16\x1a\xd8\\\xfd\x93\xd6\x1a!'</t>
  </si>
  <si>
    <t>lending club loan</t>
  </si>
  <si>
    <t>b'\xe1\xfc\x9cqT\xc4\x8c0\xce8\xcd7\x1b]\x16\xdb\xb4\xc8F\x89\xd7\r\x19\x98\xafm\xcfe+\xe3p\xd0'</t>
  </si>
  <si>
    <t>b'\xa4\xc5\xed\x8b\xc1F\xda\xf8\xabU\xb9\xa5\xb3\x88\x8d\xf9\xbf\xd5\x8b\xdf\x87\x0c\x96\x12\xb7\x95\xdb\xcb\xc8uF\x1e'</t>
  </si>
  <si>
    <t>Credit Card Debt Elimination</t>
  </si>
  <si>
    <t>b'\xef\xc2\x877\xce\xd0\x04\xc3\xf3\x89\x80\xb6\x8c\xb1\xd6\xf65\xdfM\xdfS\x9a\xc0\x8c:9\xe4kt\x08\xd0\xe1'</t>
  </si>
  <si>
    <t>b'\x96\x14\x8e\x02&gt;\xe0\x8b\x87\xbc\xe1\x7f\xeb\x92k\xf2\xdda\xb0\x89{\x00L\xdb6\x1dN]\xa90\x81\xf4\xdd'</t>
  </si>
  <si>
    <t>Quick Debt reduction</t>
  </si>
  <si>
    <t>b"\xfe\x8f\x85CWz\x1b\x93\x90'\x05\xef\xf3,\xd9\xc2\xfff\x88\xd9'\xcbd\xe6n\xae\xf2\x98\xde\x90xu"</t>
  </si>
  <si>
    <t>My Loan 1</t>
  </si>
  <si>
    <t>b'Z\x83^\xd8\xf2\xac\x8bP\xcet\x07\xbf0\xe03\x7fE\xf4Qmv\x16&lt; \xda\xf4\xff\xaeA6\xb9\x0b'</t>
  </si>
  <si>
    <t>b'\xdd\xa2\x13\x80\xf7\xa1c\x98Gn\xd1\xc2$\x8f\x1b#\xb7\x91`\xb4\x86y^-T\xd7\xa9\xa2)\x16\x08\xff'</t>
  </si>
  <si>
    <t>b'O"\x99gj_\xa0\x82y\x92\xa9z.\xdbG)d\xc6s\xae\x93\x9bR_\xf7S\x14\xdf-\x84\x14b'</t>
  </si>
  <si>
    <t>b'\xd2\r\x11\xaf\xb3\xcd\xd3\xd9\x1d\x15\xe7\x13I\x86ha\xaf\x81\xc7\xea\x10\xe0n\x12\xf7j\t\x1e\xc0/\x7fr'</t>
  </si>
  <si>
    <t>Consolidating Debt</t>
  </si>
  <si>
    <t>b'\x9eE\xee%\x1d\x87\x02X\xe6\xb9&amp;\x13\xd4\xd1F0\xc6(z\xef\xcf\x83\x86[k\xd9\xd5Ry\xaa\xc3W'</t>
  </si>
  <si>
    <t>b"2E\xa9\x94{\xd2\xdf#\xe8\xb6\xbe\xe8*\xb4\x9e\t\x98 \xd9\xa5\xc6 \x1f\xbd\xd9d'_}\xbc\xec\xf2"</t>
  </si>
  <si>
    <t>b'_\xff\x97\xde\x9b)\r\x9c3\x01 \x05\xfb1\xd7[]\x03\xd7)\xb9\xec\xab~\xcb\x8b\xbd\xbf6\r.\n'</t>
  </si>
  <si>
    <t>b'\xf4\xa2}*.[R-Y1\xe4j\xc7\xfc9\xbb Vz\x86\xab\r\xf3~F\x05ez\x1bT\xed\x0f'</t>
  </si>
  <si>
    <t>b'\x96\x88\xce\xc0\x98\rL\x1d\x04\x838\x14\xef\x14{\x92\xfb\xa6&gt;\xf5\xf2\x11\x0e\xc1(!U\x87\xad(\x91;'</t>
  </si>
  <si>
    <t>b'\xfb\xa3L\xc4\xb6\x94\xda\xdfb\xd6\x88\xfd\xc9\xfe\xd2\x98\xc7\xcf\xf0\xdd!\xd6\xd6\xdf\xb1\xaa\xc9\xfby\xf0\xac\xba'</t>
  </si>
  <si>
    <t>b'\x97\x039\xa9"\xce`\xca\xd2:X\x12E\x08\xa7(C\xbf\x16\x95\xcb\xf4A\xf7@\xea\xe8As\x80\x97\x8b'</t>
  </si>
  <si>
    <t>CARDREFINANCING</t>
  </si>
  <si>
    <t>b'\x18\xf2\x93Q\xb6\xdeD\xd3\x9c$+P\xeb\x96O9:o \x13\xf0\xb5)\xf1p\x97\x14\xcb\xa2\x7f\xbf\xdb'</t>
  </si>
  <si>
    <t>Refi Home Improvement on High Intrst CC</t>
  </si>
  <si>
    <t>b'W\x97\x84\xf0\x17=\x83\x19\x16\xedW\xa0d\xc4\x9dN\xea\xb4m\xbb\xfc\xdd\xbb\xca@\x8f$\x99\xdc\xd4\xa54'</t>
  </si>
  <si>
    <t>b'\xfd\xe0\x13\xe3!h\xdf\x00\xb2g&lt;\xf8\x048\x84\x95W\x89x\x98\x00bF;\xb2S\xcaB\x89[\xa0\x11'</t>
  </si>
  <si>
    <t>b'\x94MH\xd6\xe3\x93\xc6K\x88\x14\xf7\xd6\xfb\xcdO+\x19Pg\x9b\xa2\xaa)\xe6\xb7g\xbe?\xa6\xeb\x15\xae'</t>
  </si>
  <si>
    <t>b'\xe5;z\x86\x0c\x15m\x1f\xe2s\x0b\xfbz{\x81\x0c\x9a\xd8\x9et\x95,\xb7\x16\xc9\x03\xa9\x7f\xcc\xd8\xa2\xa1'</t>
  </si>
  <si>
    <t>b'\xd4\x96v\x85\xce.&gt;\xa9s\xe45\x9c\xae\x81ex\xa9\x17\xa4\x8c\x94\xe7\xab\xd1\xb1\x8f\xeem\xb0-\x9f\x19'</t>
  </si>
  <si>
    <t>b"MiQ\xa5\xc6QVn\x7f\x13.\x1e\xb8\x9dE!\xe0\x17k\xac\x19'\x01\xb5J\xa5\xeeL\x17r\xc6\xd7"</t>
  </si>
  <si>
    <t>Refinance &amp; Home Improvements</t>
  </si>
  <si>
    <t>b'&gt;\x9f\xf1\xb48\x94#\x1d\x01DZS\xe1XJ\xdbzQDH\x93P\xe5\xffnq"\xa1\xb0r1I'</t>
  </si>
  <si>
    <t>b'\xf90\x7f\xb4bX\xf8\x07\xebl\xa3P\xc8\x16\xe2p\xbe\xc8`H\xff\xc9w5y\xac\xcf\x87oNo\x84'</t>
  </si>
  <si>
    <t>b'\x05T\x01\xca\xfd\x8e\xd1\x19\xabj\x91\xb7\x14!g\x009\xb5\x1e\xc7\xf6aq\xc5\xc5\x08\x9b\x93}\x00\xba\x0e'</t>
  </si>
  <si>
    <t>b'Q?}\xa8+(\x9az\xe0z\x1etIZC\x12Y7\xfds\xa1\xba\xc4\x10\x100n\xf6\x9b\x8d\x10}'</t>
  </si>
  <si>
    <t>Time to get serious paying down debt</t>
  </si>
  <si>
    <t>b'\xef\x0cSW\xb9\x02\xb4\xf8\x8f\xe7wq~\x1a\xe8?\x8a\x04e\xb6\xe37\x95\xccR \x07\xb99\x06&lt;P'</t>
  </si>
  <si>
    <t>b'\x1a\x19X&lt;\x96\x01=\x04+\x0b\xe3?\x0f\tz\xac\xff_\xf2\x83\xf7\xfc\xc8\x7f*\xba!\xc3\x9e\xcd\xa4\xf0'</t>
  </si>
  <si>
    <t>b'\x00\x80x\xb4^\xd1\x99\x950\xed\x9e\xf0j%\xd4\xf1\xe9\x84\xdd\xc5\x9b\xd3E\xfd\x0e\xfc\xfa\x03\xe4\xda\x81\x02'</t>
  </si>
  <si>
    <t>b'S%\xb7N$\x1b\xa6\xc5\xc7\xb8\x14\x08&lt;!\xadi&lt;\xa8h\xb3\x9a_\x8a\xde\xc0\x10\xc3I\x07\x95)\x18'</t>
  </si>
  <si>
    <t>CC Free</t>
  </si>
  <si>
    <t>b'\xa4\x8f\x9c8\x03\xe2v\xaf3\xed\xb8\xaa\xe2yK\x9e\xf5\xcb0\xc7\x01\xb47\x1c\x87\xcd\x14\xa2\xe1-\r\xd1'</t>
  </si>
  <si>
    <t>Please help me pay off credit cards!</t>
  </si>
  <si>
    <t>b'\xd0\x9cJ&lt;\xf4J\x05:S\xc3\xd0W?\xae\x85\tP\xa0\xfa\x8a\xe6\x07\xf5\xbd\xe5\xdf\xbeB\x962\x18\xc7'</t>
  </si>
  <si>
    <t>b'\xbc\xb2\x02b^&gt;l\xc3*\x88\x1a\x96"\xdc\xef\x02.=\xe1\x1a\xa4\xbb\xb8\xed\xc6W\xec\xe4,\xe3Nj'</t>
  </si>
  <si>
    <t>b'\xa1\xacM\tq\xfbV6\xf9\xa8\xdf\xf3\xd5\x87\xe0\xffS\xd9\xbd\x8b\xa5oE\x07\x9f[}\xa6.\xe4\x919'</t>
  </si>
  <si>
    <t>b'VP\xe6\xa8\xfbw\xadH\xc7\x82\tgRu\x83\xd9\xf6k\xc2\x92\xaaD-\xe0t\x9d\x86\x11\xa8\xa8z\xe9'</t>
  </si>
  <si>
    <t>the great</t>
  </si>
  <si>
    <t>b'\x14 \xf9\xc6\xe3\x9d\x97\x15\x89tRy\xb8\xda\x01\x81\xfe;\x08L\x9b\xc5\x85\x92\xbb\x0eJ\x8du\t\x8d\xae'</t>
  </si>
  <si>
    <t>b'\xd1L\xa7\x8f\xab\xc6@0\xfd\xb0\xbb\xbd\x10v\xb5GC\xa8\x04\x10\x88\xda\xb0d|\xe8\xb4@VX\xb8\x85'</t>
  </si>
  <si>
    <t>Lower my APR</t>
  </si>
  <si>
    <t>b'\x9dTAP\xe8\xc0\x8c\x85q^\r\xad\xa0\xb5{\x12\xc3\xbf&lt;j\x87\xf1\xbcm\xfd\xa8\xbd\xe3\xca\xa9\xefW'</t>
  </si>
  <si>
    <t>b'\x88-\xd3\xcb\xb27\xe8~^%\xc1\xd8\xbb2cY\x99$\xb2\x96\x16C]\t\xa6P\x99\xd43\x95\x04v'</t>
  </si>
  <si>
    <t>b'\xfd,\x9c#[N\xc6\x8e\x1c4=\x96e\xb8\xbf^9\xf5#0\x17d\xe4{\xee\x8f\xa6\xa0_X\xaf\xc5'</t>
  </si>
  <si>
    <t>b'\xdc\xcc\x98v\xf2}\xe2\xe3\xcd\xfa\xe9\xfa\x90\x96X\xfaE\x91IYT\xf1W\xecpn\xc8`\x00d\x89\xfe'</t>
  </si>
  <si>
    <t>b'\xc6\xfa\x03\x19\xf1b\xde|q1\xe7\xadA\x82V\x88\xf0\x08,X%\r\x80\x1d]\x81\xe8\x1dU\xc4\xa6Y'</t>
  </si>
  <si>
    <t>b'k\x97\xbf\xa3\x01M\xec\xa2\xb7o\xed}X\x91^%lwc\xf8\xbf\xbf\xdaw\x05M\xfd\xfd&amp;\x850#'</t>
  </si>
  <si>
    <t>Credit Cleanup</t>
  </si>
  <si>
    <t>b'\xe1d\xf5\xe7\x1a\x03y\xa1\x00`*\xcb8F\x8aO\x8d\xe6\xef#\xde7\x92=\xa7.\xfb\xc50\xab&amp;\xee'</t>
  </si>
  <si>
    <t>b'73r\x15_"\xf3\xe8\x8bO3\xd2\xa2\x80\x80F]\x16VA\x98\x9f\xa3\x92\xe4\xc82\xdcAlt\xbe'</t>
  </si>
  <si>
    <t>Start Fresh</t>
  </si>
  <si>
    <t>b'\xa4\xa0X\xf3\xf8\xa7\xd2\x07\x00^\xf7x\xde\x1c\xde\xcf\x93\xe5\xc5\xb7\xdds\xd5\xed\xbb\x9f3~\x8b|\x84\x00'</t>
  </si>
  <si>
    <t>Consolidating and done</t>
  </si>
  <si>
    <t>b'!\xe2\x9d{\x1f#1\xd1HB\xf3N\xf3\x93`\x84\x8f\xd1\xd3o\x07\xbav\xee\x8f\x84\x07V\x0e\xdac\xb7'</t>
  </si>
  <si>
    <t>b'l\xfdd@\x8b\x9e8\xd5\xe7\x15\x9f\x14\rU\xccT,\x96H}\x84\xbd\xde\x94\x10\xf9\x1d\x84K}\x9b\xc7'</t>
  </si>
  <si>
    <t>b'\xab\rO1\x18\xa8\xe94\x19\xd2\xec\xc8?k \x08\xe5D\x92h\x98\xaeY5\xd8s\xbc\xc2L\x13N\xfa'</t>
  </si>
  <si>
    <t>b']\xbbI\x04l\xd2oc\xb9E\xc7\x966\xca\x8d\xeeo\x99\xf9\x870_)\xa1R\xd9Bb\x8f\x849\xd9'</t>
  </si>
  <si>
    <t>Refinance plan</t>
  </si>
  <si>
    <t>b'\xd3\xdf\x8e\xde\x13a\xe5c\x9c\x1c\xef\x1e\xbb\x82\x0b\x80\x04\xfd:RA\xbc\xd0\xad\xafD\xb1\xf0\xcb\xf5Z\xf2'</t>
  </si>
  <si>
    <t>Debt Consolidation/Home Improvement</t>
  </si>
  <si>
    <t>b'\x01\x17\xfb\xe8_d\x91\x05\x1c_Z\xa8\xac\x90\x8d\xc5\x90\x1d\xd4k467\x03KO\xf5\x9fE#\x9b}'</t>
  </si>
  <si>
    <t>b'X\xb5\\Xy[\xf3\xd3}}\xdc\xae\xbd\xc1K\x9c\xa2\xf3\x0f\x0ePad3\xcdt({\x9b\xa8\xd0J'</t>
  </si>
  <si>
    <t>b'\x19\x93\xe5\xa8\xc9\x15\x9e\xbe\xd9\x06\xad;\x16\xa0\xf5\xd2\xf5\x1a\xeaH\xa3!\xa7\x84\xc2\x19\xbfw\xbc\xc3\x01\xae'</t>
  </si>
  <si>
    <t>b'e[P\xe2&gt;|x\x89\xf5\xa2\xdd\xea\x89r\xdc\x8e\xe5\xb4\xbd@\xb2\xa2/\xe7\xc6\xb53\x91\xc5`\x92&amp;'</t>
  </si>
  <si>
    <t>Getting Right</t>
  </si>
  <si>
    <t>b"\x88\xc9\x04S~\xfc\x88'\xc4o\x0bb'\xa5w\xfb _H\x17\xd0tB\xa7\x92\x9fb\xa9\xd1\x04K\x1d"</t>
  </si>
  <si>
    <t>CreditCardAndHighInterestLoanPayoff</t>
  </si>
  <si>
    <t>b'\xe8f\x0e(\xb4\x85\r\xd5\xb0A/\xdb\xb1\xbc\x93J+\xf4b\x03\xa8\x192j\xd4\xfe\xb8\x94\xeb\xe7\x7f\xdf'</t>
  </si>
  <si>
    <t>b'\xc1\x972\xd2\xb0\xc1\xfb|P\xf1X\xe3\xe3\x0c\xae|\xa7Y\x88\x8c\x1b\xc7$m\x14\x8d2v\xee\xc0A\x91'</t>
  </si>
  <si>
    <t>b'\x01!\xb8\xfd\xebi\xd0\x05\xec\xde9H]b\x8dxL\x8baTf\x0b\xa2F\xaa\x9c\x1e@\x90\xd9\x1a\x86'</t>
  </si>
  <si>
    <t>b'\xad\xa4\xa6\xd0_\xad\xd0\xc1\x12\xc5\x0e\xec\x8b\xb7\x95\x1a\x03{ko\x8a\x83w\x95Sp\x0c\x9dA6&lt;\xd8'</t>
  </si>
  <si>
    <t>b'\xd9wa\x95\xac\xd4uv\xd5\xf4\xffM\xfb\x15\xd9\x9d\x11N\xa0\xce4\xbakC\x1d\x99)\xb3jo\xfeM'</t>
  </si>
  <si>
    <t>b'\x7f\x0fN\xa3\x06J158\xae\xa3\xcd\xa1\xa9\xd9_\xd1!\xd8h\x0f\xbavj\xad\x06\xa8\x15\xd1\xb8kT'</t>
  </si>
  <si>
    <t>b'+iu\xf6\x11\x8e\xaa\xaaB\xbd\x00\xc1\xa5E;^\xbf.\xc9\x07\x82\xe2\xa3\xad\xb8\xf6`\xee v\xa1A'</t>
  </si>
  <si>
    <t>Cosolidation and homerepair</t>
  </si>
  <si>
    <t>b'\x99?\xcf\xb1\x1ea8\xfbv\xbc\xcc\xb7-\xe0\xe5\xbd\x1cp\t\xf1\x91\x024\xe7\x9e\x9e\n\xde\x128\xe9\x93'</t>
  </si>
  <si>
    <t>b'F\t5/\x89\x11\xb3\'\x85a\xcb\xfdJ\xc2\xdf&amp;\xeb\xae\xe4\xef[\xf2\x19\x90@"\x84\x9c\x05O\xcb\xa3'</t>
  </si>
  <si>
    <t>b'\xc6\xc3(\xf4\xddUr%\x7f\xccW\xef8\xc4S\xd1w\xc2$\xf0\xde\x05\x17\x91\x08\x7f\x93\xa8Nw\xe8n'</t>
  </si>
  <si>
    <t>b'\x9bgJ\xa0\xb7v\xb6O\xfa\xb8\x15\x96\x1c\x92&amp;\xfeX0{\xc7}\x8d\xcd\x17t,\xe0\x0fk0\xeb\xbb'</t>
  </si>
  <si>
    <t>New Beginning</t>
  </si>
  <si>
    <t>b'D\x9a\xee\xe4S\xb0G\xdf\xa6vF\xfa\xfe\x15\x0b9\xff\xc2\x82\x96\xac\x8d[\xafp\x18\xc10\xa7\xee3\xa4'</t>
  </si>
  <si>
    <t>Discover and State Farm refi</t>
  </si>
  <si>
    <t>b'p2\xbe\x7fH;\xc5\\\xe0s\xd6\x1a\x96+\xb0\x14j\xd0\xe7\x01\xb0s(\xa0q\xe4\xa0x\xf7RP\xd7'</t>
  </si>
  <si>
    <t>Life Organization</t>
  </si>
  <si>
    <t>b'\x19.\r\xb6k\x82S\xd8\xc8\xce\xa3kX8/\xb4\r\xa6H\x8c\xcc\xef\xff\x90\xdb\x8e-%F=M\x16'</t>
  </si>
  <si>
    <t>CC debt</t>
  </si>
  <si>
    <t>b'\xe2\xfd\xa5\x93#\xf98/Pel\xe96|\xd7\xf3K\x86\x93\x1a\xfe\x15;W\x14\xa4/b\xa6\xb1\xa90'</t>
  </si>
  <si>
    <t>b'\xb8\n\x0b\x9b\t=\xea#X\xd6\x92M\xe5\xb7j\xc1\xe1\xf7\xce\xbe\xc8\x8d\x00\x0f&gt;\xdb\xcf[\xefiD\xcc'</t>
  </si>
  <si>
    <t>b'\xcd\x1c~!\xee\xf2a\xa3Y\xa7\x8b\xbf\xc9)\x90\xd8^WW\xecrfS\xc8Lrb\xe9\x95\x88n\xa3'</t>
  </si>
  <si>
    <t>get it fix</t>
  </si>
  <si>
    <t>b'\xf3\xe0\xc7\xdf\x1b\xc1\xcay\xa1\xfc\x8bI@v\x1d9\x98v\xe60p\xdf\xcb\xa6\x9eR\xddn\x9c}\xd0\xea'</t>
  </si>
  <si>
    <t>b'\x9a6i\x17L\n\x8f;\xe2\xe6\xc6i\xd7?\xe7u]\xf6\x9d\x05\x95\xc0\x92\x8fx{\x1b\x17*\x95\x82\\'</t>
  </si>
  <si>
    <t>b'\x91-\x0146[*\xb0\xc0\xe6\xab\xfa\xe7\xb7\xf5\xc2\xb2\xdafDk\xe0\xd8\xea\xd6\x03\xc4\xf8\x1ed\x13\xe0'</t>
  </si>
  <si>
    <t>b'\x18\xd9\xad)\xc9[Z\x02\xf5\xbd\\\x98:\x87\xdfB\xb9\x0f\x02\x1es-\x1b\x1fg\xebw\x83\xe7\xf1r\x1a'</t>
  </si>
  <si>
    <t>b"\x13\xf2\xb7V'\x1a\x02\x0b&gt;\x08(H\xe1\xb3\xb2\xfeLK\xe7\xde8\xc7\x99\x1e\xads\x0c77jV?"</t>
  </si>
  <si>
    <t>Remodeled Bathroom</t>
  </si>
  <si>
    <t>b'\xb2\x08\'\xe9\xb0\x992\xbav\x98\xf4\xd1\xf1\xaf@+,\x0b|\x1aEivT2\xe4"\xf9\xf2;\xd1|'</t>
  </si>
  <si>
    <t>b' \x13\xa5\xec\x16\x8d\xe5\x19\x06\xc5\xe1#DD\xac\xc8e\xfc\xa9s([\n*g\x18~cP\x0er_'</t>
  </si>
  <si>
    <t>b'\xb1$\xefd&amp;?\xd3c\xe5\xbf\x8e\xcfw\x031\x83\x0f\xa1m\xca\xc3\x169\x7f*\xfa\xaejTP3\xe7'</t>
  </si>
  <si>
    <t>b':\xe5\xfe#2\xeb\xba\xa2\x0b\x11[|B5Q\xeb\\G?\xce\xfe\r\x7fz\x13):\xe4\xc4\xdf\x18\x83'</t>
  </si>
  <si>
    <t>b'\xc5\x7f\xa9\xa9\xbf\xb3\x06\xf1[f3/\x8f\n\x89\xbam\x1b#\xaac\x87xrz#\xd8$\xa1\xd5\xac)'</t>
  </si>
  <si>
    <t>b'\xc2\xab\xf5biB\x1a@\xeas\xd0?\xb2\rYc/\xf9T\xdbw(\x07h\xcc\xff\x99\x00O\x17Jh'</t>
  </si>
  <si>
    <t>b'\x9d\x10S\xb5trK\x06 \xfaW\x91!\xb7\xdbc\xa9\xd1\xb4\xb0i\xcf;\xf6\xec\x18\xfc\xee\x91\xb1\xa0-'</t>
  </si>
  <si>
    <t>HomeImprovement</t>
  </si>
  <si>
    <t>b'\xe9\xc2\xc7\x14\x84]V`\xe1!\x11*\xd2\xce+_\xb9\x90\xe6\x8b\xa2XZ\xbc\x95\x05\x0cm\x8d\xb0lz'</t>
  </si>
  <si>
    <t>b'R\x01VCu\xbd\x8bgN\xcf\xf9\x9e\xc4`m\x92\xbd7\xbd\x9a\xe7\xd1\xde\x1e7\xd8)E\xeb2\x1c]'</t>
  </si>
  <si>
    <t>b'\xd8d\xc82\xce\x1e\xda0\xbd\xb3E\xf7\xda\x83\xc5O\xfe\x9e\xcan\xd4\xdfY]\xd7\x7f()\x1c\x8e)\xb1'</t>
  </si>
  <si>
    <t>Windows</t>
  </si>
  <si>
    <t>b'\x06\xc12\xf1\xbcD\x94-X\xec\x13\x8c\x87\x8aN\xb5\xceB\xf4f\x87\xce&lt;\xaf\xd1_M\xd4\x8d\xdc\xc6\xa2'</t>
  </si>
  <si>
    <t>b"M#i'\xe1\x806\xb55n\xe7\xa19\x10/+\xcb:\x15\x0fJ\xf1w\xa8\x92:V\x87\x9b\xae\xca\x0e"</t>
  </si>
  <si>
    <t>b"\xeb\xed'\xf4\xf8\x89\x1f`\xa5N\xaf\xe7\xd7\xf9\xc0\x19\xad\xacD\xdd\xd7\x08\x04h\xd7\x9d\x90\x0b*\xe7\xce\xd0"</t>
  </si>
  <si>
    <t>b'1\x1c\xcd4\xee\xea\xb1F\xa4\x11@2\xe1\xf8}!~\x80h\xbf&lt;\x1e\xde\xa6\xf5\x05&lt;\x9b\xa5\xee\xcf\xa3'</t>
  </si>
  <si>
    <t>b'\x8e\x1d\xb2\xc0\xd4\xa7\x17x%\x9fi\x91EK\x04\xe5\x7f+N\xb7\n\xa9t\xe1\x9f#\x11\x11W\x05\xb8\x10'</t>
  </si>
  <si>
    <t>b'\x1a\x82Q\x96\xf9/\x18\xfa\xff$:"\x8d\xc4\xf3\xe2W\x93&lt;\x1c{\xf2\xf4\x032\xd5\xe0&gt;\xfc\x99{\xb6'</t>
  </si>
  <si>
    <t>b'\xf1&gt;?\x15X#\xe4Ej!\xb05r\xfb\x12\xd8\x98\xa6a\xda\x0eW\xd3f\xfe\xa0\xa2\xdd\x12\x8e\xd3\r'</t>
  </si>
  <si>
    <t>b'\xd0\xbd\xd7\xe6\x98)\x0e\x8b\\=\xd7&amp;3t\x04\xc2\x7fN\xe1\xd2\xf8\xec\x91\xb9W{\xefW\xca\xb4\xeaS'</t>
  </si>
  <si>
    <t>b'\xe89\xde\x8b\xa6!\xe4\xed\xb7/uh\xa1\x0f&amp;6&gt;Z.]\xd2\x98\xc9\xe7\x16\xea\xb2U\x8fO\xe4~'</t>
  </si>
  <si>
    <t>Killin my Debt</t>
  </si>
  <si>
    <t>b'."\x03\xb0\x03\xff\xa8\x8a\x081\xf0R\xc2\xadT\xd4\xbc\xc2\x0bIJ\x0fl\xb6\x8f\xe4\x84\x81]\xf6\xc5\x91'</t>
  </si>
  <si>
    <t>Breaking Bad</t>
  </si>
  <si>
    <t>b',D\xc9\x06P\xb1\xbbaG\xabgh\x9d\x1f\xd2S|AXTU\x9a\xbaBQA\x10\xbbvO\xb4\xcb'</t>
  </si>
  <si>
    <t>b'\x82h\x11 \x1b\xadr9&amp;\xaa&gt;\xd6\\\xe0\xc7q\x00\xe0\x9d\xb5\xf5\x8b\x8f\xce*\x14\xb4\xec\xd7=\xc73'</t>
  </si>
  <si>
    <t>Repay</t>
  </si>
  <si>
    <t>b'\xe4\x1b[NM\xed\t\x9f\xd9\x8f\xb1\xe2b:\xd1\xb0gi=v\xdd-\xba&gt;\xa8C_\xe7\xc8\x14\xc9t'</t>
  </si>
  <si>
    <t>Debit consolidation/ financial freedom</t>
  </si>
  <si>
    <t>b'\x0c9{\xc9@.\xdc\xbd\x90g\x00\x06\x8d2\xea\x86A\x15\xac)z\xfb\xf1k\xf0C\x99\tN\xc3/\xe2'</t>
  </si>
  <si>
    <t>b'\xcf\xf25\xcc\xb6\xa0\x9dU\xaeZwn\xa8L\x00\xb54\xc1h\x94*w\xb7\x95\xce\xac\xfff\xb2\x07\xef6'</t>
  </si>
  <si>
    <t>b'\xcdi\xc9j\xed\x86U\x0e\xb8\t\xcb\x12dVHr\xbd\x80\x81\xa6\xc6\xb2\xf6e\xfe\xa8&lt;z\xc3I$@'</t>
  </si>
  <si>
    <t>b'\x10},\x92\xd9\xeb7\xb9\xf1;1\x1d\xec^j\xc2\xfb\xc8S@\xcf\x7f\x85\xa7;\xba\xc6,a\x90b\xa9'</t>
  </si>
  <si>
    <t>b")'\xc4\xc2`q1\xa2'\xc6@,&gt;(\x7f\xce\x0c\xb4\xae\xbb?\xe95\xc5\xf0\x8fn\xd7\xee8z\xa6"</t>
  </si>
  <si>
    <t>b'/\x99\xa5\xedn\x0f\xd9\x12\xa3\x84]\xf7\x02\xab\x0b7\xd1\xb4\xce\x14^\xa0\xd5\xbc\xd1\x89\x06\xe3\xbey\xbf\x90'</t>
  </si>
  <si>
    <t>265xx</t>
  </si>
  <si>
    <t>b'\xc0\x05\xe2\xdcY\x1d\x8d\x16\xcc}\x82G\xd4\x800\xff\xdfR\x12\xaf\xa5\xe0\x81E\xc9\xa4\xa0^!\x1dw\xa6'</t>
  </si>
  <si>
    <t>b'\x94\xc4-\xbf\xe2\xdf&amp;w\xa2\x92\x90\xa0\xfe)\xf9r}\xb3\xdd\xb9\xcbr0N\xa8\xb2\xf7\xc9\xc1\xa8\xd5\x92'</t>
  </si>
  <si>
    <t>SANITY PRESERVATION LOAN</t>
  </si>
  <si>
    <t>b";'\xac\x13&lt;dS.X*\x0bN\xb3!tC\x11\x02c4j\x0e\x9bD\x82#\x87\x83]\x0f6\x08"</t>
  </si>
  <si>
    <t>b'\xf4\x08(&lt;A\x87\xf7\xa5\xf6\xff\x13\xaa\xc4\xdb\x0c\xc8 \x04\xd7sX\x99\xda\x01{#\x7f\xe8\x96w\xd9r'</t>
  </si>
  <si>
    <t>Credit Card re finance</t>
  </si>
  <si>
    <t>b'r=\x85\x1cCdv\x00\x8f\x8eX-\xcdm*v5*6z\x97\xb9\xd7\x91\x89\xb2]M4\xfc\xb2H'</t>
  </si>
  <si>
    <t>My Future Loan</t>
  </si>
  <si>
    <t>b'\xefV\xa6\x8e\xe4x\x83|\x99\xb79\x08\x89\x00\x04"\x91\x8b8V\x1c}\xb5m&lt;\x17\xaa\x04A\xc8\xf6\xab'</t>
  </si>
  <si>
    <t>b'XU\xa4\xfc\xeb@\xd6|\xfa|\x8a\x86\x11\xc0KZ\x00#\x95\xfe~\xdb\xf2\xed&gt;-L\xbd\x97\xb5s\xbb'</t>
  </si>
  <si>
    <t>b"\x95Fa\xd7\x91A\xbfJ\xbc!&amp;\xd1\x99\xedrY\xc7}|d\xb7\x8d\xa3'\xbe\x8f\x1a\xcbGj!\x1c"</t>
  </si>
  <si>
    <t>b'\xce\x88\xd7\xb2X\x84\x9e\x07B\x9d\xcb\x8c/\x0e\xab\xf9\x98\xdd\x08\xf5\x04\xca\xee\x8a\xbd\xebG82\x80{\xfb'</t>
  </si>
  <si>
    <t>b'\xd0\xd4\xa3\xb7F-\xfd)\x1c\x0c-\x8b/\x00\x02\xab\x8an\x0e]\x9f\x9b\x8b*\x0e\x98\xf0\xab\xb6\x05\x95k'</t>
  </si>
  <si>
    <t>b'!I\x07\xfeJ\xee@\x1f\x13\x90\x0eO5\xf9\xa4\xaec\x91\xfb\xa8\xf86\xb2\xaa\x18\xd1\x8e\t\x9d\xee\x1b\xe5'</t>
  </si>
  <si>
    <t>CC refinancing</t>
  </si>
  <si>
    <t>b"\x8dI'\xf2\x9cO\x88f\xc3\x17[\x0bw\t\x14Z\xebk\xe7w\xbd\xa0a\x82\xd4,V;Yd\xba\xfb"</t>
  </si>
  <si>
    <t>b"O\xf2'W\xf5\xc9\xbb_U\xe5W\xc3\xbb\x00$1\x8f\x838Z8J\x94\x16NM\x97\xbdG\xf1\x14Y"</t>
  </si>
  <si>
    <t>b'l\x96\xd6-*2,\xc1\xdc\rU\xba\x07\xcdf\xfd\x86s\xde\xc6\x1f{\xed\xa1\xaf[xLc\xd6\xe5_'</t>
  </si>
  <si>
    <t>b"\xdf\xad\xc9\x0f\xc1\x12'\x13\xac\xdb\xb0\xcej\x1f\x19\xfd\n\x99\xe8)\x13\x06&gt;R\x81\xf7\xec\xa3\xc9\x0c\xa9\x98"</t>
  </si>
  <si>
    <t>b'\xbe\xa6\x97j`\x030\x0f}&lt;\xf4\x87\x08\x8e\x85Z\xd3-\x1e\xf7"4\x9a;\x07\x10\x87\xf0\xf1X\xd1\xcc'</t>
  </si>
  <si>
    <t>b'\xb6\x94*\xf3\x88\xe0\x01\x05\xf6\xfa\xf4&gt;\xc8%2eG^W\x03\x98\x11\x9d$TwE\x89\xe9\xe7\xcd\x1d'</t>
  </si>
  <si>
    <t>b'!c\xe5\x94i\x08\x8a\xa2\xa84I\xd5\xb6\xca\xc2nJ\xf4\xd3\xfc\x03\xef\x8c\x9a\x85\x0cc\xbbU\x13\xe5\xb1'</t>
  </si>
  <si>
    <t>b'\xa7y\x00:T\xb3\xbd5\xe3\xd7\xae\x97\xa9T\xe2\x02\xb9&amp;i\x0f^F\xd6\x89\xf3\x19\x9b\x87\x1b\xb9\xd1\xc2'</t>
  </si>
  <si>
    <t>b'r!\xf9\x0f\xf1n\x86w\x13]\xb3\x91x54\xb3\xc0\xbb\xa0\x1c\x8d\xf2\xc4\x9b\t\xac\xc1\x81( X\xa9'</t>
  </si>
  <si>
    <t>b'"\x07\xd0w\xb6V\xbf\x1a\x0eqo\xbf+v3\x14\x1adM\x1b\x80\xfb\x00\x87\xd6\xce\xfcJ_W\x93\xc3'</t>
  </si>
  <si>
    <t>b"\\?\x89\xf3\xab\x81\xd3\xb8\xe3\xd1\x84\xa52\x10]\n ou\xac\xa3'\xa0\xa4lC\x01\x950\r\x18R"</t>
  </si>
  <si>
    <t>b'\x1c\xe3y\x8e{V\x1d\xc8oK\xc3\xd9\xd0m\xf1\x1b\xf3\xe9\xcc\x8b\xda\xd4\x91\xffQhDfK\xf0|\x0b'</t>
  </si>
  <si>
    <t>Pay down debt</t>
  </si>
  <si>
    <t>b'\xf1\x17\xcb\x93\xfe.\x10Ls@\x07y?O\xeb\xe8jc~\xa5SH\xec\xca\t\x16\xb3\xdb\xeak\x98\x89'</t>
  </si>
  <si>
    <t>b'\xc9\x0c\xa8U,x\xb6\xa1\x7fD\xa0*\x83\xc2\xa9\x9c\x85H\xbc\xe2W\x91\x1a\xac\xdd$v\x8f3/\xf8\xe0'</t>
  </si>
  <si>
    <t>b'\x15\xd15\xceA\x1e\xa8!\xabcO5\x12)\xf0\xdc4\x8f!\xc9\xf0[A\xbe\xc225\xdfZ\xdb\xe3z'</t>
  </si>
  <si>
    <t>b'\xd8%\xa7\xf3\xcc\x19@;8\xbeq\x98\xdd&lt;\x1f\x88\x7fMw\x88\x7f\x02\x80\xe4~\xf9{\xad\xa7\xdf\x1dr'</t>
  </si>
  <si>
    <t>Debt cutter</t>
  </si>
  <si>
    <t>b'\xc0x\xd3R\xcdf\xc6]\x92\x94\x8d\xd0\xc1jf\xa4?\xb3h\xa6\xf8\xe6\xc8\xbe\xda\xb6\xf9\xc6y\xc6MK'</t>
  </si>
  <si>
    <t>Thankful for Life</t>
  </si>
  <si>
    <t>b'NM\x14,\xe7\x0fO\xe6N\xd6=\xbb \xaeu~\xfd"#\xaa\x9b\x19)nc\x92\x99W\x94\xf9\x9d\xb4'</t>
  </si>
  <si>
    <t>Roof Replacement</t>
  </si>
  <si>
    <t>420xx</t>
  </si>
  <si>
    <t>b'2\x14\xf2\xe0"\xd8\x90\x01W\x9a\xe91\xcb{\x02E\x99\x9a\x14\xf0)tT\x90\xa4\xad\x01\xabo\x03\xde\xeb'</t>
  </si>
  <si>
    <t>personel loan</t>
  </si>
  <si>
    <t>b'\xa5v\xad\xea\xbe\xb1\xb1\xd8s\xf8Iy\x9a\x8fhVE\x9d\xf0\xed`\xa6\xf4&gt;m\x16[\xd7\xaf\x175\x1a'</t>
  </si>
  <si>
    <t>do over</t>
  </si>
  <si>
    <t>b'%\xbe\xeb\x88od\xc9\xd4\xdc_s\xaa6\xafN\xd3\x8d\xa1g\xa3\xe7\xe4Y\xe2k\xeb\xe2\x07\x9c:D\x15'</t>
  </si>
  <si>
    <t>b'\nv;M\xbe\x1eS\xa1Q\x98\x00j"-s\x1d\xa3\xdcK\xaaa\x83Dm\xd4\x1e\xd5\x9c\xfejw\xc9'</t>
  </si>
  <si>
    <t>b'\xdc\xbc0\xac!\xb0\x91g~3*,\xc92\xc7R\nW"\xe8\xc9\xee\xde\x82*\'x\xab2vhn'</t>
  </si>
  <si>
    <t>b"\xb1\xcb-\xfc\xa2_\xc0\xca\x1f28\x08S 3\x01\xcf&gt;\x8d4\xba\xb2'}\xff\x85|}\xe7\x08\x9c\xca"</t>
  </si>
  <si>
    <t>paying off credit cards</t>
  </si>
  <si>
    <t>b'\xf7p\xc5\xe9A\xb8:\xd4O\xd7&lt;#\x8a\xf1\xa47\x82&gt;\xa5/i\x1a\xf2hZ\xdb\x10\x05\xfeP\x80:'</t>
  </si>
  <si>
    <t>b'\xcb\xd2V\xb4\t\x90\x9c\x93CI_\x15@w\xd7,\xd2\x1c\x9e\xbc\xd4\x9fA&lt;D\x9a\x1cS\x94B_6'</t>
  </si>
  <si>
    <t>b'\xb8\xea\x1eKJ\xa8\xf0\x97\xc3\x85_\x99\x9b\n\xe3\x060\x1d\xdd\xa7\x9f1\x14\xb2\x85\x93\x98\xdb\xadd\x90Y'</t>
  </si>
  <si>
    <t>b"\xcc\xa8\xd8\x07t'\xb8\xe3\n\xaf\xb61h\xc4W\\G\x04\x88F\xb0cJ\x1e\x179\xd1\xb7\xa6\xc3\x91\xe0"</t>
  </si>
  <si>
    <t>b'\x8d\xf4\x082\xc5\x9b!I8YC\xf0M!\xbd\xe0\xd3\xde\x80\x155*\xba\x14P_s\xc1\xa7\xb5[\xcf'</t>
  </si>
  <si>
    <t>Refi_Consolidation</t>
  </si>
  <si>
    <t>406xx</t>
  </si>
  <si>
    <t>b'/\x07\xe7Z\x17\xc841\xd9k\x8f;&lt;\t\xc6bL\x14\x8ae\xd3s\x06\x18\xc4NM\x0c\xaa\xc1_+'</t>
  </si>
  <si>
    <t>b'\xfb\xe3SED|\x08\xea\x8e\xcb6DL\xac\x83\xba\xf6\x1f\xb9\x94MY\xff_\xc2Q7\x15$\xc1\xac]'</t>
  </si>
  <si>
    <t>b',PH\xd8\x92\xa0\x87\xf2\xc3\xed7\xfc%\x1e\xf2\x87"u\xf7m9\xb8\xb5\x13E\xdci!\x1cNXr'</t>
  </si>
  <si>
    <t>Help Fix My House</t>
  </si>
  <si>
    <t>b'\xcd&amp;\xce\xe5\xe2\x13\xba\xa5\x91\xe9\xdb\x95[o\xfc\x17%\x05\xc1L\xcf\xaf\xfc\x8b\xabS@\x95\xc2,\x98\xc5'</t>
  </si>
  <si>
    <t>b'Sj\x1c\x1b(+\xc3\xec$\x01B%\xcdgA\xa1\\z\xe7\xb3"T[\xeb\x80\x12\xde\x8e\xf5\xca\xd8d'</t>
  </si>
  <si>
    <t>b'\x12~\xe8\xe7s&gt;Q\xd5\x8b*\x97\xae&lt;\xc1\x95\xa9\x00\x0b}P\xd0\xa8\xb8k\xa5\x11^q\xf4\xb7L\xdb'</t>
  </si>
  <si>
    <t>b'\x02\xbb\xa1\xce\x93\xe5H\x12\x7f^\xe8\x178hZ\x10\x039\xf8EOc\xf9\xfe*\xf7\x07E\x7f#x\x1a'</t>
  </si>
  <si>
    <t>b'r\x82\x08\x1b^\xf7\xca\x01\x01\xc9n\x8a\x90c\xa5F2\xb9D\x87\xa5\x1c\xb2\x89\xbd" \x1aU\x8d\\\xc5'</t>
  </si>
  <si>
    <t>b'T\xfd\xfd\x82R\xcaf\xd7\x0eS\x99{xz\x97\x1e\xf3\xe8\xad\xa5\x16\t\xd5\x88\xd9\x01ET\x1d.B_'</t>
  </si>
  <si>
    <t>b'%\xf8\x03EyQ\xdd"\t\xbd1\xb3&lt;\xa0\x8aL\xdcH\x12\xb60\x06\x9d\xb30\xae\xf2\xfe\xcbx`~'</t>
  </si>
  <si>
    <t>b'\x92\x82nD}\x11?\xc2\xd1\x02\x1d8\xb6QiS\xc6\x94\r\xd2\x8d\xc8\x1eo\xa3J\x1a-\xd1\x11\x02\x94'</t>
  </si>
  <si>
    <t>b'\xda\x96]\xf3\xf8\xc1b\x94\x91\x92\xf6\xd7om2\xd4l\xbaX\xf2\xe7+\x053\xea\xd7\xdfc\xa5\xab\x12\x10'</t>
  </si>
  <si>
    <t>b'\xa0j\xb5X2\x94\xa1\xac\xde$\\ut\x95zvh{\x04\x89\x8e\x89\xdd\x0b=\xd6\x15" \x9b\x00\xa9'</t>
  </si>
  <si>
    <t>b'\xe1;{\xa8\xd7\xfa\xc0\x88"\xefx\x155\x11#\xdc\xce\rl_!\xb9h\xba\x06\xb4\xbd\xb1\xa3[\x91,'</t>
  </si>
  <si>
    <t>Bail Out</t>
  </si>
  <si>
    <t>b'!\x1f\xd9\x8d\xe4\xf3\xd5\x124O\x98\x10%\x0f\xba\xf1\x13\xc0\xad\xc4\xd4\xaa&gt;QyTH\x12\x9fu\x17\xfc'</t>
  </si>
  <si>
    <t>573xx</t>
  </si>
  <si>
    <t>b'\x92(\xc1\xa6\xde;\x8a\xc7\xe2{\x86\xa3\xd9\xf2\xc3?/5\x07e\xe5\x05z\x9bA\xaa\xc22\xeb\x8be\xf5'</t>
  </si>
  <si>
    <t>b'\xa0[\x13\x99\xb3\xe3\xa69]\xa6\x02\xda%U\xfeXW\xa3\xccO\xde~a0Qtv\xe0 }3-'</t>
  </si>
  <si>
    <t>b'\xcb\xc5R\x0c\xde0\xfd\r\xc2x:\xc323D\x8cT\xe2\xbc\x80\xee\xe8\x0e!&lt;M\x08T\n\x1e\xfd\xf0'</t>
  </si>
  <si>
    <t>New Deck</t>
  </si>
  <si>
    <t>b'\xfd\xf6C\x00\xe1\xffaVx\xea\xa8=\xb4~;\xd3B\xacj\xe0b\xf1i\xf11K;\x8fP7\x92)'</t>
  </si>
  <si>
    <t>b"sf+\xd4\xda\x03\x17 '\xb6Z\xf3\xc7\xce\x93b`\x12\xc2\x0e#\xd6\x17\xe4\x803\xdbRi\xe8\xefr"</t>
  </si>
  <si>
    <t>b'\xfd\x8db&amp;U.$\xb7\xe3\x94#\x02\xcd4W\x02\xe4\x8a\xd8 \xecF\xc0\x8a\x83)\xb8\xc5%\xc3\xad7'</t>
  </si>
  <si>
    <t>b"\x05\x83\tx\x0b\xe3\x17\x12\x81P_$P\x95\xd1f\xbb\x0e'$\x12u\xd30\xe4\x98{[\xa3\x18\xa6E"</t>
  </si>
  <si>
    <t>CC Debt Killer</t>
  </si>
  <si>
    <t>b'0\xc4#i\xa6\xeb\xdd\xd5\x88\xdf&lt;\x92\xde\x9c\xdf\xb0i\x1dH\x00\xbc\x96\xacG\x98\xc0\t\x86\x14\x10\xe6\x9d'</t>
  </si>
  <si>
    <t>b'\xf4\xdflg\x1c\x10\x82\xdb\x87\x19(\x9a\xd9JuE\xb4\xbcl\x7fQ4\x0fy\x9c\xc1\x8d\xbc\x18\xfe#&lt;'</t>
  </si>
  <si>
    <t>b'\xbeq\xa6&amp;4\xe1\xa9u\xcb\xd6\x96^\\\xab\x93\x9f\xaew!\x0f\x81\x98]p\n@\xa4i9t\x9d\x18'</t>
  </si>
  <si>
    <t>b'(\xd5\xcd\\\xbb\xe9\xef\xd9\x94UK\xb8}2~\x81L\xe5\x83\xa8\xe10\xf9\x8b\x9a\xa7BTa`f\x9a'</t>
  </si>
  <si>
    <t>Saving</t>
  </si>
  <si>
    <t>b'1\xca\xe6\x18\xdbk\xf4\x1b\xfc\xfcg1J#e\xf1\x8ex\xcf\x86p\xc5\x16\xa3\xdf\xb4\x80R\xf2uB{'</t>
  </si>
  <si>
    <t>Lending's loan</t>
  </si>
  <si>
    <t>b'\xde\xf0?\x17\x99C\tLz\xd6\x04S\x7f\xe87\xed\x1b\xeb\x8cB(\x9c!\xd4\x9c!\xf2\x1a\xda\xe9\x08+'</t>
  </si>
  <si>
    <t>DEBT CONS</t>
  </si>
  <si>
    <t>772xx</t>
  </si>
  <si>
    <t>b'd\xbaW;\xe5\x8f%\xf7\xe5\xd1xn(8N\xad\xb4T5+)\xda1\t\xa8\xf4\xb0\xba,\xd5n|'</t>
  </si>
  <si>
    <t>b'\x86\x1a\xecv\xe6\x8ck\xeb@\xccD\xa3I\xde\xa1u\xf5k\x87bY\xe4I\\\xc8|8\x82\xf1\xbd\x01\x84'</t>
  </si>
  <si>
    <t>b'\xb7\x9f\xa8P&amp;\xda SKk\xfa\xcbSY\rC\xd3\x18\x15\xa08F)\xcb\xb3\xf1k\x1c\xe0m\x85D'</t>
  </si>
  <si>
    <t>b"'8\x97\xdd9\xc2\xa6#\xe6\xa7$P\xe06-\xfb\xa6\x86D\xc4\xe5s\xf1\xcb\x10\xbcx?\x87\x1c\xa2\xb0"</t>
  </si>
  <si>
    <t>Basic Law Enforcement Training/Vet Bills</t>
  </si>
  <si>
    <t>b'g\xaaYa\x9c\xb8\x00O\xf6\xdd\x06\xb0\xaa\xdc\xc4M\xc0\x9e\xfd\x9e7\x03\xd2\xc1C\x0c\xcb\xae\x82\xf4\xfcy'</t>
  </si>
  <si>
    <t>all bills one payment</t>
  </si>
  <si>
    <t>b';C\xad*:\x03\x9c!\xaf\xc7v\xc2\xbf\xb0\x17\xd8\xf05\xdc\r\xbe~\xb1\xb2\xfdK\x04K\xd3\xf0*/'</t>
  </si>
  <si>
    <t>b'V\xe9w\xf3\x93\xb4\x00\x00-\x8f{\x9ddLzC\xa1\x93\xb0\xcf\x05\xba\xd9\xb3\x93\x92i\x98\x83\x1d\xff\xb4'</t>
  </si>
  <si>
    <t>Loan #1</t>
  </si>
  <si>
    <t>b'Z\xaf\xf4\xb0\x18i\xd9K\xb9\xb5\x06\xd0\x9a\x1d\xcb\x9et~\t\xb2\x83\x00T\x16\xa0\xee\xd1\x11\xef}^\x04'</t>
  </si>
  <si>
    <t>b'\x16\x0bG\xad$\x00\xfa\xb0\x04\rE\xe0\xc3\xf4\x833e\xcfi\x97\xeb\x10\xca\xd0\x8a\xe8\xad\x1c~\x17X\x88'</t>
  </si>
  <si>
    <t>b'\x83\x96\x13\xdc\x87\xbb\xf4\xfc\x01\xa7\xc5s4\x87\xbd\xb3\t\xf6I\xa8\x15\xef\xd6F\x16\xcfJ\x9c7\x96\x05\x8d'</t>
  </si>
  <si>
    <t>b'\xd2\xb9\x14VHj\xb2\xac\xf1(\xf3\xe9R\xa2\xff\x08Y\xf6\xff\xca\xbc\xf6\x18EZT\x97m\xd00[\x7f'</t>
  </si>
  <si>
    <t>car refinance</t>
  </si>
  <si>
    <t>b'_\xbb0\xe7`{\x08\xc2\xacfm\xebk\xd1\x00J\x14]\x0f\x86\x0f\x9b\x14\x04\xd0\x8a\xd7x\x97\xffK9'</t>
  </si>
  <si>
    <t>Clear Credit Card Debt - High Interest</t>
  </si>
  <si>
    <t>b'\xb3\xfc+\x8a\xea\xc6\x1bj\x8c\xc6F\xc7\x85\xbe\xdeP\xb6r\xc3\xc8\xacn\x7f\xe0\x85{\xc6\xd9_\xc4w\xda'</t>
  </si>
  <si>
    <t>DEBT</t>
  </si>
  <si>
    <t>b'\xc1\xac\xe3"\x84\x9e&gt;\n\xa8K\xa5=:[_\xc5\xdf\x15)%\x02\xb5$\x93\xb5\xcc4\xf5\x11\xbc\xcey'</t>
  </si>
  <si>
    <t>Credit  cards</t>
  </si>
  <si>
    <t>b'P{X\x15E\xc8\x9eeUyA\xefG\xd7\x86\x1b\x9a\xcfk\x10\x96\x0fJ3\xd8\xa2\xc1\xa67\x93\x93\xbe'</t>
  </si>
  <si>
    <t>b'2\x01K&amp;\x7f\xa0\xfa\x08\x93\x1b\x9a\xf8\xadT\x1b\xaa\xba\xc8\x91\x9f\xbe\x1d#6be=\xf5\xf9\xa0\x03%'</t>
  </si>
  <si>
    <t>b'J\x99\xb2\xeaLB!(\xe1&amp;\x88ze\x13\xc8VL\x91\xe0\xa8\xab\x9bF$h\xf9\x96%?\x86\xfcF'</t>
  </si>
  <si>
    <t>b'\x01\xf6\x88^\x10\x90L\x16_K\xdd\xad\x11&amp;dga\xb1\x80\xe2pq\xd6\xb86\xacg\xc5\x81\x19\xca:'</t>
  </si>
  <si>
    <t>b'\x13^.VSz\xf4\xce\xbc$\xb2\xb8\x08\xc7f_\xfbzJ\xe5\xeb\x8b\xe0r\x16l!\xb82\x81\xb3\x1b'</t>
  </si>
  <si>
    <t>b'\xd0\nA\x15\x85\xaan\xb3\xd4\x15\x16\xef\xe3\xa9dan_\x81Q\x17\xc2\x19\xac\n\xf4\x0e\xd5\xf2\x9b\x84!'</t>
  </si>
  <si>
    <t>Credit Debt</t>
  </si>
  <si>
    <t>b'\xba\xacew\xf4\xb8\xd1}\xebZ\xaex\xb2g\xf4\x8b\x0c\xe0\xa2\xd9\xb4\x05l/L\xc3\x82\xe64H\xa1F'</t>
  </si>
  <si>
    <t>credit card bills</t>
  </si>
  <si>
    <t>b'\xa40\tZ}#\x1f}\xc1\x18s\xe6\xe5\x1cD\x1beK1,rA\xf2\xf1\x11\xa3\xb1?\x81?\x84\xfe'</t>
  </si>
  <si>
    <t>Pay off my brother</t>
  </si>
  <si>
    <t>b'\xe1\xe6\x97\xc7\xc8V\xdd0b\xd4\xf9\x10_\xee\xff\xb4s\xec6|fMc\x8c\x0b+\xdc\x0e\xcf\x87\xf1\xb4'</t>
  </si>
  <si>
    <t>b'\xf0Y\x12\x15S\x00;o\x1eg\xf5\x7f\x93\xf3\xce\xa1;\x19\xe3\xec\xbe\x1d\x96\xf8\xb6-\xb7.\rPS\xea'</t>
  </si>
  <si>
    <t>b'\x85U\x12\x92\x82\xb4q\x9a\x9a\xc5o\xb6C\x9bj\x80\xf2L\x9b\x97h*\x7f\xb52aK\x80JR\x816'</t>
  </si>
  <si>
    <t>b'\xde\xd8hyqH\xda\x1e\x0f\xacL\x10\xc6|3\xef\x07\x90\x07nS\xb5x\x83f\xf5\xfc\x8d)\xda\xd0\x8f'</t>
  </si>
  <si>
    <t>pay of debt</t>
  </si>
  <si>
    <t>b'\x8f\x16n\x9fE=\x19\xa7\xad\xb9\xdf"\xcc2"kt\x1b\xb5\xec\x9e_v\xc9\xca\x8f+\xfa\x8f\xfcS\xaa'</t>
  </si>
  <si>
    <t>b'\x97\x08+\x12q\xbe&gt;\x19*\x86&amp;\x90W\xec?U\xfb$\xc0X\xc3wh[\xe1\xe0tK\x86&amp;3\x97'</t>
  </si>
  <si>
    <t>b'\xbc\xc2Df\xd8\xda\xd4\x02\x1ds\xe7\xf8c,d9\\\xcc\x90\x06\x95\xc9i\xf7^\xfa\xcfi\x19\t7\xb0'</t>
  </si>
  <si>
    <t>b"l\x93'&lt;\xf6_\x8eTqC\x1e\xb8\xc4#; \x94\xd5\x18\xb2\xef\xfd\xeb\xd9\x93\x0b\x94e\xb15H6"</t>
  </si>
  <si>
    <t>b'\xf1\xc8t=T\xa4\xbc\xdc\xe1\xee\xd3\x81?\x9f\xf8\xe8~\x0b\xb0\x11J\xde%o\x84H\xe6cd\xc2I&lt;'</t>
  </si>
  <si>
    <t>b'\xe9\x9d&gt;"\xcfN\xf4\x17\xf1\x1e\x8a$\xde;\x9d\x8e\xce7\xb3\xd8"\x1a\xd8\xd1\xd6\xbd\xed\xaf\xed\x18_d'</t>
  </si>
  <si>
    <t>Vending</t>
  </si>
  <si>
    <t>b'\x95\x8f|\xd0\xb5\xef\xfd\xd1Xb\x046\xf0m\x90\xb2\xf7\x7fN:\x7f\x0f\xfc`\xab\x94\n\xff\xafId\xa3'</t>
  </si>
  <si>
    <t>b'\xca\xc6\x08\xf1f\x97\xcay\xbab\x1d\xd8D\x08\x7f\xc8\x98\x9fI\x8d\xea\xde\xa6\xd6\xa9@A\x04]\xb2\xd1\xd4'</t>
  </si>
  <si>
    <t>b'zw\xec\x9dI\x9d\xc6\x84\xe306\x91oL\x8f\xaa\xf8\xfd\xc8(\x182\x8d\x9c\xd5/\xa2oDD@\n'</t>
  </si>
  <si>
    <t>b'\xad\xd0\xa7\xc3\x11\x0c\xfd9\xb1\x8a\xdd\x00\xf9=fn\xdbf\xec\xd6\x07\xee\x82c\xa91F\x05|\xa2\xa8\xe6'</t>
  </si>
  <si>
    <t>b'\xa1\x89l\x04\xcb2\xd3\xb9R\x0e:1\x81]\x92\xbaAKv\x9d\x96\xd6!\xcd7rh[&amp;\x14r-'</t>
  </si>
  <si>
    <t>Nice House</t>
  </si>
  <si>
    <t>b'\x92\x98\x8c\xee\x86\x89&gt;\x0f_\xb6\xcf\x96b\x08\x8c\xa4\xc0\xec\x87\x98\x8e@\x0e\xa5\xa0\xac\xe7\x9b\x05\xaf\x14\xc7'</t>
  </si>
  <si>
    <t>b"\xaa\xcf\xa1\xe9U\xb6\xc3P\x0f]\xcd\xe9\xb7\xf0\x84\x96\x13\xf5\xa0\xd0\xa6/'\xd4\xcdK\xc0\xffx\x99a\xee"</t>
  </si>
  <si>
    <t>CONSOLIDATE DEBT</t>
  </si>
  <si>
    <t>b'\n\x91\xe4\x80\x04\x0b\xd8\xf4\xa9\xb4\x1cOE\x80\x055\xad\xb2:\x08\xc4\xcc\xc3}\xa9\xdd\xc3\xf4c\x83\xeet'</t>
  </si>
  <si>
    <t>b'\xcd\xcd\xac\x08L\xfa\xde\x94\xe8q\xe4\xe9\xf5=\x1d\r\xb7s\xa9\xac\\&lt;\x87^\x1bnk\xc9\xa5\xc8\x12\x06'</t>
  </si>
  <si>
    <t xml:space="preserve">Freedom from Bad Choices </t>
  </si>
  <si>
    <t>b'\xb95\x02av\x88\x93@\x7f^P\xe1J\x9d\xc2\xf3nSMO7C:\xe2A\x1d5\x84j+\xb1\x8a'</t>
  </si>
  <si>
    <t>consolidate debt</t>
  </si>
  <si>
    <t>b'\xd5\x8c\xad6\xa0\xccv\xd9\x0fn\xd4A\xfb~\x8a\x14z\xf16&lt;G\x0c\x0c-\xfeQ\x88Km\xbc&lt;\xf9'</t>
  </si>
  <si>
    <t>b'W\x16Y\xf1*\xf2x$\xbe\xe7k\xd1\xd4\xa5\x80Cv\xa0BGaW\x96v\x97\xcb|u\xfe\x04\x15\xb2'</t>
  </si>
  <si>
    <t>b'\xff 3\xb9Nl\x8c\xa5\x08Wk\x16\xf0f\xed:\xdf\xfc\x9d[\xba/V\x07\xbeXz%l+\xb2\xcd'</t>
  </si>
  <si>
    <t>b'\xfc\x00P\x97JKtH\x81\x07r\x95dO\x1f\x13\xa9\xd4C\xe3Xo\xd3\xa1\xd4\xc5e\xeb\x07\xdd\xae\x17'</t>
  </si>
  <si>
    <t>pay off citibank</t>
  </si>
  <si>
    <t>b"3\xd2,\xf3\n\xa4\xa6'\x02\xd4+1\xa3\xd9\xfa\x96\x04\x87L\x8b]\xb8=\xeb|\xa0@(\xb7pg\xd8"</t>
  </si>
  <si>
    <t>b'\x96$I\x9c\x9c\x9aSDe\x8d\x1a\xec@f\xed\x83\xe4\xf8\xb3\x8a\xee\xf3\xee\xa7a\xbff\xafD\\o\xb1'</t>
  </si>
  <si>
    <t>Construction Loan</t>
  </si>
  <si>
    <t>b'\xcaZ\x96\xea\x80\xe7\x99\x9by\x14}\xb3B\xae\x9b\xcb\xbcfw\xa7\xab\xb9c\xdb\xe8(\xaf\xce\xb5\xb1\x01&gt;'</t>
  </si>
  <si>
    <t>b'\x8d\xe4\xbaf\xda\x11\xe5\x9eT\x96\xec\xd8d#\xc4\x06\xc8\x07\x8b\xe7*@\x8b}Y(\xb11\r@q\xbe'</t>
  </si>
  <si>
    <t>b"Z\x15\xedY.\xdf\x17W\xed&gt;q'u\xdc\xf0K\x87A\xc0.\x0c\x0c\xfa\xb1~\xadq\xb4F\xf6\x17\x88"</t>
  </si>
  <si>
    <t>b'\xde2\xfdqh\x81\xec\xedG#\xcfE\xdd\x07O\x95\x19\xe2\xee\xfd:\x99S\xc1|E\x06_7\xae`\xcf'</t>
  </si>
  <si>
    <t>b'\xf22\xbf\xfe\xb2KF\xe2\xed\x9a\x89j\xc6\x92\xa4\xe3\x88\x1a\x9fN2\x1e\xf1\xc5\xcc*\x03\xb2\x12\x0f\xaf\x94'</t>
  </si>
  <si>
    <t>Pay Off Debt</t>
  </si>
  <si>
    <t>b'P\xcc\xddbK\x80\xfe`\xa0 \xe0\xc4\xde\xb6\x1d\xbdjli\xe0\x07\xc9\xd2G\xbe"TB\x8d=]\xe8'</t>
  </si>
  <si>
    <t>Thanks</t>
  </si>
  <si>
    <t>b'\xc0b\xba\x99U\x1f\x16\x913|\xf3)-\x04\x8e\x81\x91\x83\x95\nf\x0c\xcb\x97\xc5k\xf7P\xee\xf9\xe9\x1c'</t>
  </si>
  <si>
    <t>b'\xb5=;W\xb5Rc\x14\xb7$ \x7f/P\x89/\x99\xfc\x0cD\xb5B\xe2\xa9\xcae\xfa\xb8\xe1\xc3*)'</t>
  </si>
  <si>
    <t>b'\xc6mm0\xc1\x99\x92\x93\xea\xb8\xdbj\xc3!\xd4\xea\t\xe8@\xc1q`\xf7\xf1[yP\xefB\xd6&gt;a'</t>
  </si>
  <si>
    <t>b'\x85Yr\xe0\x8a\xac\xf8\xfd\xc2\xcd\xc0v\x8c\xee\xb4\xdfsY\xd0_\xe3\x16\xb9E\xf4j\x80\xa6J M\xf9'</t>
  </si>
  <si>
    <t>Improvement Loan</t>
  </si>
  <si>
    <t>b"`\xc6*,\x96\xa9/\xe63\xee'\x18\xcb-5|\x12&gt;zm\x02L5\xf4\xfc9\x99\xee\x9f\x0b\xdf_"</t>
  </si>
  <si>
    <t>b'\xea\xd7_\xf8;^S\xbaj`\x01Y&amp;%\x13Vz+`3@\xd3\xac\xe5d\x90\x0e\xad\xcd\x89T\x08'</t>
  </si>
  <si>
    <t>Boarding School</t>
  </si>
  <si>
    <t>b'\xe4\xb8\xc9\xf6m])\xd9\x93W\x16\xfe\x93l\x16\x17g\x02\x17X\x81\xae9\xc34\xf1\xa2AaG\xdc\x02'</t>
  </si>
  <si>
    <t>b'\x12\xbb\xb9\xe6$\x8b^+\x85\xcd`r\x1c\xb6\x08#H#7\xc3\xfes\xdd\x19l\x07\xe0\x16\x95\xb8\xccv'</t>
  </si>
  <si>
    <t>Consolidation and Payoff</t>
  </si>
  <si>
    <t>b'-\x0c\x19B\xf5\x19\xc3\xd9\xb5\xa3-Y1[\xbb\x19"GU\xb4a\xcd\x07\xca\x1b\xf4\\\x85\x1e]\x00q'</t>
  </si>
  <si>
    <t>b'\xf8_\xc1:\xbd\x14\x9e{\xdf\xcb\xa3$b\xa6\xba[\xf1\x01\xf1/\t\x8d\xda\xc1\xaa\xcaC\xf2Tw\xb3\xe9'</t>
  </si>
  <si>
    <t>Personal-Improvement</t>
  </si>
  <si>
    <t>b'd\xc2]h\x1eZ\xf0\x15\xad\x96O^C\x19\x17\xf6\xfbm7\xf4K\xccA\xa0\xa6\xf3\xc4c\xbd\x0e\x17\xc6'</t>
  </si>
  <si>
    <t>bill consolidation</t>
  </si>
  <si>
    <t>b'\xb9\xf6\xe2|h\xbdi\xbf\x9b38c8\x80P5\xa9\x18\x15\xdd\xe0\xc44\x8f\xf4#\xb2\x162;\x9e2'</t>
  </si>
  <si>
    <t>lending club</t>
  </si>
  <si>
    <t>b'k\xff\xe9\n\x97\xaf\xdd\x8fE\xe2 \x1dK\xcc\xd8\xe2\x92V\xc2G\x14w4\x18\xe7\x14\xd1\x9f9\x14\xcf\xf9'</t>
  </si>
  <si>
    <t>lendingclub</t>
  </si>
  <si>
    <t>b'\xa6\xe8YF\x12&amp;_a\xa1~*Oq\xbb|d:^\x960\xe3\x16\xcc\xd0\xa9\ta9\x9e\xd5B\x8e'</t>
  </si>
  <si>
    <t>b'\x84\xe3TD\x08\xf0\x1a\x9a\xd0c\x1a\x16p\xe0X\xe8A\x15jE4\x19Yl\x8b\xc4"\xf8E\xa2]\x16'</t>
  </si>
  <si>
    <t>zero debt</t>
  </si>
  <si>
    <t>b'G\x9d\xff\xb3\xe3u(P\xd6\xf8A\xb8\xa8#\x06\x8d/\xf3iA\x18\xa7\x9dn\x89\xd2\x03\xb1t?\x91\xe7'</t>
  </si>
  <si>
    <t>b'(\x1c\xf8=n\xc8\xef\xc6d\xf9\x8e\xfa\xa1I\x91\xc3~5\x12#\xad\xa5\xa3\xbd\x8e\x8d\xb9\x90\x8e\xb2\xbf\x1d'</t>
  </si>
  <si>
    <t>b'\x8b\x06\x86\x86\xf7=m5\x18\xcaYb\xae1\x1dnl\x96\xca\xc9\xba\xa3\x01/\x18\xa7\xd0^\xff\xe4\xcc,'</t>
  </si>
  <si>
    <t>b'\x8c\xee\x13\xd7w\x06\\\xf1Z\x93\x13\xb5\xd1:\x01 &lt;\x95\x9e\xf4o\x81\xb5bT-7w\x9b|}\xb2'</t>
  </si>
  <si>
    <t>b'\x82]k*\x18g\x16\x02\x0b\x1a\xd5jU\x9a\x1e\x91DA\x893R}\x18;\xd5_j\x91\xc3\xcd\xd3\xd7'</t>
  </si>
  <si>
    <t>b'\xa6\xb6q\xe7\x0b\xb3u\n\xcc\x1c4\x08e\xf9\xf0\x91\xc5\xa3\xde)\xcfzsX\xd3\xa1A\xba\tr\xa0\xef'</t>
  </si>
  <si>
    <t>b'0E,4G\n\x1fhj\x05\xa4\xe3\x81\xc4\xca\x11P\x9a&lt;\xde:\xec_\xe6\x89\xc1a\xa5\x99\xcf\x05,'</t>
  </si>
  <si>
    <t>Maui Dream</t>
  </si>
  <si>
    <t>b"\xf4?\t!t\x15\xd4q'\xe9m`\x0f|\x17\xef.\xd1\x91_\x80\xfb@\x8a\xac\xfaeX\xf3K\xeb\xaa"</t>
  </si>
  <si>
    <t>debt consoldation</t>
  </si>
  <si>
    <t>b'\xb4Z\x99o:cF\xc0\xa7\xa8\x91P\xe2\xcb\xa0\xef\xac\xe0N\x8a\x88,\x9d\xaaq-)\xa0\xcf\xb0\x9a\xb4'</t>
  </si>
  <si>
    <t>Fixer upper</t>
  </si>
  <si>
    <t>b'1\xa7\x93\xa9\xfb\r\xef\xbf\xd3L\xb2\x82\xce8,\x05\x9c\x878dH\x10\xb65\xfbl\xc1\x9c\xbcP\x81\x0e'</t>
  </si>
  <si>
    <t>b'B\x18\xd0@\x8b\x13\xd5\x83\x8c\x99\xdc\x1e]\xd9\xbf\xa3\x08\x12;\xd6\xbem\xc8\xd9r\xe9\x9bdt\xaa\n\x94'</t>
  </si>
  <si>
    <t>Getting debt free</t>
  </si>
  <si>
    <t>b'\x8dt3\xcbey\xb90\x86~oG\x15\xd9\xb04\x05y\x7f\xa1\x18\x97.O\xff\xe6\xd5\xb5\x17\x97\xd6\x1f'</t>
  </si>
  <si>
    <t>b'\xf3\xc2\xab{[\xa1\x94\nt\xf1\xaa\xec..\xc3?\x91\x9b\xe2\xc6\xb39\xd6\x05\x15i\xc2GYs\xe0\xb6'</t>
  </si>
  <si>
    <t>Reconciliation</t>
  </si>
  <si>
    <t>b'\xe6\xbe)\x15\xac\x1b\xef\xe7\x8e\xc2&amp;\xf36\xaaF|\x1e\xc8f\xa5\xa9u\xfa\xbcm\xd2f\xc7\x82\xadjF'</t>
  </si>
  <si>
    <t>b'\x17\xe0\xab\x99\x16\xe2\\?\xa5\xff=;5\x9f\xb4\xd5\xd0\x01\x9c^\x89\xbf\x14\xf1\xa2\xea\x99T\xfa\xd8\xc7\x0b'</t>
  </si>
  <si>
    <t>b'{"c\xad\xa2\xaf^\x0bc\xcd\xa1\x90}4\x19=\xd2\xe0\x8dq\x1e\x11p\xa8V\xffs?\x95\xbay\xf0'</t>
  </si>
  <si>
    <t>Plan to pay</t>
  </si>
  <si>
    <t>b'\xe3\xe97\xff\x98Am\xa6W\xa7V]n\xde\x1c\x1e\xac\xc6\x11`f\x06\xca\x0e\xcdD\xb0\x0b\xbc\x1a/\xd5'</t>
  </si>
  <si>
    <t>b'k\xdf\xa0\x95\xd74\x18KSH\x04\xf5XGz\r\x9e)\xbfO\xc4s@\x83mc\x8e`~\x8f\xa6S'</t>
  </si>
  <si>
    <t>Medical Expense</t>
  </si>
  <si>
    <t>b'j(\xcc\xe8@z&lt;-2\xb2\x9a\xe7\x97\x99\xc9\xf1\x9a\xc0\xdb\x0bC\x87#5o\x08\xf0\xe5\xba\x87F\xde'</t>
  </si>
  <si>
    <t>b'\x10\x05q4\xed\xaf\x84\x7f\xb8\x83\xc3\xb4\x99R\x91\x03\xa9U-L\x13MZ\\\xfdq\xf0q+\xe7\xea\x95'</t>
  </si>
  <si>
    <t>b"\xae\x8c\xe1\xec7\x9b\x7f\xe8\x88\xefr&gt;M3x\x81\xafl&gt;X'\x0fM\x85_\x19\xe0\xf7&lt;\xfck\xce"</t>
  </si>
  <si>
    <t>getting back on track</t>
  </si>
  <si>
    <t>b'\xd1\xcdT\xfb[\xe9\x98\x12\x9aL\x92:\xbe\xd1\x9c\xa5\xb8\xac\x86{\xf1\x81\xea\x890NcS\xd1\xcayk'</t>
  </si>
  <si>
    <t>b'\x83{_\x0e\xb9\xc3\x03\xf9[L^DR9\xf3\xf7+\xe9\xd5\xdb\xbe\xff\x082\xa8\xd9\xa2\x97\xd6\xca\x0f\xba'</t>
  </si>
  <si>
    <t>debt help</t>
  </si>
  <si>
    <t>b'\x17\x836:\xb1\xa6\xdfe\x8b\xbcN\xdeu%\x9cb\xc0\x96t{\n\xd0\xda6\xf3bA\x8a\x04\x03I\xc8'</t>
  </si>
  <si>
    <t>Dental</t>
  </si>
  <si>
    <t>b'\xeb\x9c\xee\xe2\xe8\xe9\xb6\x12\x1e\x0cZK\xed\x16JR\x04x;q}\xcf\xe4\xad\xf2E3x\x0c\xa0\xa6\xd2'</t>
  </si>
  <si>
    <t>827xx</t>
  </si>
  <si>
    <t>b'\x91c\n\xd7\xc3\xe6\xf2;luY\x9b\xae\xae\xee*\x92(SgyH6\x00o\x7f\x07\xb9\x0eY\x86"'</t>
  </si>
  <si>
    <t>b'L\x10\xeb\x1d\xd5p@x\xd70Elqe\xe97\x0b\xb7\xea\xebZ\xb6\xc1\xf3S\x83\x18\xf8\x91\x82\xff\r'</t>
  </si>
  <si>
    <t>b'\x1bF\x90N N\xe6\xa2Y(8\x8aq\xa6!\xc7\xa4\x0e\x92\xe1w`\xf5\x9frF)\x17\n\x89\xa8\xe3'</t>
  </si>
  <si>
    <t>b'U\xfck\xf21\x84#W\x01\xf4\x02\x18(\xd9%V=\xad\xc3+|\xb9F{\x12\xc4&lt;\x95\x08e\x189'</t>
  </si>
  <si>
    <t xml:space="preserve">Personal consolidation </t>
  </si>
  <si>
    <t>b'#m\x9czAcY\x0f]\x9c\xdbQ*e?\x8bn\xe0o\xe8\xb0Z\x07\x1d\x9b\\\x06\xb9K88Z'</t>
  </si>
  <si>
    <t>b"\xbb \xf7T'j0\xd6\xf4\x83\x978I\x19\x13;\x07\x0e\x85\x94\xaf\\\x9fG\xaf\xbd\xb3\x06-\xaf\xe8\xdb"</t>
  </si>
  <si>
    <t>b'=\x1eRHI*\xe9\t\x9f\xd7\x92H;\t\xd2&amp;\xdc\xb8\x9a|F\xee\xd3d\xb3M\x80\xa08W\x95\x88'</t>
  </si>
  <si>
    <t>b'\xef\xecli\xc3\x98J\x1e\xe5uZ\x8eV\xfc4D\x8fL-9;\x9eh\xd5\xc0\x1d\x9d\xf4\xe7mA\xff'</t>
  </si>
  <si>
    <t>Home Remodelling</t>
  </si>
  <si>
    <t>b"\x82\nO\x86\xa7\x1fUo\xbe&gt;'\xdaB&gt;\x13\x8b\xe3\x93\xa5&gt;\xcb\x06F\xce\x17\x14&amp;\xa6w|\xfc\xe4"</t>
  </si>
  <si>
    <t>LIFESAVER</t>
  </si>
  <si>
    <t>b'W\x1a\xfa\x1bFh\x123-\xa8\xaa\x88\xe9\xda\xf5\x12\x98Y[\x1a\x16du\xb4`\xf9/\n[\xe74\xab'</t>
  </si>
  <si>
    <t>BillPayOff</t>
  </si>
  <si>
    <t>b'\x8eT\x00\xe9lG\xba\xdf\xa7\xa7\xd6\xee\xd7\xe2\x90\xc5R\x93\xa1\x05\xc6\x9e\xbc9\x07{+\xed\xc2\x95N\x04'</t>
  </si>
  <si>
    <t>b'\x1d?\xf2\x82Z[6\x0c#5b\xec\xf4\x84\xb8,\xcb\x03-=\xc1m\x92g\x81\xad\x8f\x0c_\x8cy\x1f'</t>
  </si>
  <si>
    <t>b"\x07\xae\xee\xceS\x11\x8a\xbe-\x12\xa8o\xfa\xf1'\xe6\xf4\xd2\x8dQ\x13\x1f\xd7My\xd5~D\x9dUo\n"</t>
  </si>
  <si>
    <t>b"\xc3\xb9\xf6\x08\xcf\x85\xc5\x82\xc5\x98\x82A\x01~\x08A\xea\xa7&amp;\t'o\xc3\xda1G\xb3\xebO\x11\x94N"</t>
  </si>
  <si>
    <t>b'\xa0PB\xe9M\x1f\x85\xec\xc5\xdd&gt;A\xdf\xd3u&amp;+H\xfa\x862k\xc3&gt;EJ\xb1\xb7\xd6\x93\xc10'</t>
  </si>
  <si>
    <t>instantpayoff1</t>
  </si>
  <si>
    <t>b'\xab\x9dT\x85\x14\x14c\x814\x8a\x19\x1e\x81\x17\xfb\xd4\x02m\xa6\xe9\x80g\xc1\x8cJ\x97g\x08\x8e\tK\xa7'</t>
  </si>
  <si>
    <t>b'd\xa4s\xfb?\xcf\xc6\xa5\xf5\xb2\xa8z\xed\x82\xf0\xa0\x93\x06\xb8\xcd\x12;\xc1\xad\x8f\xc8u\x9ai\xe7\x06B'</t>
  </si>
  <si>
    <t>2013 Debt Consolidation</t>
  </si>
  <si>
    <t>b'M\x9f\x1c\xefG\xcf\x8a\xc7qB\x91\x81\xef\x95\xd4s0\xac\x07/iv\x08\x15\x1a\x94\x8b1\x14\xeb\xcbd'</t>
  </si>
  <si>
    <t>b'~&amp;\x08q\xe6\xf8\xb6\x98\xa2\x13\nr\xd9g\xdb\xad\x85\xa4O\x84\xfc\x1c]B\x8b\xbd\x8c\x90g\xb9\xc3K'</t>
  </si>
  <si>
    <t>b'\x9f\xc6\xf4t\xd96o\x86\\3_\xa2\x8dUM\x0e t\xc8\x16\xb7\x81=;\x176j\x0b\xd8\xd6\xb4\x1c'</t>
  </si>
  <si>
    <t>b"'(\xe1\x96\xcbd\xdd\r\xe3(gTcC\xd2G\x17\x95\x8f\xa3\xd9\xea\xc3\x9a\xae\x0c\xdf\x02p\x07\xa5\x98"</t>
  </si>
  <si>
    <t>b'\x8eg\xc7\xad\x07\x82\x0fS\x98s\xdd\xa3\x02\x8b\xfc\x87\xd0\x19\xf8&gt;\tq\x15\xadT6\xc3%\x88\x96\x8c\xcd'</t>
  </si>
  <si>
    <t>b'\xff!*s\xf2zh#\xf7\xaei\xe2\xebQ\xb0\x99\xcd.\xd6L\x1f\x13x\xb5l\xa5\xe1\xe4e\xbaec'</t>
  </si>
  <si>
    <t>b'\xc9\xfbmB\xc5\xc9\xaaXo$^*\xf4\xde\x15V\rCe\xd4m7\x84\xb1\xcc\x0b\xc2H-(dV'</t>
  </si>
  <si>
    <t>b'\xff\xc3\xb7\xd9\x9c\xfa\x03|r\x1e\xee\xf1R\xc7\x93z|\xbb8\xf0\xa4\xe0&amp;\x17\xeen\xe1\x9e$Zd\xe7'</t>
  </si>
  <si>
    <t>b'i\xc4\xb4 E\xdc\x96I\xb3\x18\x15S\xfb\xf1\xd3\x82\x04\xfd\x87\xb9!\xeb\xe7\xa3\xc6\xb9Q\xc4\x1b\x03\xa7\xb9'</t>
  </si>
  <si>
    <t>b'\xb0\x8d\xc8\xea\x91\x12\xc2Qj\x9f\xbd\x1d\xb9{\xc7\xcd^\xf6\xa3\x99\xd1\xfd\x03\x17Kv\x1aaSJb\xe2'</t>
  </si>
  <si>
    <t>b'\x9fJ\xd1\x95\x1c\xdb\x01\xf6&amp;w\xd6\xa0\xc8\xea\xa2%\xfd\xa7\x96\xe6/\x8d\x06\xdae\x1e6\\\xbc{a\xb3'</t>
  </si>
  <si>
    <t>MyLoan</t>
  </si>
  <si>
    <t>b'\xd4\xbdD\xdc\x9e\xf2`4\x8a\xd9\xf1\xa3\x05F\xc3\x1c\xe0i\xd5\xcbI\xcf\xec\xd2\xe1!\xeeH\xdf\x87y\x0e'</t>
  </si>
  <si>
    <t>b'\x8b\xa9\xb2\xb6\x08m\x8e\xef\xb8Eq\x18ur\xdcl\xe3\xbb-\xc4X&lt;\x1f\x0f\x9a\xc8\n\xe4\xb3.\t\xad'</t>
  </si>
  <si>
    <t>b"s\x05\x04\x99=\xc9@\x82H\x00\x16p\x9b[\x05k\xf1\xb8\xd5\xad\xb0\xf9S\xda\xb7\xae_']\x9b\x1bi"</t>
  </si>
  <si>
    <t>restructure</t>
  </si>
  <si>
    <t>478xx</t>
  </si>
  <si>
    <t>b'\xba^\x9d\xdf\x97I~\x92\xbb\x0c\x19\x08\x9a\xc0\x82k#\xb3\xaaE\x7f!\xd4\x92q\xcbA\xdf?\xab\x92\x82'</t>
  </si>
  <si>
    <t>b'\x8aqH\xeb\xd5z\xbd\xde\xc6_\xaa\xa1\xf7\x00r\xd7\x8ec\xf6\xdf86\xfb\x1f\x92\xbew`\x1e\x19\x93\xad'</t>
  </si>
  <si>
    <t>Plans I have</t>
  </si>
  <si>
    <t>719xx</t>
  </si>
  <si>
    <t>b'\xd5\xac\xb1 5\xc2\xcd\x85\xbd\xc1\xcb\xfd\xc1\x88k\t\xc44\\\xee\xff\xbb|\x1d\x8c\x9e\xc9\xbb\x81~VF'</t>
  </si>
  <si>
    <t>b'\xb1\xfe\n\x92D\t\x07n\x92\xccE\xd3%\x17\xc9\xf1\n\x02\xe4\x1e\x90\xba\xcd\x7f\x8a]\x8c\xf8\xf0p(Y'</t>
  </si>
  <si>
    <t>3 year debt consolidation</t>
  </si>
  <si>
    <t>b'\x8e\xf6M\xb1x1\xef\xdfh\xdfB\xe4\xd3DY\x8f\xafR\x1bx\x7f\xddz\xf6\r\x92\xd6M\x85\xb9L\xf8'</t>
  </si>
  <si>
    <t>CCLoan2013</t>
  </si>
  <si>
    <t>b'r\xe1\xb3\xce\x9d\xa7\xa8\x9au\xd6o\x9b~U\xe0\x0c\xc8\x89\x89\xe9\xb6\x1e\x0f\xb2Ehm\x95z\x85i\xe1'</t>
  </si>
  <si>
    <t>b'\x91\xea\xb3x\xdc\xbe~\xdb1U\x0e\xc33\x98\x96\xeb&lt;bj@\xe2\x81\xf9\x1f\x99\x18\x12I\xd1k:\x9e'</t>
  </si>
  <si>
    <t>Home debt consolidation</t>
  </si>
  <si>
    <t>b'\x03\x8e\x01\xd0\xfb\xc7\x0fiP\xcfj.&amp;\x04\x95Q\x19\xcb`\xf2s\x89\x85I\xd9\xe7O\xeab\x9a\xaa\xe9'</t>
  </si>
  <si>
    <t>b"\x16&lt;'\xd0\xefk\x08\xa9\xfe6LqY\xa9\x17\xc9-\xc4\xdb\xfc\xc5\x92wt\xa2t/n\x9a\x0e\x97\r"</t>
  </si>
  <si>
    <t xml:space="preserve">Credit Card Payoffs </t>
  </si>
  <si>
    <t>b'\x8d~\xc0|@X\xa9T\xe7\x1c\x93Nu\xf9\xf5\xaa\xb6\xb6\xcf\x1b\xd9\xf6\x9bW\xfd\t\x9cO\x01&amp;\xa8k'</t>
  </si>
  <si>
    <t>b"\\\t*\xe4\x8f\x82s\x7f\x19\x12{S1}GR&amp;\x896!\xc2\x13\x0b\xe4'\xe5&amp;\xd23l /"</t>
  </si>
  <si>
    <t>All caught up!!</t>
  </si>
  <si>
    <t>b'{\x9a\xa3\xbe\x95\x81\xaf\x1a\xa0\xcb\x81\x96I\xb89\xe8\no\x83\x06\xfb\xebI\xd7\x90\xe8_\xf4\xe8\x0e\x84\x9b'</t>
  </si>
  <si>
    <t>b'\x9b\x87H\x92\xecU\xa9\xb3)\r\xb0\x1cB\x17e\xeau\xc9\x9f\x89 su\x05ec\xaael\r\x1a\xd1'</t>
  </si>
  <si>
    <t>b"]S\x8b(\x12\xcfP\x89\xee\xc5\xff\xb7\xcb\x9fM\xf5tk\xd4\x04'[\xd2\rv)\xa2\x05\xeb\xac\xd7\xf9"</t>
  </si>
  <si>
    <t>great</t>
  </si>
  <si>
    <t>b'\x9e\x0e\x87\xd2\x05E\xb8=p?Q\x9a\x92\xdf\xde\xe0I~\x1f6\x85\x04x}*\x93\xbd\xebd\x8f"\xb7'</t>
  </si>
  <si>
    <t>Refinance Amex debt</t>
  </si>
  <si>
    <t>b'`\x95\xb5\x9dN\xb2ek\xc4\xb8T\x07\x10T\xf3\xb7\x8e\x1b|h\xae\x85_3\xc7+\n\x88=r}z'</t>
  </si>
  <si>
    <t>b'\xaa\xa1\xdb\xe3Z&gt;\xcb\xbe\x06;\xb3\xd9\x92A\x11\xb2\xb7k\xacM\\Z\xf4\xd9\xc2\xca\x1b\xe4\xf7\xf4i\xfd'</t>
  </si>
  <si>
    <t>b'\xca\xc3\x80X\xb6e56-J&gt;\xedn~\xf6.\x9bn\xcb\xd7x\xa6\xbd\x94\x13[x\xf5\x91\xc3\xc6\x9b'</t>
  </si>
  <si>
    <t>b"\xaa\x93\xed7\xed\xac\xfe@F\x9e\x08\xdbi\xf1\x126\xdd\xcdbec\x00i\xc05 %)\xee'd\xde"</t>
  </si>
  <si>
    <t>b'8\x92g|@%2\xb2\xc6\xb3Q\xb3\xfd\xcb\xb7\xc7! xA\xd4\xbc\xdcO&amp;f*\xacJj\x02E'</t>
  </si>
  <si>
    <t>847xx</t>
  </si>
  <si>
    <t>b'\xa9U\x05V\xa8hfV4R\x9eTTM\xae\xfe\x92\x13\xc3\xb9\xe0\xdc\xf8M+\t\xa6\xb3G\x87\x85x'</t>
  </si>
  <si>
    <t>b':Te\x8a\xab\x1a\x9e\xa1\x91\x8d\xf2\xdd~\xd4G\xd3\x93\xa6\xbaW w\x9a9\x93-2\xe7\xbd\xe7=G'</t>
  </si>
  <si>
    <t>b's\xe0.\xbd}\xab\x14\x96\xbf\xfa\x10Kk\xd7\xf0dy\xd2R\xd6\xef\xbd\x93\xed\xd1+\xc3\xce.\x02\xc3\x80'</t>
  </si>
  <si>
    <t>Debit restructure</t>
  </si>
  <si>
    <t>b'aro\n\x17L\x1c\xf9!\x02\x89i\xf5\xfb\x14\xb5\xf1\xfd\n:\xe8\xf3X\xe0\x96\xffg\t\xf2c\xef\xe5'</t>
  </si>
  <si>
    <t>b'\x02\x00\xad\x11\xbd\x17IjR\x04\x02\xbf/\x1dC\xbb\xa7D\xbd\\\x99\x7fj\x7f-\x11\x9a`\xa4\xf4k&gt;'</t>
  </si>
  <si>
    <t>b'\xd4\x11\xbd\xdb\x00\xce\xe8\xac\xe7\xd9i\xf7&gt;\x12\n\x7f\xbf\xfc\xa2nww\xa1\xefDD&amp;\xbf*\r\xa2\xc1'</t>
  </si>
  <si>
    <t>b'Q&amp;\xa6\x86\x06\xc3 }+\x19\x06K\x031(\xcc\xab\xdb[EsFuJ\xe4\xd5\xdfY\xa3\x8f\x12\x14'</t>
  </si>
  <si>
    <t>Debts</t>
  </si>
  <si>
    <t>b'gq\xeb9D\x99\xe2\xd2\x00\xfeT\xdfx\xdc\xcf\xc4-\xe4r\x84\x85\xe1S{\x9a|\xad\xc5\xa4\xeb\x14\xc3'</t>
  </si>
  <si>
    <t>b'\x90k\xc5SP2\xb5\xf61V\xe9j\xde\x80\xb8\xb0\r\x04\x02\xd6\xa0\xce\x00\x93\xf7\xe1xU\xe7\xbb\xcb\xa4'</t>
  </si>
  <si>
    <t>b'V\x03\xc03\x05\x83\xea\x0b\x03\x13sL\xf7\xce\xc7\x1bAH\xa8}\x19&lt;l\x00\x17R\x8d\xa7\x9d\t\x19\xc9'</t>
  </si>
  <si>
    <t>b'\x03\xe2\x17\xe8\xb2&gt;\xf9\xc4U0\xe3\xaez\x08" 2T\xe4Eo\xf0\xf1\x0b\xdf\xf4\xec\xb0_[\xfeR'</t>
  </si>
  <si>
    <t>b'\xfe\x10d\xd2\x0fh+\xeb)\x8e\xd0\x83n)s\xfa\x13)\x89j\xf0\xff\xd5a\xa6S\xce\x1fD\x1f\xdeN'</t>
  </si>
  <si>
    <t>b'i\x9b\xd4\x15\xff.\xc6\x19\x87\x9d$\xe8\xba&lt;t\x80\x1d\xd8\x9e\xae,-y\xd1\x1e!\xb7\x9f\x1b\x9f@\xb7'</t>
  </si>
  <si>
    <t>Business Improvements</t>
  </si>
  <si>
    <t>b'\xbfF\x11\xebe\x11,\x82} \xebq\xbe\xa6\xb2Jd.\t*\x1a\x04T\xa1\xdf\x05\xa8h\xde\xbfKQ'</t>
  </si>
  <si>
    <t>Houseboat</t>
  </si>
  <si>
    <t>b'\x98X2\x8c\xf2\xb8\xffXx"\x1a\xa0\xda\xc4\x88v\xffpSC&gt;\x846\xe5T\x16\x92&lt;\x9f\xaau\x10'</t>
  </si>
  <si>
    <t>b's\xee\xd8\x19\xc9\x88&lt;F`F\x8c\x90\xd2\xe7\x0b[5\xcft\x18\xd4t\xa7\x9b"\xbd\xaa\x86\x95y*V'</t>
  </si>
  <si>
    <t>b'=\x87&lt;qg)*\xdd\xb1\x82\xf0\x16V\xaa \xa2\\\xee;x\xd9n17\x10\xb0\x10\x1b\xb3\x19\xb8\x88'</t>
  </si>
  <si>
    <t>b'N\xed\xd6{. M\xd9g~p\xaa\x9d5\xcd&gt;4t\xfd6\x85\xbe\xaaz\x81X\xb5\x9c\x91\xe6\x1e9'</t>
  </si>
  <si>
    <t>b'\xb5\xd6\xa0\xf6\xbf\x01v^L\xdf\xbd\x94\xb3\xf9nv\xf3\xc5[\xe7\xf0(\xb7.k[\xb0E\x9c\xbcD&amp;'</t>
  </si>
  <si>
    <t>Re-engagement Ring</t>
  </si>
  <si>
    <t>b'\xe5\xa7\x82\xf1~(Hu\xa7\xeeZ\xbbx\x83\xe9}\x9c\x90\x9a\xcd\xb7%O\xabT\xe8i\xb4\x86Z"I'</t>
  </si>
  <si>
    <t>Medical Bills</t>
  </si>
  <si>
    <t>b'@\x14f\x8b\xcfE\xad\xeb\xc8\xbcB\xc3&lt;\xb1\xc4\x9f`w|\x8e\xcf\x02r\xc0\xd4O\x9c\xc5\xc8\r\xf4\x0b'</t>
  </si>
  <si>
    <t>Loan to cover moving expenses in NYC</t>
  </si>
  <si>
    <t>b'\xffb\x03\xa9h\x8cY\x03sN\x06\xea\x11\x9b\xf6\xadZn[O\x1da\x08\\\xa7\x02"k\x8d\xd3\x04O'</t>
  </si>
  <si>
    <t>b'Q\x8b\xf5I\x0f\xab\xe9\x02q\xfdEF\x13}m\xd4\xefH\xb5\x961\x81\xb7\x81\x0b.\xaf|\x02\xdd\xda\x14'</t>
  </si>
  <si>
    <t>b'\xfa\xfbP\xb7{\xd9\xab\x7f\xa5\xcd(\xeb+M\xa0 (\xe6\x11`\xeb\xdc \xfc\xa8p\xb0\xab\xee\x8a&gt;\x00'</t>
  </si>
  <si>
    <t>b'\xa3E\xcd\xe0\x95\x8el\xc7\xe5C\xbd\x8d\xc3D\xe8\xf5&lt;\x8affn\xe0w,\x16J\x84,\\P\x94\xe6'</t>
  </si>
  <si>
    <t>Brother's funeral expenses</t>
  </si>
  <si>
    <t>b'M\xf9\x0f\r\x16\x12\xbch\x9dp\xcb\x06\xfd\xae\xf0)P\x16\x1a\xcb\x19$Q\xa8\xee\xa4\xbe"\x97\x8b\x8fg'</t>
  </si>
  <si>
    <t>emrgency funds</t>
  </si>
  <si>
    <t>b"\r\xb9\xc5X4\x1c\xbc'\xc4)I\xe7F\x1f\x10\xf9\xa8\xb5\x9d=\xa8\xf44\x89\xcb\x14\xd9E\x19\xa8g,"</t>
  </si>
  <si>
    <t>b'\x97\xd7\x0e(gl\x0f\xf4\xb6Q\x1eP\xfaY\xf3\xe3\x87w\xd1\x83kG\xa2\x8d\x0f\xc6\xbd~\xaeu\xc9\x9a'</t>
  </si>
  <si>
    <t>b'\xc0\x95\xf3\x17\xb2mc\xa0\xa0\x1e\x94J.\xaf+\x14\xba9dZ\xde~\xb9\xdfy:\x86CFKJ-'</t>
  </si>
  <si>
    <t>Wedding Expenses/First child</t>
  </si>
  <si>
    <t>b'\xb2%9\xf2\x1e\xed\x05\x03-ro\xb5\xc9\x82P\x92\xcf\x81\x04\xd8\xed\x99\xa9\x9a\x89\xc1}\xbeK\xc3H\xd2'</t>
  </si>
  <si>
    <t>b'\xfchX\xf9I\xbd\xb7R\xde=\xaf\x94\xcd\x04e\xf8\xb7\xf1$E\xfa{SP^!M6\xfb\x17\x9e\x9a'</t>
  </si>
  <si>
    <t>christmas</t>
  </si>
  <si>
    <t>b"'\x82\xf2E\xd1\x8cZ\x84U\xe6\x80C3\xe5\x17\x91\xf8+`\xe2,\xcd\xef\x05i\x87\xf08q\xe2)%"</t>
  </si>
  <si>
    <t>b'\xb4\xb1\x1a\xf5AZ\x9a\xa7\xf2\x93A\xc4K\x8bNd\x01\x99\xdb\xdd*\xb3\x92\xf2\xd1UeK\xfdVS\xb8'</t>
  </si>
  <si>
    <t>b'e\xa5\xbdA\\\xa3\xe8\x16~\x93\xd9Tv\x99$%\x92D\x1f\xca\xc3\x85P\xb5\x05\xeb"\xb6&lt;\xad\xf1\x9c'</t>
  </si>
  <si>
    <t>Consolidate debt</t>
  </si>
  <si>
    <t>596xx</t>
  </si>
  <si>
    <t>b'I\xc6\x1b!i\xd5\x84\xbb\xf6T\xd3#S\x1c\xc0\x99\x9b-\xcat\x91\x90E\x1a-\x07:\xe4S\x11\xfd\xc5'</t>
  </si>
  <si>
    <t>b'\x10\xde@\xfe\xf7Kb\xc7B\x96\xd4\xe9\x154\\\x0e\xfc\xd5K\x96\xdf\x82\xeb\xe6\xcb\x1c\xa2&lt;\x04-\r"'</t>
  </si>
  <si>
    <t>deck</t>
  </si>
  <si>
    <t>b')\xd9JC\xdeql\xe3\xe6\xb5\xa4\xffD7X\xfb\xed\xa3@K=u!\xe4A\xa12\xb0\xf0Zd\xf7'</t>
  </si>
  <si>
    <t>b'\x90\x9cW\x89\xe9eCs\xde\x9d\xfb\x17\n\xae\xef\xa5\xdb\x97\xabO\x18ID\xe6\xa6p@b\xe2\x1d\x95b'</t>
  </si>
  <si>
    <t>b"\xf0\xb72Gb\xed\xc8\xf8\xddpV\xd8\x83\xba'\xd5\xcb\xa0\xa3\xe1\x96-eq\x11@in\xcb\x0e\xd3\xc1"</t>
  </si>
  <si>
    <t>Savings</t>
  </si>
  <si>
    <t>b'\x96\xea,%Y\x8b\xb9\xdb\xcd\xc9k\xfeC\xc2n\xf077\x1a-\x8b\x83\n\xf0\xec\x94)\xd4S=\xd0#'</t>
  </si>
  <si>
    <t>b'.\xf20\xb4\x1a\xffrL\xc1\xa3\x8c\xb0pk\xc6\xd0)Q2\x9d\xc2\xe0\x89Zj\x8a:\x1a\x9b\x01\xc7\xeb'</t>
  </si>
  <si>
    <t>b'h$7 }\n\x08\xe9d\x8a\x93Z`\xc4\xda\xf3\xcdD\xad\x8c6\x11=&gt;\x8f{\x94Q\xabN%\xc3'</t>
  </si>
  <si>
    <t>b'\xc7\xf2&amp;\x05\xd4Vk\xce\x02J\x8e\x98D\xc0\xbe\xd6Q\x14\x145\xe5\x9b\xe0\xeb,%\x88W\x16\xcf\x1e\x0b'</t>
  </si>
  <si>
    <t>Classic Car</t>
  </si>
  <si>
    <t>b'_x\xfb\xe97.\xcf\x01B\xf9\x85Kp=n#A\xd4\x1e:\x1e\xaa\x05\xa6\xb1\xcc.\xab%\xdb\\\xd1'</t>
  </si>
  <si>
    <t>b'-\xdf\xbe\x03\xf1\x17\xc7:4\x16\xae\xdaknS\xad\xb4\x050\x9am\x088\xb3\x9c2=\x1a\xf1\x87\xe0\xcd'</t>
  </si>
  <si>
    <t>Setting the table for the future.</t>
  </si>
  <si>
    <t>b'"\xc5\x89\x81\xe4\xd3\x16\xfa\x89\xa8\xc2\xcb\xecA\x9a\x04\xaa\xa1\xd3\xd8\x98\xb3\xb7\xb6\xf1\x1b\x8b\x1d\x96\x98}\x08'</t>
  </si>
  <si>
    <t>b'&lt;\xd6\x80\x87WF\x86\x06\x1e\x92ZN\xd4N&amp;\xf8*\x9a9\xbdC\xcb\x13\x12~D\xfe\xd6O\xd9\xa9\xca'</t>
  </si>
  <si>
    <t>Motorcycle Loan</t>
  </si>
  <si>
    <t>b'e\xd4)\x81\x9c\xa4\xa1\\\x88p2l\xe7\xafe\xebj\xdc\x9b\xdeZ\t3\x93\xe4\x82.\xb7\xdd\xd1Q!'</t>
  </si>
  <si>
    <t xml:space="preserve">debit consolidation </t>
  </si>
  <si>
    <t>b'F\x8f\xde\xd2\xd9+3\xfe\x1f\xab\xbd\x02\xa5\x1a]&gt;\x97\x16\x80\x16O\xe3\x1f\xac\x08[\xa9\xac\x17\xd6Ep'</t>
  </si>
  <si>
    <t>Business Purchase</t>
  </si>
  <si>
    <t>b'\x9cZ4BT\xcf\x92\x9f`\xce\xd6\x92\x07\x10\x07\x14\xbb\x89\xb1\xcf\x98x\xdf_%5%\x7f\xe4\xe5\x9e\x18'</t>
  </si>
  <si>
    <t>b'vB\xf7P. "1\xdbh\xd4\x82\xf9\xc3[\xbd\x0b\xc2\xf62\xa0\xba\x84\xd8\xbc\xe7\xd6j\xadQ\x86\x07'</t>
  </si>
  <si>
    <t>b'\x08\xa8{L)ro\x19\xbb\xb78\x0cdjI\xe8\xe2\x19\x99\x95z`l\xd2`\x03\xeb\xa8\xc5\x12\xff\xdb'</t>
  </si>
  <si>
    <t>Car Upgrade</t>
  </si>
  <si>
    <t>b'2Q\x8a\x8fKg\xa5&gt;\xb3\x834\xce\x8c=\x82\xc8\xed\x8b\r\xcc\x9d\x83\x92qI\xe3\xb5\xa8\x04\x89\x1fw'</t>
  </si>
  <si>
    <t>b'\x94\x10G\xcd6\x99\x12\xc4\xa2\x14\xb5\xc6\xf6\x02\xa0\x9eu\x89\t\\\xe2\xf9P\x07\x1c\xb5G\xa1\xed\x9c\xd1T'</t>
  </si>
  <si>
    <t>b'\xa5w\xa6$S\xd0K\xea`\xa5\x99\xa0&gt;Q\xccA\xac0\xca\x1f](^d\xdd\xbe{\x85S\x9fe&lt;'</t>
  </si>
  <si>
    <t xml:space="preserve"> Home improvement Loan</t>
  </si>
  <si>
    <t>b'\x1a\x03\xa7\x7f\x85\xd4\xe3\xcc\x83T\xda\x05m\xda\x11\xe44\xe3 \xd4\xe8\x00\x82d\x0e\xf3&gt;\xb4b(3\x87'</t>
  </si>
  <si>
    <t>b'\xb4Vo\xaf\xe0\x94\x8e\xa4\tl\x8e\xff\xb3\xab\xb7JVqk`\xf1s\xe4\x953\tf\xe9V\x90_\xe1'</t>
  </si>
  <si>
    <t>b'T\xaa\xb1\x86,\xa7\xa8#n\xd8)\x12\xcd\r&amp;\xf3\x0c\x0f\xd7v\x05\xce\xcc\xa5&amp;\x0b\x10 #\t\xae\xc5'</t>
  </si>
  <si>
    <t>Debt Consolidation/unexpected expenses</t>
  </si>
  <si>
    <t>b'Ya\x8f\x8a\xdb\\\x8fY\xee7\xab\x04I\x1b\xbb\x02\xe8/.S\x8a\xa7\xbf\xae\xcf\x8a\xbcl\x85\x8b\x1c\xec'</t>
  </si>
  <si>
    <t>b'\xc1\x17\x0b\xeb%S\xe6\xa1\\\x93\x1a\x1a8-\xb4Fr&amp;\x11\xb2P\xe2\xfa\x86\x90\xbf\x80$_\x05\xaa\xbb'</t>
  </si>
  <si>
    <t>b'\xba\x89\xda\x1f\xf2xW\x9a|\x85\xfa[9\xae&lt;\xb1\x94i\xa9`\xf7\xb1\xad\x9a\xacZ+\x11\x1a\x15W\xa7'</t>
  </si>
  <si>
    <t>b'\x97\x17\x9f\xbbt\x84\xa5\xdd\x06\xb5\x9d\xce\xa1\xb1\x9a\xfa\x0cS4\xc3\xabz\x9b\xcb\xcbl\xaf\x80 \xcc=\xe3'</t>
  </si>
  <si>
    <t>b'*`\xcaNI\x0e1&lt;\xcb\xc2F\xcb\x87\xd2\x93s\x1b\xa3\x94+\xc7*5\xa8\x02\xd8Z\xe6W\xa3\x8eZ'</t>
  </si>
  <si>
    <t>my loan for home improvement</t>
  </si>
  <si>
    <t>b'\x14I\xbc3\xf5\xe5P\x84\xa3\x8ak^\xdf\xd9\xb1$G7\x18e\x87\xfe\x9cm\xa64]\xd2Y\x0fV\r'</t>
  </si>
  <si>
    <t>b'X\xa6\xb3\x9fR\xc1\xe0)\xac\x15B\xf7X\xdfJu\xdc\xf1\x97\xdc\xbb\x9b5\xdb\xcf\x9c\xceP\x1f\x8bR\x8b'</t>
  </si>
  <si>
    <t>b'\x16\x07x\x1ek\xed\x9d\xea\xbfOW\\w+u\x92NZ\xeb\x00\xdd\x1c\x08?\xc7_\x9a\x9e\xfb\xfc\x99\xb4'</t>
  </si>
  <si>
    <t>b"J\xdc/\xb9\x92\xfe\x8a\x8b\xeb\xa8H}\xff\xf7\xac\xdb,\xb2\x1eg'\x01\xa9\xef\x1a\xc98\x96\xb6I\rR"</t>
  </si>
  <si>
    <t>b'\xa5QX\xb91\x95a29\xe2\x10\xef\n,z8\xd2\xb7|Q\x86\xb0~a\xa2w\xf8\xd8e\xaa\x15\x95'</t>
  </si>
  <si>
    <t>6 credit cards payments into 1</t>
  </si>
  <si>
    <t>012xx</t>
  </si>
  <si>
    <t>b"\x9b\xa7.\xb4\xbc\xdbx\xe4\xdb+\xa87'Rlg\xe7\x91\xb4=\xdb\x150\x0c?J\xd5\xaf\xaazU\x0c"</t>
  </si>
  <si>
    <t>b'\xfbg\xfe\xcf\xfc\xd3v\xcf\x8bos\\\x88\xcc\xe5\x0fbj)\xf0f.+\x89\xb7\xc6\xc0\xac\xcc\x9ey\x11'</t>
  </si>
  <si>
    <t>b'$v\x16\xd4\x01\x1c\x85\xa5\xd6^\xbf\xab\xe9\xc7\\\xb8\xbc\x9ae\xaa/\xb3\x87\x00\xa1\xad\x98\x8c\x08Ut\xa4'</t>
  </si>
  <si>
    <t xml:space="preserve">bill reduction </t>
  </si>
  <si>
    <t>b'\xe8\xea7\xf1\x1bl\xb1\xcb\xfc\xdf\xc2\xb8\xeb\x9b,8\xd9IZ\x8f\xcf\xe3\xca\x974\xaa\x07r)\x9eh@'</t>
  </si>
  <si>
    <t>pay of my credit cards</t>
  </si>
  <si>
    <t>b'\xf5\x00\xc1\x16\xe09\xedH\xbcU\xf68\x0c\x06"Fe\x1cSm\x9e\xa4\xbb\x86e\xde\x1a\xb86\x10\t\x96'</t>
  </si>
  <si>
    <t>DEBTFREE</t>
  </si>
  <si>
    <t>b'\x12\xb8?i\x9a \x12\xce\xcf\x14\x8d@\x08\xad\xfa\xb1P\xa4\xd1}iUJ\xd5\x000I\xf8\x07\x9a\x8a{'</t>
  </si>
  <si>
    <t>Card Refinancing</t>
  </si>
  <si>
    <t>b"'\xe7\x0f\xa1\x1b\x8bp\xafq\xa6\xb1\xe4\xfc!\xed\x9aX\xc2\xf8\x95\xde\xe0=\xf9:\xb5\x92\xbe\xe77\x94S"</t>
  </si>
  <si>
    <t>b"fW\x8e\xb0zV\xadeYn'R\x0c\x025\x8e\x85\x94\x92I\xceh\xc5\x15\x02\xcb\xa8\xb7v9\x0fg"</t>
  </si>
  <si>
    <t>Credit consolidation</t>
  </si>
  <si>
    <t>b'\xe8\xe3p\x06^\xbf\xfd\x14\xe3\x18?\xaf\xe8\xa0\x89Wo*\x9c\x91\n\xc7\x89\xd6\xd5*B\x14\x04\x838\xd2'</t>
  </si>
  <si>
    <t>b'7\xcc\x1b\xe2\x1cc\xa1z\xf1\x92\xdb\x91":\xe8`\xec\x1a\x12\xbc\x11\x17\xdf\xeb#.P\xc3\x8f\xa6\xa1\xda'</t>
  </si>
  <si>
    <t>CC payoffs</t>
  </si>
  <si>
    <t>b']m\xea\x90\nV\xb5D\xdaDt\xcb/\x19\x95I\xa9n1~\xf7\xdc\xf2\xbf-D,\x13yO\xd0\x9f'</t>
  </si>
  <si>
    <t>179xx</t>
  </si>
  <si>
    <t>b'!o=[e*\x9e\xcb\xa3l|H\xb4\x9aF\xa3\xb2*|(\x03\x98\xf7\xcdS\xc8\x12\xe3\xdfUf\xa3'</t>
  </si>
  <si>
    <t>Killing debt</t>
  </si>
  <si>
    <t>b'=\x12\xcc\xbc\xe7\x81\x15\x82(\xa5\xa9\xcb\x8b\x87\xbc\x1e\xc8\xb1W9\xe3\x06}f\x13\xfb\xb2)\xe0\x9b\xc8n'</t>
  </si>
  <si>
    <t>b'z\xe4\xdb&gt;\xc1I\xc9O\xff~,\xb6\x9b\xd6\xd9\xaf\xadh\xf8\xa6q\xd4\x82\x99\xd7\xdbX\xb5\xa7O\x99\xb8'</t>
  </si>
  <si>
    <t>Home Improvement Project</t>
  </si>
  <si>
    <t>b'2\x06K\xf0\x83\xd1\xcf&amp;\x87l\xbaho\xa3\xe3\xbd\xd1RC\x06\xf5A\xf8\xcd\t]\xc1\x06\xd1\x17;\x1f'</t>
  </si>
  <si>
    <t>b'&gt;:\xf3\xd8RiW$\x8bL\x88\xdbK/3\xa6\xad?\x93v\xaci\xfd\x1d\x93\xb9G\xfc7gY`'</t>
  </si>
  <si>
    <t>b'\xc4\xde\x14\xb0\x18&amp;\xea!\xd7#\x909@\x83\xa9\xc80\xda\xed\xcc\xc8boT\x15\xbb\x176k\x10\xdc\x8a'</t>
  </si>
  <si>
    <t>b'nu\xcf\x13\x13\xfc&gt;\x1dB2\xfc\xa5.\x97\x9e\x97]\xfd\x0e\xb8X\xffK\xe3\x89\xcaA;\x8ay}\xa1'</t>
  </si>
  <si>
    <t>b'\xb6WNIIH\r\xed\x83)\x0c\xfc\xc0\x13\x16\x93\x13U\xdbTu\x8c\xbdS\x8f\xfd\x1ej"e\x9d\xd8'</t>
  </si>
  <si>
    <t>CREDIT CARD CONSOLIDATE</t>
  </si>
  <si>
    <t>b'\xb7\x835\x14\xb6\xc5U\x98\x16D\x13\xfa\xc8\x0fp\x8cNY\xf7\x94\xa3\xe06\x17\xda?\xc3\xc3\x10\xde\x19\xf9'</t>
  </si>
  <si>
    <t>Home improvement/New AC</t>
  </si>
  <si>
    <t>b'9\x0eD\xc4V\xbd&gt;_=\xa5t}(\x9dxI\xa6\x00\xd8\xfdcU\x1e\x89`\x81;\x03\x81N\x06\xf9'</t>
  </si>
  <si>
    <t>b"\xd7\\Gr]\xc4\xd9\xb9D\xd19\x19\x7f\xe9\xb3\xaew\x9c&gt;\x99,|\xac\xc9\xb57\x1d\x90\x9f'\x84u"</t>
  </si>
  <si>
    <t>My credit card payoff plan</t>
  </si>
  <si>
    <t>b"\rh\x96\xaeK'\xdd$D\xbe\x12'Q8Qh1\xc2c\xb2~\x0e\xd6\x9be\xa0\x12\t\x14\xe7W\x91"</t>
  </si>
  <si>
    <t>b'F\x02BA\xc8\x18=\xc3Z{\xa8\x12\x0e\x8e\xcc\x15\xde\t\xc6\xcb+r\x1b\xe6\xf8\x97\x8b\xd7\xc2\x9cW '</t>
  </si>
  <si>
    <t>refinancing credit cards plus</t>
  </si>
  <si>
    <t>b"}\x88R\xed\xf3\xc8\xd2\xe4+e\xd8\x1dS\xe7mK\xc4\xf5J\xd7\xd2\x84'VlH#\xcc\x82\xe3XL"</t>
  </si>
  <si>
    <t>CC Refinance Loan</t>
  </si>
  <si>
    <t>b'&gt;\x0b\x81\x83\x9b\xc3\xce\x8eA!\xdc\x9a\x88\xcb\xcc\x06i\xa3r\xaf\x95\x7f#q\xbe\x91?\xf8\n-r\x82'</t>
  </si>
  <si>
    <t>refinance loan</t>
  </si>
  <si>
    <t>b'Kk\xce\xaf~\xec\xd4o\x9c\x92Ri\xf0\x12\x88\x8bf\x12Z1\x91n\x05-\x9c\xf5\xe8e4\xb6\x8d\x89'</t>
  </si>
  <si>
    <t>b'\xfc\xe0\xa5k\x17\x80\x00\xc9a\xc0z\xa4\x04o\tX\xd3/\xa036\x7f\xb2\x1c\xc66\xb2\xc7\x00c\xca\x08'</t>
  </si>
  <si>
    <t>betterlife</t>
  </si>
  <si>
    <t>b'\xad\x9a \xda\xeb\x8e\xa4\xd9s\xda\xd0\x88\xef\xe4\xef\xa1\xf8\xb8+\x0e \xa4\xffb"M\x8a\x8aUf\xc5\x19'</t>
  </si>
  <si>
    <t>Inventory for Business</t>
  </si>
  <si>
    <t>b'8-\xee\x84\x07\x8d\xf3\xfc\xf0\x05R\xd1T\xf8\n2n\x90\x80+\xc7\x88\x890?\xeb\xcb\xeb\x8f\xe7\xe7\xb2'</t>
  </si>
  <si>
    <t>Home Upgrades</t>
  </si>
  <si>
    <t>b'\x7f\xf2u\x95\xe6&lt;\xb6)C\xef\x02\x8d\xf7\xf6\x7f\x803\x0b\xcaW\x81\xab\xf8\xc3\xae\x8d\xd3\x1f6\xb0\xc2\x1a'</t>
  </si>
  <si>
    <t>bye cards</t>
  </si>
  <si>
    <t>b'"\x0851\xe1\xd4xs\x19\xf5\x8f\xcev\x94&lt;X&amp;\x8bK1D\xcc\x9d\xe8L#S\xbc^\x8d\xb0\xc3'</t>
  </si>
  <si>
    <t>b'\xf6\xbb4\xcd?N\xe9\x0e\xd4\x02W?\xffCE\xd6\x89\x899!\xf8\xd0\xcf\xc6\x85\x82{~\xf0\xe8\x0f5'</t>
  </si>
  <si>
    <t>Mess Clean-Up</t>
  </si>
  <si>
    <t>b'\xd90*\xa8\x9fi\xc2X#"W&amp;H[\xab\xcc\xe58\xad\x9bB\xfc\xce\x1eCm\x19fUPB\xd3'</t>
  </si>
  <si>
    <t>b'0\xc6TAM0\xd6a\xdf\xf9\xc9\n\xda\x8e\x8a&amp;P\xc6IM\x8a\ts\x7f\x0c-\x97\xda!?\xe5A'</t>
  </si>
  <si>
    <t>b'\xb3M\xfc\x8c\xde\xb0\x87\xff\xd0\x84u\xd7\x11\xdd\xb1\xf7\x12\xe1\xfa\xb5\xf9\xadU\xee#\x1fiTM?;"'</t>
  </si>
  <si>
    <t>b'\x1f\xe8\xa1\x84\x8f\x98%\x8e\xbd\xbf\xabI\xd0\xa6=\x1d^\xa89\xb0\r\x85\xef#="\x1aSx\x88\xaf\x10'</t>
  </si>
  <si>
    <t>FREEDOM</t>
  </si>
  <si>
    <t>b'\t\x10\x0b\xeanG\xfaZ\x97\xa4\xc0\x96mNN\x13\x1e\x0fg\xbc\xc7\x14\x1eP\x0f5\xb7\xedn\xaaL('</t>
  </si>
  <si>
    <t>b'\xcf&amp;n\xd2%\x06"\xe7Qr\x0b"\xbf\xbf\x19\x06+&lt;N\xd9n\xc4h6!\xd55O_\x9c\x13\x84'</t>
  </si>
  <si>
    <t>599xx</t>
  </si>
  <si>
    <t>b'\xee\x1d?-K\x90\xaf1\xde&gt;\xb6=\x8e\xf8\xd6\xf2\x1aL\x0c\x9c\xec\xc1|\x97\x91\xd1\x93y\xb6z\xb7\x90'</t>
  </si>
  <si>
    <t>medical, loan and credit card</t>
  </si>
  <si>
    <t>625xx</t>
  </si>
  <si>
    <t>b'\xddhZ\x81K\xe79\xb7\xc3\x9fh\x8a\xa4\x18\xb0\xa0sC?\xd1\xf2\x0c\xc9M\x9c\xd8\xc3Q\x1a\x17\xd8k'</t>
  </si>
  <si>
    <t>b'\xa1\x9bX\x96\xea\x82\x10\x12\xdd\x93\xbc\x06\x93\xf2\x05J\x05\x10\xd6\xef\x00\x12\xfd\xaa\x7f8\x937i\x04~N'</t>
  </si>
  <si>
    <t>b"=9\xc6\xeb\x1f3{\x18\xca'j$\xa0\x10\xf7\xee@\xdd0Y\x18\xf0p\xae\xcbN\xff@\xae\xd7\xcb\xe9"</t>
  </si>
  <si>
    <t>b'\x1bUo\xbd\xbb\xeb\xf3\xb7YO\xa3\x89?ak\xc2\\X\x1f\xef\xd4,H\xe97N\x01\x07jdh\xe8'</t>
  </si>
  <si>
    <t>b'\xf0\x08\x11\x8es\x80\x8f\xc3\x94\xbc\x91\xce.sW\xbc\xbd\xb7\xce\xc1\xe1\xd9\xe2\xfe%\xcc\xf0\x9a\xda\n\x10\x97'</t>
  </si>
  <si>
    <t>b'] \xd8l\xf4\x19\xb6\xf7\xce\xe56\xbd\x07b\xe5\xe4\x94?\xe7\x07\x1bt\x9e:\xca%\xcaa\xd2\x0ep\r'</t>
  </si>
  <si>
    <t>Freedom 1</t>
  </si>
  <si>
    <t>b'\xa5\x0e\xfb\x0eZ\xb3\xd8m9\x9e\xbc\xd1\xd5\x9eZ\x89\x9f\xce\x1f\x03\x1a\xeb\x8b\x08YW\x87\xf0\xebn\xc3A'</t>
  </si>
  <si>
    <t>b'\xc85\n\x9eJ\xd8 \xd7\ng\xf9\xb9\xc3q\r~9t\xf6Y\x04h\xbd\xad\xe7!\xcd\xf4\x06\x0f\xc7\x81'</t>
  </si>
  <si>
    <t>b'78$8b\xeb\x1f\xb7\xfb\xf6\x0f\xdeu\xa8\xe2\xebI\xee\x8dW\xf2\x98\n\x12\x15\xb7\x9a\xf2\xc4\x96\xdbl'</t>
  </si>
  <si>
    <t>A Fresh Start</t>
  </si>
  <si>
    <t>b'\x16\xa2\x85\xd72\xc0zK\x83\xba\xbf-\x1e|\xdc\xaal\xc15\xfd\xf0D\xff\xea\xd1&lt;\xa4\x88\xa3i\xc08'</t>
  </si>
  <si>
    <t>Pool Perkup</t>
  </si>
  <si>
    <t>b'\xaf\xa0\x02\x16\xc8jnu\x1d\x17\xbb\xbbp\xe0f\xbdHS\xb9X\xeeXb\xef`&amp;=\x00atP}'</t>
  </si>
  <si>
    <t>b'o\x0c?\\\x02\x0e\r\xb9D\x0cX\xe6\xd9\xc5K\xa5&amp;\xa0\xd8\x9c\xd1\x87\xa1\xa6d\xff\xe7\xbf\xf151i'</t>
  </si>
  <si>
    <t>A BETTER WAY</t>
  </si>
  <si>
    <t>b'\xe4#%\xec_f\xa1\xdf\x10\xb5\xd9dm\x1e\x16@+\xe5\x89\\\x01\xa8\xd6\xe4\xba\xfd\x14X\xeb^Y\xa3'</t>
  </si>
  <si>
    <t>Consolidate &amp; close out credit cards</t>
  </si>
  <si>
    <t>b'\xfa\xea\xea\xb8\xfb\xa085S\xe3,\x7f\xe2\xdd\xfed\xe6\xb7g\xb1E|\xfe\x021\xb7\xd2\x0f\xb2\xcc\xbaO'</t>
  </si>
  <si>
    <t>Support Loan</t>
  </si>
  <si>
    <t>b'&lt;O\xb0\x0c\xf7\xf9\x9bh\xf6:P\xf8\xb1aS\xdeqTse7+\x11%:\x92\xd5?\x89\x00)\xd9'</t>
  </si>
  <si>
    <t>Pay off my debt</t>
  </si>
  <si>
    <t>b'Hj\x82\x1f"\x91\x13\xa5\xc3e\xb9\x0e\x12*\x0cT\xda\xbbT\xbfJ\xf3\xd2\x8cri;"Jm\xef\xac'</t>
  </si>
  <si>
    <t>Simple</t>
  </si>
  <si>
    <t>b'\xea`\x05\xdf|\xa4\x12d/#\xc6\n?p.\xb1\xa7_r\xb7\x92\x01\xb7(\xc5\xa7|\xfc\xb7\x85+c'</t>
  </si>
  <si>
    <t>b'k\xe6\x8c].\xb8\x99}@\x0c\x01\xd2\x13\x9be\x86\xb0\xb1GsHK\xbf\x8aC\xf0\xac\xee1\xce\xf0\x1c'</t>
  </si>
  <si>
    <t>b'\x06v\x13\xa8\xc2\xdb\xdeV\xa5izv\xaez\x8eX\xeb\x8f\x07\xd6|Y\xfd\xa2\xcf\xf6\x9b!\x87\xe8\xe0\x7f'</t>
  </si>
  <si>
    <t>b'\x80\xa6l\x93\x18\xaa\x96\xfb#\xf1p\xe7\xff\x02F\xc1\xf2\xcf\xe5\xa8\x01\xdc\x96\x83 \t\x83\xcfx\xdb\xa5\xee'</t>
  </si>
  <si>
    <t>b'\xd4\xefbt$u8\x00R\x7f~)\x9f-\xde\xe6]\xfag\x9f^\x19\xab\x08\x10\xc7L*`%\x8dd'</t>
  </si>
  <si>
    <t>b'\xfa\x99\xff\x0fga\x8fd\xf05\x8bB\x97\xee\x97$\xd6\x17\xc3\xa4N\r\x1a(h\x0fB\xe2\x96\x8bQF'</t>
  </si>
  <si>
    <t>b';\xe8\xc4^\x02\xfeN\xd0\x1a\xa1\\Fl\x8a\x83\xbc\xc3\xee\x94\xe4\x9b\x12}P!b\xb5p\xfe\x1f\xdbR'</t>
  </si>
  <si>
    <t>b"\xcd\x97\xd07\x10\xc9\x8cX\xf0~\x18\xe8f\x7f\xe5\xf2\xe7\xf0r\xc4\x9e'\x0bh0Vf\xc2\xe9L\x81\xac"</t>
  </si>
  <si>
    <t xml:space="preserve">Credit Cards Debts payoff  </t>
  </si>
  <si>
    <t>b'M\xb0\t\xe6t\x85\xd8\xa5H\x80\n\xb5\xadB\xf1vt\x06/`(m\xcb\x1aY\xbd\r\x9b\xe9G\xe7!'</t>
  </si>
  <si>
    <t>b'\x00u\xe4\xf1Aq-qX{\xcaH\x85\xed\x12;\x0e\x90\xe1\x0e\x9e:o\x1a\xe3\xff\x9dz9\xd2X\x7f'</t>
  </si>
  <si>
    <t>Get out of debt faster loan</t>
  </si>
  <si>
    <t>b'BP\xd4\x18\x80"&gt;\xdb\xc7\xe3\xdd\x18w\xf5\xe6f6\xef_\xe5\xf4\xbej\xcc\x15C\xcd\xa8!wi\xfa'</t>
  </si>
  <si>
    <t>Unsecured credit card consolidation</t>
  </si>
  <si>
    <t>b'I\xc4%\xcf\tFl\xd7\x9d\x93;\x13\x12!.\xab\xd7;\xa43Q|\xcb\xb2\x19?l\xa0RQ\xbe\xc9'</t>
  </si>
  <si>
    <t>b'\xba\xfaY.o\xba\x19gL\xb5i\xc1\xd7\xc6l\x91}\xbe+\xea\xcd\xeb\xf4\x94Z\x8a\xf9/I\x93]\x00'</t>
  </si>
  <si>
    <t>b'AJO1\xc6\x7f\x8a\xba\xa4\xf3\xa8X\x9c\xb4T{\xcbJYa\x19\xff\x9548\xfcJ\xfb*\x7f\xe8\\'</t>
  </si>
  <si>
    <t>b'\x1b\x19\x9anq4]\xb1\xe4~\xf5\xa0\xb2K\xa0V\xf1\n2\xe6\xe0\xe1v\xe9)\x0b\xb6\xb4\x8bm\r\xaa'</t>
  </si>
  <si>
    <t>b'\x8d\x08\xb9}Y\x1a\x81\x7fQ\x1b%\xb5\xb4\xd2\xf4\xbd\xccZ\xbc\x89\xa7\xec\xadi\x12\xbcZ\xe1Ba\xe5{'</t>
  </si>
  <si>
    <t>b'\xd9G\r\x86\xfd\xc4k\xe4\xb4n\xa0&amp;X~\t\xc5\xe8u7\x01}l\x0fh\xa8o\xef\xdc\xa23h\x17'</t>
  </si>
  <si>
    <t>b'{]\xd82\x8e\xc9\\\x8b\xd4\x9c\xcd\xeaY\x10\xdf\x02\x1ceM4\x12c\xf4t#\xf9\xbe\x98\xac%\x05!'</t>
  </si>
  <si>
    <t>b'\xf7\x80\x988\xf6\x01w\x1e\xd8\x80\xf1\xc3\xbf0@^&lt;\xe8\xa56\xa7\x870\x7fB\x88cP\xc5\xe8\xb3\r'</t>
  </si>
  <si>
    <t>b'\x84\x10\x05\xcb\x0cZ&gt;\x11&amp;u\xee\xe8\x11d\xb3\x8f\xd7@\xda\xd3NQ\xfb[nb\xe8\xf6\x1c\xef(\x15'</t>
  </si>
  <si>
    <t>b'\xb4t\xe1\x98\xf9\x974\xaa\\b\t6\xfd\xb3sm\x9c\x93\xbc\xe7\xe0\xb0S\x87\x86\xed\xa6-\xdd\xe6v9'</t>
  </si>
  <si>
    <t>b'\xf1\x0b\x11\xbcxl\xd0\x80\xc7*C\x13`}W\n\xb8\x00\x0f\xe9\xfb"\xb8\x0c\xceH\xf9D\x9a\x8d\x96/'</t>
  </si>
  <si>
    <t>b'l\xc9\xe6s\x04m\x01\xf3\xa1]g\xe9\x95.\x1bC\xe32\xfb\x9a\xacd\xd6?\xee\x8cZ\xce\x8ex\xbe\xb6'</t>
  </si>
  <si>
    <t>b"+\xbe\xf3\x84&amp;\xf0L\x1d\xbe\xa9\x85\xa0\x99^\xb4V\xe1E\x90/\x8d',\x04\x0b]&lt;=\x10tc\xd0"</t>
  </si>
  <si>
    <t>b'*\x06\xaaV\x83zK\xf6\xb4D\x82\x06\xf7\xa8\xaa&gt;\xc6\xb4\x12\xc2pk8\x0f\xae\xa05J\x08\xc7\x82\x7f'</t>
  </si>
  <si>
    <t>debt cosolidation</t>
  </si>
  <si>
    <t>b"\xd7\xe2e\x95o\xcd\xf8}\x16\xc2\xdb\xacxc\xa2B\x8a\xb8\xf2\xe40'\x84\xde}pS8\nU\xb5\xd2"</t>
  </si>
  <si>
    <t>b'P\x05O\xab\x81\xd3\xb3W\x1e\xc8o\x87\xde\x92\r\xf7\xda\xa8\xb5\xe6\xd0\x0f\xc1\x8d\xec\xa8"Q\xc0t\x94j'</t>
  </si>
  <si>
    <t>b'l\xee\x94Y\xd1\xce\x12\xc7\xc4\xbd\x14\x8a*0\xe3\xfcQ?\xeb|YiV\x17\xf5FJj\x99@\\\xfc'</t>
  </si>
  <si>
    <t>pay my bills</t>
  </si>
  <si>
    <t>b'\xe5\xb5\xbd0M5|\xdf!\x02F\xed\xd1\x91\xd9\x05j\xdf\xfe\x0ca~\xc9+\xae\xfe\xdeV\x0c\xc2\n\xd9'</t>
  </si>
  <si>
    <t>b'\x86J\xb4\xe2\xa2\x1dtn\xfb\xbf\x98\x1fu\xf5$m\r\xe9\x882\xe3\xfb\x85\xecV \x00\x1a\xaf\xb0uX'</t>
  </si>
  <si>
    <t>b'\xa0\xf6\x85\x19\x18\x99\xb0o@\x07\x0e\xa5\xc6\xc0\xa3\x15\xc9UY\xb4\x80\x01\xc3\xf0&lt;\\D)\xc1\xf5w\xbb'</t>
  </si>
  <si>
    <t>b'\xd6V"8\x0b\x8cT\xf1\x085\x18\x9e~\xdf\x9f\x9c&amp;\xb9\x18\x0b\xa4\x12yp\xf0\x8dX#\x12+\xf8T'</t>
  </si>
  <si>
    <t>b'R\x92_F\xf8\x18\x1ea\xe2C\x14u\x87\xee\xb2\xd9/\xdf\xa2\xa0\xd3\xae\xaf*\x13\x9c\x12\xb9j\x7fH\xb9'</t>
  </si>
  <si>
    <t xml:space="preserve">Deta  consolidat </t>
  </si>
  <si>
    <t>b'~\xb0\xd3/"\xb5;\xf40\xf4\xdf\xe6\xeb8k\xb8l\x96;\x08\x14\x80&lt;=\x05\xcf\xabH\xc6\xdc\x8b\x19'</t>
  </si>
  <si>
    <t>b'\xf9Z\xd6\xd7\xc1\x02\xc4\x84\xb9\x07t\xcb1\xcfN0\x18\x9b\xe0B\x1fd\x82Q\x9cP\xbc&amp;\xed\x19\xaa\xa6'</t>
  </si>
  <si>
    <t>b"\x98\x83\xdbs\xc6gmg\xe4\xb3\xbe\xeb\xe4\x0c'\xd2\x81\xd5\xfbc\x87\x0cl\x9ct\xef\x7f\x15\xd9wZ&amp;"</t>
  </si>
  <si>
    <t>b'\x82\x95\xd2\x8dn\x90\x9c`\x85\xca\x8c\x12J\x19\x1e\x87\xacn\x7f\xf2\xb35\xff\x04\xe0\xa1,\x0c\x88a4i'</t>
  </si>
  <si>
    <t>b'y\x11\xe1\xfa\x16\x08\x9c\xdb\x92Z~\x88dL\x02\x82\xc9\xb1l\xf91\x81L\xcde\xdb\x7f\x82\xa4\xc6D\x0c'</t>
  </si>
  <si>
    <t>b'\xf3\x15\xb4\xfd\xa2y\x08\xf8\xb6+\x9d/\xcc\xa6Iv\x8f3\x95;\xd8C&amp;u\xdem\x9cI\xc5l\xcc\x8b'</t>
  </si>
  <si>
    <t>safe investment business capital.</t>
  </si>
  <si>
    <t>b'\x8b\xd5\x0csd\xdc\xec\\,Ed\xbaoM\x8c\x83d2\xeeH\xfc\x07\x1f\xc5\xd1\xc8\x83\xe24-\x9b\xe9'</t>
  </si>
  <si>
    <t>b'G\xf4\x06\xff\x02h\xc0KT\x10\xbf\xcf\xdb3r\xe5\xb7V\x81~\x94\xe2&lt;s\xcd\x04{(\xa53\x15\x8c'</t>
  </si>
  <si>
    <t>Credit Cards Consolidation</t>
  </si>
  <si>
    <t>b'\xa2\xd6:\x9fS \xa468Rf\xdf\xdfr\xfc`P\xf9dN$\xeb\xcd\x9d\xec\x95\xf4S\xac\xd6\xa4\xef'</t>
  </si>
  <si>
    <t>b'\xda5w\x1b\x9e\xf9\x9cl\xe6\xc3\x89*j\x8f/zw\xd3\x04\x9b\xde!\xf8\x98\xdb\xbaF(i\xa2?\xdc'</t>
  </si>
  <si>
    <t>Consolidation of unforeseen debt</t>
  </si>
  <si>
    <t>b'\xfe]\x90\x16\xaf\x8c\xec\xed\xc1]f\xf7\xf4\xe3_G\xac\x10\xed\x14\xdf\xb4p\x83wTE\xf8\xd3\xbc0\xea'</t>
  </si>
  <si>
    <t>Working Capital for Expansion</t>
  </si>
  <si>
    <t>b']\x9e\r.8\xc6\xc88\xde\xd6 \x14\xd4BQ\x9b\x8f\xe8\x12\x7f\xc2\x0b\x91e1*\x9d\x13P:\xee\x8e'</t>
  </si>
  <si>
    <t>b'Z\x11]8\xe1\xf0{\x95\xfe\\(@\x80\x14\r\xd5`\x9fXW\x0b\x1bi*vh\x93\x8b\x07Ky|'</t>
  </si>
  <si>
    <t>GOALDEBTFREE</t>
  </si>
  <si>
    <t>b'8\xfb\x11\x1a\x99\xbb\x0f\xe2\xf6(k\xdb,\x8d\x11\xbd\x91y#W\xb8\xb8G\x04A\xc1\x00\xc9\xc9\xfc\xdb\x02'</t>
  </si>
  <si>
    <t>b'2\xaf\xcb\x81\xf3\x84i\xe6\x17\x0c)\x91pg\x16\xcdlv\xec\x9f\xed\xba\x99\x0f\xb2\xb9\xcb\xd5\xb1\xb3\x80W'</t>
  </si>
  <si>
    <t>b'\x91\x12\x0b]\x83d\x80\xa5U\xf2D\x1b\x93\x97\x94\xdaR\x8fG0\x05\xa3\xe9\xb8\xb5\xb8 \xe3\xcf:}@'</t>
  </si>
  <si>
    <t>The Movement</t>
  </si>
  <si>
    <t>b'k\x8e\xdc\xb8gCx\xf7I\x90\xbdb\xe6\xfb~\x90\x98\x1d\xb2\x8f\xe2H\x16\x0e\r\xbeJ\x1a\xb9\x15\x0e2'</t>
  </si>
  <si>
    <t>b"X\x80K'|3\xc1\xff\xb1\xc2\xda\x02\x0f\x1d\xeb\ncoQ\xfb\xb7@4q\x16\xef-9M\x880\xcb"</t>
  </si>
  <si>
    <t xml:space="preserve">Payoff Credit Card Debt </t>
  </si>
  <si>
    <t>b'\xf6\x9e\xb7.\x9f\xb0\xcb\xa9=$\xd3\x8ag\x83\xfd]0\xf1\x85o\x92\xb1\xde\xb1\xcaE\x08\x7f\xda\xf3|\xe0'</t>
  </si>
  <si>
    <t>b'.\xbfk\xfb\x15\xc6\x80\xa2\x0b\xfc\x12\xfe\xef\x84\xd37jT~8r\x92W\xeb5)\xaft\xc2\x87\x9c8'</t>
  </si>
  <si>
    <t>b'em\xe5\xa5\xc0\xf6\xb5\xf0\xad\x94\xb8\x15\xa6\xa2\xcf\xacm\x83Qu\x1d9\xf0\x17\x11L\x9f\xd8\xe3\x9ca\xbf'</t>
  </si>
  <si>
    <t>b'Z\xca\xc9\xffm\x95\xea=\xa0\x86\xbcYz\xa7\x17\x94^\xf1\xe0X\x10\xad\xe8m\xd6\xc5\xc8@\x9f\xda42'</t>
  </si>
  <si>
    <t>b'm\x84\x01\xa9\xf2\xdb\xf5\x16\x9b-\x15\xe4\x14,\xab\x0c\xf3\xbf\xebX\x95V\x0b\xcdj\xfe\xdc\xc4\x87tif'</t>
  </si>
  <si>
    <t>want to pay credit cards debt</t>
  </si>
  <si>
    <t>b'A|fh\xdbT\xdb\xd2J\x05\xad&amp;qO\x80Cu\x9eH\xceo\x16\xe7\xd8!A\x0b\xd7G\xdc5\xd1'</t>
  </si>
  <si>
    <t>b'\xb0Z\xe9\xb8\xd5b\x16\xf6\xef\xa3\xee-\x998\xa1%\x81\xd8\x89\xec\x84D\xf2\x97a\x94&amp;\xe8\x1a\x9e\xf0\xd9'</t>
  </si>
  <si>
    <t>b'\xde\x83x\xde\xc0@\xa10\x1a\xd3B\xfa\xdd\\\x13\xf2\xaf\x8ct\xab\xe0\xb9+\xde\xe5\xb2i\x1c\xd9pc\x1e'</t>
  </si>
  <si>
    <t>b'\x00\x13\x83A\xd4\xfb\x99\x8cJ\xe5B\x1a?jGbv\xab\x0c\xb6\xba\xb3`L\xda\xc4~\x8c\x8e=`\x8a'</t>
  </si>
  <si>
    <t>Payoff loan</t>
  </si>
  <si>
    <t>b'\xaf\x1e\xca\xe5\xae3o\x17\x9c\xd3\x10*\xf1\xa1\x9e\xf7]\t:+\xbaI\xae\xcc\xca\xe4\xa0\xb94K!A'</t>
  </si>
  <si>
    <t>b'De$\xa2\xcbN*(s%[[~\xa0\r\xfe\xfb\x0bT(\x04j\xa86\x9a\xf4\xa7\xc7@j\xef\x95'</t>
  </si>
  <si>
    <t>DeptPayoff</t>
  </si>
  <si>
    <t>b'\xd8\x9f5w\xe2Q0\x07\xfa\xdf\xd0Dg\x0b\x8a\x06d\x9eG\xe2\xa9\xc0\xc6\x1f"q\xfd}\x04\x13G\xd9'</t>
  </si>
  <si>
    <t>Debt Consol1</t>
  </si>
  <si>
    <t>b'\xc1\xdf%\xbb\xf0g\xfb\x17\x9bJfP\x15*\xf5\xc0RD\xf1a\x01\x06c\xb8\xc1\xcd\x8b]\x18g`\xe6'</t>
  </si>
  <si>
    <t>b'KK\xbe\xbeg\xccm\xe7O\\\xd7\x08zN&amp;\x8e\xf3(\xcc-\xaa\x81\xb9\xdc$\xc6\x16J\x9a\xc1&lt;\xac'</t>
  </si>
  <si>
    <t>b'\xd23i\x83\x02\xc7\x89/\xff4%\xa3\x93\xf2\x19W\xcbi\xd2]4\x86Ga\x8f\x12-l\xbfm"\x8b'</t>
  </si>
  <si>
    <t>b'DtK\xc9}_o,\xfd\xd0?G d\xb1\x9a\xb5\xbc\x9c@^\xcc\xdaa\x03\xf5\xa2z\xed\xf2\xd1H'</t>
  </si>
  <si>
    <t>b'\x1d\xfd@C*s\x9a\x9d\x0e3\x01A\xabU`_$\xf0\x12\x15n$\xe2G\xe7\xce,\xf9\x14O\xce\xef'</t>
  </si>
  <si>
    <t>b'G\xe0g5\xee0\xcb\xc6R!\xe2\xb86T\x81\x10\x103\x97\xf2\xdaxl\xaez\xb8\x1a\x9d\xa24\x93\x15'</t>
  </si>
  <si>
    <t>b'\x15\x93\x89V\x11"\x8f%n\n\xb6\xf7\xf6\x0b.\xd6{\xe8\x1a\xf6T\xcd\xf5\xe9\xe9\x9e/\xa5(\xaa\xd0_'</t>
  </si>
  <si>
    <t>Consolidation Proyect</t>
  </si>
  <si>
    <t>b'\xe8\x83\xef\x10))Q&gt;&lt;\x86x,s\xee\xc60\xa5b\xd8\x1c\xec\xc1\n\xd7P\xc8\xbb\x9e\x81\x89\x97\x1f'</t>
  </si>
  <si>
    <t>debt consol</t>
  </si>
  <si>
    <t>b"\xe2\xac}\xe8(\xa2\xa2\xbb\xcd8\xd0\x8e'\x98${8\r](@M\x07\x04d&amp;\xcf\x08\nf#\xf0"</t>
  </si>
  <si>
    <t>PERSONAL LOAN FOR RESPONSIBLE BORROWER</t>
  </si>
  <si>
    <t>b'8X\xe4\x1f\xb0\x91\x0e\xf4&amp;\x04_I\x96\xb2\xdb\xab\xb4\xf4UP\xa7\xea\x16\xd0\x13\xb1%CLL\xef\x07'</t>
  </si>
  <si>
    <t>b'\xebT\x7f\no\xcbj\x1f\x98\xf8\x1d6\x8c\xaejf#\xcdM,k\xebv+\x89\xe0\x91 ,I\xd5\xde'</t>
  </si>
  <si>
    <t>b'J\xab\xf6\x01(\x10\xd9f\x12D\xa1\xe4\x11lVN\x89\xe0b\t8\xf6\xd4W\x96A\x9c\xb8\xb5\xde\xeek'</t>
  </si>
  <si>
    <t>pay off high interest credit cards</t>
  </si>
  <si>
    <t>b'\xe2\xcc:%\xe5H\x11n\x8f\x92\x04C\xbc\x0e\x8c\xd4\n\x84Z\x0e \x08.\xeb\xf6}\x19\x03\x8a0\x85H'</t>
  </si>
  <si>
    <t>439xx</t>
  </si>
  <si>
    <t>b'A\xede\xdc\x05\x07\x85\xe5Kj\xee\xf3@N\rBl\xd8\x17\x9d\xef\xb4\xa9k!@\xe7 \\\x18\xa0I'</t>
  </si>
  <si>
    <t>Just the Right Amount</t>
  </si>
  <si>
    <t>b"K\xd8\x8a\x12\xac\x89\x91\xbd\x8c\x05\xd2\xc0:\x91\x91\xf5\x9c'\x9d\x0fC\xa9\xfa\xf4\xa2u\x9eF\xe6\xb8\xe0\xda"</t>
  </si>
  <si>
    <t>b'u\xfaQ\xd2\x91\xe90\x14\xb1\xf8\xb5\x8a\xb8_\xb2\xee\xf3\x8f\x8e,\x8c\xb3w-\x03\xa8\x82U\xc1\xec\x17\xab'</t>
  </si>
  <si>
    <t>b'-4\xc8\xbc\x8a\xb3\x14\xd52[\xa6\xa0\xa4\xb1\xf2\xbc.|\xbbI\xb3\xd5^\xa17\r\xb8\xfa\xd5]W\x0b'</t>
  </si>
  <si>
    <t>b'\x90\xbeS\xad\xb3{ \r\x95l\x0b\xdb\x15\xb6\xc9"\x00\x9d!\xe8\x9b\'\x81(DK\xbcM^\x87I\xc4'</t>
  </si>
  <si>
    <t>b'MIV\x0c\nm\xfb&lt;\r\xf5Z\naL\x01\xdfu@\xd8^Q\x12$s:\xdb`\x11\xe1\x11\x81\x1a'</t>
  </si>
  <si>
    <t>Debt Consolidation/Home Improvements</t>
  </si>
  <si>
    <t>b'}\xeaK\xd2C\xfb\xfd@\xc2d[\xeb4\xd3%\xd2\xad\x05k\xa3\xb9%\x0bnj\x8d\x8e\xd1\xc1\x97R\xe4'</t>
  </si>
  <si>
    <t>b'a\x18,\x9c&lt;\x06\x9f5\x02\xa3\xe0\tG\xceN\xf3\xc5\xc6\xf0&gt;Z\xbbV\xa7\x08G\x98O\xd1\x1b\xce&gt;'</t>
  </si>
  <si>
    <t>Home Improvement (Room Addition)</t>
  </si>
  <si>
    <t>b'\xe4`~\xc3\x14\xfd9\xf9z8\x1a[Q\xddJA\x87\xd9;\xb92\xa2}B\\\x8d\xb0u\xcc\x0fh\xf4'</t>
  </si>
  <si>
    <t>b"\xe0\xd83\x9b\x99\xf2\xbe\x98\x8d\x98C.\xf4\r?\xa0Ef\xffq\xde\xf8\x997\xd0\x11\x13G\xe6'\xfcl"</t>
  </si>
  <si>
    <t>b"qvM\xc8*\x06kI,\xdc\xfc[\xbe\xdfw\xe67\xcfO\x8a\xe2\x9d\x8e\xcd%e'\xe9\x9f\xc0\x9a\xd4"</t>
  </si>
  <si>
    <t>Paying off credit card</t>
  </si>
  <si>
    <t>b'&amp;$V\x9a\x87\xc5\x1azH\xe2\x85\x98\xe1\x15y\xcd\x059K\xfd\xbd\xef\xf4\xda\xf9\xc7\xf3h\x80`|\x80'</t>
  </si>
  <si>
    <t>b'\x0c\x1d;\xb0\xcfJ\x99\xb1\x181a\xce\x13\xe8\x0fK\xc7\x8c+\x85\xa0\xd1\x8e\x97\xb7\xd6\x07\xdf\xc5\xd6\xcd\xab'</t>
  </si>
  <si>
    <t>b'I\x1e\xb6\x88\xfe,|\x9f8\x0e\x15\x14\x99?\x06\x9d\xea\xba6dE\x1dy@\xb5\x89\x16\x80\xc4\xb0\xea\xb3'</t>
  </si>
  <si>
    <t>Debt Conslidation</t>
  </si>
  <si>
    <t>b'\xb1\xb6;\x1e\x87\xf7\xcfT\x00\xe5yRD\xb0`j\xf1\xa5\xe4\x1b\xa2\x98d\xa8\xf6Z\xbf+&lt;G\xc6\xc9'</t>
  </si>
  <si>
    <t>b'8[W\xfb\xd3\xee\xa35\x8aM\xa47\xc9\xa4ir\xa6\xf6X\x01\xe1\x0e\xbc\xe0\x1aX\xdd\x9b"Y[\r'</t>
  </si>
  <si>
    <t>b']\xad\x8eo\x9a\xa4\xe1M\x80\x0e\xa1\x8fe\x91\x00\xe0p\xad\xe3{g\xf0\x13\x97\xda\x8e\x0f\r&amp;W\x92\\'</t>
  </si>
  <si>
    <t>b'\xc7\xf7\xf5\xf0\xf0w\x0c\x9f\x1an\x061\xad\xaf\xec\x8e&amp;\xa2w\x84I\x06\x84\x97|2\xd0\xf5"L\xb9\xa5'</t>
  </si>
  <si>
    <t>b'y\\d\x125\xcd\x8e\xa7m\xfbO1\xb7*za\x7f=\x12D\xbe\x95C)\x04\xa8Q\xfc\x0eI\x00L'</t>
  </si>
  <si>
    <t>2012 Debt Consolidation</t>
  </si>
  <si>
    <t>b'\xd1\xe0\xe9\xf5\xc7\x88\x97F\x05|\x00A\xc3\xba.\xdeB\xe4\xd5\x12G\x0e[DY\xca*\x8cQ\x19\xf6\xe8'</t>
  </si>
  <si>
    <t>b'`\x8a\xd1N\xb1\xcc\xc7\x84\xeb\x94\xd8cC4\xa7\xf5\xdat=B\x80\xe8tb\xa3d\xf9\x97\xf2\x85\x8c='</t>
  </si>
  <si>
    <t>b'\xfb\xe7\xf9\xd9T\xad\x86\x81pg@\x94\xc31:\x05\x89\xdeS&lt;\xd6\xf1\x00}8\xac\xb1\x1fc\n\xe9\xb2'</t>
  </si>
  <si>
    <t>CCLoan</t>
  </si>
  <si>
    <t>b'S\x16%\xfd\x93\xea\xb5\x97\x18\xec*\xe0Y\xd4[x\x14\x16\x88\xeb\xee_\x92\xac\x00\x06\x83~\x7f\xb6\x1dS'</t>
  </si>
  <si>
    <t>b'\xad4@\x8by\xa5\x8b\x83\x00:v\xcc\x13\xc7u\x13_\x05j\xbe\x0cK\x89\x17\xdcGa\x93\xed\xcf\xf7\xa6'</t>
  </si>
  <si>
    <t xml:space="preserve">Consolidation. </t>
  </si>
  <si>
    <t>b'\xaa\xe1\x98\x83}4j\x08/W\xb5\xf1n\xfcZ%Cw\x87\n{\xfd\x05\x1e\x94\x0c&gt;z\x90\x887+'</t>
  </si>
  <si>
    <t>Second Chance Cosolidation</t>
  </si>
  <si>
    <t>b'jN.u1\xe3\x9e\xe8(\xc0\xcf`u\xe2\x88\xa0\x10\x8b\xf6N\x9b\xfd\xc2\x12\xdb`\xde}\x97\xd6Q-'</t>
  </si>
  <si>
    <t>b'4R\xe1\xec&amp;\xd0Bg\x84\xfc\x9c\x7f\x9a^\xea\x8e\xc05\xaa\xf8\xfa\x99k\x1e\x05\x9b \x00\x14\x1c\xc4\xe7'</t>
  </si>
  <si>
    <t>b'B\x1f\xb3k&lt;U]g\xfe\xddc\xf6\xac\xe9\x90\xc2e\xb4S\xb6Z\xea\xb8\x08\x9d\x0b\xc3E\xbd\xf0\x0cN'</t>
  </si>
  <si>
    <t>b'\x8b"\xcf\t\x05E\x9f\xad:\xb3\xe3\xa6f4a\x19\x9eu\xda\xe0Y\xf6\x0f\xde\t#\x90\xcb\x83B\xd0\xdb'</t>
  </si>
  <si>
    <t>Consolidating Home remodel debt</t>
  </si>
  <si>
    <t>b'1\x1d\x8a\xf1`*\xa8\xe2\x04\x0c\xfb\xfe\xc0\xc2#F\xa3\xe3\xf1r\xfb\xd6\xd1\xbf\xf2r\x99s\xe4\xcc\xce\xa7'</t>
  </si>
  <si>
    <t>All CC</t>
  </si>
  <si>
    <t>b'\x95F\x15Lw\x13\x1a\x0c(\xb8\x19\x04T\xcc\x96\xe6\xf9$\x03\x0eYH\xfa\xc5\x95\xa5\x01\x13\xfb\xecI\xc9'</t>
  </si>
  <si>
    <t>b'wv\xe6\xfd\x9f\xa6\xd9Z\xe4\xcfW6\x9ag\xcd\xe3\n\xe1c\xca_\x9b\x9b\xc3\x98Kl\xb4\xbfH@\xbf'</t>
  </si>
  <si>
    <t>New deck</t>
  </si>
  <si>
    <t>b'\x7f\xbbn\xd7:\xd0@\xfe\xb3\x1aAQ7\xd8\x07\xd33\x07\xfb(\xbez\x1c\xf5N\x01S\r\xff\xff\xcf='</t>
  </si>
  <si>
    <t>b"\xa7\xb5\x02\xb2H'\xff\x89 \xf8\xe9\x1d\xcbc\xc6\xc4\xf2\xc3\x8a\x1c\xb4\x16i\xe3ZR\x06b\x18r\x94\x05"</t>
  </si>
  <si>
    <t>New home</t>
  </si>
  <si>
    <t>b'\xf1\xa5\x16\x91\xa7\x13QkS.+\xf0\x03.\xabjt(\x89&lt;b+\xb0\xa7\xb5\xc8q\x8f\x05\xbaqB'</t>
  </si>
  <si>
    <t>b'\x97\xae\xe8\xb1\xbaR\xf2\xd28\x01\x1d\x83\xe0\x89&amp;\x968\x82\xa9f\x82\x85Q\x1cJ\x82\x91\x11\x9d\xf0\xb8\x88'</t>
  </si>
  <si>
    <t>b']\xd9\xd8\x9e\t[H1\xec\x85\xade\xb0\xe8\xa1\x8e\xe3\xbf\xdd\xe7z\xe2q\xbbY\xed\xe7qk&lt;\xc8\x89'</t>
  </si>
  <si>
    <t>b'\x14\xe8\x7f\x99Fh\x92B\x8eeI\xf1\xe9\x1f\xc2\x8e\x92\xc1\r\x8c\x1c4\xb1\x98\x0e\x1d\x9a1\xaa\xde\x02\x0f'</t>
  </si>
  <si>
    <t>b'\xbcr\x93\xd5\xdf\xfa\r\x13\xba\x88\x810\xcb@w\x90w/\\9\xd3\xce\xee\xe0\xff\x80Ud\x89\x9c\xdc?'</t>
  </si>
  <si>
    <t>Hangin' in there</t>
  </si>
  <si>
    <t>b'\xc0\x8e\x979az\x81uG\xee=\xac\xf3%]_\x92\x1c\x99\xda\x15#\xe2\x84\xb9F\xe5F\x85\xc1\x997'</t>
  </si>
  <si>
    <t>673xx</t>
  </si>
  <si>
    <t>b'=\xd7\x0eElf\xb0\xbb\x17nr\x07\x98\xccS\xba\xd6\x887\x96\xcf\x86\xca}\xfep\x04.\xdd\x1f\x9f\xb8'</t>
  </si>
  <si>
    <t>the light at the end of the tunnel</t>
  </si>
  <si>
    <t>b'\xa9\xed\x9fT\xeai\x88\xa8\x0e9"1\xa3{\xf1 \x16\x92\x14\x1d\xd0\x1f\x05\xb4\xb5\x7f\x95sz_V\xfd'</t>
  </si>
  <si>
    <t>Jamaica</t>
  </si>
  <si>
    <t>b'\xbd\xfc\xba}\x91\xd2\x11\xe7\x99C=\xa6\x87]&gt;HF\x9e\xf0\r\xe22\x1c[\xb0_\xc0\xa8\xacO\x9b@'</t>
  </si>
  <si>
    <t>roof repairs</t>
  </si>
  <si>
    <t>b'\x8c\x8b\x84\x08\xfbj\x88%\x9aR\x9b\xc0EX\x99\xee\x9d\xf4yYV\xd9\xf6\xc2\x13&gt;\xdb6\x19\xe9\xda\xaa'</t>
  </si>
  <si>
    <t>b"o\xc1C\x89\xfd\xe5\xf6AO\x03\xcb\x0e/\xdd\xa8X\xac\x1b\x8a'\xf3\xf1u\x80\xc1\xc5\xb3\x1a\xf6 %\x81"</t>
  </si>
  <si>
    <t>LENDING</t>
  </si>
  <si>
    <t>b"\xf0\x18\xc8\xb0\xcd\xff6\x98\xe5\xde\x15c\t\xa4\xae\xdeB\xda\x94\x1fv\xe4\x1a\xbei'$L&amp;#\xd4g"</t>
  </si>
  <si>
    <t>b'5\x8f\xa6\x99\x9d\xb8\x15n\x99\x95\xf0 x:N\xed\xe8\x9a\xe4\x18\x05\xb7\xc7\x82\xb0\xc2\xd3K\x96\x93\xd3\xf2'</t>
  </si>
  <si>
    <t>b'\x90\xc4\x08\xfdNY\xda\xe3b\xcd\xe3\xe2\x99\xc2\xd7\x8e\x14\x92\xcf[?\xf0\xc7\xd1\xd4\xe4\xd2H\x91X\xbb\x1d'</t>
  </si>
  <si>
    <t>b'\x80A\xc3\xa3\t\xf2\xee\xbc\xf9v\xb7\x89x\xfa*\xeb\xb6\x13\x05\xc3\x18\xe3\x18v&amp;}__g\xcb2\x8c'</t>
  </si>
  <si>
    <t>upgrade house and vacations</t>
  </si>
  <si>
    <t>b'\xa8O\xac\xb4\xc8\x97\x03\xdf\xa0QR\xbb\x84\x189\xdeH\xecq\xec=\x90\x9a\xaeU\xbe\x08r\xac\xf1\xff^'</t>
  </si>
  <si>
    <t xml:space="preserve">Consolidate </t>
  </si>
  <si>
    <t>b"\xf9\xfe\xcbj_T\x9d5\x19,\xc6\x8c\xdai\x9b\xbck&amp;\x11\xc4`\x07'\x97\x11\xb7\xc2\x12]\x0b;\xe6"</t>
  </si>
  <si>
    <t>b'+&amp;\xcf\xbe\xf4\xe4\x17\xd7-x7\x0f\xa1\xaf\x97\r+\x1e(+\xe3\x1a%7\x1f\xce\x11uG\xb8\xb8\x1a'</t>
  </si>
  <si>
    <t>b'jH\x10\xd3\xc0\t\xa1\xcb\xdfAr\xbd\x98\xc0\xe7?\x99\xc5+9\xdc#\x07\xc45i\xf2x\xa1\x0c\xdb\x94'</t>
  </si>
  <si>
    <t xml:space="preserve">Master Card </t>
  </si>
  <si>
    <t>b'\xea\xd1\xd1\xe4\xae\xfa\x0b\x98E\xc0+\xe6(\xcd\xec\xa2\xf2\xe0\x1d\x03o\x80\xab\xdc~*^\xfe_^\x1d\xb6'</t>
  </si>
  <si>
    <t>Closing cost</t>
  </si>
  <si>
    <t>b'\x14l\x15R\xc7\x93\x14i\xf4\x1b\xcf\xb2\xfc\x04\xe3\x95\xf0\xf7\x1c\xc4iv7\x0f\xbb2\xb1\xc6\xe0NO\x90'</t>
  </si>
  <si>
    <t>Getaway</t>
  </si>
  <si>
    <t>b'\xbc\xae\xcfpjp$a\x12\xff\xa6\xbe\x7fB\xfc]\x1d\x90K\xf881\xa8\x97\xde\x8c\xb6\xeb\x1a\xc6\xbb\xd5'</t>
  </si>
  <si>
    <t>b'+\xa7s\nP\xb6\xe9\xb6&lt;\xfa&amp;\x01\xc8\x95U\x8c\x01\xb6\xef\xc4a\xe3f\x9b\xd4\x00\xe2`\xa7vs\xb2'</t>
  </si>
  <si>
    <t>b'\x94a\xd8\xaaEsc\xac\xee\x8e\xc7\xdf\xee\xf2\x8f\xbc\x04m\xbeb\x0e$-\xd0\xb5\x05\xa2\x00Z\x8c\x0e\xd2'</t>
  </si>
  <si>
    <t>b'bO\xa9g~\xdaD\xecT\xe9\x99\xbd\xdc@\xc1\xd7\x9b\n\x16\xc0~\xeb\xcb\x86&lt;\xe9c\xacE\x14X\xe1'</t>
  </si>
  <si>
    <t>Debt Free Loan</t>
  </si>
  <si>
    <t>b'7\xd4\xd0;\xb1=\x12\xfe\x18\xfe\xa5\x84\xc7\xcb\x1d\xb2\xa1\xdca\r\x15\xeeMxZR\xe5\x87Q\xda\x16@'</t>
  </si>
  <si>
    <t>b'\xfe\xc7J\xf1\x1d\xda!\xd5:X\xd9\xeb\xd9\xb2\x171\x00\x90\x02\x97_i\xc73 \x9d\xedU\x86\x91q\xa5'</t>
  </si>
  <si>
    <t>Lower rate</t>
  </si>
  <si>
    <t>b"w\x8d\xe9\xff\xfa\rG\xd3\x82&gt;u'7\xf0+\x90\x9f\x87\x9d}\xd4)\x98\xe3\xfd\xa3~6\x97\x93&gt;a"</t>
  </si>
  <si>
    <t>b'\x12b\xc1\x914$\xc6\x8c\xede\xd3-r\xe7\x16Ok\x00B\xac\x83\xdaN7\xc5\x01\xa2\x87&gt;\x0b6H'</t>
  </si>
  <si>
    <t>b'\x1b\x99\xc6\x9e\xc5\x8fa\xd0\x1c(\xf06 c\xc4~\xc8`\x13\xcf\x1c\xdf\xb7j\x87\xb5yW-\xe5\r:'</t>
  </si>
  <si>
    <t>Spa, Deck, and accessories</t>
  </si>
  <si>
    <t>b'\x92\xb3\xdb\x0c\x08\xe1\x1f)y\x8d[\xce6\xeeZ\xbe\x89\x95\xe3nt\xf8\xf2\x9a1\xc1\xed\xb2.7ag'</t>
  </si>
  <si>
    <t>b'g\xa7\x07\xa0n\x1f9G\xf2v\xb2G\xa8\x07\xce&amp;\xcc\xa3H\xda\xe1\xf3b\xd6\xdf\xac\xb3KAv\x16\xf5'</t>
  </si>
  <si>
    <t>Rainy day</t>
  </si>
  <si>
    <t>b'\x83s\xcbK\x7f\x95$\xc9_I\xa0\x07\x8e\xd3@\x11:\x85\xfc\x1aD\xab\x13\x92W\xc7\xc6/\x07\x1d\x7fK'</t>
  </si>
  <si>
    <t>b'6\xc5&lt;\xfc^\xd7\x1f\x10\xd0\xb1k\x939\xe1m\xfc n&amp;\xf4\xe3^m\xcd"dw)A$\xe5\xf0'</t>
  </si>
  <si>
    <t>b"\xef\xa1\x91\xecF\xe3\xbc\x18\xc43\xa6\xba\x0e\xeaDc\xd0S\x91Q'D\x07\xf1%\xe1s?J\xd7=\xa0"</t>
  </si>
  <si>
    <t>b'~T}?\xa5\xafE\xdc\xdcn\x0f\x8d\x17\x13;a\xee\xfa6\x90\x8a\xe4\xa6\xc6-\x188RZ\x90\x88\x87'</t>
  </si>
  <si>
    <t>b'\xc8y\x9d}\x9a\xb8g\xe7Y&gt;\xde\x8e\xb3J\xb1\xf1\x0e\xee\xc9QI\xdf\xc6R\xb4\x1f\xfbP\x8d\xa1\xcb\xcf'</t>
  </si>
  <si>
    <t>Debt be gone</t>
  </si>
  <si>
    <t>b'V\xb3\xb0\x9d\xf1Z\xd4\xd10\xc7\xe5\x1f{\xcd=\x1d\xa7\xac\x9d\xfb\x00\x1cV\x9c\xfc@\r\xe5G\xfc\xbex'</t>
  </si>
  <si>
    <t>b'\xb5\xc6N\xc5=\x1a\x83\xfa\xc5\x1c\xc4\x80\x13\x9f*\x17ja,\xf7\xd3\xbe=\x02\xd0\xf3\xdf\\\xe5\x7fW}'</t>
  </si>
  <si>
    <t>b'\x15\xd8\xcc\x19)!\xb7\xa4}b&lt;\xe1\x05Z37\xf2\xfe\x0f\x05\x8b\xddI\xbf@D%K\xa1\x065T'</t>
  </si>
  <si>
    <t>cc payoff</t>
  </si>
  <si>
    <t>b'\xf4q\x13n3s\xc0\x96\xcd]hS\xdb\xfb\xfe\xb9\x89r\xe0\xdb\xbe4\xf9\xe0\xd9\x1ez\x98\xc2\x90\xc2\xf2'</t>
  </si>
  <si>
    <t>b'.\xaf\x07\xda\xfd8\xa3\xfaVFr\xb4\x19\x95v\x06\x1dv\xe6N\x19\x07!\xfa#b\xe8\xbd(l\x93\x11'</t>
  </si>
  <si>
    <t>Combining credit</t>
  </si>
  <si>
    <t>539xx</t>
  </si>
  <si>
    <t>b'\xd6\xaf\xc68\x87\xae\x85\xfb\xcfJ8\n9_8v(pg\xddP\xd6\xbc\xe1\xbat\xa9\x8b\x1eZ\xa1\xec'</t>
  </si>
  <si>
    <t>b'\x1e\xbb\xc3\xdb\x0e8tM\xeb\x11\xbc\xe5\x07Z\xd7B\x93\xa3\xac\xabxw\xed;\xfc\xa2\r\xd9\xb4\xab\xaf\x8f'</t>
  </si>
  <si>
    <t>Woodworking</t>
  </si>
  <si>
    <t>b'l^\xc7\xfa\xb4\x17\xf1(\x8d\xd9d;\xeafN\x15\xfd\xec\x0b%\x15\xfa\x02\np\x93\x9aZT\xb8\xb5\xae'</t>
  </si>
  <si>
    <t>creditbreak</t>
  </si>
  <si>
    <t>b'A\xdc=\xca\x16Z\xe8\xd1\xe4\x18\xc0."}8\xbc\xc1\xc2\'\x04;Sd&amp;L\xaa\xc3\xa7NF\x95\x82'</t>
  </si>
  <si>
    <t>b'\xd2o\xa2\xc5\xcdo\xa7\\\xdb\x10\x14z\xc9\xa4\xd2\xe4\xfc\x13\xa6/\x99\x1d#\xc5 /\x15\xab^\x15\xe1J'</t>
  </si>
  <si>
    <t>b'\x19\xe6\x07\x02b\xaa\xd9\x92\xde\x0c\x197G\x03,0D\xd2\xb6\xf1\x8c\xfd\xcc\xbd\xdf\xb8s\x04x\x12\xd5\xef'</t>
  </si>
  <si>
    <t>credt card debt</t>
  </si>
  <si>
    <t>b'\xa9\x12 3C?\x10i\x10\x8ce\x860Sz\xe1\x18\xb5/X\x1ci\xa62\xfcL\x99\xe9\x81\xb0\xac\xaf'</t>
  </si>
  <si>
    <t>b'\x17r\xb7\xe6\xa8\x1a-\xd1X/\xf8)\xdf\x02L\xa6\xf8\x04\x84\x97\x05\xe9a\xedc\xea\xa2M\x8a\x0c\xa7\xbf'</t>
  </si>
  <si>
    <t>I hate Credit Cards</t>
  </si>
  <si>
    <t>b'\xef\xb8\xfaG5?\x9dj\xbb\x0e$\xf5\xc03\xd6\xb1ez.\xf1J\xbc\x0e\xfbX^\xe5\xdd\xa7\xf6\x10\xff'</t>
  </si>
  <si>
    <t>b'cD\xa0\x1c\x9a\xc7\xb2G\x0b\xfdx@\xff*N\xe9j\xdfp\xab&amp;\xda,\\\xce\xeeg9\xc1\xec!\xf1'</t>
  </si>
  <si>
    <t>happy loan</t>
  </si>
  <si>
    <t>b'\xb3\x8e\x01\xb1\xe1U\xc6\xaa\x9bt\x92\xec6\x96\x98\xcc\x94\xdaR\x99\xd9)\xce\x02\xe9Kk\x13k\xce\x1a\xf4'</t>
  </si>
  <si>
    <t>The happiness of a loan</t>
  </si>
  <si>
    <t>b'\xca\x17\x13\x80V^\xae\x13I\x91{O\xd79\xd2`\xcfA\xf3\x8d\x10t\xbc\xdd\xfc\x8d\xb4\xb0\xdc\xcdo4'</t>
  </si>
  <si>
    <t>b'\x0f\xac.U0i\x90hT\xf3\xa6o\xf3N\x81&gt;CNV\x19\xaf\xfd-\xd1\xf3h\x7fF\x1a\xd3\t5'</t>
  </si>
  <si>
    <t>b'\xabN\x9a\xca\xcd2\xa6\xa3n5C\xde\xa5y\xcbU\x1f&lt;\xf9r\xeeB\xef\xc1\x18\x94?bC0\xebJ'</t>
  </si>
  <si>
    <t>Debt Deflation</t>
  </si>
  <si>
    <t>b'\x17\xc2$A\x14\xf0\xab\x8b%D,:\x0f\xef\xe7OO\t\x02\x1f\x8d\x93\x08\xd3\xf3\xa4~\xa2{\x1e}\xc7'</t>
  </si>
  <si>
    <t>Just want to have great vacation</t>
  </si>
  <si>
    <t>b'O\xde\xb8\xb4:\x8f\xe4zy!\xbf\xb8.\xd0_\x92\xf6l\x85~\xff\x85\x95\xe7&lt;:2\x1e\xf8\xf3\x11}'</t>
  </si>
  <si>
    <t>b'9\xe0bt_X\xb4\x13UNm9\xa1\xbd7\xae\x9a\x0f~W\xbaO\x16\xd6\xfe\x98\xf1\xcb\xd2\xdbmR'</t>
  </si>
  <si>
    <t>Lower risk ready</t>
  </si>
  <si>
    <t>b';\xe9I\xaby\xdcb\x0e\xa6t\x05\xfb\x97&gt;\xdfn\xdai\xff\xb6\xcd\xa0\x1e;\x1d\x90\xf8\x9cE\xe8O\xc0'</t>
  </si>
  <si>
    <t>b'\xc4\xfe\xec\x15\x11\xfc\xb5\xdb\x95\xc8\xd7T\xd9JC\xaf\xc3\x7fF\xfd\x13\x17\xc41\x9eB\x81\xeeb\xda$\x04'</t>
  </si>
  <si>
    <t>pay off credit card debt</t>
  </si>
  <si>
    <t>b'p*\r4\x1b#LwTRyc\x1a\x95\xfbpe\xfe\xf2nt\x15\x03\xdd\x9fj\x9b\xef\xb9\xf4\xec\x07'</t>
  </si>
  <si>
    <t>b'\x03;\x85\xc7\xfe\xcb\x19_\xd0\x14T-l;{\xbb\\\xe0\x01\xd9\x94\x1c\xd3\x04\xaa\xbaHG\xed\xe2\xee9'</t>
  </si>
  <si>
    <t>b'NXz\xe7p\x98\xa1pV\xc4\xb33\x0e\xf41v\xa8\xcfBoU\xba\x16DdD\xd3\xf2\r\xb41\x1c'</t>
  </si>
  <si>
    <t>b'\xce\x89\x97k\xd0\xd9\xbd\xd3[\xba\xae\xd5U\x9f\xd2\xdb\xce\x86\x80\xbaI\x17WEq\xf4m\x83\xb0J&lt;k'</t>
  </si>
  <si>
    <t xml:space="preserve"> Consolidation Loan</t>
  </si>
  <si>
    <t>b'\xd1l@t&amp;,;1\xa7\x85\xd1\x12\xc7,}hB\xf5-m\xf3S\x85\xe6\xbb\x1b\xbe\xc4\x88\xb2\xcc\xfd'</t>
  </si>
  <si>
    <t>b'\xcf\xa7)\xf8\xa8\nO\xd4\x7f\x08\xc4\x9e\xd4\x8b\xf9OHG\xcd\xca\x0c\xd6 \xc4i\xa5\x8d\xaaC8\x8f;'</t>
  </si>
  <si>
    <t>b'\x0b\xbc\\\xf4\xb7DR\xe8\xb9\xec\x98\xa0\x16\x02*|\xcfT3?\xf7\xd4\x98-+2\xa6\x82\xa6\xc2\x9a\x1a'</t>
  </si>
  <si>
    <t>cheesecake</t>
  </si>
  <si>
    <t>b'\xfdh\xa6\x16\xb8\xb9u4\t2\xf4U\x1c\x80\x89\xba\x16\xa9\x97\xab^\xf7\x80\xdd\xb3*\xfa\x8ag\xdd\xf8\xd9'</t>
  </si>
  <si>
    <t>b'\x7f7\xba$ *\xa8\xd9\x9e\xf0\xb5y\xd2U\np\xd5C\x95\xa2\x80Ko\x8b\xfb\r\x82\x84\x82\\\xc9\xc8'</t>
  </si>
  <si>
    <t>b'\xbe\xb6\xe1\x1c9M\x8a\xc8&gt;\xc7\xe4\xe1\x8c\xc1&amp;\x17\xf7\xe1\xc6"\x91\xf1\x98\xc34\x8c^d\xab\x19\xd8\x8f'</t>
  </si>
  <si>
    <t>b'\x1b\xc0\xad\xa2\xa4\xd8@\x89\r\x9dD{\xb3\xcf\xe6\x9b\x8c`\xa3\xb1o\xe8\xb9\x94fq\xd6#\x19\xe4\xf0E'</t>
  </si>
  <si>
    <t>Furniture</t>
  </si>
  <si>
    <t>b'x&gt;J\xa1\xc6\x12\xe4\xce\xa1\x0eU\x85V\xc2\xec\x84\xd2*\xce\xe0\xae\x88\x08\xfdne\xe9\xc6\xdd\xcd\x19\x16'</t>
  </si>
  <si>
    <t>Credit Card for Masters Degree Education</t>
  </si>
  <si>
    <t>b'"\xf1*\xd9\xe4~\xdd:\x9bg\xc3\xcd:\xad\xc3\xc1czz\xb5$\x1b\x9f\xbf\xd9@\xbc^6i\xce\r'</t>
  </si>
  <si>
    <t>b"[4\xf05\xce\xfc\xae\xf4d9z\x88c:N\xa6I\xafw\x08\x139eL\x99Lp\xef+'\xbd{"</t>
  </si>
  <si>
    <t>lower interest rate</t>
  </si>
  <si>
    <t>b'\xd1$xj\xea\x00P\x891\xe2U\xa6"\x88\x8f\xbdRZ\x11\x84\xd6?;4\xae\xa0\xc7\xa8\xb0\x06{m'</t>
  </si>
  <si>
    <t>CC Refinancing</t>
  </si>
  <si>
    <t>b'lw\xa3\xb5\xd8\x03z\xe8]\x08\xa4W&lt;$y\xbdK\xc7x\xdb\xa8\xec\x18S9\xf8\xb9\xd4\xca#l\xe3'</t>
  </si>
  <si>
    <t>Loan payments be less than current bills</t>
  </si>
  <si>
    <t>b'#\x1eA\xb9g\xbd\x05Q\x0fm!~)\xf9\xf8\xa4\xffTT \x08\xd1BT\xd3\xfe\x9c\x1dAZ[\x90'</t>
  </si>
  <si>
    <t>b'k\xdc&gt;\xb7=\x97\x8a\xce\xbb+\xe8\xd8uE"z\xbf\xb7\x8dG\xbc\xdf\x06\xdb\xdcW\t\xec\x14vb\x8c'</t>
  </si>
  <si>
    <t>b"\x1b`\x15\xda\x96\x88\x03\xf7\x96C\x8a\xd1'\xedvT\xc8d\xf0\x82\xd0\xca\xaaS\xb5\xf4\xc1\xcd]O\x91\x1a"</t>
  </si>
  <si>
    <t>b'D\xf6T\xb0\xd2"_\x10J\x9b\xac\xee\xa4}\xa6,\xd3\x81\xce\xf6l\xbb\xfc\xb6\xadZ\xd5Y\x1e\x82\xc9%'</t>
  </si>
  <si>
    <t>Save the Day</t>
  </si>
  <si>
    <t>b'\xd0\x84\xecKA\xb8\xe0\x13W\x05*\x1dB(x\xe0\xae~\xd2\xd4\x9a\x85\x9fX\xfa\xaa\xbe\xbd\xd7\xcb\xe8\x04'</t>
  </si>
  <si>
    <t>b'\x99\xfb\x1c\x0e\x8b\xe6\xa0\xfe-+\xce\x9d9\x8a\xf4qy\x13\xd3.\xfb\x010\x1a\x1b\xdb\xb0\xa7k\x1e\x9a\xec'</t>
  </si>
  <si>
    <t>b'&amp;\xf4\xac\xa9\xf4x\x87\xd9\xd6h\xd7\xd7\xb3\xc8\xee\xe6\x9c\tjF\n\x0e\xd8zj\xfaSD\x94\x9f\xe3\xd4'</t>
  </si>
  <si>
    <t>Debt_Consolidation</t>
  </si>
  <si>
    <t>b'\xcd{z\xdd\xcc\xe6kwiC$V52l\x88\xff\xcd_t\xb2Y\xe20\x83\x8c_o\x11Y\xa3\x9c'</t>
  </si>
  <si>
    <t>b'\xd7Z\xcc&amp;\xf1!\x88\xd0\xc8\xd3~E\xf2J\xfcy\x02\x1a\x01jr\xd1\xf2y\x98\x83\x7f\x99\xaf\xc5\xbc\xb6'</t>
  </si>
  <si>
    <t>Setting priorities</t>
  </si>
  <si>
    <t>b'p\x15\x98P\x1f\xc4\xe5\xe1\x99\xcf\xea\xc5c\xfa\xc4^\x83\x01\x88\xca\x8cjh\xd7\x85\xa6@\x93\x88f\xb0\xf2'</t>
  </si>
  <si>
    <t xml:space="preserve">loan consolidation </t>
  </si>
  <si>
    <t>b'\xf1s\xb9\xf1V\r\xc1\xd3\xf1(\xeb\x8c4v\n\xe8\xd3t\x99\x9eV\x05|3E\xd3\xf4\xe7\xc2L\x9b\xaf'</t>
  </si>
  <si>
    <t>b'T\xeb\xca\x89\x95\xe1\xbf\x98\xc2\xc0\x06\xeb\x07T\x0b\x8b\xa8{\x8d\x10QG\xd4\xf4\x9a\xaf\xd1\xfaL\xbe\x8a\xe1'</t>
  </si>
  <si>
    <t>Staying on track.</t>
  </si>
  <si>
    <t>b'A\xeb\x91VB\x18\xf1u\x0c\xc0@\x82\xed\x95z\x89\rS\xf4-\xcf\x1c\xb2\\\xbb\x83\xd8r\xc9&gt;\xa8\x9c'</t>
  </si>
  <si>
    <t>b'\xa2\x80\x0f\xdb\x0e\\\xe5\xd4\x85\xd5+\xff\x13\x1f&amp;\xd8\xbcj\xa8\xcd2\xb5\xdf\x8c}\x85\xe0\x8cE\xe5\xc4\xbc'</t>
  </si>
  <si>
    <t>b'&gt;\x13 \xc6\x0b\x96\xe9 \x0fz\xa5\xd3\xe0d\x15Jb[X6\xd1\x12\xd5jf[ \xfe\xe9lH\xc2'</t>
  </si>
  <si>
    <t>b'\xca\x04A\xf9\x8a\xb2O\n\xd7{.\xbc\xb83\x15\xe2ng\xcew\x04\xd0e\xd9\xe0\x87&gt;a\x02\xdc\x03\xc3'</t>
  </si>
  <si>
    <t>b'_\xdc\x13\xeaN\x943\xce0\x1b\xdb\xb8m\xd7.\xfb\xe0-3\xe3\xaf-\n\xb0\xe0\xcc\x81\x80\xd6\x1b\xd9\x9d'</t>
  </si>
  <si>
    <t>Credit card refinance loan</t>
  </si>
  <si>
    <t>b'\x18\xd3\x91;\x07`\xf1\xe4\xd1s\x0e&lt;\xea\xd7\x11q\x19\x80{zO\xa2J\xac\xe8\xabT\xaa\x9f]i\xa7'</t>
  </si>
  <si>
    <t>b'\xf7@\x9b\x902\xb6\xc6\xb9\x0c\xacJ\xbfG\xc7f\xd7\xa1\xf4\xec\x1bpi%\xca\xa1A\xbf[\xff\x02\x94/'</t>
  </si>
  <si>
    <t>b'\xec\x10\xfe+\x14\xbe\xdc*Ma\xc6K\x0fCsC\xdf\xf9\xdb\xb2\x90#\xad\xa8\xc5.\xb4\xa3\xe2\xc4\x11\x97'</t>
  </si>
  <si>
    <t>NoMoreCards</t>
  </si>
  <si>
    <t>b'\xb0\x99\xa0\n0\x83!\xe7\xd3&amp;\xed.\xa5\xdfs\xfeD\xe6\xb7\xab\xbd\xc6fB\xb6\xaf\xe6\xb4\xe2\xd7\xab\x13'</t>
  </si>
  <si>
    <t>2013 Time to make it right</t>
  </si>
  <si>
    <t>b'e\x93Z\xf9\x0c\xa6S\xc8H\xed\xb0\xe2\xed\x1aD\xd6\xe6\x12\x0b\x00L\x9aU]\xf1\xa4\xe3\x05fN\xe0:'</t>
  </si>
  <si>
    <t>decreasemonthlypayments</t>
  </si>
  <si>
    <t>b'\x88o\x81an\xee\xc8FE\xbeL\xf2\xaa\xcdA\xc8\xb0"\xac\x99\xf3\xf0YC\t\xe0L\x95M\xdc\xb5='</t>
  </si>
  <si>
    <t>b'\x83N\xb987\x93\xd0\xc3,\x17\x99|Gi\xc1\x86H\x8d0\xbau\xb9\xcb\x0f\x87\xc2S_\x18R]\xf9'</t>
  </si>
  <si>
    <t>b"\x86\xb0\t?i\xca\x19!L\x1c}\x03\xf2c&amp;\x14\xfdr\x06\x7f\xe5\xda'\x8c\x98\xb0\x07\xbd\x0b\xc7&gt;\xee"</t>
  </si>
  <si>
    <t>b'_\x1a3t1m\xb2s\xfc\xea\x81\xbe\xdfL.";\x03/\xb1#\x83\xb6}\xc8A\xd9)Y\xe4\xd0l'</t>
  </si>
  <si>
    <t>Lending Club Refi</t>
  </si>
  <si>
    <t>b'\xb07\x05\x02\xb7\x1e}\xf9\x86\x1c\xce\xc7\x8f\x1a5\x94\x9b\x8a\xfc\x0c\xa0\xd7\x08ND\xb1\xd1\xd01\xda]\x0f'</t>
  </si>
  <si>
    <t>pay off my cards</t>
  </si>
  <si>
    <t>b'\xad\xa3\xe3j\xe3(\xf3\xe2^\xa2\xfe\xb9\xb8\xe1\x1a%@W\xf0-\xfe\xe1f\xfb\xbdP\xc1\xd9wFA2'</t>
  </si>
  <si>
    <t>b'\xfeS\xb0\x8b\x80]\xfa\xd4\x05\x0f\x1a\xf0l\xc8\xa5Y@\xa04p\xb5\xac`\xc6\x9b\t_m"A\x87A'</t>
  </si>
  <si>
    <t>CC Consol and Home Improvement</t>
  </si>
  <si>
    <t>b'\xceH"\x9c3\x18\xb1Z\xfa\xd0ZF\\\x03\xfb\xf4]\x1e\x81\xc9\x94\xe07\xd6\xcdw2P\xd7\x8f\x1e\xc7'</t>
  </si>
  <si>
    <t>Pay It Off!</t>
  </si>
  <si>
    <t>b'8\xab\xa3\xa4\xd34\x06\xadVL\xa3Q\xef\x1ePz\x86~3\xe2*\xb1\xc0\x83a\x1cj\xc3(\x1c\xc5l'</t>
  </si>
  <si>
    <t>b'\xaa\x81\xa9\x04\x12\x8b\xf2\xdbI\xeaD+\xa1\xa4\xab\r\x11HNHpR\xea\x9f\x8b\xeeH\x8cT\xe8]\x8a'</t>
  </si>
  <si>
    <t>b"\xb9-\x05H\x19\xc0~S\x9fQ*8'\xdb\xd89=\x04}\xcf\xd7\xdc8\xa1\x83L\x88\xbc\xe0\x93\x90\xbf"</t>
  </si>
  <si>
    <t>b'm\xa0iIh\x93\xa4\xcf\x068R\xcbS"\xf5\x00{\xbb \x8f&lt;\xd8\xe9\xa9D\x8e\xdf\x16iwm\xbe'</t>
  </si>
  <si>
    <t>debt consolidate and home furnishing</t>
  </si>
  <si>
    <t>b' \x8b&lt;I\\\xe0"\xf1\xd2\n\x9dY#\xda\x08\xef\x8a\xb3\xf9\xabHI\xf3j\xf7w.\xe3\xe4Fx\xfa'</t>
  </si>
  <si>
    <t>b'\xec\xf7\r\xacgn\xfd\x8a\xa11\x03\x10\x7fC\xf3\xdcU\xd4\xfc^2\xcb\xabxQtc\xfc\x94v+\xde'</t>
  </si>
  <si>
    <t>DEBT CLEAR</t>
  </si>
  <si>
    <t>b'vP\xd0\xa9O\xfb\x9f\x1bB\xeeM\xa7m.$\xe7\xea\xee\xef5."7.;OMs\xe4\x11\x0e\xd2'</t>
  </si>
  <si>
    <t>money i need to pay credit cards</t>
  </si>
  <si>
    <t>b'\x03\x8d\x95s\xd3\x0b\xb0\xf6]\xfb\xd7\xb8\x18q\xd4\x10\x9eO\xff`\xac\xe7\xe6\xd2\x99xyyB\xbe:3'</t>
  </si>
  <si>
    <t>Starting over</t>
  </si>
  <si>
    <t>b'\xa9m\xb2ny\x02\xa4\xc1\x19\xe7\xba\xf1\xe3]\n\x9d\xddr\x1a7yb\xa7\x15\tV8\xf3\xc8\xd1\x9a{'</t>
  </si>
  <si>
    <t>b'\x1f\x97[\x19~&gt;\xc9\x1c0S\xc3\x00ew\xde\x96\xd5\x13\xa3\xd8S+\xef~X\x87{\xc36jHM'</t>
  </si>
  <si>
    <t>Get Out of DEBT</t>
  </si>
  <si>
    <t>b'\xe1s?5d\xed\xc2\x87k\xb5\x042.\x81o\x07\xa6\x82\x8d\x05\xe1\xe1\xb4\xde1\x8d\xe5^\xd8\x96\x97\t'</t>
  </si>
  <si>
    <t>b'\xe0\xa4\xac\x9b\t\x8ac\x8f|\x1c\xdd\xa4\xe4\xeb\xc7\xb8p\x9b\x9b\xc9\xcc\xdf\xaf\xc2\x1b\x04\xe9\xed\x1aR\xb4:'</t>
  </si>
  <si>
    <t>CC Pay Off</t>
  </si>
  <si>
    <t>b'8d\x85\xa0g-\xd7\xe9\x0e\xbdn\x17\tKUg\xb9D\x1b\xf4\x1d\x1d\xc5\xd4\xab\r\xa4\xa50\x16\xbe\n'</t>
  </si>
  <si>
    <t>b"\x1f\x14t\xee'\xd6\xde\x06\xa7\x16S\xd2\xd1\xd8\x97{US\xf7K!\x02\xa0n+R(?q\x9f\xfa\x96"</t>
  </si>
  <si>
    <t>b'\x0b\xce\xe9s!"\x13&amp;\xd4/\xa2\x80\x00\xf6-\xa8\xcf\xe6\xb4+t~\x10\xca\xfb\xda\'\xb9,\xd7\xd6\x1d'</t>
  </si>
  <si>
    <t>b"\xb4\x86T;^\x04\x93r\xe1'\xe92o\x973\r\xba#=_}\xab\x87n&gt;\x9e\xbanBuZx"</t>
  </si>
  <si>
    <t>b'\xf5&amp;\xafC\xfaM\xd8\xce\r\xf4\xbc\xed\xed\xe9\x90m\x07\x7fh\x19\x91\x87\ng\xbb!\xeb\x06&lt;\xaei.'</t>
  </si>
  <si>
    <t>b'\x04\xca\x86\x10\xa2\x9f\x0ff\xea\xe8l\xe3\xf1\xb3\xf1 DKjz\x1f\xfc`\xe8\x08,F\xde\xfe8\xb3\x9e'</t>
  </si>
  <si>
    <t>669xx</t>
  </si>
  <si>
    <t>b'\x0f\xb5\xc6\xcfM(\xddD\xfe\xb2\x8f\x9f\x03\x0f\xbd+\tfK(\xf0\xe5\x80M\xd9w\xb0\x10\x1f7\x13\x15'</t>
  </si>
  <si>
    <t>b'\xf6w~\x0b \x08$$\x86${\xc2}\xe1WP\xc8i\x86\xdf#\xf7\xaf\xd9}!N\x19\xa0\xd9U\x19'</t>
  </si>
  <si>
    <t>b'Z\xeaA\xb0M\x98\xa8\xec\xc0\xaa\xb7\xf2q\xae\x87\x0b\xc42;\xea\xeb\xc4\xb0\xe1oF\xf6~\xb5-\xf5\xcb'</t>
  </si>
  <si>
    <t>b'\x82%\xa1R&lt;E\x12\xe6\xaa6\t\xde\xc6\x1a=\x12\xc4\xaex\x00\xf2\x88\xa6M\xafR\xad\xfe\xedx\xb1\x92'</t>
  </si>
  <si>
    <t>b'\xb7\xae\xe4u\x01\xae\xf5\xd1\xb9\xc3uqc\x15\x8b\x1e{\x1b\xe3\r/?\x17\xca\xe5\xa4\\^\x10%\xb7\xdc'</t>
  </si>
  <si>
    <t>b'W)\xa6E*\xa0_RH~\x0cE\x1e\x9c\xee\x02\xedZ\x15\xcb\x12\x98\xd6f|\x84\x06!u&amp;\xd9\x02'</t>
  </si>
  <si>
    <t>b'\xaf`2\r\xee\xefz\x98\xb6+\x18\xab\xc2\xde\xd8r\xc7\xf9\x13\xf7e"yh2\x8f\xbe\x8a"\x0e\xaf\xb9'</t>
  </si>
  <si>
    <t xml:space="preserve">Consolidation Loan </t>
  </si>
  <si>
    <t>b'\xd31Vr\xd0\x12[\xde\xb4\xee\x1d\x83\xd4\xea\x93:\x18O\x92\x19=\xc8M\xef\x8f~\t\xe7\xe5\x19S\x0e'</t>
  </si>
  <si>
    <t>b'\xaa\xe8\x17|d\xab\xf8\n\xd8\xbf\x85#\x17\x13f\xda\xe0^\x1ejWf\xd5\xe3]9y\xc5\xa6\xb8\xd4\xfe'</t>
  </si>
  <si>
    <t>Bill Pay</t>
  </si>
  <si>
    <t>b'&lt;\xf1O\xd9V\xd8#N\xbfy\xec\xfe\xfa\xb3\xb2\xc9;\x81-G\x11\xea\xb2\xeesI\x8e\xcbZ\xfd"\x1e'</t>
  </si>
  <si>
    <t>Silver</t>
  </si>
  <si>
    <t>b'\r\xa4{\x8d\x06.\x89w\x83\xcb\x07\xa3&amp;\xdc\xc7\xbe;\xf9p\x84\x8ef\x8f\x84Bl,BY\x8f\xd3\xc6'</t>
  </si>
  <si>
    <t>b'\x9f\xe2\xd1*\x0bj~\xce\x18x1g[\x9c\x88\xc74`p\xbd7A\x19\x9ed\x8e\xfa\xb3\x02\xcc\x01\xab'</t>
  </si>
  <si>
    <t>b'\xf93$z2\xf4 1\xe3\xde*Vu\tm\x1d\x99\xf4(o\x16P\xd63\x93x~\xf8\x1f\xe1q\xf8'</t>
  </si>
  <si>
    <t>b'\xe9\x1b\xde\xe3if\xef&gt;\xa3w\xc1B%\xd7\xdc\x1a2t&amp;\x06C\x94\x18g\xe9\xef\x14+G\xacM\x9c'</t>
  </si>
  <si>
    <t>b'\xdcI\xa0\xb8.\xa75\x1aII\xc4\xb3\x84\xb2\xf3\xbb\x93lL\x0c\xec[\xe8w}|U\x8b\xdd\xca\xac\xc9'</t>
  </si>
  <si>
    <t>b'\x16\xd8\xefl\xdd\xd7\xdb\x7f\xbb\xa4\xcd\xf7\x01a\xaa\xf9(\xe5\xd2\x81\xe2f$g\xfd-q\n\xc3\xf5)\x15'</t>
  </si>
  <si>
    <t>b'\x01\x8d\x17\xecd)~@\x83\x1d\xd3\xec\xf3\xbf\xf1\x17+\x05\x8d0\xc7d\xd2\x12\xc1\x0e\xe2T\x94\xf1q2'</t>
  </si>
  <si>
    <t>Loan Money</t>
  </si>
  <si>
    <t>b'9G\x84\xba?:^A\xb6\x90*\x95Zy\xd6].\x06\xdd(/\xdf|\x08F\x85{vy\x82\x06,'</t>
  </si>
  <si>
    <t>b"\xeco\x8c'\x83\xf0\x96\xa6yI\xe2v\xe4/q\x95\xd6\xec\xf2\xd4P\xa4-\xf0\xee\xdd\xb1\x90Fw\x14L"</t>
  </si>
  <si>
    <t>b' &gt;\xf1\x9d\r\xe7\xde\xf9S\xeb\xe5\xdf\x1dkA7qb\x99\xc2\\\xd0^\xddB\x18E\xc4\x81\xd5\xebZ'</t>
  </si>
  <si>
    <t>b'\xcc\x0e\x93w\xbb\x8b\x1f\xae\xa3s\xc7\xf9k\xb0JB^P\x90\xa1\x87vQ\xba\x1a$\x16\x82\x7f\xc7\x9d\x06'</t>
  </si>
  <si>
    <t>b'\xf0\x8c\x92\xe8\xba\xc6\xc4\x8cK\xb4Gi\xcd~9\x83\x8b\x8e\x1c\r\x11\xefy\xfe\x18\xf8)B\xc9\xd7\xe5\xdb'</t>
  </si>
  <si>
    <t>b'\xaf\xf4Y\xba\xa4\xb5[\xdat8Q\x93)\xe9\x87\xf3oj\xe9WE\x0b\xcb\x14\x8f\xcb\xe6j\x13zf\xe2'</t>
  </si>
  <si>
    <t>b'\xfe\xab\xacu\x1f\x83\xec6\x9f\x1c\xfc\xa4Vz\xedI1\xdd^\x99\xe0\xea*`\x0f\x8e\x85\xc9\x84\xb2\xa0\xa4'</t>
  </si>
  <si>
    <t>b'\x08\xdfV\x9f\x9ey\xbcJ!\x81\x1aF)\x97\xc3\xca\xf6d\x93\xd4n\xb8\x16&amp;=\xa9\xa2\xb9\tL\xae\x8c'</t>
  </si>
  <si>
    <t>b'\x1bN.t\n\x16B3\xa5\x17\x04\x83-p6\x02i\xe1\x08-\x80t\xe0Rs\x82i\xacF\xa2|\xb6'</t>
  </si>
  <si>
    <t>b'\x81\xc6\xc4&gt;|\xe6\xca5\x8bk\xba\xfc\x16o\xb0\xacO\xe8\xc7Vj\xb5.\x98\xef\xd3O.\xfdv\x87\xd1'</t>
  </si>
  <si>
    <t>b'\xa2L|R\xb8\x0fe\xd0\x11\n=\xa2\xe2\xb6\xeb\x8b\xa0\x12\xc4\xd0\xcd\xd7&gt;K\xf1S\xa3\x13\x14%5\t'</t>
  </si>
  <si>
    <t>b'\x8fE,\xfe\xb4\xa6\xa0?\xe7\x8dn\xf0b=\xc1\xe2\x08\x12\xcb\xb0\x1f\r\xc7\x1ch\x1f\xc4KP\xc5&amp;\xb7'</t>
  </si>
  <si>
    <t>b'\xea\x17\xac\xd9\x97%B\xc7\xe4\x9e\x0fu(\x19\xa9\xdb\xc1\xb3\x8d\xc7\xae\xad~\xeb\xf7G\x8a\x0c;q\x149'</t>
  </si>
  <si>
    <t>b'\xa5\xf1\xdf\x8f\xe5\x95\x18\xe1y\xe8Z\xe9\xf2E\xa4/o\xf6\x01^\xf0\xb3\xa9\xcc\x0f\xae0\xf8i\xefW\x06'</t>
  </si>
  <si>
    <t>b'\xab\xebc`\x9f\n\xcfJY\x85T$\rIX\x10\x12b\x1av\xdb5\xf6\x90\xbc\xdd\xc3\x14\xf3\x99\x18\x02'</t>
  </si>
  <si>
    <t>b"\x94\x13N%i\xa2\n'k\x80)\xc0BA{\xb7`\x94\x0bX(z\xdcg\xb4q\xe2\xa2\x8bm\xbc,"</t>
  </si>
  <si>
    <t>749xx</t>
  </si>
  <si>
    <t>b'\xd5\x03UrE\x01\x83\x13\xd8\x9c\x1f2\xa6\n\x10\xb9\xa1\x86\xec"\xd5i@\xdb+\x88\xedF\xfbvo\xea'</t>
  </si>
  <si>
    <t>b'\x1f\xa8\xaf\x00\xda;$\xca\xe4i;u\x81wi\xd5\xbdi\xb3\xc34a~\xbc\xe0\x84\nq\xf3;p\xd0'</t>
  </si>
  <si>
    <t>b'^Q\xa5\xc2R\xc6\xf8\xac\x88,\x9a\xe1\xb2\x8b\x81\xb3\xca\x0f\xda\x1a\\\x14B\xa8\xbe\xbee\x8cA\x8a\x18\xd1'</t>
  </si>
  <si>
    <t>b"\xd0\xd4\x15\xe1'\x7f\x84&gt;\x93\xd7\x88\xceO_\x03M\xb0\xeeC\x9e\xe6K\xd6;\xe8\xac:b\x9a;\x98\xe0"</t>
  </si>
  <si>
    <t>b'\xa4\x11\x05\xb3\x1eB\xad\xda^,\x06P\x18\x9c4eV{f\xef\xb0hM\x1f\xea\x11\x14\xbdB\xcd\xb5\x12'</t>
  </si>
  <si>
    <t>b'\x82f\xe2\xb8\x8f.3\x90\x80\xfe\xb6r\xde\xaci\x8c[\xb3Bz\xa4\x83\xd9.\xc3\x7f&lt;\xb3\xa1\xfd\x17\xb7'</t>
  </si>
  <si>
    <t>b'.\x82#\x19\xae\x8bS\xd6\xf2 \xe8&amp;]&lt;\xb5O\xfaMa\xc0\x8a\t\xffb\xf5\xd7e.\xcd\xea\xcd\xe8'</t>
  </si>
  <si>
    <t>b"\x00{S\xadxo\x13\x92\xe6#\x91\xc9J\x03\x91'o\xef\xe9\x08\x82-Ier\x95\x9a,\xa8\xff\x1f\xcc"</t>
  </si>
  <si>
    <t xml:space="preserve">Lower apr loan </t>
  </si>
  <si>
    <t>b'=J%\xf8\xe9\x10\x08T\xe8\x93\x90U\x17mL&lt;\xba\xc2\x12\xd6,*g\x84\x97\xc5hTMFL\x95'</t>
  </si>
  <si>
    <t>b"F\x88E\x01\x97\x8c\xdd\xb0\x02 A\x9e\x10\x83\xbd\xa1'\x8bWt\xa6\x99\xc4\x86\xd9\xf0\x94\xa7\x05p)\xf1"</t>
  </si>
  <si>
    <t>School Loans</t>
  </si>
  <si>
    <t>b'd\xaa\x07\x04\xfeT\x00\xce\xb5]\x12uY\xa1\xf2_\xfdY\x04\x84\xf6g\x9dE\x84`\x0eT\x10\x83\xe1\xd0'</t>
  </si>
  <si>
    <t>Consoidation Loan</t>
  </si>
  <si>
    <t>b'\xa4\xeb\x11\xdeV{\xe1\xca\xfbX\xe0\xa8pd`\xf9G\xccA\xb5\xbb\xf2\x11\xe3z\x8f\x88\x00{5v\xe7'</t>
  </si>
  <si>
    <t>b'\x19\xea5v\xb7G]\xdb!?\xbeb\xa0\x85\xb6\xa8b\x8e\xb7\xa7;\xe9\xb1k\xc7\x8d\xc0\x88Ss\xf3d'</t>
  </si>
  <si>
    <t>b'\xf2\\\xcc\xf2\x1a\r\x82\x1e\x84+C6x\x8f\x16sV&gt;\xdbb\xa3\x86\xa7\x98\x06\xdf\xae\\\xc6m\xba\xad'</t>
  </si>
  <si>
    <t>b'*\xdbA\x96l\x8d\xd7\xdf\xc0\xe2doJ\x1e \xcf\x18A\xb8\xfb-\x99\xbf\x1dR\xb4\xb9\xf2\xae\x8f\xc3U'</t>
  </si>
  <si>
    <t>b'\xd18\x1ca\xe4|\x10g{\x91V\xc4E\x87r\xbd\x18\xdcm\xaa\xb9\xa4\xd8\xae\xa3\x00\x01\xccYM\xc9\x16'</t>
  </si>
  <si>
    <t>Debt Consolitation</t>
  </si>
  <si>
    <t>b'\xb4\x9f\xf5!\xf2|t\xad\xbe\xcb\xf6\xbd\x9f\xe0\xc0\xe9v\x0eq \xce\x818\xb6\xd1QV`l\xc1\xe3\xd6'</t>
  </si>
  <si>
    <t>b'\xa49\xddm\x0e~@c\x96\x10\xe2\xa4W\xb7h5\xcc\xd1\xd9#T\xd8\x1f\x08&amp;\xb8\xa1\xfev\xe8\x8b\xf1'</t>
  </si>
  <si>
    <t>b"UDa\xb2!S\xa1\xc3\xc3u\xb2\xb5\xca\x80\xbf\x9a\xbak'\x07\xf1q\xeb\xdd7\x83G\xf5\xbc\x91\xe50"</t>
  </si>
  <si>
    <t>consolidate loan</t>
  </si>
  <si>
    <t>b"\xc1'\xc0\xd2\xb1KV\x9e\xf0.\x9dHL4\xb6TD\xdb37%C\xd5\xcb;#\x9b\x0ft\x8b}\xb4"</t>
  </si>
  <si>
    <t>b'N\xc5Y\xc0T/h\xd2_\xe1\xa4\x85\xeb\x16\x98X\xf7\x8c\x83 \xa4\x8aZ\xf6\x1d\xb8X\xc2P!\x08\xcb'</t>
  </si>
  <si>
    <t>b'\xcb\xacB\xf3h\xed*Q\xe1-\x9dX\x97\x89#\xa8\xd4#\xc9\x06\xfa\xdc\x91\xb9e\x80$\xfb\xdd\xc8\xae\xf5'</t>
  </si>
  <si>
    <t>b'\xb6\xd9L\xc227E\x87+\xc4_\xb2\x08\xfdw1\x11\x98\xf1\xc8:\xd0"9\x12Q\x9a\xd0\xb0\x1b\\\xe0'</t>
  </si>
  <si>
    <t>b'\x8fX:\xf9\xe02\xa7\n\x99\xd9\xb2\x80\xea!\t\xfb\x01\x87\xc0\xdf\xa1\xd9\x17\x90V\xa2\xe5\xa9\x89t,\xbb'</t>
  </si>
  <si>
    <t>b'\xd4R3cZ\xd6\xdf&amp;\xfb,\xcd\xa2\xe6c\xc3\xf7\x9al_\xc5u\xb3Z\xddQ\xa6\xddw8\x96\xd0W'</t>
  </si>
  <si>
    <t>Loan Payements</t>
  </si>
  <si>
    <t>b'\xd5Pq\x9d\xb1\x9d=p\x15c\x8b~\x1aoK\xdf\x12Z&lt;D[\x1aZ\xb54Z\x95\xd9\xee\xa8zi'</t>
  </si>
  <si>
    <t>Debt Consolidation improved finance</t>
  </si>
  <si>
    <t>b'\xe2\x8b\xcd\x9e\xc3\x1b\x94\x98\x1b\xb5\xfa\xe8\xc7\x84i%\xc8\x03\x89bJS+Nu-F\xb39\xde\xbf\xc3'</t>
  </si>
  <si>
    <t>Consol Loan</t>
  </si>
  <si>
    <t>b'\xe1\xaf\xa9\x89#:J\x96\x0f\xc8 \xcfj\xe8q\xc4l!&gt;\xf7\xf2K\xd1\x1b\xdc\xd5\xf4#\xea.(4'</t>
  </si>
  <si>
    <t>b'\x117l\x00\xb5\xa8\xd1F\xde\x19a\xce\x00c3*Q5X.o\xc7\xeaK\x9f\x91\x17~8K\xf8-'</t>
  </si>
  <si>
    <t>b"7\xe9\xa7\xa3^/sS\x15{%\x15\x9c\x81\xf6'9\x1aq\x02\xd2,\xf6\x917\x188.Wv\xf9\xd8"</t>
  </si>
  <si>
    <t>b'\x8f\xcc\xd8\xce!e\xf9:\xb5\xc2-\xb7\x1e\xc2\xa6#\xdb&amp;\x17\xfa\xa8\x9f\xe1\xb8\xed\xe2p\xac\x7f\xbff3'</t>
  </si>
  <si>
    <t>Deb Debt Consolidation</t>
  </si>
  <si>
    <t>b'+\x916)}\xc8\x86\x85]\x80\x81\x9a{\xe6\xee\xa8\x8d\xb0\xbd\xa4!\xab\xd52K\xe5_\xe3zuk\xaf'</t>
  </si>
  <si>
    <t>pay it all off!</t>
  </si>
  <si>
    <t>b'i\x91=\xd9QSv\x08\xea\x82o|\xabP\x8d"\xdfs\x01\x02\xa1\xe9\xa0\x8a\x93,\xd4\xfa\x01_\xb7\x14'</t>
  </si>
  <si>
    <t>b'J\xbb\xf5\xbe\xb5\x13\x87\xc2\x1f\x94D\x066Ja\x0cN\xccj\x88%\xad\xd0\x7f\x1f\xe2Xw\xa50\xfe\x19'</t>
  </si>
  <si>
    <t>helpinghand</t>
  </si>
  <si>
    <t>b'"\x01h\xf6\x13G\xcdh\xf2\xe6\x8c!v\xbf\x1fv\xa4r\x19l\xa5\x8b\x98\xb9\xe9\xfc\x9f\x89\x85^\xf9_'</t>
  </si>
  <si>
    <t>expand</t>
  </si>
  <si>
    <t>b'\xb3"Z\xea7\xce)\x89\xaf%\xca\x19\x05+\xd3\x1c\x08\xfe\x1b\x7f\x15\x89\xee\x02\x15\x13\xf4\xf5k\x90\xb4\xb7'</t>
  </si>
  <si>
    <t>Lastimehelp</t>
  </si>
  <si>
    <t>464xx</t>
  </si>
  <si>
    <t>b'\xf9,P\xff\x90~\x03?)S\xb1\x16$\x84\xcc\xea[1o42k\x14\xc2\xf5\xd2w\xb8\x0b\xb8o\x81'</t>
  </si>
  <si>
    <t>b'4\x12\x98%\xd6\x01\x99j=\xc8\xbd\xa3\xb2\xa6\x189o\x06\xd5\xe5&amp;,\xe8~u\x1d0NXVv\xe2'</t>
  </si>
  <si>
    <t>Debt free in 36m - YAY!</t>
  </si>
  <si>
    <t>b'2&gt;\xc8\x87\xc9\xb1E\x12\xb3iR\x98\xe1C\xd7\xd3@b\x97 #\xbc#\x8dU\xd9\xea\x0e\x06u\x7f?'</t>
  </si>
  <si>
    <t>Credit Card Debt/Car</t>
  </si>
  <si>
    <t>b'\x89\xf5V\x84\xa1/\xc5n\xecSe\xc7\x90\x92\xfd9-\xc3{\xceS\x9a\xbe-f\xdeh\x9d\xd4?gZ'</t>
  </si>
  <si>
    <t>b'\x0f\xa4!\x0f\xca\xaa\nt\xa0#\xaaah\x0fU\x1e\xa8\xaf\x1b^\x07\x04RlM\xc9\x8e\xc5^\x11c\x81'</t>
  </si>
  <si>
    <t>My Debt Payoff Plan</t>
  </si>
  <si>
    <t>b'm\xdd\xe3r\x0b\t\x94|\xc8\xc3FX\x87-\xac8\xaf\xc6\xa7\x12-\xcd\xee\xecv\xea\x04\xb8\xc4\x86\n\x92'</t>
  </si>
  <si>
    <t>Auto Repair</t>
  </si>
  <si>
    <t>b'\xbc\xe7\xc9\x15_\xa2}\xee\xc3\xb5\xe4\xfe\xadg\xcd\xc9*\xc1? \xc3n\x1a\x88[H\xdb\x1bQ\x0c\x98\x00'</t>
  </si>
  <si>
    <t>Consolidatoin</t>
  </si>
  <si>
    <t>b'\xa4\xf5\xf9]?\x04\x9e]\xac\xe6#D\x80\xc4\xc1{_\xdfKX\xa7/\xc4\xb2I)\x8f\x0b_\xad\xd2\xa9'</t>
  </si>
  <si>
    <t>b'L[\xe9e\xb7n\x95\x04o\xf9\xfb|B\x97\x9d\\\xc6\xa5\x17\x08\xae\xa3\xf5!~&gt;r\xbaM\x98\xc0\xe6'</t>
  </si>
  <si>
    <t>Debt free plan</t>
  </si>
  <si>
    <t>b'\xb3\x8d+\xfbH\xc3\x80\x0b}l\x86\x07\xe6$\xf3p\xfd\xc0\xa4MQxC\x1d\tTCX\x04\xa6Np'</t>
  </si>
  <si>
    <t>b'K\xd5H\xd1G\x81\xc2\xbc\xccggq\xc1DO\x08{]\xb1\x90\xd3t\xfc\xc4J&lt;\x8c{7\x9c\xdd\x94'</t>
  </si>
  <si>
    <t>consolidating credit cards and moving</t>
  </si>
  <si>
    <t>b't\xaf\xed\xd8\xe9$\xbe\xa1R\xb4X);\x16\xf1\xe9\xdan$\x03\x99\xbe\xa6x\xe6\xf7C\x04[\x99\xcf\x05'</t>
  </si>
  <si>
    <t>Get out of Debt#1</t>
  </si>
  <si>
    <t>b'j\xc7\xfd\xbe\x99\x14L\x04\xa5\x85u\x13q\xc0\xc4\xc2\xec\x99\x05x\x02fU/v\xb7\xe5t\xd9\xa8\xad\xab'</t>
  </si>
  <si>
    <t>Debt Payoff Goal</t>
  </si>
  <si>
    <t>b'K2#\x15\xce\xbfL\x97s\x0b#\xff\xf0\xb3O\xd1\xd7H\xc9\xc3\x8bH\x9f/\xda\x1b\x97{\xc1D\x12\x83'</t>
  </si>
  <si>
    <t>284xx</t>
  </si>
  <si>
    <t>b'8+O\xbfK\xa7\xc5\x87\x1d\xd8\xcb\x7fu\x107\xaf\x96\xbc\xbc.\x81+A\xb4FT?\xd8\xfd\xc2\x03\x82'</t>
  </si>
  <si>
    <t>b"\xd9\\\xc8\xf7\x1c\x19G\x98x\x95W\x94'p9\xb3\xf8\x9c\xefQ\xa2N\x16]\xaa\xd7\x0f\xc7\x98\x89z\x0c"</t>
  </si>
  <si>
    <t>b'"\x7f\xe6\xf3\xdcoH\xf2NB\xbd\xb7`\x19N6\xc41\xfc\x83j\x99\xb2\x0f\x03\to\x00\x10\xdb\xf0/'</t>
  </si>
  <si>
    <t>b"yW\x14\xf7\xdd\x11]\x17\x92\x1d0\x17\xe3\\\x94\x82\x80\xd1\xde\xa6\x01'\xbe\xa8\x80E\xbb\xe6\xc7\xd9\x8b\xc6"</t>
  </si>
  <si>
    <t>b'\xa7\xb4M\xfav\x10$)\xb3\xbc`;G\xd5E\xb8\xeb1\x17\xf7\x96g\xc3\x8f\x19\xb9y\x1c\xe8\x94-\x98'</t>
  </si>
  <si>
    <t>b'\xa4\x9f\xaf\x84\xdd`Y\xdd3\xf9y\x8c\xad\xbd(\x01\x11i\xbf\xb2f\xe7\xfb\xb0\xd1\\@"7|\xac0'</t>
  </si>
  <si>
    <t>b'vw\xb7~|$\xc5\xb0#\xd14\x92\x0f)\xd4\xcele\xe18Oo\xda\xf7\xf7li\x08\xb9\xc1\x999'</t>
  </si>
  <si>
    <t>b'\xe6\xfe\x9c\xb6\x94\x1cF\x8b{\xe9\x166\x1d\xf1b"\xfb\x98l\xa1\xd2;\xc76\xbd\xd8?=\xc4|\x14\xa3'</t>
  </si>
  <si>
    <t>b'\x97\x1d\x0b\x00\xa0\xba\xa3Jrs\xe73\x18U\x1d|c*\xe0*,\xf6\xc5\x02#:\xbd\xe0\r\xacT\x04'</t>
  </si>
  <si>
    <t>b'P$\xb5e\xb7T \xa6=\xe2S\xd2e=\x03?\xb7\x80\xf5\x93\x8d\xc8\xcc&gt;$\xd2\xd3g4\xbc;\x8a'</t>
  </si>
  <si>
    <t>b'\'\xefc"W\xc8Es\xa3\xeb\x9cG\x84\x8d\x8e\\\x94\xe4Un\xc3\xa9\x04\xed\x03\xf4?H\xee\\\xfd\xcb'</t>
  </si>
  <si>
    <t>cc payoff loan</t>
  </si>
  <si>
    <t>b'\xd5J[z\xa4\xbc\x9f\x84#9\xe6}[\xbf\xdb\x01{\xd7z\x1b\xa8\xe7\xcb\xcd\x0e\xd9\xf6\xcd\x15\xcb\xca\x1f'</t>
  </si>
  <si>
    <t>Home Down Payment</t>
  </si>
  <si>
    <t>b'?\xde\xee51\xfbl\xdd\xbd\x08\xd0\x17\xa3\x12\xea\x1am\xc0\xa7\xb7\x93"\x80H\xb4$\x9c\xfez\x81\x9f\xfe'</t>
  </si>
  <si>
    <t>b"A\xc5\xaff|\x9e#\x0f\xe4\x85&gt;\x88~\xb5)@%M2\xaf\xde\xe3s\xef\xdf\xccT\xb7\xcf'3\xd4"</t>
  </si>
  <si>
    <t>b"\x18y\x06\xeb\xc1fK\xe2&amp; \xbd\xc7B\x1b\xa5~;N\xb9'\xc0\xa0\xb8\xb6\xfd\n(j\xc9r\x06\xd5"</t>
  </si>
  <si>
    <t>CC Reduction</t>
  </si>
  <si>
    <t>b'\xc0\x90i\x87/h:\xd5\x02&amp;\x81/\xb3q\xa3\x9b\xd4\xc0g\xaa\x9ch#\x1eqS1)s\x06o0'</t>
  </si>
  <si>
    <t>b'"\x10\x8d1\xba\x100\xce&lt;\xc9&amp;\xef\xda\x8c\x06#%&lt;\xaeJ\x96\x1d\x0fH9\x87"[%\x94X\xf4'</t>
  </si>
  <si>
    <t>financial freedom</t>
  </si>
  <si>
    <t>b'*\x19\x8e3\xd0\x8cN.\xccH\xac9I\x85\xfff\x82\xc7\xcd\xd7\xd4p{\xdb\xe1\n\x86\x82\xa3yU\x19'</t>
  </si>
  <si>
    <t>b'\x9eds\xcb\\b\xd5P#=t\xf36\xfa\x91\xca\x9d\xd1\xe8\x8d\x1bG\xce\xbfO\x11\x1d\xc7r\x92P\x86'</t>
  </si>
  <si>
    <t>b'\x10 \xfc\x01\xaex\xf2\x1d\xcd/S+\xe4\xd36F*\xf75\xe6\x1b~\x15\x0e\xa2s\xb8Rd%\x91&lt;'</t>
  </si>
  <si>
    <t>Debt Con</t>
  </si>
  <si>
    <t>b'\xce\x7f\x10Yl\xb9\x83\t\x1c\x1e\xde\x82\x85Z\x89\xd5($\xe0co\xbas\xf6!\xa5}COjBO'</t>
  </si>
  <si>
    <t>Possitive Finacing</t>
  </si>
  <si>
    <t>b"I2\x07\xd5\x0b'1\xb3\xc0\xb5K\xb4~b\xe3(\x7f\xb0C\x12:r8\xccS\x17\xb9GNx\xe6%"</t>
  </si>
  <si>
    <t>b'\xaf\x05{gK\x9b &lt;Kk\x93\xa6\xed\x07\xdcM!\r\xf7\x8f7\xbai\xf8\x10\xc0H\xaa\xeb\xa2\xc5Z'</t>
  </si>
  <si>
    <t>b'\xe9M\xd24\xb6hB\xaa8,\x9e\x96\xce\xd6\xda\xadfw\xfe\x83K\xb1\xf4a\xfaHQE~\xd8\xce\x90'</t>
  </si>
  <si>
    <t>b'\x83\x06/\xb4\xbd\x011:\xfc\xab\x12\xae\x8f#\xc4E\xe9\xacp\xd9\xa07 \x9c&gt;\xe9^|\xa3R\x14\x19'</t>
  </si>
  <si>
    <t>b't!\xe6\x94\x12\xef\x07\x18\x81Y\xc0\x19:\x89\xb5\xd4nT\xc3\x12\x02nh15\xd5\xafqvh*\xe3'</t>
  </si>
  <si>
    <t>b'p\xf9`\xafm\xca\x0e\x8e{\x8a\x17\xb2\xb7&lt;\x85\x01 \xbd\xdd[\xe3\xa8\x9f3m\x98?\xaeY2\xe5\x80'</t>
  </si>
  <si>
    <t>315xx</t>
  </si>
  <si>
    <t>b'\xfa\xde\x1a\\[\xc8\xe9\xf4\x7f\x08\xf2\x1f\x8cD\x1d\xe0\x8c\xc3f\x93\xecS\x97\x92\xc6\x1f\xbav\t\x96\x17\xfd'</t>
  </si>
  <si>
    <t>b'\xd1\xd0\xe4\xf9&lt;\x16\xa0d;\xda\xe1\x82S\x85\xeb\xc0 \x8c\x87?\xd3\xc8x\xefD@\xed\xe8+\x1c\xdb\x05'</t>
  </si>
  <si>
    <t>b'\x9c\x98i!E\x8e\x0e\xec\xeb\x95\xb0\x19\xf30\xd0^\x92\xe8\xe3C[\xe3\x12R\xedi\x9e\xdf\x08dY\x1e'</t>
  </si>
  <si>
    <t>b"\xad'W\xe4\xa9\xe4\xc4r\xc3\x9d7\xffrO\xb4\xc2\xc1\xfc\x97\xc6\xb1c]b\x0cDB\xb6\xe2\xba\xb9u"</t>
  </si>
  <si>
    <t>b'~\xe0\xf7\xacaE9\x8d\x9cH\x0c\xdf\xca\xad\xa6\x1f\xe3\xcb\xfc\xe2\xf1\x15\x9b\xb6\x89\x7f\x97\x08R|\x0eL'</t>
  </si>
  <si>
    <t>b'\xec\xfb\x88\xc3\x9d\xbf\xbf\tW\xcd\x13Hwi\x0e\x1c\x13\xd3\x10k1\x9a\x044\x1f\x1e\xb49\x9e\xe0I\xcb'</t>
  </si>
  <si>
    <t>b'\x9e\xd7]\tj\x84\x92uX\xd2\xfc|\xd7\xfc\x1f\xc1\x8e\x81\xcf9\x03\x11\x9c;j\xc6\xd6E\x7f\xf0Q\xca'</t>
  </si>
  <si>
    <t>b"\x00\xe6B\xberb\x04\xa0a\x8a\xdd\x02`O\x82~6t\x86\x1d\xebZ.=\x93%2\xe4d\xd3'o"</t>
  </si>
  <si>
    <t>b'\xb1q\xe03\x02\x96v$\xf9\xe1\xe49$C\xd4J\xee\xce\x07C\xde\xdc\xaaf\xb2\xcf\x17\xbfKSR\x9d'</t>
  </si>
  <si>
    <t>b'\x87\xcaM\xe9\x1d\x00\x9cj\x80\xda\xa7\x81\x17I\xf4\xc7\xbf0\xf7\x9d\x8b\xb1F.$\xfb\xa6\x19\xe4\xe0aX'</t>
  </si>
  <si>
    <t>b'\x98\xc3\xf5K 6\x92\x96O\xb9\x15\x91\xe2[\x8f\x94\xe1\x94?\x02\xa1\x08\xae1-,\xa2\xcc1\x9e\xc3\xd8'</t>
  </si>
  <si>
    <t>b'R\xda\xac\x17f\xe9\xe5Vy\xa7W|\xc4v\x1e\x99\x1fZ\xaa\xbc8\xac\xaf\xeb\xa4\xba8\xbd\xa8&amp;ap'</t>
  </si>
  <si>
    <t>b'p\x03k\xd7s)\xc8\x82\xf0tq\x96\xd1\xc5R|\x91\xc7Q\xb9\x8bb\x9c\x8d\x08\xdf\xe2\r\xbf\x82@\xf2'</t>
  </si>
  <si>
    <t>PERSONAL LOAN</t>
  </si>
  <si>
    <t>b'@\xd0\x97\x0be\x11\xca\x01#\xde)91\xa2\xb4m\x91@\xd0\xcf\xb9_\x05\xa6u\xfb\xe0\xd2m#\x05\xeb'</t>
  </si>
  <si>
    <t>b'J\xdd\xef\xd3\xce\x9dJ1u\xbd\x9f(\xe3\xb7H1\x8a\xed}\x97\x0eL\xe18y\xebvoU\xf1\xe7.'</t>
  </si>
  <si>
    <t>b'g\x92\x15\x1d\x01H7\x99\xb8WO9\xcc\x1cx\xfc?\xc6aD\x14/\x97\x1d\x17\xd7\\\xde\x1dPz|'</t>
  </si>
  <si>
    <t>Property Upgrades</t>
  </si>
  <si>
    <t>b'UE\x07c\xef\xefG\x17\x94aT\x9a\x0fE\xe6Sv\x11\xaf\xb4\x1c\xdf\x87\xc9\xe8\xce?\x96\xe1,\xe1\xce'</t>
  </si>
  <si>
    <t>b"\xb8^I\x9f'!\x82O\x01\xb8^3.O\xb0\xca2mX\xb3a\xfb\xfa\xa0\x97-=e`f\xd9K"</t>
  </si>
  <si>
    <t>b".\x89]L\x12D\xe2\xc5M#)\xe17\xfa;\xc4\x1aw\x81L\xb7\x17\xc7n\xdb\xfe\xc5`/`\xe8'"</t>
  </si>
  <si>
    <t>medical bills</t>
  </si>
  <si>
    <t>b'`\x08(\x13\x16?\xc4\xb5\x01Iw\xae\xde\\a\xa8\xb5\xaf\xbe\x17J\x9a*\x849\xd0;0_\x8d,Z'</t>
  </si>
  <si>
    <t>b'\x80\x97l\x1b\xa1\xa1\x15\xba\xb4\x0cEx\x9cn\x9c\x177\xb5H\xfdL\x85h\xa6\x07\x80d\x8a {FZ'</t>
  </si>
  <si>
    <t>b'\xcb\x1c\x13\xb2ZKtQ\xc3\xe9\x93lj\xce\x96&lt;f\xd7\x1d\xf9a\xd8\xab\x83\x92\x88\xc9^\xf5\xee0D'</t>
  </si>
  <si>
    <t>b'\xa7\xfa9\xbb\x8c@I\xfe_H\xeaX\x96\x18/\x1f\x9c2\xb4:8\xae\x91\xa1\xf4\xc7\x93G9\x0b\xd6P'</t>
  </si>
  <si>
    <t>b'\xb2\xf4x\x86&amp;\x84&gt;\xb1\t\x0f\x0f\xbd\x94\xdc#\x9fC;\xf5{v\xd5\xab\xc0\xf0\xc0\xd8R!\xbf\x9f\xd9'</t>
  </si>
  <si>
    <t>b'a\t\xaek\x800@\x08\nx\x86=\x8b\xd8\xd0\x85\xb5\x1b\xb0\x99\xd6KH\x8d:\xf2G\xf5\xd3\x1b6\x1f'</t>
  </si>
  <si>
    <t>3 year Loan</t>
  </si>
  <si>
    <t>b'x5\x13\xd5R=\xac\xa7\x05\x1f\x9c\x85\x86g\xc0\xad\x1d\xe2\xa3n\xc5\xe3\xbe"\xc6\xc0\x88#\x06 &amp;\xe7'</t>
  </si>
  <si>
    <t>My consolidate</t>
  </si>
  <si>
    <t>b'M\xe7m\xa6nO\xac\x0c\xf5\x02Q\x102\xe1\x82\x8a\xf3Z\x8d\xad\xb77\xbe\x14\xa4\xb2\xd7|\xf5\xf7\t\x89'</t>
  </si>
  <si>
    <t>Special Surgery</t>
  </si>
  <si>
    <t>b'u\xc0"7M\x97eA\xf5\x91\'\xe6\x0c\xeb!\xdd\xb0\xdb\xeb}\xcb\xc0A\xfa\xe6\xd0\xf34\x93\xde\xa1\x8c'</t>
  </si>
  <si>
    <t>b'\xe9\xc8\xeb\x161\xc0&amp;\xd2\xab0\x17?H.\xd5\xbe\n\xe9\xe0\x11G\x1dC\x82\xa82\xbc\xbc\x88\x80\x92J'</t>
  </si>
  <si>
    <t>b'\xa8o\xe9\x1f\xa3,\x9d,\xdd_1M\x0f7{8\xdcl\x8a\xf2^T\x17\x97y\xe1\xc4\xc7\xd2cX\xa5'</t>
  </si>
  <si>
    <t>b'\xc3h6\xcf\xb3@\x03I\x1f\xa5\xae@4\xa4V\xca\xd5\xc9CE\xcb\xd4k\xdb\x7f\xe9\xd8`\xc4T~;'</t>
  </si>
  <si>
    <t xml:space="preserve">Home improvement </t>
  </si>
  <si>
    <t>b'\xc0L\x00\x10C\xf8\x0e[6\xfd\x00\xe4\xa2\x1c\xc5\xe3ZZ\xa8Tt\xbdn3`EH\xfb\xa1\rMZ'</t>
  </si>
  <si>
    <t>b'\xba)M\xdcH\xe0^\x86\xac\xe4\xa1O\xa0\x19\xbef\x85|\xadi~\x17\xf4S\xae0G\xe1\xbc\x88 \x8e'</t>
  </si>
  <si>
    <t>b"\xd0\xbbj\xd5&lt;\x1f\xc9\xd4\xef\xf0j\x00\xcds\xb98*#\xfd\xa5'\xb3\x1eP\xb9\xc5Nn\xe7T\x8aX"</t>
  </si>
  <si>
    <t>4 Credit Card Payoffs</t>
  </si>
  <si>
    <t>b'\x9aY\xbf\xf1\xee\xc1\x921\xcf\x8f\xbf\x1b2}\xfe\x903h\x07\x89\x13\xba\x7f\x8d\x0f\xaf"\xec\xcfeD\x9d'</t>
  </si>
  <si>
    <t>b'"\x19&lt;i\x92\x8d\xa0p3nR\x82\x8c\x12\xc8\xfeJu\xf2h\xed/\x7f\x94]q\x94\x1caf\x85\xf4'</t>
  </si>
  <si>
    <t>b'K[C2\x89y\xed\xf3x\x82\xa7:\xa2s\xea\x10V\xe2\xd7*\xaf\x89o\x12oms\xc2\xd5\x1a\x95\x02'</t>
  </si>
  <si>
    <t>b"\x92\x99\x16\x97\xe7\x06=\xcb\x94\x13\xf2\xe6!:\xec\x0e'\xf7\xc9\xa8h\x00z\xf6y\x83\xfb\x85\xe9'|\xc9"</t>
  </si>
  <si>
    <t>b'\x11\x84\xae\x00+b\xb2\xff\x981\xa9U\xdc\xfd\xff\x1a\\^\xe9\x0c\xcc\x99"V\x93\xd2&amp;\xdf\x85%y}'</t>
  </si>
  <si>
    <t>remodel</t>
  </si>
  <si>
    <t>b'\x84\xe4\xb5\x9a\xbb{\x13W\xa1p\xc0`\xe2n\xd8\x94\xa3\xd5\x04\x93L\x9f\xb4\x8b8t\x0ef\xc8\xfe\xca!'</t>
  </si>
  <si>
    <t>b'P\xe6u\x00\xf3&amp;\xa0\xb7\x1b\xfc\x02i\xec\xc4\xa1\xb2\x00#7\x1d[\xf1\xe0\xda\x08F\xbc\t\xd11G\xdf'</t>
  </si>
  <si>
    <t>b'i\xd5R\xf9\xef#\xf2h,q\x1f\xf2Z\xbfY\xea\x18\xd6e\x1e\xf5R\xcf&gt;\xdfE\x14\xe5B\xd5\x0f\xfa'</t>
  </si>
  <si>
    <t>157xx</t>
  </si>
  <si>
    <t>b'f$\xe5|\x7fS1U~#\xdeV\x95\xbe$\xea[\xb0(\xa3l \xabu-m\xd1\xa5n\x19\xfa\xff'</t>
  </si>
  <si>
    <t>b'\x8dBN\x05\x8b\xcd\xf2\xc5X\x80\x1a\xcc\xb6\x7f?\x99\xc4\x16\xc0\xaa\xb6\x9b\xec\xf4\xd94\x06\xfbl\xddl\xee'</t>
  </si>
  <si>
    <t>b'+\xa2\x8a\xfcw:Q\x7f\x87iqN\xf9j\xd1l\x120+/\xceF{\xd8\xea=\xcb8\x14\xb3#R'</t>
  </si>
  <si>
    <t>Cridit card consolidation</t>
  </si>
  <si>
    <t>b'7\xe6\xd0T\x85L\x91\xf3-\xd6\xaf\xe6!W\x8b\xb2\x0f\xe7?!\xf8nqa|7\x91\x05\xc2\xdd\x0b\x80'</t>
  </si>
  <si>
    <t>b'\xcf\x8e\xdb\x1a\n\x89\xfb\xdf1\xab\xc11pH\xb0\x19\x87\xc3\x06\x11\xcc(\x1b\xc4\xcf\xd1\xdc\xb5\x0bI\x02\xb6'</t>
  </si>
  <si>
    <t>debt problems help us pay bills off</t>
  </si>
  <si>
    <t>b'\xf9\xea\x8bB\xfe\xfe\xbd\xa5d\xb1J\xa6\xc9\xdd\xf1D\x94\xa8\x12\xcc\xa5\x9d\xb52~\x9ag\xce)&amp;\x0e\xe3'</t>
  </si>
  <si>
    <t>b'\xc9_\xe3\xe0l@\xf5\xcc[\xbd\xfa\xe3\xe6\xde\xc6\x1f\xa6\x0c^k\xca=\xec\x01t\xe6`$0\xf1\xdc\xe6'</t>
  </si>
  <si>
    <t>Refi Loan</t>
  </si>
  <si>
    <t>b'\x89\xcf&gt;P\xa4\xa5$))\x82\xb5\xa9z\xbe_\xdf8z\x8b2eY\x9a\xb3Y\xe0!\x13\x01\xc9i\x9f'</t>
  </si>
  <si>
    <t>b'\xb0*\xe1(\xad1\xb4+\xbdb:D\x88=\x1bijM\xba2(\n\xa3wo\xc4\xd3m\xeb\x92K\xfd'</t>
  </si>
  <si>
    <t>b'\xb9\r\xee\xb3\x91\xa3\xbavo~\xb0X\xb0~\xfdB\xe3}\xda\xee\x10\x8a\xb2\x04\xa1\xf6}\t\x98&lt;\x12\xba'</t>
  </si>
  <si>
    <t>Polishing my credit.</t>
  </si>
  <si>
    <t>b'B\xd4\x87dU\x08W\x84o\xcf\x1b\xca\x98\xc0\xd2\x988\xc0\x97|\xa6m:\x14\xaa\xac{g\x80\xbc\x16\xca'</t>
  </si>
  <si>
    <t>b'\x18\xc3\x0f\xfd\xefN&gt;7\x90T\xcc\x17\x8fZ\x07\x94\x92\xe8\xea\xf2e\xe9b9\xa9\xcd\xea\x87\xf2\x8c\x01\xb4'</t>
  </si>
  <si>
    <t>b'\x18D\xb8u\x16aB\x1f\t[$q"\x9d9\xc7\x8bG\x98\xcc\xd1Gp\xb9G\xe7#\x1fiZ\xa5\x12'</t>
  </si>
  <si>
    <t>b'V\xc0\xe8\xc0t\xbd\x91\xfc\r\xb8\x03\xb3\x14\xb8\x9f\x91Em\xe4\xad\r\xd5\x0fD\x94\x03\xe08\xbb\x00\xf0\x02'</t>
  </si>
  <si>
    <t>Getting Smart</t>
  </si>
  <si>
    <t>b'\x15\xafOJO\xac\x9dN\xdb\xf8\x1f\xde;\x15]Or\x02\xc6\x15Er\x81\xa9\x91\xf1H,\x98\x17\xf0+'</t>
  </si>
  <si>
    <t>b'\xbe\x8eQ\x1c\x0f\xcb\xb0\x99X\x02\xdf)v\x99\x988G\x96\xa8\x98\x8c\xe3\xf1x(\x8b\xe61\xee\xed\xa0\xfd'</t>
  </si>
  <si>
    <t>b'\x1e\x08\xa6\xdc\xbdR\xf8\xb0\x81]\x12B\x03\xdb\xc8;d\x03\x1el\x95K \xf4\xda%~\x11D\x13\xd3\xff'</t>
  </si>
  <si>
    <t>b'\xad\x9e\x12\x12\xec\xdd\x8e\x95\xe71\xb0y~\x99\xfa\x1f\xf7\xafIk\xc7\x90\x17/\x1dF\t\xda\xe8\xda\xad\xb2'</t>
  </si>
  <si>
    <t>b'\x04@-\x02\x0fbw\xbb9n\xb1\xef\xfc\xd33f\x02\xd9\xffH.{\xf7\xf9*+\xed\xf0f\xed?\x94'</t>
  </si>
  <si>
    <t>Drift</t>
  </si>
  <si>
    <t>b'\xe8\xe6\xfb\xedt\xf27\xcc\xd9\xd5b\xa5rj\xde\xf4c\xb4\xffXP\xc1\x9f\x87\xe8f\xd7Y/&gt; \xed'</t>
  </si>
  <si>
    <t>b'\xb68\x06\x8c}$\xce\xb0l\x91\x07CL\x8a\x84\xa0K]\n\xfc(\x16\xfa\x85a\xaf\x86~&lt;g\xf6Q'</t>
  </si>
  <si>
    <t>Debt con</t>
  </si>
  <si>
    <t>b'6\xee\xb6\x1b\xf1\xa9k\xd9\xcb\x91S5\xc3\x03\xd9i\x96\xb9:\xa895~n~\xc9\xc9\x8d\x99F\xf1\x05'</t>
  </si>
  <si>
    <t>b'2R\xda\x0c\xf8\x01\xc3Iq\xe8:\xdc\xaeA\x8d\xb8]\xa1DP\x9crW?\xdb&gt;v\xda\x19Rgv'</t>
  </si>
  <si>
    <t>Dedt consolidation</t>
  </si>
  <si>
    <t>b'\xab\xef\x05\xf7\x9d\x06\xce\xa3,\xd9i\xf6\xd2@v\x9a0\x17\xc2p;\xfb\xf39\x89"!\xb0\xaa\xf1HD'</t>
  </si>
  <si>
    <t>b'\xf9\xa8H\xc4\xce\xc4\x9d=\xb6\xe1#\xe7Y\xbae\x99\xc3\xa6G\x89\xb3\x9bI\xdcO1z\xe2\x00\r\x8b%'</t>
  </si>
  <si>
    <t>b'\x90\xe0FP\x17{\xf7\x07{\xa0\x88\x8c\xbf\x89|\x863\x8fJz\xba\xce\xa3\x8a\x01\x93\n\x9d\x13\x85u\x05'</t>
  </si>
  <si>
    <t>b'\xfd\x80\xc6\xd6\xac~]\xc5_E\xd1\xfd\x17\xd1LM\x800,\x83=p\xf1l\xf1\x81\x7fJn!i\xb4'</t>
  </si>
  <si>
    <t>Goodbye High Interest CC Payments</t>
  </si>
  <si>
    <t>b'\xa7\x93R\xa2\xc2\x1f\x0f\xc0\x9dv~[\x9fQ\x1fV\xd5Fc\xa3W-h\xa6\xac\x0ew\xed\xed\x11\xf5]'</t>
  </si>
  <si>
    <t>b'5\xa6\xc4\xa9z\xc1"8\xb6\x04\xfbG\xc0OQ\x12#&lt;\xe7\x88\xb1\x0b\xd4\xb1\x82\x9ar\xc4\x13\x89\xc0t'</t>
  </si>
  <si>
    <t>Make ends meet between paydays</t>
  </si>
  <si>
    <t>b'l-\x1a\xac{\x9d\x93\x17\x02\xf8bMZ\xeepQ\x9b\xc5]\x81eLW\x1c\xf0\xe7\xcb\xd1\x86\x9a3\xe3'</t>
  </si>
  <si>
    <t>b'\x98\xd1=E\x95\xc2\x06\xb7\xaa\xb0\xf7\x0fMS\xbb|\xdcR&lt;p\x99Vu\x9f\xe0F\xefgbi\xa2-'</t>
  </si>
  <si>
    <t>Short term loan</t>
  </si>
  <si>
    <t>b"j`\x94\\\xed\t\xd6\xb5\x86\x19\x85\x17\xc1m\n7A\xe2\xa5A\x1f\xbe\xa6\xf6'Yg\x83\xfe\xf2|\x98"</t>
  </si>
  <si>
    <t>b'\x835\xba?\xb1\xa2xM\x948\x12y9\xabp\xe9i\x1b\xaa\xfc.6\xcb\x96&gt;e\xe6e1\xd5`\x88'</t>
  </si>
  <si>
    <t>recovery road</t>
  </si>
  <si>
    <t>b'\xe1\x19D\x88\x8a+1h\xa9\xd0A\x02\x129\x17\xc7\x84\x0b\xef\x8dF\xc6\xf9!\xbeq\x07\x9e\xf6\xe9\t\x86'</t>
  </si>
  <si>
    <t>b'_\xf4\xaf\x83\xdc\xf3.\xb9~\xb3\xd8\xa2\xd0\xa9\xe6\xb8\xf8zV$\xe3\x03\x9f|\xd4\x86\xf6s\x93\xa3\xae\xf3'</t>
  </si>
  <si>
    <t>b'\x1aF\xae\xc6C\xeb\x98\x16\x8bS\xc8\xa3qR\xbd\xba\x94\xad\x83d\x11\xe6\xbd\xe27QT\xe8\x1c#\xc7\xa3'</t>
  </si>
  <si>
    <t>consolidate bills</t>
  </si>
  <si>
    <t>b"\xd9\x9e\xdf\xa3\xf2*\xba\xd6\x8aqX\xa4\xf7'\x82\xa93\xdc\xb0\x1asN\xceXu\xfd\x01%\xc3Q\xc7&amp;"</t>
  </si>
  <si>
    <t>b'\x8b\xff\xa4\x0f\x0f\x0c\xa7\xf4\xc3\xa4\xe4M*E\x9c\xa4#h\xe3x\x07\xe8_\xc6\x02$\xcc\x06\x81Ip\x86'</t>
  </si>
  <si>
    <t xml:space="preserve">Debt Consolidation to Lower APR </t>
  </si>
  <si>
    <t>b'B\x87\xf1\x8c\xcdF&gt;\xd6\x08e\x07\xf9\xfbs\xfa\xb6f\x04F\xcb\xdb\x01\x7f\x0e\xc0\xc7\xf4\xaf\xd9\xabk\x07'</t>
  </si>
  <si>
    <t>Roofing</t>
  </si>
  <si>
    <t>b'\xa4\x8c\xf7\x0e\xffXG\x91p\xb6&gt;`U&lt;!`)!\x8c\xeas\x12\xfa\xcb&lt;v\xbamMD\xcd\xf7'</t>
  </si>
  <si>
    <t>b'1^\x91\xcd\xdc\xef\xee\x97.\x1d:\xb2\xbfs\xc0\x9f\x88\xcbL\x17\x9c\x87\x92!\xd0,m\xadk\xfe\x01\xc7'</t>
  </si>
  <si>
    <t>wedding 2012</t>
  </si>
  <si>
    <t>b'@\xbe\xc4\x90\xd5j\xf8\xf1?8\xeb\xbf\xe5\xfb\xb0\xbcSC\x06RPK\x80\x05\xec0]\xa8\xb6\xf3:U'</t>
  </si>
  <si>
    <t>b'\x8c\xf2\x04\x9a\x12\xbd\xa5;)\xdd\xc4I%/.\xef\xb8\x06\xa8\xeb\x89\xb9f,6s\x87^\xce\x02\xad\xa5'</t>
  </si>
  <si>
    <t>b'\x07\xec\x8d\xa2b\x90V\xc9\x926\x16w\xfb\x85;\xd9l2\x7f\x02\\y\x9d^\xa4\xd8Db\xd2@\x18\xd8'</t>
  </si>
  <si>
    <t>Highway to freedom</t>
  </si>
  <si>
    <t>b'\x17\xe7\xd0\xa2\x19\x00\x98\xf9\x8f\x9caN\x0b\xe6G\xa1"\x86\x8aUq`\xda\x12%[Ky\xf8\x1b\x83\xb1'</t>
  </si>
  <si>
    <t>b'\xdf\xf1{\xe7\x86\x1c\nmF\xa2%|\xaa\xc5\xdd\xb2\x1agv\x957\xcci\xa0\xea-\xe0\xce\x1d\xd4\x88\n'</t>
  </si>
  <si>
    <t>b'\xa3\xfe1\xaeQ\xe0$=\xb3\x8c\xfdk|\xb0\xbb\xb6\xae\x1f\x89\xee\x98l:\x03\xd4G%\xc4A\xc6\xfd\xd9'</t>
  </si>
  <si>
    <t>b'\x1b\xb1\xf5\xd4\x8f\xde\xbc\x0e\xee\x1f~*c\xa8\xbd\xf5\xce\x07\x08\x9e\xe5R\xec\xc3\xe3\xb4p\xdd\xdd\x809\xf8'</t>
  </si>
  <si>
    <t>Pay Off the Cards</t>
  </si>
  <si>
    <t>b'T\x12\x178\xb0\xf1\xae\x89/\\r\x89u\xe5\xeb\x80\xc2\xcc\xf9\xee[\xf7\xa0\xc2\xdbw]\xa3r\xd4\x94\xe6'</t>
  </si>
  <si>
    <t>b'\x008\xda\xea3y\x831\x9a\xdf\x9b\x07\x7f\x17\x91\xd8O\xb3\xeb\x8c\xd4\xdc^!\x9a\x1a\xd5\x8b1O\x1d\xab'</t>
  </si>
  <si>
    <t>Credit card pay off and vacation</t>
  </si>
  <si>
    <t>b's\x8bObMG_n|\xedW\xd3@c3F\x92\xb68\x1f\x0b\x875J\x97\xb3\t\x18\xec\xc6\xcdY'</t>
  </si>
  <si>
    <t>b'y\xf3\xb5\x181\x7f\x07\xe4\xc1\x9f\x82a\xb9\xcbW\xe35\xe6#\xb9Bo}!Mj\x03!x\xdfd\xab'</t>
  </si>
  <si>
    <t>Getting Rid of Debt</t>
  </si>
  <si>
    <t>b'a\xb57F\x88\xf4n\x84Si\x9c|x.:\xe3\x13X(o\xe8\xa7\x9c. \x8e\x00 \x17j\x0b\xc8'</t>
  </si>
  <si>
    <t>b'Ti\x87\x13EI\x92\xe3x6\xe0T!\xf6\xa4\xcb\xf4\xd9\x95\x85\xe3~\xf9G\xceN\x01y\x19\x0f\x03\x86'</t>
  </si>
  <si>
    <t>b'\xcbk\xdd\xd2\xdc\xce\xc5\xad\xf6\x95\xe3\n\xc0-\t\xc3\xff\xf20\xf5`\xdc\xcd\x94\xa0,\xcc\xf0\xda\xbe\\\xb1'</t>
  </si>
  <si>
    <t>b"~\xa2A%\x89W\xd4\x87K\x16\xe7];Q\xf7[\xaa],\xcd\x00q'er{\x16&lt;\xfcb\xc6\x0b"</t>
  </si>
  <si>
    <t>Lowering my credit card payments</t>
  </si>
  <si>
    <t>b'\xb1\xee\x80\xd7\x8cs\x8cu#\xe9ay\t\xc4F&lt;\xe7\xf7SiG\xf4D\x82\xfc\xfa\x87/\xc5#\t\x1b'</t>
  </si>
  <si>
    <t>b'v\xe12\xf6\x05\xf3\x05\xf2V\xb8\x1aZ`I\xdb\xf4I\x15\xc6i\xc9\xed\xd3\xdc$\xa2\x1aT_h\xf9+'</t>
  </si>
  <si>
    <t>Consolidation Loan Relief</t>
  </si>
  <si>
    <t>b'F^\x16\xb8\xdd\xac\xdf\x02\xe4\x18\xf2\xa4\xf9\x06\xb1\x9b\xe1\x1a\xd6\xff\xca\xa4C\x96\xf3\xb7\x86\x16\x11\xca\xab9'</t>
  </si>
  <si>
    <t>b"\x82\x96\xb89Z:.\x87|\x03PQ\xcf\x823_0\x16\x80\xc4G\xf6\x830\x04+Q'\x8a\x14n\xe7"</t>
  </si>
  <si>
    <t>pay out</t>
  </si>
  <si>
    <t>b"B\x9d\x89EC\x8b\xcf\xcc\x17P'\xe7\xda\xbab/\x95\xfd\xf0\xa5\x85\xfaW \xe7\xdd\xc7x\xdc\xed{\xb3"</t>
  </si>
  <si>
    <t>refurb Car</t>
  </si>
  <si>
    <t>b'9\xe4\x05A=\xc0\x9a3\xc5\xdb\xb7!\x14\x01\xdc|\xb4\x9f\xdd\x87s\xb0Sl\x14m\xc9\xcc\xf6\r\xaf\x10'</t>
  </si>
  <si>
    <t>b'89\xc6@\xfc:\x156\xbf\x16{{\x99[\x08\x12\xf1\x94\xc1\t`\xaa\x10W&gt;t`\xb7\x14d\xab\xa6'</t>
  </si>
  <si>
    <t>Loan B</t>
  </si>
  <si>
    <t>b'\xe1\xfdAq\x06\xa2\x80\xd3&amp;\x1f\xef\x99W\xb4\xa8\xf4Y\xd8\x17\xa3\x84\xa0y`%\xf6\x90a\xe4\xf7\xd1*'</t>
  </si>
  <si>
    <t>b'\x14\xac\xbf\xe8\x17\x08\xc9\x1a\xf8B\xce\xe4\xcf\xad\xcd\x84\xf6\x99\xb7\xaf\xa2\xc1\x1ce\xc1/\xde\xc9\xf9\x10r\x9d'</t>
  </si>
  <si>
    <t>CASHCALL GDBY!</t>
  </si>
  <si>
    <t>b'\xe0Z\xdd&lt;\xac"8\xd2\xf4T\xdf\xda)nL5\xa0;06\x80X\xea\xdf\xaf\x81\x08\xbc|0:\x14'</t>
  </si>
  <si>
    <t>b'\xef\xdc\xb6\x93\x1b\xe5P\xf0H\xb5=_\x161\x81\xcdxT\x95\x02\xe0\x88x\x9e\xfbU\x9e[c\xf3\xcb\xed'</t>
  </si>
  <si>
    <t>credit debt consolidation</t>
  </si>
  <si>
    <t>b'\xff\xaf\x08P\xee\x93\xf8,\x81\xe8T\xad\xc5\x04\x9f\xb5i\x9dk\x92"\x16E#i\xbf\x15G\x1a\x0b&gt;_'</t>
  </si>
  <si>
    <t>hard work</t>
  </si>
  <si>
    <t>b'c\r%\xe3\x9a\xdb\xc2VD[\xde8\xd2Bur&lt;\x7f3\x02\xee\x8c\xa8\xf5|\xdbf#P\xf5\xb3D'</t>
  </si>
  <si>
    <t>b'\xd8\xa8LB\xf1\xc1\xdad}\x8d]\xa9B\x1b\xa3h\xa6\xf3\xb3M\x93\x94\xe4\x90&gt;\xd6\x0c\xe2z$.\x00'</t>
  </si>
  <si>
    <t>b'\xb5(\xc6@\x1fgtPB\xe0\x99\x9a\xa2\x03;5X\x0e\x1ef\x01gO\xa15\x10hC\xc7sR~'</t>
  </si>
  <si>
    <t>b'Vw\x95\xf42mF\xbc_\x1b\xf8Yb"h\xe5u\xaa\x84\xa6\xa0\xcb\x1ahBN&gt;\x16\xa9\xd3\x11x'</t>
  </si>
  <si>
    <t>Big Money</t>
  </si>
  <si>
    <t>b'\xfe\x7f\xfd\x16o\xde\xab\xe33\x18eY=\xce&gt;C\xd2d\x83  w\xd37\x7fk\x81\xdfL\x14\x1d9'</t>
  </si>
  <si>
    <t>b'\x15\x1c\x0e\xc5\xdc\xc1\x83\xd6Z.\xfek\xc2\xa0`\xfe`\xf3L^\xfen\xa7m$\xb3UV5*d\x9f'</t>
  </si>
  <si>
    <t>b'\xc6+\xdf\x1a\xb4Vb\xa7\x95\xa3\xcf\xa4c\x95T\xd2\x0b\x14\x830\x9f.\x1f\x87S\xb7\x9a\x8e\xb2\xab|\xcf'</t>
  </si>
  <si>
    <t>b'\x80\x13&amp;\xc5\x83\xfe\xbe\xffd2\xc4RqS\xcf/\xf2\xf3\x82)\xd0[\x01,3(\x81Do\xb9\xa7\xf7'</t>
  </si>
  <si>
    <t>b'\xb1\xc3I\xe7\x05\x021Db\xa0\x04\x83/m\xa9t\x10r\xcc\x1f;\xae\xbf\x04x\x1f)$\xc1\xdb\x9e\xdc'</t>
  </si>
  <si>
    <t>b'\xdd@\xe4\xfdr#j\xbd&lt;\x00\xc4\x06\xa8\xe5\x18i\xbb\xbe\x80\x83\x15\xf8\x0e\xc5*\xa7\xc9\xf6Fm\xb1a'</t>
  </si>
  <si>
    <t>b'\xa9(d\xfd\xaa\x07d }\x7f\xbd-\xa7\xf5\xcc\x00\xf8\xe2\xd6\x06\xaa&lt;\x15\xa4b.\xbcn\r\xc3\xa2\x94'</t>
  </si>
  <si>
    <t>b'5\xee\xce&lt;,\x015\x95\xa4\x85\xff\xfb\r\xf5_oUEVO\x00\x0e\xdc\xa3pK\x85\x7f\xc8\xb8\xb63'</t>
  </si>
  <si>
    <t>b'\x85\x8d\xe4\x80\xb7{\x0f\xef\xc8\xc3\xa5\xf2\xa8:\x8b8c\xf7\x81\xa8\xb9\xf5\xb9\x16dk\xec8v\xbeZU'</t>
  </si>
  <si>
    <t>b"\xd2\xee\x03\x98C\x0c\x9e&gt;\x1d\x92\x1e\x98A\xfc\xa1\x99'\xd8-\xef\xffE\xdc\x15\xbf7 J\xcdx\xbc2"</t>
  </si>
  <si>
    <t>b'\xe8{\x05:\x14\xde\xbf\xb40\x1f\xdcb\xca\xed\x87U\x13\xa0Y\x17)\xda\xfcHx\xd8b\xa8G\xcb\xe1\xb8'</t>
  </si>
  <si>
    <t>b"d\xf5\xd5R_\x85~\xa0:\xa9\xf2\xb6\xc8\xa1\x19f\x13'c\xe9\xd5={\x05\xdd\x98D\x88mE\xbf$"</t>
  </si>
  <si>
    <t>b'(\xff ([\x1c\xea\xb7t\x16\xfd\x92j\x93\x11?\xba\x1c\xd38!G\xa7G\xc6\x95\xba\x1b\xf7\x08\xf1\x1f'</t>
  </si>
  <si>
    <t>b'\xf6w\x9b\xaf3\xcf\xa7\xddy\x1e\xbd\xad\xca\xc2\\}Jd\x95%\x88\x0bZ\xd3\xba\xdc\xe6 \x845\xdc\xe8'</t>
  </si>
  <si>
    <t>b'\xe2l\x8c\xb1\xd4\xb5s\x83%\xbc^\xc7\xda\x02&lt;\x08\xe2\xc1-e\x94\xce\x19\xf1\xfd\xef\xd1\xe5\x8f\xd5qB'</t>
  </si>
  <si>
    <t>b'\x05\xa5\xc9M08\x05:Z\xa5\x84\xa8\x05:\xe0\xcc\xaeC\xa9\r\xfe\x85\xcdV\xa8\xfeO\x04\xa1\r\xa0\xed'</t>
  </si>
  <si>
    <t>b'%\xb6\x1a\xfe\x81h\x86\xa2\xc9\x0b\xfaR\x0b\x1b\x8e\x02\xf5|\xec\xc2y\xaf\xa6\x93\x183h[E\xab\x0c|'</t>
  </si>
  <si>
    <t>leneding club credit card refi</t>
  </si>
  <si>
    <t>b"\xa6\x94\xcd\x9d\xb5\x19\xf9\xef\\\xa1\x9a5U\xa6\r\xf7\x1a\na\xd8\xf7X\xe4B\x89*\xc4\x19\xdb'\xd4\xcf"</t>
  </si>
  <si>
    <t>b'\xd4"\xf2\xc5\xe8\xdb\xca\xe4qM\xb8\xbd\xe1\xe3P\xe7V\xc2"\xe2\xea^z2\xe9\xb6n\xa1]\xf5~B'</t>
  </si>
  <si>
    <t>796xx</t>
  </si>
  <si>
    <t>b"\xa2\x14\xf5\x92\x9512\x1a\xc2}'+b\xd3\x03\xa2\x0e_\xc5\x11\x80\xf0OI3m\xb0\x95\xcb\xdbv/"</t>
  </si>
  <si>
    <t>b'\xc4:\xf3\xba6C+\xb6\x92\x81\xb0\xb2+\xce\xf8\xeb\xda\x11\x93\x144\xcd\xb0\x9d;\x1b\x01\xe2\x14\x8e\x1bN'</t>
  </si>
  <si>
    <t>b'\xab\x18\x1e\xf7\xd3\xe9\xc4\x8a\xc6v#\xe6;\x1c\xe1me\xf9\x04\x00&lt;\xfb\x15H-\x0fXw\xc9]\xc4\x1d'</t>
  </si>
  <si>
    <t>Consolidate high interest credit debt</t>
  </si>
  <si>
    <t>b'\xfd\x1f\x8f\xed/Id\x86Z\xf1\xfeF\xe7\xfe\x85\xc5.\x90\x0e\xfa\xe4*\x91\x89\xff\xd0\x11\x08\x15\xd2\x05K'</t>
  </si>
  <si>
    <t>b'\xc5K\x05\xe4\xf15D\xfb\xbef\xb9\xebd\x02\x7f\xe0er\xaa\xbc\xfe\xbak\xb5ve\xa2\xd3?&amp;k\xd0'</t>
  </si>
  <si>
    <t>b"@\xe7\xbc\xc1'\x1a\xd3\xbb\xf1\xaa\x7fK\xb8\xba\xff\xf2\xfcSq\xd91\n\xb5\x1d\x16-mT+ \xa0\xa4"</t>
  </si>
  <si>
    <t>freeme</t>
  </si>
  <si>
    <t>b'\xbe\\\x9a\xcc\xac\x7fM\x95\xd06\x1c^\x03e\x90\x1c\xf1\xe8\x9c\x00\xec\xb8l\xeb\xf6Z\xbe\ry\xcd\xfc\xc0'</t>
  </si>
  <si>
    <t>debtcosolidation</t>
  </si>
  <si>
    <t>b'\x9c\xaa\x1b\x89\xbf(\xbes\x02\xa10\ts\xe3\t\r\x14&gt;\xcf9CP\xba\xe9&amp;o\xff!\xd2j\xa2\x14'</t>
  </si>
  <si>
    <t>b'\xd5\xb5\x93r1\xdf:\xe6\x14\xcfS\xaa\xe6\xa0\x1e\x16I#\x83?\xe5\xc7\xcb9\xedzOY\xa45_\xdb'</t>
  </si>
  <si>
    <t>HELP</t>
  </si>
  <si>
    <t>b'\x14\xe2\xf3{\xaa\xca\xecm\xa9\x84\x15\xc7\xa06\xa0\xc4\xf5\xf4{\x9bQ\xe8&gt;u#\x84\x8b\xcaq=\xfb\xa8'</t>
  </si>
  <si>
    <t>b'vw\xcbX\x8ev\xd2\xaewd\xc8\xb8\xef%\xc6\x0c\xb8\x132k/L\xdb\x01\x08Ym&gt;\rJ\x9aB'</t>
  </si>
  <si>
    <t>b'\xa1~\x07(\xaf?1t\x90.\xd4\xde\x10z\xebj\xd6+\x11\xbb\xa8k\x06F\xdf\xca\x0b\xb9\x99\xe9f\xee'</t>
  </si>
  <si>
    <t>Credit cards consolidation</t>
  </si>
  <si>
    <t>b'\xd4\xbe\xc1q\xa5\x94\x9dF\xec\x01\x19\xc0F\xbcgx\x8a\x94i\xe2\xec\x97\x9c*\x86y\xc8\x8a\x12\x1b\xee\xaf'</t>
  </si>
  <si>
    <t>b'\xdfE\x98\xdc\xe8\xacL\xd0-\x18G\xe5YD\xf9&lt;\xed\x8e\x92\xd2\xaf\xe1\xe4K\xcd\x7f?\xb0\x17H\xd5\xaf'</t>
  </si>
  <si>
    <t>b"c\xcc\x08\x85\x11\x06\x18\xb3\xa6'M\x01\x1b\x11\xc798\xb0\xdc\xdf~-\x98pp\xfd\xa22\x0eg\xae\xf5"</t>
  </si>
  <si>
    <t>b'\xe5\xd8\xc2J\xf3\xb3J\xfc\x81\x07\xf9\x9c\x0f\x14k\xd9\xf9\xa9,\x0f\x0f\xef\x9d/^_S\x127ci\x06'</t>
  </si>
  <si>
    <t>b'\x19+\xbd\x07\xa0\x16\xb7\xf3S\xcd\xf3\x9c\xd455\x193\x98\x0e\xdaB\x03(rp.?\x02\x97\xf9\x01\xd2'</t>
  </si>
  <si>
    <t>Credit card payments</t>
  </si>
  <si>
    <t>b':\xae\x87\x9e\xdbX\xcb\xc6\xc0\xb3G\x122\xf5\xba\xae}\x85|\x83\xff\xd2(;\xb1\x80\x0cp\x11\xa82\xcd'</t>
  </si>
  <si>
    <t>b'\xcew\xd2\xb2\x12tP\xcaX9W\xb7\xabK\t\xd31US&amp;\xf9\xe7L\xc4\x82Xr!u\x8bUk'</t>
  </si>
  <si>
    <t>b'6\xf4m[\xf3\xf0\xd9\x07\xc0PH51r\x1eH\xab{$\x9d\xfaQi@}\x9f\\Y\xee\xd7$\xa7'</t>
  </si>
  <si>
    <t>487xx</t>
  </si>
  <si>
    <t>b'\xad\x80\x90\xa4\x0b\n\xec\xd2\xd1\xec\xae\x7fk\xa4D\x88?\x95\xd9\xf5\\\x9ca\x13\x82L\x0b!\xa5{h\x16'</t>
  </si>
  <si>
    <t>LENDING CLUB</t>
  </si>
  <si>
    <t>b'D\xbe\x87\xe8N7\xce5\x99\xf5\xa2\xf7A\xf8\x8f\xe8(R\xb7#0\x941\x02\x0b\xd5\xdeW\xbf\xca#9'</t>
  </si>
  <si>
    <t>b'\xda\xb22\x0c\xadlx7g\xb2\xe7#\x95\x88\xbc\x06\xf2\x97\x1f\xfe\xd5A0\xaa\x90O\xbd\x87ff]\xcf'</t>
  </si>
  <si>
    <t>b"]\xb1en:''/\x1f(m\x04\x01\xc0\xa1hs\xce\xbf\xa3\xfaXh\xd2\x00p\x87nkF\xd5\x16"</t>
  </si>
  <si>
    <t>b'\xf3Q$\xd1?\xc1V\xfb\xb4\xd0[\x97\xed\x9f\x91\xb9z`(u\x19\x15\x86\xd4url\xdc\xa19\xd7\x9a'</t>
  </si>
  <si>
    <t>b'%z6\x8e\xc6C\xc1\xcd\x1e\xc0\xe0\xb5\r;)c\xffAO\x07\xaf\x88\xe0\t\xcc\x90th\xcet\x86\xc6'</t>
  </si>
  <si>
    <t>No New Debt</t>
  </si>
  <si>
    <t>b'Y1\x83a\x13\x91\r\xb3\xf1\xa5jY\x1aW) i\x0f\x7fiqs\x9c\xe9\x16\x87jWG\xf3?\xc1'</t>
  </si>
  <si>
    <t>Cut Credit Card Debit</t>
  </si>
  <si>
    <t>b'f\xca\xc5\xacT\xba\x98\xfae\xfd@l\xbe\xbb\xa9\xce\xc1\x04\xe8gH\xd0bXo%\xd1\xaaB\x91\xd1Z'</t>
  </si>
  <si>
    <t>Credit Card Help</t>
  </si>
  <si>
    <t>b'\x9fY(3\xee=d\x0f.\xb3v\x00\xc9zI\xd2\xc8\x11U\xea\x80Q\x15\xfav&gt;\xe4\x89\x86\x9a]P'</t>
  </si>
  <si>
    <t>Mercedes Benz</t>
  </si>
  <si>
    <t>b'\xa6\x03\xf8\x80\xe0v\xcd\x0f\xd3r\xfd\x01\xd1\xf6H\xf4\x04M^a\x10\xf5\xc6@\xc8(mjnrS['</t>
  </si>
  <si>
    <t>b's\x0e\xc6\x84!\xf0\x0f$&gt;\xc6\xb3f\xbc\xf1\x11\xacG\xc3\r\xcc@\x9d\x81\x00\x94{\xbd\xe0\xf1\xf4\x93\xf2'</t>
  </si>
  <si>
    <t>b'\xdc{\x13\xf2\xfeMA\xe2Q\xd0\x7f\x88\xb93\x98\xc3\xfa\xd4\xcb0\xa3\x08a\xb6\xb4y\xfb\xd1!\xb0\x87\x08'</t>
  </si>
  <si>
    <t>b'\xb4\xad\xb8\x07\xdb\x02\x9a\xd4\x86\x17\xe7\xf2\xae\xe1\xb3\x07|\xc6\x9e\x17\xbc\x7f?\xcc\x1eTOS\xd3&gt;\x14['</t>
  </si>
  <si>
    <t>b'\xe4wR:\x06y\xd4j!\x0c\x088nr40\x15\x92\xe3m\xd3\xa7Q\xf8\xe7\x7f7\xafiY.y'</t>
  </si>
  <si>
    <t>b'7\xaa\xe4\xe2\x97\xe7v\xa2\xcdO-~\xb2\xd7ZRH\x92T\xc1\xd0\x97\xa0\xe5\x04_:g\xca\xaf\xa2\xab'</t>
  </si>
  <si>
    <t>b'\xc9R\xf7\xe0\xc0\xd98q\xaer\xe1\xb2%N\x03\xb6\x8a\x10:\xbe\x07\xe5W\xa4\xde\x16&lt;\x96\xf7\xe0\xd3\x07'</t>
  </si>
  <si>
    <t>b'\xf4\x0e\xbf\x17\xb3\x97\xdf\xb4y^=%\xa1i\xd3x\x90\xb2)\xdekK\x99\xe5\xa9\xf7\xe17=\xbf7E'</t>
  </si>
  <si>
    <t>biggerhome</t>
  </si>
  <si>
    <t>b'\xff[\xfe\xcd\x82\x84B\xef\xbb\xf4\xfe8\x10\xcb\x1d\xd6g\x01\x88Tz\xa7\xa1.\xb9\xf1!\xdeA)\x89\x18'</t>
  </si>
  <si>
    <t>b'v:Q8\x13^\xa1g?g\xc8\x8b.\xdc\xc5\x94$&lt;6\x12\xd8\x93V0\xe0V\xb7\xb7\x9fA\xdct'</t>
  </si>
  <si>
    <t>b'&gt;\x82\xdf\xe6Ul\xcc-\xef\xf4D\xf6s\x14\xbe\xd8\x80^M:\x87\xe09\xa1\xd4w\xc3\xe9\x95\xc6`\xf2'</t>
  </si>
  <si>
    <t>b'\xbb\x12\xdb\x16-_\xf1;f&amp;\x86\x96:\t\x1f\xd1\x9a\x84\x1a\x12\xa2\n\xd0\x81&amp;6Wy\xf2\xf5\x83\xab'</t>
  </si>
  <si>
    <t>b"\x06\xf6y\xf3\x16!\x9ft\xe4\xaf\x81\xab\x06\xaa\xb0\x04o\xbb\xa4\xa4\x17\xddy\xaf\xad&amp;\x8e'm\x14\x92q"</t>
  </si>
  <si>
    <t>Refinance Loan and Home Improve</t>
  </si>
  <si>
    <t>b'\xfe\xacDp\xfc%#E\x1e\xa1\xd0\xe9\xe1\x0eG#\\\xe3\xd1\xcf\xf0\x1aIHJ\x88}\x83_\xf1\x88\xc8'</t>
  </si>
  <si>
    <t>Need alittle help</t>
  </si>
  <si>
    <t>b'\xdb_Xe4\xd5!\xaf\xb7\x91(\xb9\x01\t\x1f\xe6(\x1a\xa0Dc\xd6I\x07d\xb2?\xa3\xab\xfe\xde&lt;'</t>
  </si>
  <si>
    <t>b'\xde0\xc0\x9du\xb3\x9c\x82\x12\xf8\x94\x82\xcfvU{\x8a\xc3\x82w\xb8\x0f\x87X\x91\x9b\x98z\xb4\x9fK\xd8'</t>
  </si>
  <si>
    <t>b'\x1c\xf4\xa1\x16\xe5\x0f@n+\x15O\xc5\x80\xef.\xe5a\x92\x1c\x84\xe29myT\x94\x19\xcab\x16\xebP'</t>
  </si>
  <si>
    <t>b'\xc0J]\xa5\xaa\xdb\xd8l\xf3\xb1\xfbO}\x1f\x95#o\xb1\xd2\xeev\xa2\xe8]&amp;\xe7$D+\x1c\x04L'</t>
  </si>
  <si>
    <t>b'\xda\xebRaS\x18v\xafSpwu_L\xd7\xd3\xea\x08XC\xab05\xcd\xd5\xbb\x8d\xef\xf5\xbeT\x94'</t>
  </si>
  <si>
    <t xml:space="preserve"> credit card loans</t>
  </si>
  <si>
    <t>b'f\xb45\xa0\xc3y\xbf\xa6\x04\x08\xe4\xad\xc0q\x99\xe8\xba\x0eX \xce6\xaf\xd9\x1aj\xaf\r\xdf\x0b\xca+'</t>
  </si>
  <si>
    <t>b'\xd7H|y\x9b\xa9\xa7\x07d\xaa\x81\n\xba\x9e\xb1\x85\xe9\xfcb%\xa8?\xf2n#\xba \xa3d\xd3\xc0e'</t>
  </si>
  <si>
    <t>b'\\\xe3\xd0\x7fo)Q\x00\x11\x03T;i\xf6U\xa9\xf6@e\x05\x88J\xd3\xd6AVs\xd7\xaf\xfc\xf0\xc7'</t>
  </si>
  <si>
    <t>b'\xea\xee\x124LQ\xb0\xd7F\x95\x1a\xe3\xdfZ6\x07\x1f\x8b\xe0\x9a\xeeeo\xdf4\xe5\xee\x90\x16\x18yv'</t>
  </si>
  <si>
    <t>getting ahead</t>
  </si>
  <si>
    <t>b':\x0f,\nH\x1c\xc5\x9aoPX\x8cw\xcam\x19T\xe1\x13\xe4`\xb5(\xeaU\x058\x81\x80Oj"'</t>
  </si>
  <si>
    <t>b't\xb3\xfe\x10\xb0o\x0108IC\x99t\xae\xb7\x1e.&lt;`\x1a\x91Ed\xb0\xee\x9b&lt;\xd2\xc4\xad\xda5'</t>
  </si>
  <si>
    <t>b"\x13\x07\xe2\xdf\x18.d\\6?\xbb'\x90\xc8\x97z\x0f\xb2H]\t;\x9a\x8aj7_\xfd\xfb\xe9\tv"</t>
  </si>
  <si>
    <t>b'\xf3.^(V\xed\x8f;e\x92\xb2\x90\xa8o&amp;H\xc4\xea\x05\x99\xd3\xdea\x98\xd4&lt;O\x1a\x1d\x8a]a'</t>
  </si>
  <si>
    <t>Get Beyond the Credit Cards</t>
  </si>
  <si>
    <t>884xx</t>
  </si>
  <si>
    <t>b'\x1a\xcd\xea\xc98:\x15\x10\xcc,\x91\xb7\xbb\xd0nx\xf5m\xdb+\x1bW\xe1\xf2\xe0\x82\xe3zmP\xfc\x87'</t>
  </si>
  <si>
    <t>b'K\xe8\xc8\x1b\x13\x8c\xa0\xa0"\x85\xd5-\xc2\x0c\x0e+\xf75\x87\xa3\xcc\xf0D\xb4\xb4\xa6P\xf6:JR\x8d'</t>
  </si>
  <si>
    <t>b'\xdd-\xee\x11\xaa\xf9\xfd\xaf\x00?\xba\x1c\xbf\xd8\xdd\x89tkm\x8e\xac\x9e\x910\xc5\x8d\xa9k\x91\xfb\x0eQ'</t>
  </si>
  <si>
    <t>Debtconsolidation2013</t>
  </si>
  <si>
    <t>b'\x8d7\x10\xb6\x98\xd5.\xd26\xb9\x8cI8c\x9e\n\xf5\\\xa2\xc5\xa2\n\x95\xc2H\x946Q?q\x13\xf9'</t>
  </si>
  <si>
    <t>b'\x89j\xa9T\xd2\xcf\xbc\x81\xe9\xda\xbf\xc3~\x89\x12\xcb\xbc\x12u\x8eDV\x1ff\xe7)\x8br{o\xe8\xb4'</t>
  </si>
  <si>
    <t>b'dA\xaca\x9dr\x08\xeaa\xe5RO]\xfd\xaa\x92\x9f~\x9c\xb4m\x14AN\xdd\x89G|\xaa\x08f\xb4'</t>
  </si>
  <si>
    <t>Can Do</t>
  </si>
  <si>
    <t>b'J\xab\xf2\xbf\xc0\x82d]1\x8c!\xf0\xeeiS\xe6\xe8\xa5\x7fB\xa5l\x8b\xaf\xd1\xdah\xdb%x#\xd5'</t>
  </si>
  <si>
    <t>Consolidation of credit cards</t>
  </si>
  <si>
    <t>b'\xaf\xd6\xc8OI\x12;\x9f\xca\xdd\xf3^V\x1c\xb0\x9f\xacJ\x1e\x86\xc6\xa4T\xea\xed\xf2/\x0ezhs '</t>
  </si>
  <si>
    <t>High Yield Investment Deal</t>
  </si>
  <si>
    <t>b'\xc6w\xa8\xf5\xc2\xf2N\x9e\xf6\xa0\xea\xfd\x1b\xae\x01rc\x9dZ\xa4\xcd\xe2)\xc5z;\n@\xfc\xa4\xa0?'</t>
  </si>
  <si>
    <t>b'/\xc0\xce9\x92\x80F\xccl\xeb\xe0Q\xd9\xed\xaf\xf8lI\x06\xf4\xb7\xfc\x02~\x85\x9b\x8b$2\xa2v4'</t>
  </si>
  <si>
    <t>the bridge to freedom forever</t>
  </si>
  <si>
    <t>b'\xfd6\xd60N\x9ec;t\x97(\xbed\x9f{\x19\xf6g\xda"~\x1f\x89\x0b\x93\xe2\x9215\x08\xb2\x85'</t>
  </si>
  <si>
    <t>b'\xa2\xa78\x1e\xc9u\xbb\xb5\n\xdc\x00T\xc2lE\xf9M\x91\xc5\x04G\xcf\x9dY\x0c\xa0\xe9\xc94W,k'</t>
  </si>
  <si>
    <t>CC Payback</t>
  </si>
  <si>
    <t>b'\x8a\xd2\r4\xbc`x;\xff$\xb3i\x9b]S&gt;\xb3\xe7\x8bw$\xa5\xf9\xec\xc7\xb0\x18\x9e\xeeD\xf9\xb7'</t>
  </si>
  <si>
    <t>this loan for me</t>
  </si>
  <si>
    <t>b'8T\xa4\xccP4\x0e\x96\x15Q|\xfb\x92y7!\x01OZ\xe2\x85\xbd\xd0\xf2\x8b\xa2\xa1\xab\x8e\x822]'</t>
  </si>
  <si>
    <t>Card Payoff</t>
  </si>
  <si>
    <t>b'o\x00_\x1apV\xd2(\xbe\xf5(\x8d\n\xe0\xd3\xa5^\xda\x7f\x02l\xeb\xccUh\x92\x8c\x03!\x1a\xcf\xb9'</t>
  </si>
  <si>
    <t>Finish bonus room and basement</t>
  </si>
  <si>
    <t>b"y\x89\xddSs5$\x833\x89\xee\r\xd8L\xb5\xff\xb5\xd93\xc87\xfd'V_q\xa6\x8b\x07\xd0\xe9\x89"</t>
  </si>
  <si>
    <t>b'?\'\x18\xc6F\xd6\xca\tG\xa1\xf5"\n\xd1Rc9\xdc\xb4w\xb5\x82^\x08\xcf\xe7\xec|\xe18Q\x0c'</t>
  </si>
  <si>
    <t>b'\xac\xcd\xf3\xd7\xad\xf9\xb9\xf7\xd8\xafe+\x00\x1f|\xad\xa8\x85\x8b\t\xbd\xc3\x19\x17\x81]`\x9d.t\xbd\xa3'</t>
  </si>
  <si>
    <t>lifesaver</t>
  </si>
  <si>
    <t>b'\x85\xceh\n\xa8\x0bA@PEc\x93\xbb\x19\xc77\x10\x88\x96\x88\x8c\xcb\x94\x18\xa2\xb6\xcc\x90\x87%\x14R'</t>
  </si>
  <si>
    <t>b']\xa1C\xfc\xda\x7f\xc6P)\xc6v\x8c\xa4\x886:\x81i~\xa0\xfad\xfa;p7\xebO\x8drX\xec'</t>
  </si>
  <si>
    <t>Back on Track!</t>
  </si>
  <si>
    <t>b'\x8a\xcd\x1b\x9fu\xcdR\xc6\x08&lt;\x80\xf9\xa8\xc2\xde\x13\xda\xf6\xfe6\xe9v4\x86qH\xd3\x18.\xc7@I'</t>
  </si>
  <si>
    <t>b'\x18\x999\xb0\xab\x0e\xd2\xaf\x80q#\x82=eG"D\xc8a\xe3~`\xcdgZd(\x94d\x87\xf2s'</t>
  </si>
  <si>
    <t>Killing high interest cards</t>
  </si>
  <si>
    <t>b'\xd5\\\xb6\x9f\x13\x03\xe17\xda\xd3\x89\xba\xf8\xb2\xa6v\xb8\xb1Y{i\x8d(L}\xbd\xe6\x19\x07\n"\xe4'</t>
  </si>
  <si>
    <t>b'\x99\x1eR\xcb\x83\xe6\x86c\xd8)\xb1\xd3\x1e?\xde\x9a\xca\xff1\x8d}t&amp;\xe7\xde\xb6\xcc\xf4(\r\xe9F'</t>
  </si>
  <si>
    <t>Financial Reboot</t>
  </si>
  <si>
    <t>b'\\\xe4+\xa1\xbb\x0c\xd9\n\xe0\x89sf\xb9\xd9\xfb?U\xb0\xaa\x1c\xb2;\x0e\x06\x8f$\xe0k\x9e\xba\x7f\x8f'</t>
  </si>
  <si>
    <t>b'p\xd3\x1e\xb6\x9e\xfe*Y\xd2\xa6\xc7\x0e\xd2\x87\xa8\xa7\x84\xdc\x8c_\x94\xdaAQwNv\x88\xbft\xde\xc7'</t>
  </si>
  <si>
    <t>Payoff Debt</t>
  </si>
  <si>
    <t>b'\x9blc\x94\xae\xa9(dH19\xf3&gt;\x97\xbf\nW\xf9\x19\x7f\xf2\xb7F\xf6\xe6\xe6\x98\x14?~\x9b\x1a'</t>
  </si>
  <si>
    <t>b'\xb1&gt;\xc5\xf8\x85r=\xefr*\xce\xb1\xec\x9c\x02\xc0\x12k|\x7fR\xe9cs\xbd0\r\xa4\xd6\xcb\x85U'</t>
  </si>
  <si>
    <t>Revise Loan APR</t>
  </si>
  <si>
    <t>b'\x0c6\xb1_\xfa\xa9\x7f{\xea\x17\t@W\xd3\x9bU(\xb5\x7f\xed\xd8\xe0,&amp;\x0e\xec\x90\xec1\x8d\x1a\x83'</t>
  </si>
  <si>
    <t>Loan Consolication</t>
  </si>
  <si>
    <t>b'3\x90\xd3\x0f\xb2\t\xa3;\x18s\x1bR\x8a\xdcM.\x1d\x94_P\xc7]\xd5\x83\xceI\xa7\xc6s\xf3Y\xbf'</t>
  </si>
  <si>
    <t>b'\xc6\xdc\xd6\xcd\x85N\n\xa3\x8e\xab\n\xf8\xfdh\xfco\xfa\xd1\xdd\xde&gt;\xeffo\x17\xb8!p^*C\x08'</t>
  </si>
  <si>
    <t>b'3\x91F\\4\xbf\xfcQ\xea5\xbe&amp;~)w\xc2\x00z5n\\\x93Z5I\x17\xf6\xcf\x81\x10\x84\xa5'</t>
  </si>
  <si>
    <t>Short-Term Loan for Engagement Ring</t>
  </si>
  <si>
    <t>b'\xd9\xd2\xa3\xe9\xf6\xfa\xa2k\xa1\x01Q8^B\xe00&amp;\xd8\x11\xbeQ\x86B&lt;&lt;\xf4\xbb\xa3M\r\xdd\xfd'</t>
  </si>
  <si>
    <t>b":G\x0f\\%'\x80V\xff\xd8\x0e\xc8=\xb8\x83\x94\x10\xef\xa2\xf4\r\xae1\xac\xd3t\xa1s\x03A\xf2f"</t>
  </si>
  <si>
    <t>b'\x06\x9d\x0f\xf3\xc5o\xdb\x8asL|\xb1\xd3[\x10\r[s\xee\x1c\x92I\xde\x1f@\xbc\x0b\x05\xfc@O='</t>
  </si>
  <si>
    <t>credit cards be gone!</t>
  </si>
  <si>
    <t>b"\xe4\x80zQ\xb4\xe9?\x08\xf6\xc4{\xcd\x7f\x81\xa0$ \x05\x05\xb7\xb6\x0e/+)I\xd5&gt;\xf6'\x0em"</t>
  </si>
  <si>
    <t>b'$\t\xe1\x99\xbb\xf5\x12\x06\xc0+\xe1\x98\xeb\x1e?\x17r\xe4\x1dZ\x14 \xc4\xb7+\xe6\xce\xd7\xcb\x98G\xc4'</t>
  </si>
  <si>
    <t xml:space="preserve">Equipment Finance Cost </t>
  </si>
  <si>
    <t>b"\xc9\xaf\x93\x08\xae^\xc5\xe4\xb0\xb9\xb1\xab\x11\xef\x82\xf4:y3\xe7\x86\xb1\xd1'\xed\x9e\x8e\x0c\xf3\xc7my"</t>
  </si>
  <si>
    <t>b'\xea\x00abn\xc7"X\x8a\x8b\x9a\xf2\r;9I\xaf\xf3\xbb\xd6\x06\x83Y\r\xa0xv\x80J\xab\x14Z'</t>
  </si>
  <si>
    <t>b'\xaf\xbd\xf0\xd8\xa9+xk&amp;i\xe0\x0b\xbeV\tBf\xa0F\xcc\x94s0\xa2\x1d\xb1\xd40b$\x02\xb3'</t>
  </si>
  <si>
    <t>b'}\x98\xa6\xe4\x1dk\x11s\x07\\Y\xf5}\xfa`\x02\xf0\xc9I9\x0b\xd4\x0c\xb8\xb2c\xa4\xc1\xc8\x8b({'</t>
  </si>
  <si>
    <t>b'+9\xef\x97\x9d6\xf2\xe9\xb2\x85\xc8\x0c\x9ap\x9b\xe9)\xc0B\xa1\xfa$/&lt;G\xe4\x96\xe8}\xeef\xa7'</t>
  </si>
  <si>
    <t>payoff cards</t>
  </si>
  <si>
    <t>b'\xabMu\xf6\xc3u\xdf\xc0y\xb7\x07\x82G7\xc9&lt;+\x90\xde\xfe0\xf6\xaaM?\xda\x95+59\xcf\xf4'</t>
  </si>
  <si>
    <t>476xx</t>
  </si>
  <si>
    <t>b'!y\x0f\x8cJ\x0f\n\xccmy\x12y\xd3;\xa8\xb2uj\x99\x14\xcc\x8f\xf4\x8f\xa0\xf8-*\xd71JK'</t>
  </si>
  <si>
    <t>b'Y(5q\x88\x8f\xa5\xce\xd0%\xd0\x1ea2\xea\xdcP\xeb\xbd\x8c1+\xcb"\xcaV\xe67\xd8\xab\x18\xe4'</t>
  </si>
  <si>
    <t>b'\xa6M/\x17J\x1as$\x81\x14d\xccE\x86\xec\x8e\x94\x91\xa7\x92\xeaA\xa4g\r\xa2\xc0\xca&amp;\x9a\x0c\xb3'</t>
  </si>
  <si>
    <t>b'w\x987\xe3t\xe1\xf5\xde\x1cN\xae\xeb\xc9c\xaf\xb5\x18EtN\xa9\xb44\x9bs\x99\x18\x9b\x17\xbet\xb8'</t>
  </si>
  <si>
    <t>b'\xd4\xbe\x98\x03_5\x1d\x7f\xa9\xbc\x84\xf5\xe4\xc4T\xff%\xa9\xceXW\x9b\xde\xe5jy\xe9\xe8\xd9P\xa5\x9e'</t>
  </si>
  <si>
    <t>payoffbills</t>
  </si>
  <si>
    <t>b'$[c\x1d\xb5\x98\xe6U\x07\xf4\xbfu\xbf"\x96\x0b\x9dw\xc5\xd6#\xe9\xf4\x81r\x10\x97Z\x11\x181&gt;'</t>
  </si>
  <si>
    <t>b"\xd0\x838\x99H\xd7\x18\xae\x0b\x19'0&lt;\xf2'\x98\xd0\xce\xee\x16z\x87\x86\xc1\xe8\xc6R\xdb8D\xcb\xa9"</t>
  </si>
  <si>
    <t>b"3\x98`\x8a\x1d\x86'\xc4\xaf\x04.\x06\x85\xb4\xdc\xbb\xa32\xbb^\xf6\x8f7\x0c\x190+\xfa\x81t\xd0\xc9"</t>
  </si>
  <si>
    <t>b'QU\xdf\xca?2+o\xa9T\xc8^i\xc7\x1a\xd4\xcd\xe5d+\xb6m\xber\xb5\xd2\x1e\xe0\x90\xef\x9e&lt;'</t>
  </si>
  <si>
    <t>b'S\xf4\xfe&gt;\xeeM\xa2z\xf6\\q\xf1_\xe4\xcf\xcc\xc1e\x13\x11\x93E\xc5h\x10lG\xf0/\xae\x8b\xbc'</t>
  </si>
  <si>
    <t>b'\x9c\xe9\xfdT\xff7\xec\xc1!\xa4\x8f\xd3\xfb\x84\x814\xa7\x14\x88j\xd3\x0f\xe6\xc6\x84\x92\xe8H\xb9\xa4\x12t'</t>
  </si>
  <si>
    <t>b'\x98"\x94v\x10_\xc5\x95d\xb6\x17\x98\xc7\x1c\xe2\x1a\xb6\xa6\xefc\x1a\xa7m\xa9\x93\xc6\\2\x9b/+\xe6'</t>
  </si>
  <si>
    <t>AllCardRefi</t>
  </si>
  <si>
    <t>b'\t\xa9j\xb5\xfd\x90\xc8\xb1\xee\x02\xb7|\xce\x91\xf0v\x91~\x85\xab\x0f\xca\x11\xbd\xb2C2\x1d\xd5\xd8\xe2\xb8'</t>
  </si>
  <si>
    <t>b'\xdc\xf4\xe8\xcfy\xcc\x85\x16\xaby\xe5J\xbaP\x90\xd8k\xc3{\xa3\x81\xcd\x01i\xa1\x04=z\xd7Wr\\'</t>
  </si>
  <si>
    <t>b'A\x88\xba\xf8_\xb6\x96~\xbd{\xa6}?\x85tN,\xb6\xe2\xc5FM\x90\xff{\xeaO\x12\xb9\xa4k)'</t>
  </si>
  <si>
    <t>b'\x84\xc0\xf3\x9a\xc2\xc0\xe8\xb7\xa1\x0bo\xd8C \x8e2\x0e\xed\xbfG\xe6\xf7\xcd\xbbL\x9eS\x85 \x93u\xcf'</t>
  </si>
  <si>
    <t>Debtfree2016</t>
  </si>
  <si>
    <t>b'\x82\xf3~(\xbd+\x19t&lt;\x8a\xee\xe2\xee\xc5\xe4i\x00\xcf\x1a\xa3P;\x7f\xe6:\xaaV\xa0\xf0E9\x06'</t>
  </si>
  <si>
    <t>b'/\xe6T&amp;\xd3\xefl\x11\xf8JH\x17C\xa9\xc22\x016=\xa3\xb7\x08\x9b\xa2:\xae\xfb\x08\x1a\x8fX\xba'</t>
  </si>
  <si>
    <t>784xx</t>
  </si>
  <si>
    <t>b'E\xb2\xbe\xe3\xae@5\xa81\xe0\x8b\xe7\x87a\xect\xca7\x9e\xe5\x0f\xdf2\xd5/\x9d\xe4\xb3b^\\\xf9'</t>
  </si>
  <si>
    <t>b'1\x9e\xd2\xb5#a\xe7FDI\x8f{\xa9\xfd\x12\xb6\x9as\x1atqx\xeb\x1a&amp;\x97\xe3\xc7\x9c\xf6\x1f\xc7'</t>
  </si>
  <si>
    <t>b'\xc5\xd8\x9em@\xb9"\xe05\x05\x19Y\x13\xe0l-\xcaH\x86\x80\x8a~sD\xfc\x8b]}\x85\x1f\xf1\x87'</t>
  </si>
  <si>
    <t>b'\xea\\\xe53\xd1fiS\xc1\xac`\xcf(\xed\x8d\x16=\x92\xfe7\xd9\xc8\xd08f\xd6\xe0\xd4)C\x11\x9b'</t>
  </si>
  <si>
    <t>b'*\x10\x19\x91\xcc\xc5\x89\x88\xcb\n\xe4\x1b\xbe\xaa\x96%7k\xf0\x8e\xaap\x81\xb4ku\x9c\x0b\xb5\xd7`\xd0'</t>
  </si>
  <si>
    <t xml:space="preserve">Emergency fix. </t>
  </si>
  <si>
    <t>b'\x17?\xabv5\xc5\xf8\x82,f\n\xeb\x98\xec5\xe4~\x8cd\x9eX\xac\x0eG\xbb\xe3\xc5\x89\xb0\xf5?\x8a'</t>
  </si>
  <si>
    <t>b'\xe0W\xbf\x1fgz&gt;+Q\xec5E_\xa9\x0b?\xaaU\x1d\xac\xdd\x1c\xbb\xd67\xcd\xd9&gt;\xb0\xcbZP'</t>
  </si>
  <si>
    <t>b"\x17j\xf1|N(p\x14\x19~&lt;\x01\nO\x1f\x17A\xe2\x81\xec8\x18\xc4%\xb1W'\x95\xddU\x8eK"</t>
  </si>
  <si>
    <t>b'Feb\x9443\x9e@(l\xfau\xd5\xe6\x9f\xc8\xf4\x11#w\x14\x02)G\xe4([`L\x05\xc0\xba'</t>
  </si>
  <si>
    <t>Medical expense</t>
  </si>
  <si>
    <t>b'\xe0\x07\x13\x91\x8e\x08\x9a B\xcb\xf5\xea\xb4\xc4\x86\x17p\xa8&lt;\x87\xa5\xbb\xfb\xae\r\xd2\xde\x1ak\xfbg\n'</t>
  </si>
  <si>
    <t>Credit Card Freedom</t>
  </si>
  <si>
    <t>b'\x1c\xe9\n&amp;u\xc2H\xd1\x88\x12.o\xf8\xdf\x0fJ\xe06\xe2O\xd2^\xe1\x15f$\x93\xe6\x19\x17\xca\x99'</t>
  </si>
  <si>
    <t>b'\x89\x86\xd9L\x01\xc4X\xf1Y\xcc\x82\x8a\xe8\xa1\xfd\n#\xc1\x8a\x96Q\x80\x10X\n-;\xe7/h\xaaE'</t>
  </si>
  <si>
    <t>b'TW[\r\xfa\x1c\x87\x10\xf1\x9e\x8d\xfa\xd1\xd7 \x85\x1f7\x8c\x89W)\xed\x11\xf4\\\x8a_\x0c\xe4\xcd\xcd'</t>
  </si>
  <si>
    <t>b'iR\xbaY q\xd8\x04\x00 \xc7Y\x8a\xb3\x9bf\x1c\xae\xb0m\x80\xb86\xe3f\xb6\x11\xd2Sw\xad\x9d'</t>
  </si>
  <si>
    <t>b'\xcbB9\x10I\x1d\xbd\xadmATc2W0\xfc.}%\xe7"\x9a\xe1\x05\xe5Y]\t\xff\xb6\r}'</t>
  </si>
  <si>
    <t>b'\x8e&gt;\xfe\xff\x0fc[\x85M\xa8\xd0@\xfd\xf6\xf8\xc4\xd3$\xa9\x1dS\x7f\xc2u\xd2\xfb\x982\r\xf2KI'</t>
  </si>
  <si>
    <t>b'\x10\x8f\xa5\x1c\n\xdeC\xc0\xf8\xb1\x9a\x81}\x0c\xe8[\n\x16\xe7\xfb\xc2\x89lY"\xc1\x9b\x82y\xc3K\xa0'</t>
  </si>
  <si>
    <t>b'.d\x0e\x1f\xe8\xbd\x11n\x82&lt;*WQ&lt;\xfd`\xbd3\x83\xf5*z\xa0\\\x02\x10\x8aG\x13\xd2\xd2\xa6'</t>
  </si>
  <si>
    <t>b'\xeb\xe5\xef\x95s\x1a\xb6\xd4\x87aY:\x1cU\xcdU\x8f\x98)\xa8P`\xd3&gt;\xabt\xaf\xbbR|\xfeS'</t>
  </si>
  <si>
    <t>b'\x03=\x191\x9d\xa0)\xfcgX\xa0\xcfk\xccg\xdb\xb4\xf3\x01-\x04\xc9\xef#;\xc8j\xe8\xe6)7\x93'</t>
  </si>
  <si>
    <t>b"\xdeH\x95\xe9\x06\xd5\xa2\xb9z\x99\x94\t\x81[-\x8f\xe5\x19~o\x17'6\xb1\x02\xd9\xf7J\xc7cB\xaf"</t>
  </si>
  <si>
    <t>b'\xff\xba1\xc1\xa8\x05\xc0\xb2q\x13g^\xf9voL^\xc1A\x94\x18\xbf\xa7\x18F\xcdl\xf5\xdf\x9a\xb3\xa0'</t>
  </si>
  <si>
    <t>b'\xe6\xab\xb3]\xc1X\x1c\x18\xddX\x9f\xaa!\xdd\xf1B\xd3j\xa1\xb8\xff\xe5\xceC\x04\xfe\xc7\xdf\xd9h\xe1Q'</t>
  </si>
  <si>
    <t>b'5d \x02\xb7\x80&amp;=E\x90\xca\x9d\x91\x9f\x8e\xfe\xc3)=Pa\xd2\x07{ \xc5&lt;\xa9\x96\xc9[k'</t>
  </si>
  <si>
    <t>Relief Loan</t>
  </si>
  <si>
    <t>b'\xef\xc8\xbf\x86\xd1W1\xe2\x1d\xbe\xd3\x1b\xaeq!\x8a\r\x8c\xe3\xe8\xf2N\xae\xa9\xf6j\xff\xa6\xb5j\x8f\xb1'</t>
  </si>
  <si>
    <t>getoutfromunder</t>
  </si>
  <si>
    <t>b'\x1f\xd8\xaa\xaf\x12\xb5%\x07\x07\x94vZ\xde&lt;\\?\x93\x95\xb4\xb4\\\xcf\xbb\x99\x96\xcc\xde4\xf4Z\xe2['</t>
  </si>
  <si>
    <t>b'\x96\xee\xa9\x99X\xcd\xe0&amp;V\x12\xf4\r\x05\xbe\x7ffX\x801\xf2\x99r\xa3Jv\x08\xeb\xda\xf2\x98|\xf5'</t>
  </si>
  <si>
    <t>b'\x98AM\xa3\xa9\x18e\xae\x18\xeb\xef\xeb\xff\xcb\x05\x87\x80\x0c\x06\xba\xbd\xa6VJ\x8eIbC%\xe8\xe3\xf7'</t>
  </si>
  <si>
    <t>b'\xd1\x18=Ka\xb0\x8a\xe6\xbe\xcf|\x0fD{\n\xa3\xee\xcb\x98\x02\r\xb2\xa9\x13\xc7\xca\xf9zz\x16\xe6\\'</t>
  </si>
  <si>
    <t>b'\xc3p\xc0\xa6\x10\xee\x1c\x87\x1b&gt;\xfc\xdc\x12p{\xea\x8de\x7f\xec\xc7\xf9\xde\\J\x8a\x7fw\xcd\xa1\x1cY'</t>
  </si>
  <si>
    <t>Debt free in three</t>
  </si>
  <si>
    <t>b'\x0b\x81\x8a/N \xb5#\xb9g^\xc8p\x04~\x12n$G\xe9\xc6\xebZj\xd1J\x9e\r\xe1&amp;\xa0o'</t>
  </si>
  <si>
    <t>finance freedom</t>
  </si>
  <si>
    <t>b'\x9c\xa4\x99\xfe\x12\xf1YZf\xea\x9a\xd0+&lt;&amp;\xac\xf6\xc8\x1b4\x83\x83\x1a\xe7zvVR\n\x808\x8a'</t>
  </si>
  <si>
    <t>lending club freedom loan</t>
  </si>
  <si>
    <t>b'68":a\x9d\x93\x91\xa4\xf9\x7f\x03\xf7\x1c\x82\x8cd\te\x15\xcd\xa0\xd5\x02\xd2$6@\xa7\x94\xe2\xd7'</t>
  </si>
  <si>
    <t>b'\x1e1,M\xfb\r\xf6\xd5\xd6{\x83\xce\xe8\xa5\xc4\x7f\xc3\xaa\xdc(zo\x1d\xfa\x1a\x93\xa2\x99\x9b(]Y'</t>
  </si>
  <si>
    <t>b'\xaa\x83\xc3\xc4\xa7\xb3Y\xd2\x1b\x1d\xbcH\xad\x8c4\x91\xad&amp;\xdf\x84VP_fyi\x97\x0bT\t\x12p'</t>
  </si>
  <si>
    <t>Business Changes</t>
  </si>
  <si>
    <t>b'\xd9\x0b\xadY\xa5\xf3\xf3\x85zp\xb4\xa1\x81]f\xc40\xb9F\xaaO\\\x16\xcd\xcb\x10\xa6&amp;z\x18u\x9a'</t>
  </si>
  <si>
    <t>Car expense/credit card debt</t>
  </si>
  <si>
    <t>b'!{\xbc[\xbaI\xc6\x04\xc6\xaa\xae\xfe_\xca\xdb\xf6\n\x81\xdf\x89\xa7%z\xe6\x1b\x1b\xd2\x88\x19B\xccZ'</t>
  </si>
  <si>
    <t>b'P\x8f/6\x17z\r\xdf8\x94\x83-0_\x99\xfdz\x8f0B\xcfT\x075*\xbf\xb3\x12\xd5hM\xa6'</t>
  </si>
  <si>
    <t>b'\x0c\xc6\x9a\xf1I\x93\x9c\x84/A\x02\xd1\x05\x8b1\x86.0\x07\xeb(g/\xfb\xe5\xb2\xd8#|\x12\x9e\\'</t>
  </si>
  <si>
    <t>b'l\xcc[\xfcm\xc9\x9a d\x976_\x9a?\xdc\xdfM%\xd0\x83^\x92\x95\xf1\x1a\xca\xc6\x9aQ\xc6\x83\xba'</t>
  </si>
  <si>
    <t>b'BDot\x935\x06\x8f;\x9fwM3\xb8\xac%\x19\x08\x9d\x1b7\x0fr\xc3H3\xeba\x9a\r\x7f\x95'</t>
  </si>
  <si>
    <t>consolidating for a reduced rate</t>
  </si>
  <si>
    <t>b'\xc1z\x8d\xf6\xc7\xea\xf6\x84\x1a&gt;\x0b\xf4\x98\xb0\xca\xaf\xf7\xeb\x08\x8e\t@&amp;_bu\x15H\xdf\xda\xfe\xa9'</t>
  </si>
  <si>
    <t>159xx</t>
  </si>
  <si>
    <t>b'a\xfdk#k\xbe2\xf9\xbc\xdb\xfe\xa3\x95\xf0N\x1a\x89\x10\x9f\x95\x9d\x99\x19\x89i\x1d\x8a\xe6QH$\x0c'</t>
  </si>
  <si>
    <t>Credit Card Payment</t>
  </si>
  <si>
    <t>b'c\x9d\x1d\x85\x07o\xab\xbc\xb1CgA\x8dMg\x9f\xb0\xe2\xac\x16\xd5\xfe?:\x02=\xcbP\xf1\xfd\xe2\xca'</t>
  </si>
  <si>
    <t>b'\x9f\xee\x02\xbee!0\xf9\xf6\x8a\xda\xacE\x07\xaf\x11,\xbcU"\x927mD\xbb(\xb36G\x9dUa'</t>
  </si>
  <si>
    <t>One Time Loan to Pay Off My Credit Cards</t>
  </si>
  <si>
    <t>b'\xec\x19\x83\x95\xbaL\xed\x05\xaf=a9\xc1\x8a\xbe\xb1\xbe\xa0F@\xa5\xfd\xf6\xcf\x86U.\x8a\xb8E\x92\t'</t>
  </si>
  <si>
    <t>CREDIT PAYMENT</t>
  </si>
  <si>
    <t>b'\x1eE#\x96Ji\xf4H\xf1HW\x18\xb1\xe5\x97M\xb9y\xac\xd6\x1d=\x11I1\x9e[dO7\x0f@'</t>
  </si>
  <si>
    <t>b'yr\xb2!\xfc\xbf\x1c\x9e&lt;rJ\xe6\xfb\x9c\x9c\xc3\x10\xbcsy\xae\xac\\\xd8\x1f&lt;\x15\x91un\xd86'</t>
  </si>
  <si>
    <t>b'Q\xc9\xd8\xfb\xf6n.\x89\xa2nd PC|.+\xfew7\xc0MLd0-\x94\xcd\x0e\xb9;J'</t>
  </si>
  <si>
    <t>credit payoff</t>
  </si>
  <si>
    <t>260xx</t>
  </si>
  <si>
    <t>b'7\xde\xfcwY9g\xc8\xd3:\x16\x8b\xcb\xefi]\x18l\xd9G\xbb\xcd\xf6\x8e9\x19\xa0f#\x86i\x1b'</t>
  </si>
  <si>
    <t>b"\xcb\xe8\xc0\xe9\xa9rf\xf0\xce\xea'\xf1Q\\\xec\xde\xe4\xa1\xb4\x88!\x8b\x1eTU\x1d\x97w\x15\xff\x9f\xc0"</t>
  </si>
  <si>
    <t>b'kGs\x15\xd2;v\x0b\xf5e\x8a\xc5c\xac\x0e\x81{\x10\xfa\xf5\xd4\x1a\xb1\xe0%\xb9#\xe3e\xa9\x12\x91'</t>
  </si>
  <si>
    <t>b'\xcd\xd1"X \xb2\x9a\xbe\xcc\x17]\xe1\x82\xaf\x11\xd8$\xfe\xe4\xe9d\xe2(\xaa\x05n\xed5\x86\xdej\x12'</t>
  </si>
  <si>
    <t>P2p Loanconsolidation</t>
  </si>
  <si>
    <t>b'f\xbf-\xf9\x127\xf8\xa4L\xa9\x08A\xe3\xb6\xc2\xd4\x86\xf4\xbd\x13\x8d\xf9\xa8\xe4@1\xe2C\xdc\x88W\x07'</t>
  </si>
  <si>
    <t>b'\xee\xf6;5?7\xc8\x96\xc1W\x9bQ"\xbf:\xfc\x90\x7f\xa1$\x99\xfch`}\xc3v"\xc0\x97Ho'</t>
  </si>
  <si>
    <t>b'\xf3\xf8*\x91\x0b\xc9}g.\x94Y\xcf\xdf8\x11p .\xa6\x9b\x1f\\HC\x16dg\xa3\x1aZ|\xd9'</t>
  </si>
  <si>
    <t>b"\xc3\x11\xdd\x95Vb\xe3'6\xea\x0efUv\xae5[`\xe2\x89\x9cL\xe3\x9e\x06\xa4\xea\xc8\x88H\xbe\xb2"</t>
  </si>
  <si>
    <t>b'&amp;_}c\xd7ZE!6\xf1\x13\xaes\xc6\xad\xd4\x18\x87\x01w\x9b\x14o\x9c1\x8d\xc3x\xe4,\xa4\n'</t>
  </si>
  <si>
    <t>b'LI\xf2\x88\xff\xb2MY\x95b$uhd;\x13\xa9\xce\xb6[\x0e\xa0d\xd1\x95\xd4WTrWD\x82'</t>
  </si>
  <si>
    <t xml:space="preserve">The Consolidation </t>
  </si>
  <si>
    <t>b'\x91\xc8[r\x00\xcdPT-\xae8m/\x89\xc0\xaf\xab\xb4\xc2\x1fvR\xf1-\xa6\x00\x18\xa0\x1e(\xd4+'</t>
  </si>
  <si>
    <t>b'\xaf\xc5\x1b:\xe6\xd88\x92\xd2\xff\xf1\xff\x142\x01z"\xa7\xf9`3\xcb\xad|&gt;\xbb\x0e\x1c\x99\xb87m'</t>
  </si>
  <si>
    <t>572xx</t>
  </si>
  <si>
    <t>b'U\xe1\x8b\xd9\x19\xe8=\xb3P\xff\xe9 \xb7Y\xa7\xf4\x85\xf0\xe7sg\x15\xc8\xf4J\x10s\xbb\xee\xcfww'</t>
  </si>
  <si>
    <t>b'\xe5]\x07\xab(c\xad\xce\x17\x1a\xe9IQ*\xab\xc0\xbaA\x02\x899`\t"\x05\xbeY\xd5\x9b\x8d\x15x'</t>
  </si>
  <si>
    <t>b'.-\xdf\x93$\xf2\xd5\xa8b\xe7\x98\x9dg\x15\xef\xc1\x19a6%\x05\x99\xf0\x89\x84\xb2Z\x87\x94\x84M\x14'</t>
  </si>
  <si>
    <t>b'&lt;\xd1Iuj\x86\x8d\x7fv\x1b\xd4\x82\xe0W\x0b@\xa9D\x94\x93\xaa\xae\x12{O\xcfn&lt;\x00;\xc4n'</t>
  </si>
  <si>
    <t>b'\xecM\xaa\xb6\x869\x16X\xcb\xcfc\xe0S\xbd|z\x9f9C:\xae\x06\x93\xcd\xa1\xb1R\xee\xa8\x8e\x1bX'</t>
  </si>
  <si>
    <t>b'ki\x8b\x8d\x85\xe2:e\x1dT\x9b\x0fA,\xd7\x90U\x83j\xd2w&amp;\x01X\x9c\xbc\xd1N\xe1WW%'</t>
  </si>
  <si>
    <t>b'\x94U\x05\xe3$:\xa4\xae\xc9|X\xad\x83\x9fU$vG\xeb\x83\xcb\x1b}p\xc3\xf0"\r\x85\x12\xf8\x0c'</t>
  </si>
  <si>
    <t>b'\xe7}3\xa5o\xca\xa2/\xa2\x99\x12\x8e\x8d0I6s\x00\x19!\xda&amp;a\xbd\xa14\xf9\x92\x1aO\xc3\xf0'</t>
  </si>
  <si>
    <t>CREDIT CARD REFI</t>
  </si>
  <si>
    <t>b'\x9b\xf1%\xa4N\xfb$&amp;_\x1cb\x7fg\xc8n1\xebDz{\xd9\x8d\xe4\xb0\xe6\xa5\x88y\xa7\xe1I6'</t>
  </si>
  <si>
    <t>b"\xd3!\xd6\xc7\xbf*'\x98\xe6\xdc\x1a\x92Q\xa4\xff\xc1\xe8u#{c/\xdc,`@\x18\x82G\xec\x9d\xa2"</t>
  </si>
  <si>
    <t>b'\x90\x9f2\x19\x8c\xb2\x07\xf4\xe4\xa3l\xfdd\xef\x0f\xf9\xabs\xba\xc7\xeeS\xd1\xa4)\xd8c\xe3\xa0?q\x8f'</t>
  </si>
  <si>
    <t>b'\xfb\xf3\xe4\xb9\xd0\xcdG\x82\xf6\xd1\xd2\x94\x85\x11QF\xda/\x96s\xc6\x02{\xcc\xb5\xd03;\xa1E\xc6\xc1'</t>
  </si>
  <si>
    <t>b'\xd6&lt;\x8fBm\x02\x02\xca\x9a\xfe\xba\x870jByR\xa0\xce\\NJP#\x07\x9a-z\xe4J\x05\xf7'</t>
  </si>
  <si>
    <t>Credit Card Consoldation</t>
  </si>
  <si>
    <t>b'\xe8\xbcp^\xb8\x91\xe6\xbc\xfcPw\xda,\x19Cj\xdf&gt;:\x96\x13\x07\x1e\xd3\xc7N\xb9\xe3\xb8\x8eP\xab'</t>
  </si>
  <si>
    <t>b'\x17\x103\xf2\x12B(\x92\xccI\xff\x80+\xb4\x9b&lt;\xa3V\xf6k2\x90\nxZ07\xc0\x10|\xf8\xce'</t>
  </si>
  <si>
    <t>b'Z\x86P\xfc\xb2\x18Zd\nY\x9cW\x1a\x95\xa7\x04\x13N\xf2\x81F\xa9hVq\xfc\xf4\x07\x1c\x0be\xfd'</t>
  </si>
  <si>
    <t>worry free monthly bill payment</t>
  </si>
  <si>
    <t>b'\xfb\xa9w\t\xaf\xe2\xee6\xc3\xf7\x7f\xd5j\xed\xaa\x83\xa5\x1c\x80a\xcb%\x8e\xe1\x9a\xda\xbe\x0c+_A\xc8'</t>
  </si>
  <si>
    <t>b'\xf9\xb4k\x1d\xd5\xb9\xb3~\xd6x\x866\x0f\xc2\x1a\xe2\xe9\x89+\xfd\x06#X\xea\x0c\xa4+\xf1\xae\xf4&lt;X'</t>
  </si>
  <si>
    <t>b'\x1a0^\x0b\xb7\xefy\xa4\xf4\xc0\xf3{\x02fI\xa8m\xc6\xf7\xb1\x1c\x9e\xb7q\xffY\x10\x114\x0c\xe3\xf8'</t>
  </si>
  <si>
    <t>b'\xfbk-\x08\x90D\x93/u\xe9Ajo{\xc22\x9e\xa1\xbe\x89\xa9\x02\tA\xdbYm\xbc\x9a\x87\xec\x94'</t>
  </si>
  <si>
    <t>HOME SWEET HOME</t>
  </si>
  <si>
    <t>b'\xdc\xb7\xc3\xbd\xe3\x1a2Dc\xaa\xeb\n\xb5#%\xc0\xf4\xd5(\x90\x14_"\x1dQ[\xa37\x90\xc6\xd0\xca'</t>
  </si>
  <si>
    <t>PAY OFF</t>
  </si>
  <si>
    <t>b'(\xa29\r\xe3\xc9\xdb\xc3w\x05\xb9\x14o\x13%6\xbaq\xa2&lt;\x90&lt;\xea\xb0\x80\x04G\xb6\xbcR\x93X'</t>
  </si>
  <si>
    <t>Investment Property</t>
  </si>
  <si>
    <t>b'kx\xdc\xde\x16{bX\x99\xb5\x94\xa8:\x0f\xbf\xed\xe7T7\xc0p\xc589\x83&lt;\x96\x91\xb0\xb4\xc5\xfb'</t>
  </si>
  <si>
    <t>b'\x88\xfd~\x87Q\xd4\x86~\xa6\x85\x10\xb7\xd09H1t\x8aU\xb9$\x15\x86\x82V\xadt%v@\x08\xce'</t>
  </si>
  <si>
    <t xml:space="preserve">Debit </t>
  </si>
  <si>
    <t>b"&lt;\x1f\x1e\x13s\xc7f\xc5tF_^\xa8q\xf3-\xee\x97{c0'\xffB\xae\x18U\x8c\x94\xee$\x0f"</t>
  </si>
  <si>
    <t>b'\xcb\xe0~\xa3\xe5\x1c\x1b\xf5\xdf\xe5\xacA&lt;\\\x14s\x94E^c\xfc\xc5\xb1CQ\xf9\x82\xd2Y\xa2\xca\x88'</t>
  </si>
  <si>
    <t>b'`\x19o\x11y\xc9ZF\x1c\xcfP\x10\x9f\x9b\x9fCZ]\xa5D!.\xf2\xa5\x8f\xbd\x85:\x87\x8d\xdd\xc0'</t>
  </si>
  <si>
    <t>2013 Repay</t>
  </si>
  <si>
    <t>b'\xab\xe7\xdf\xf6\xddw\xd1~qf\xb0j\xf3\xa68t7\xe6|\x95\xe5N\xb8\x92\xe1\xfa\x96\xb13-\xf1K'</t>
  </si>
  <si>
    <t>b'\xe0\xdc\x83\xb2\xe4\xce\xea!\xd8\x0f\x8b\x12=\xe2\x9a\xe5tM\x81\xc0\x9e"\x07\x96\x97t@\x1f&lt;[\xb4\x7f'</t>
  </si>
  <si>
    <t>b'\x87\xe7\xf4\xef\xf1\xf2J\x0e?\x98t&gt;\xd6\xcd\xc9U\xc1WM\xaa\xac\xae\xed\x06\xa4\x1a\xb3N\x98i\xd7\xcc'</t>
  </si>
  <si>
    <t>Pay off Credit Cards and Personal Loans</t>
  </si>
  <si>
    <t>b'\x9dH\xb2\xc8\xfd\x84x\x02\x7f\xa4\x0cK^3\xb5\xffj\xc9\x14\x95=\x05\xd8\xaf~\x89\x8d+\xc5\x85\xa4\xa9'</t>
  </si>
  <si>
    <t>b'Z}Q\x9b\xd8\xe9f{j\xd0#vm\xf7_.\x7f\xa8M\xab!8\x9d\xd0\x8b_\x95\x9eG\x08c\xba'</t>
  </si>
  <si>
    <t>football</t>
  </si>
  <si>
    <t>b'\x05\xcd\x10\xccg\x08\xe6\x00\xa7AO\x82l\xcd\xc4\xd0\x9a\xd1\xd1\x9f\x88~/\x86\xe0(\xc9fde\xf2\xd9'</t>
  </si>
  <si>
    <t>b"\x9c'\xcf\x88\xe8\xf7\x92\x08\x8e\\~*\xbapE\x03\xcex\xe0\xfc\x8e\xafO\x0b\xac\xc5b\x939ET\x82"</t>
  </si>
  <si>
    <t>b'q\x96U\xe7As\x89\xcb\x95\x91\xf68YO\xa6a\xdf\xd9\xdb\x17P\xf9\xcd\xf3\xfb,.Tk\xb78w'</t>
  </si>
  <si>
    <t>b'\xab\x97\t\xbc\x9b\xa4\xb2\x89W\xa5[\xc4\x8c{\xf9}Y\x8b&amp;\x10\x94\x87\xa8\x1f\xda\xf9\xb5\x82\x9b3\xef\xda'</t>
  </si>
  <si>
    <t>Home improvements &amp; Landscaping</t>
  </si>
  <si>
    <t>b'\xa4\xf2\xc8!z+E\xed\xde\x05?)J\xa1\x14\x83\x0b\x04\xd9,\x7fZ\x9f\xf8\xa9]\x97\x06H\xfdx\n'</t>
  </si>
  <si>
    <t>b"\x1f.\xd9\xc3S\tY\xa2SP[\x9d\xa5\xe7\x1e\xfb\xdf\xdd8\xb4GJ\xb7o\xc8'o\xfa\x02i\x0f\xb4"</t>
  </si>
  <si>
    <t>b"\x0fzt[\xfbU\x1c[\x10\x9f\xde\xf6\xbb\x8d\xf4'X*\xa0J\xe0\xff\xc0\x15|\x1bB\xfe\xe5F\x80\xa3"</t>
  </si>
  <si>
    <t>b'G\x9f\xd6\xbe\xb0/\x82H\x7fu\xe3\x1f\x042\xfa\xc3&amp;\xc0\xbd\xea\xab\x1d\xb8&gt;\x1f\xcfgm\x90\x89\x0cf'</t>
  </si>
  <si>
    <t>2012 Finance</t>
  </si>
  <si>
    <t>b'~E\x8a\x92}t\xb6\x11&gt;\xdc\xf3 J\xd2\x9d\xc8w\xc2h\xb1\xbe\x85n\xd4L\xaaQ\xca\xdbo\x1e\x0c'</t>
  </si>
  <si>
    <t>b'\xe4\r\xc3\x15E\xf0\xa5\x1f\x95\xfe\xf3\x7f\x12F\x1e\x96\x94\xf9vPN\x86u\x0c\xa8o0\x86\x9b\xcb\xc5\xc9'</t>
  </si>
  <si>
    <t>b'\xcb\xf9\xe7u\x97I\xa7\x18\xec"T\x14\xdf\xd5\xa2\xc7Ois\xc7|Y^4\x80\x03\x95\x11g[\x00 '</t>
  </si>
  <si>
    <t>b"\xc4\x13V\x87o7\x91\x87\xd0\xe7\x88\xc8'\xf5\xbd$\xf8\xe85\x83\xfaD\xf3y\xd7*?1#\xa300"</t>
  </si>
  <si>
    <t>b'\x0c\xf0\xf1\xe3\x94\xaf\x95\x00\xab\xa01\\&amp;\xc0S\x99b\xa9\x90S\x84~\x1f\xcb\xe6\xed\x88\xb9\xd3S\x82\xbe'</t>
  </si>
  <si>
    <t>b'\xe4"#\xf6\x81\xea&amp;Z\xb0\xd5Y\xc6\x88\xcd\xa1u/\xd5\x1d\xca\x11@\x87\xe1\x01\xa6n\x95q$JO'</t>
  </si>
  <si>
    <t>b"=z\xfff\x90\xce\xd9C\xb89\x12e\xd9o\x8d'\x0cv\x13\xc8\xb8IZz\xdbR\xdb\xe1\t\\\x13\xf4"</t>
  </si>
  <si>
    <t>b'1\xf0\xf4N\x10y\xb0\x9ae9\xc7k\x08oAg8\xba^\xcf\xf7\n\x7f\xebf\xd5\x90n\xed\x9a@t'</t>
  </si>
  <si>
    <t>711xx</t>
  </si>
  <si>
    <t>b'\xd5\x1c\x1a\xea\x16\xa2\xb5$5\xee\xd1\xa3\x88\xb5\x9c5\xa6\xcd`n\xf3o\x1b\xd3{D\r\xe0\x8c\xbf\x1d\x11'</t>
  </si>
  <si>
    <t>b'\x12\xe9VJ\x1d\xc4\x0b\t\x1d-\x08M\xf3\xfb\x8b\x1b\x95m\xefo\x95\x1a\xc1O\xac\xb7\x9cW\xe1\xdc\x80\x98'</t>
  </si>
  <si>
    <t>credit card pay-off</t>
  </si>
  <si>
    <t>b's\x19LN?e\xe4\\\xc8s\x0f\x18\x88\xd1\xb2\x10\xe1\xa3\xcbEq\xa4_\x0b=h\xc1bc\xcc\xf8M'</t>
  </si>
  <si>
    <t>b'\xdb\xa1KJ\xde\xd0\x86T,\x06v\xfai\xa3\xc5D\x0e\xfc~O\xb2BA\x9f\xd6Y\xe7n\xed\x90\xf5\xde'</t>
  </si>
  <si>
    <t>Debt Consolidation for Credit Card Bills</t>
  </si>
  <si>
    <t>b'w\xf2\xa8\x88&gt;\xad\n\xd3;\xe7Mr\xf0\xa9PB\x17\x11\x1b\xbe\x19\xd4\xd8w\x08\x07!\xfd/A\xe4?'</t>
  </si>
  <si>
    <t>b'\xd6\tx\xf7\x05,\xa9\xbe\xe5\xb5%\x9b\x8f\xa3\xe5(\x8a\x06=4c\xc4\xd9\xad\xf6B[\xdc\x04\x9c{\xc3'</t>
  </si>
  <si>
    <t>b',N\xe8\xde_V\xb4\xf4K@N\xb8\xe9\x96=~\x87d\x8f\xf7\xa0\xbb\xa5\xa5\xed$\xf7d\xa1\x0e\x93g'</t>
  </si>
  <si>
    <t>b'\xaf\xb3\xeb\xdf\xa1\xd2(\xd5uO7\x01\x17\xd6\x1f\x05\x8f\xd0\xafk\x13\xeb\xe1w\xdbcM\x90+\x97xS'</t>
  </si>
  <si>
    <t>Debt Consolidation/CC Pay-Off</t>
  </si>
  <si>
    <t>b'a\xd9\x9b[\xd4I\xfb\xb5\r\x10\xa4h_\x97\x807\xd3^\xc7\xb0\xc8\x89@\xe1\n\xc7\xdd\xb9\x9f\xbe\xf2\xf9'</t>
  </si>
  <si>
    <t>b'i\x0b\x0f\xa7\xcdU69\xeb}\xaf1\xa8\x1f\x1c\xb9\xc6\xddA\xb2\x82\x12\x96\x0b\x83\xad"\xc0\xf2\x8d3]'</t>
  </si>
  <si>
    <t>b'\x81\xfa\x144`\x9d\t\xb7\x94\xbf\x99\xa5\xca;\x1bk&gt;\x12\x19\xaa0xt\x026p\xf9J\xe7O\x91\x9a'</t>
  </si>
  <si>
    <t>b';R\x15\x97\xb4T\xa2!\x08\xff\xa5\x18hc\x87\x81k\x96\xcc\xd6(\xee\x0e\x93\xcd\x12j2\x13\x89\xec\xa0'</t>
  </si>
  <si>
    <t>b'\x03\xfcb:\x14\xef\x02\xe7\xb2\xf5\xef\xfc\x9c,\xa1\xf7\x18\xe1\xacx-B]!E\xd4\x1b,\xf3\xad:p'</t>
  </si>
  <si>
    <t>b'\xa5\xcck\x9a&lt;\x07\x85\xe5\x14\xcbW\xc2\xac\xdb\xc8\x8c:\xad\xb0\xc0Z4\xb4\x02\x12\xceAp\n\xda\xab\x89'</t>
  </si>
  <si>
    <t xml:space="preserve">  legal loan</t>
  </si>
  <si>
    <t>b'b\xf5\xbd\xd8\xb3\t2\x9d\xd2d\xdb\xb7\xf0\xfa#\x00\xca7\x881\nC\xbf^\x1aGx6ZI6\xb7'</t>
  </si>
  <si>
    <t>b'\x89u6\xd7d$\xd2\xa7\x93\x8f74\xe2\xb1\xc5c\xf2\\z5\xc1D\x0c\xf7a_O\xa4ao\xd7\x01'</t>
  </si>
  <si>
    <t>b'CX\xa2f\x87\xa6A\x08\xae\x85\xc7b\xcc\xea\x19K\xd5\x98&gt;{o)\xed\xdamy\x80\x10\x06\xe7\xbeV'</t>
  </si>
  <si>
    <t>b"\xbe%I7dF\xa2;\xcd\xa6\xf4\xf5\xef9J1\n\x9f'\xa3/\xa2\xd0\xd5v\x08'\x02\xd6\xe4\x1f\xd2"</t>
  </si>
  <si>
    <t xml:space="preserve">Debt free/ one easy payment </t>
  </si>
  <si>
    <t>b'd\xd1P\x8aJ7\xc8_\r\x05\x07\xbc%ut\xdc\xb2\x867a&amp;\xa14\xb7\xd2,(H6\xcd\x88W'</t>
  </si>
  <si>
    <t>b'\xd3\x9b\x0fT\xcdf]Y\\\x06^_v\x7f\x01\xf1\x90\x03H\xbf\xa2\x15%\xe8\xaf\x9fs\xa8\xb5\xf3\xedt'</t>
  </si>
  <si>
    <t>b'#\xf4\xce\x050\xe0\xc4{\xe2\xae\x1c\xe9qs\xb0\xfa\x05d@\x1ci\xbe\xca\xcf\xddi\xf2\x80k/+.'</t>
  </si>
  <si>
    <t>Just Started a New Business venture</t>
  </si>
  <si>
    <t>b'\xa4\x91\xfe\x8e@\xdf&gt;h\xaf\x8b\x06\t\xfc\x0cl~\x17D{v\x1f\xceC\x0e\xdb\xabj\x81\x04\n&lt;\x14'</t>
  </si>
  <si>
    <t>b"\xa5po\x07\xf0\xc5\xed\x9a\x83w\x84p\x8d\xef,\x84h+'-\xec\xfe\xcf\n\xbck\xf4UJU\xf9\x99"</t>
  </si>
  <si>
    <t>b'Hs\xb2\xefyA\x0b\x1d\xba\xbch\x08\xfb\xe8\xbeL\x1d\xdf\x98s\xa6\x84\x0e\xc5\xcf\xe7\xf0~\xc1-&amp;G'</t>
  </si>
  <si>
    <t>b"Z\x81\xb7\xb3\xa3\xb0\xe13X\xd7\xd7\x7fTn\x94X\xfd\\\x1e\x8a'}D$O\xd3Ep9\xaa\x0b\xde"</t>
  </si>
  <si>
    <t>ccpayoff</t>
  </si>
  <si>
    <t>b'\xd9\x8f\xf8#\x07C}\xc1M\xe5y\x1b\xa7p\x038\xfepn\xcc)\x03m:\xb3\x18^&lt;I\xca \xc4'</t>
  </si>
  <si>
    <t>debt squash</t>
  </si>
  <si>
    <t>b'v\xd5B\x0e\x11\xaf\xe9\x15XU\x876"|\x81\x03]\xaa\x84\x84#\x1c\x05\xb4\xebX\x88\n\xfa\xc2\xc9\xb9'</t>
  </si>
  <si>
    <t>b'\xe9\x18+\x98R\x92\xb7\x8d\x19\xeb\x8d`{\xfa\xf0 \x94\x1d\xe4dVb\xfd\xdc\xee\xdc\xe5\xb9l\x89\xa9O'</t>
  </si>
  <si>
    <t>Second Chance</t>
  </si>
  <si>
    <t>b'\xe0z\xcb{\xe7B\xd4\x87$\x07\xcbIe\xf9+\x93\xf9\xba\x17\xe8\x17\xc9\xec\xdbL\x0c\xcf\xd7\xe6\xc3n\xf9'</t>
  </si>
  <si>
    <t>New Consolidation</t>
  </si>
  <si>
    <t>b'\x94\xbcN*V\xf0\xbc\xd4\xe6\xd4\x91x\x84\xef*\x0f\xfe\xbf\x9a\xf2d\xf5P\xda\xb6\x97\xd8.\xe1\x10\xeeY'</t>
  </si>
  <si>
    <t>b'&gt;\x91\xae\xfb\xa0\xbe\xdeQpJ\x99r"\xda\xeb\x06GZNE\x99e\x8d^\x86#\xa90\xd9\xd1\xfb\x94'</t>
  </si>
  <si>
    <t>b'\x99\xc2M\xcf\xfeNyh\xb6{\xccD|j\x0c\xf5@\x8b\x98\xe8y)\x88\x9bh\xbc\xf9:\xe3r\xa5\x8a'</t>
  </si>
  <si>
    <t>2013 RANGER</t>
  </si>
  <si>
    <t>b'"g\xe8\x8e\n\xc7K\x9f\xd8\x8a\\**\x15\xfb\x94\x7f\x1c\xeb%\x01\xb3\xa9YW\xc9\x7fk\xf2h\xce '</t>
  </si>
  <si>
    <t>b'U\xc0"O\xc0\xbc\xbb\x1c\xfe1\x92\xd6\xcfWZ\x94;\x86`\xa4x\x93\xf7\xae\'a\xe4Z\xfd\x85Q\xf9'</t>
  </si>
  <si>
    <t>b'\x11\x16\xde\xab\xd6\xe6\x04\x08#\xbbm\xe5\x9a\xe8\x17\x9c[\xf4vH=\xc4\xe1V\xbc\x0b\x88H\xd0}:\xe8'</t>
  </si>
  <si>
    <t>New Roof and Debt Consolidation</t>
  </si>
  <si>
    <t>b'\x14\xf3\x8ak\xccQ\xac\xcaO\xe0\xbcE`\xae\x08\xb7\xf6\xf8\xc1\x1c\xd3\xaa\x9e\x02\xcf^\xd2\xa8\x01\xe16&lt;'</t>
  </si>
  <si>
    <t>b'|\x9d}\xbaT+\x8f\xf4\xa6$\xb0\x86[!\xfd\xa8\xe5\xe3}\xee\xc9\xd3\nX\x1c\t\x80\x03)\x10\xa9\x8f'</t>
  </si>
  <si>
    <t>Debt Refi</t>
  </si>
  <si>
    <t>b'1\xd8\x18\x9c\xfd\xfcF\xf1\x14\xb3w\xb5\x8dI\xab\x96\xf7\xc8\xcc\xc9\x01!\x9d\x03z\x0c\xf2\\9*;w'</t>
  </si>
  <si>
    <t>b'\xfc\xda1\xe9\t\xe9c\x8c\xa0t\x7f\x15\xed\x05\x1b\x8b\x86\xf2\x97!\xa0\xd9\x0c\xd6\x8b+\x987\x8a\x91\xe1\x87'</t>
  </si>
  <si>
    <t>b'\xb7;\xd7x1G\xc2gt\xed\xab\rM\xae\x9b\x84d@\x15!\xe0\xe9\xb5&lt;2\x15\xa0\x80\xc7\xeb_C'</t>
  </si>
  <si>
    <t>b'hq\xa6\xb1dw\x97$r\x1a\x08\x14\x80\xbd\x1a\xa6+8s\x81\x9c\xe6\x17\x82\xc7\xff\x10\xfd\xe3=C\xc1'</t>
  </si>
  <si>
    <t>Credit card free</t>
  </si>
  <si>
    <t>b'\x97\xf4\xaaN\x9f\xf7\xcbS*\xe4\xd3\xd6\xf4\xd90\xba\x07gR\xb8;\xaf\x1f\x0f\x91B\xc4\x0c\x06$\xc0\xba'</t>
  </si>
  <si>
    <t>b'\xea\x8a1\xb5-m\x06\x11K#\x87\x02\x1a\xd6\xf9\xad\xe9\x0c\xd8\xf8\x9fR\x8a!G\xd6\xe4\x03Ow(['</t>
  </si>
  <si>
    <t>b'Qq\xbb\xbeN\x92\x18L4.\xe6\x10\xcf\xec\x1d\xb2\xf3\x80*\x95\xd2P\xea\xc6(\x05\xaa\xbc\xa6\x1c]\xe7'</t>
  </si>
  <si>
    <t>b'\xc4\xcd\xc9\xc3\xf2\x0b\\\xf6\xb3\xae\xffz\t\xef\x96@\xcd\xa3\xe3 \xf6|\xbf\xe1\x04\x05{*\x05\xd4I\xd3'</t>
  </si>
  <si>
    <t>b'\xbf\xf1\x9c\x1a\x0e=\x96\x95\x7fV\xc8\x89\xed\x16\xcc\xad\xd2\xd9WI\xcf\xb9\x19\xe4\t\x8ccr\xf7d\xeb\xe9'</t>
  </si>
  <si>
    <t>Debt consolidation and payoff</t>
  </si>
  <si>
    <t>b'M\xcc\xc4\xaf\xe9\xeaf\xe9\x8e\xa8u\x04\xc4!\xd1\xbc\xa9\x8f\x95\xb8s\x8e\x81LM\x85-\xf3\x1b*KI'</t>
  </si>
  <si>
    <t>b'\x87\x8407\x85D\x9e\x9bK\xa6\tCLt=\xc5\xc0?(\x0f\xa6\xffF\x12\xb6N\x04\xce\xe4\xcc\xb6\x11'</t>
  </si>
  <si>
    <t>b"\x89w\x8bU\xe8\xcb\x89db\x8e\xf3.*\x85\x19f\x877?\xec\x82A\x1e\x13\x9dA@\x11\x8e'\x07_"</t>
  </si>
  <si>
    <t>b'\xde~\xbf\x17I\xcd\x16\x9bDC\xe0\x17\x9a\x17\xb7J,\x93\x0fU\xcc\xf7\x9eB\x90\x80Y\xdc\xd4\xf1\xe9\x18'</t>
  </si>
  <si>
    <t>b'TA\xa4|S\r\x83\xf1uM\xc4g\xae\x1cDT\x1bv\xc9k\x14\xb3\xe0\xb2[6\x1f\xae\xf6e_\xee'</t>
  </si>
  <si>
    <t>Onebill</t>
  </si>
  <si>
    <t>b'\x01\xad\xe6!J\x95\xf3\x95\xd0\xee\t6t\x1f\x9eL*B=0A\xdc\x12\x9a\xc5\xc1\x10#\x0e#\xe6\xad'</t>
  </si>
  <si>
    <t>Consolidate to Lower Rate</t>
  </si>
  <si>
    <t>b"o\xa0+|'J\x0bt!\x89\xc3g\x91pe\xc6\xfc\xf4\xa6\x96\xd6\x16\xd1\x08E\xa5\xec#\xc9U\x15\x08"</t>
  </si>
  <si>
    <t>All Debt Consolidation</t>
  </si>
  <si>
    <t>b'L\xa9\xbd\x8f\x9f \t\xd9\xc9\x18\xf0\xd7\xc7C\x10\xcdI\x80\x96\xbe*\x12l&lt;l!\xd5\x04\xfdtz\x0f'</t>
  </si>
  <si>
    <t>b'q-\xe7\x83=\x08\x0e3\x1b\xae\x9d\xfa\xce\x9cjdR\xd1N\xc2\xcfy\xa7\x8d|\xa8\xa7\xc3\x8a\x8ap\xea'</t>
  </si>
  <si>
    <t>b'\xa5\xb2r\x1e\x0b~\xa2\x93\x9d3\xdd\xa3\xefZKU\xc72oe\xe1\xc7=d\xc2*\x0fC\x17\xf3k}'</t>
  </si>
  <si>
    <t>237xx</t>
  </si>
  <si>
    <t>b"\x13\x11\x97ty\xad\x85\xaeD\xd7X?\xa6\xf2\x08,b\xda\xfe\x1cr\x9b\xc7^\xe5!'\xf2\x99\xc4A;"</t>
  </si>
  <si>
    <t>b'\xa4\x9d\xf0\xd8 \x87+\r\xe98\x1a\xd0\x0c\x9a\x05@\xef_h\xda\x13\x0e\xc0\xc1\x87\xe4F\xd0\x9a\xc8&amp;\xd4'</t>
  </si>
  <si>
    <t>b'\x927\xfc9\xb7[na\xe4\xc1\xa4\xbf\xde\n\r\xf1\xad\xa7\xd5H[\x14\xe0\x01D\x13B\x9e\xa0I\xe3\xa3'</t>
  </si>
  <si>
    <t>Remove old debt</t>
  </si>
  <si>
    <t>b'\xcd!\xb12\xd2&gt;+$\xc0!\xc2\xa6vt\xa0v-\xa7A\x81\xf3\xb41\xf4d~\x8ex\xc0\x0b\xb0\xfe'</t>
  </si>
  <si>
    <t>b'\xff\xe9M\x1b\xb3J\x88\xc9\xc0\xe7\xbf~\xe8_\r\xd5\xd7\xdcW\xc9\x93\x9a\x02\xde=I\xd9\xf2\x8c\x1a\xe86'</t>
  </si>
  <si>
    <t>b"\x196\x9f\xf61ezq\xd0\x11Zp5\r\xb7\xcfA\xd7\x05&gt;\xfcV\x8f\x03N';vAx\xa3\xe4"</t>
  </si>
  <si>
    <t>b"\x1f'\xf0\xf4\xe7\xf7\x00\xd2[8\xf6\x9e\xc6\xb2\xa3ua\x96Xw\xb8M\xa7\xe9*\xb6\xe0\xb6,\x98\xe1\x12"</t>
  </si>
  <si>
    <t>b"f\x84U\x10\xd6\x85\xd8\x8a\xb4\xf7!\xac\xa1!'#\x81;n%\\$\xbd$\xb4\xed\xd2\x9a\xbe?)\xfe"</t>
  </si>
  <si>
    <t>b'\xaf8\xc1\xf4\xee$\xec\xcb\x03\xa7jy\xcc\xa0Z\x04r8\x89o[\x94\xe5\xdb\x1fa\xf1{\xeaf\x03\xd2'</t>
  </si>
  <si>
    <t>b'\xe7n%f\x8bNq\x01\x1d\x0c\xfa\xab\n\xbd\xb9\xcc\x88:\xf5\x9a\xf5\xb4f4\xe2|G\x8a\x1e\xa94\xc5'</t>
  </si>
  <si>
    <t>b'\xa6\xaa\x8c\xe0\xca\xa3l\xa2\x0b\x19\xea/I\xbd\xdb\x9a\xa1\xa8E\x96?\x93o\xc6\xdd\xd8U\xb4\xf8\x00s}'</t>
  </si>
  <si>
    <t>citicard payoff loan</t>
  </si>
  <si>
    <t>b'"\x80\x83\xb4G\xb2\xa3m_\xd9\xa9\' \x86\xfa\x00ZU\xb0\x04\x10&lt;\xacM\xb8#8W\x96\x99\xe0\xeb'</t>
  </si>
  <si>
    <t>b'\xb5%UO\n\xa1\x0eVC&lt;db=\xc4\x90\xb9\xd4G\x1c\t\x8e\x99\xc6\x7f\xbc\x9dV=v5\x04\x81'</t>
  </si>
  <si>
    <t>b'^K\xc1\x9dQ^C\xfb\xc6#\xfc7\x14\x1b\xf9\xf7\x820\xd3N\x9b\xf9\xb5\x99\x18E\xe0\xd5d\x96m\x1f'</t>
  </si>
  <si>
    <t>b'A\xe1\x1cu\x0cZ+~\xd3\x18~\x9f\xbdN\x99"\xecs=7\xb3\xe2\xf4\xe7y\xear\xa1D-\xac\xa9'</t>
  </si>
  <si>
    <t>b'\xa1W$\xcc\xe7\x00\x1a.4m\xe1\xfd\x13\xb0\x13\x19T=\x84v\x98\x8d\x1c\nt\xea\x1c\xa2*P\x1c\xb9'</t>
  </si>
  <si>
    <t>b'g\x87\x8eLp\x85\x97F\xe5\x02_V\xf3P{c`{G\xda\xba-\xe7\xd9\xaf\xa4\x87K\x13\x83=s'</t>
  </si>
  <si>
    <t>b'\xc0\x05\xee\xe7\xbb\x1a6V\x0ek%pDo\xbf\xedH\xdd\xd2sq\xf9\xfe\xec\xc2e\xd5\x7f;\x1d\x18\xa3'</t>
  </si>
  <si>
    <t>b'\xcb7\xad\xc0\t\xfc\xf8\x02\x87\xf1\x1f)\xf6\xf8\xa4g\x87\xd7\xe9\xe1E\x1d\x9dO\xf7\xbc2\xb2\x17$\x0ec'</t>
  </si>
  <si>
    <t>b'\x8f\xbbv\xae\xd2\x7f\x80}\x87\xc6u\xf50N}\xc2\xa87&gt;\xe9\x9eY\x98[\x1d\x0b(\xc2\x9bZ\xeaG'</t>
  </si>
  <si>
    <t>b'RAUWmJ\x12\xbe\xa5F\xd9\xdf\x1cu\xb4\xb3\xf9l\xd6\xff)w\xe5!T&lt;!J/\xdc\xdc\x1b'</t>
  </si>
  <si>
    <t>b'\xb8iL\xe5\xbd\x11\x8c~\xc7\xba&lt;\x85-E\xe7j6F\xac!?\x82\xca\x16\x01K\x8a\x08\xf7\xb0\xe1\x82'</t>
  </si>
  <si>
    <t>Stop Paying Interest Credit Card Company</t>
  </si>
  <si>
    <t>b'\xba\xd3j\xb7\x0f\x98\x9b\x83N\x983\xb0)\xf8\x0b\xdek\xa3\xa6\x81X\x98\x0c}9\x17\xadz\x1c\xbc\x905'</t>
  </si>
  <si>
    <t>b'G1}T\x06\x9b\xa85\x17w\x80\x12\xc8a_\x1eA\xd8\xe2\x974\x99\xcd\x17\xba\x03\xc3\x92g$\xe8\xd0'</t>
  </si>
  <si>
    <t>b's\xd9\x8bq\xd5\x97\xa7\x84\xa97\x1a\xf2F#\xf4\xda\xec-\x92:\xfc\xfb,\xddR\xc4\xeb}\xaa\x9b-\x87'</t>
  </si>
  <si>
    <t>b'\xcb\xe2)\xaa\x0e\xb8\x0b\xc2\xb8\xc0\xbd\xb9\xd6\x08\xe1\xb50|\xba\xd9\xe3\xac.$.\x1c\xe6`\xd9\xb3\xf2\x0f'</t>
  </si>
  <si>
    <t>b'=H\xd9\xdc\x85\x96\x92\x82v\x1f\xc2\x08*\xa1\x1fzl\x98\xde\xa9\xa63\x19\xbb\xd2\xa7c\x8aA\x80\n\xf7'</t>
  </si>
  <si>
    <t>b'9UW\xfc\x83h-\xbf\x9d\xeb\x842\xe6\x97?\xab\xaag`\xe5\xfc\xd7\xba\xdc\x9c\xc0\xc8\x87\xe6\xff\xb4\xe9'</t>
  </si>
  <si>
    <t>b'%0[\xe8\r\xb2\x8fq\xa7\t\xbfNb\x92C\x87c\xf32\xc32\x8e9\x87/\xed\x18\x05o\xf0\x9f\xb9'</t>
  </si>
  <si>
    <t>b'H\x7fJ=\x03\xd6kA\x12\xf9!$\xa4+\x0bI\x1a\xccr\xe1c\x15\x8f\xddtcz\xde+54&gt;'</t>
  </si>
  <si>
    <t>b'i\xb2\xb8\xe9\xdc\xf2\xa7\xe5Bd\x023e\x1fJm2x\xa6\xf8eG\x90\x83\xd0 \xef\xa8\x05\x8aH\x1d'</t>
  </si>
  <si>
    <t>b'\x8b\xd5a\xd7\xedv\xaf\x90\x1f\x93|2\xe1\xc3\xdf?{\xfajOLV\x84+\xb2\xdb\r\xe3{\xa6\x03\x92'</t>
  </si>
  <si>
    <t>298xx</t>
  </si>
  <si>
    <t>b'\xb0\x0f\xb4\x84i\xa0\x07\xb5&amp;\x9b\xce\x15\xff\x94\r\x8a)_)\xbe\xf5K\x06\xfc\xe06\xa5\xf2\xb2k\xa1{'</t>
  </si>
  <si>
    <t>b'$F\x96\xb7u\xbf\xc9\n\xed%My&amp;\xfdWEl=L\xd6\x9e@P\xfb\x89X\n}\xa4\xa6\xff\x08'</t>
  </si>
  <si>
    <t>Kitchen Remodel</t>
  </si>
  <si>
    <t>b'L\x92IC2K\xbfQ\x9e0\xb4\x91=\x0eL\xcf\x07\x88\x1b\x7f\xf0\xc5\xf1`\xc6\\\xc7Dp\xd9\xf3\xc5'</t>
  </si>
  <si>
    <t>b'\x87\x06\xb7\x82\xcbO\xba\x16\xbc\x01\xffhE*\xbbD\xa0\xeb\x02$\xc3\x9d\x11\x19\xcb\x8b\xae7!\xc6m\xec'</t>
  </si>
  <si>
    <t>b'\xac\xea-\xd0\xf6+G\xc7\x90\xfdED\xb4\x9c7\xefA\x8e\xf2i\xf5\xce\xf0\x1fGW7"\xf3\x8b\xe9('</t>
  </si>
  <si>
    <t>b'\xee\xbb+\x95\xca\x87\x1d\x18$\x95d\x93\x95\x0c\x12\x8c\x1a \xde&gt;\x0c[\xc3b\x17\x01\xcd\xa1m\xf9\nZ'</t>
  </si>
  <si>
    <t>b'9J\x05\xcb\xbd\xf9/\xc0\x10=k\x9eB~\x0b\xe6J\x94R\x9e\xfe\xd25\x8e\xd4$\x10\xfe\x0e\xedY\xa8'</t>
  </si>
  <si>
    <t>b'\xda\x92E\xa0\x8e\xa2\x9aA\x99o\xf3\x89I\xbf\x89\x1d\xc1\x96\xebX\xb2\xd8\xfc\x97e\xbc\xef\xf2\xb4\x83Gg'</t>
  </si>
  <si>
    <t>b'\t\xa29\xb4\t\x8f\xa4\xb2\xed\xaa\xe1\x1e\xe9\xc4UmP\x7fl\xf4\xccd`\xd9\xf5\x8b\xc0&lt;\x89\xe1\xe3\xf0'</t>
  </si>
  <si>
    <t>b'\xf3&amp;\xdb\xaa@\x94\x82e\xf9Aq\xd2\x9a-L\x12\n\x0ca\xfa4t8h\xfd\xe2HP\x17$\xb3\x12'</t>
  </si>
  <si>
    <t>b'\x10\xab\xed\xde\xf4\x19\xdc\x01\x93\x0f*6f\xbf\xde2V\xc0\xb4\x92\xcb\x12g\xa3PZ[\xdc\x1b\x8b\xf1\xbd'</t>
  </si>
  <si>
    <t>Debt Free in 36 Months</t>
  </si>
  <si>
    <t>b'c\x16\x1c\x06D:\tv-\xf8X\xc1\x0eI\x06|\xac}\x97X\xb9\xf4\xbaC\x0b\xcct\xed\xbc\xf8\x02\n'</t>
  </si>
  <si>
    <t>b'\xe2\xbb\xb5\xe9E\xdc\xdc\x9f\xeaf\x93c\x074\xa7\xb0\xa0\xb9\x128\x82\x17\x7f\x8b\xb3\x07\xcf:\xe63\x12\xc9'</t>
  </si>
  <si>
    <t>b'\x10\xb6b\xb1\x8d\x182\x9e\xbb\xa5\xb5\x98\x99nr\xf4[\xaf\xd6rkC\x1e*\xf6\xf4\x9b\x87XSi&lt;'</t>
  </si>
  <si>
    <t>pool project</t>
  </si>
  <si>
    <t>b'\x0c9\xe4\x84\x1cgT\xf1\xd6\x01\xe3\xde\\\xa9\xe4#\xce\xec\xde\x0b\xb2\xa8@\x7f\xae[\xf9\xd6\x9cf*\xb7'</t>
  </si>
  <si>
    <t>b'\x11\x07\x11s*\xadhP\xbd)\x1d\x98\xb9\x08\xba$R\x04/\xeb\xb4\xc8\x98\xa9r\xca\xf0\xf7\xed3\xf1\xea'</t>
  </si>
  <si>
    <t>b'\x165#\xea\xc9\x80Q\x82&gt;\xc3|h\xd7&lt;\xfb\x168\xa6\x03CUO\x8b\x871\xe5\x04:\xa2\x15!.'</t>
  </si>
  <si>
    <t>Extra</t>
  </si>
  <si>
    <t>b'@\x13\x92K\xebf\xa3\xc0b\xfb\xcb\x17\xbe\x9f\xa6\xe0\x11\ro\xffs[\xa2\xbf\xd4\xd1]9\x87\xf5\xf0\xd4'</t>
  </si>
  <si>
    <t>b'\x93\xaa\x8a)\\DI+\xc4\xd0\xb8\x9c^+\x0f()ST6\x97\x8c\xe2\x05y\xb5\xda\xeaZ0\x00\xf0'</t>
  </si>
  <si>
    <t>ODDS AND ENDS</t>
  </si>
  <si>
    <t>b'\x07S=\x18:\xfa!\xcb@\x15\xb7\x8b\x93\xd0[\x1f\xdaH)I\x96$\xe0\x0c\xec\x9b\xf5:\xd2b\xc9\xa4'</t>
  </si>
  <si>
    <t xml:space="preserve">Want to pay my bills off </t>
  </si>
  <si>
    <t>b'%\xc6\x90\x98\x07\ri\xcc9}W\xeb&gt;x\xfbXKj+\x9c\xea\x9e\xb0;\x90,-\xe8\xaa\x93*S'</t>
  </si>
  <si>
    <t>b'9\x04\\_\xfc\xa7\xc8\x8d\xf0\x11\xd4\xb9\x18\xfe|\xec1c4\x86\xd9\xa2\x1f\xf9*\x99\xfc\x8d\x11I\x0c\x04'</t>
  </si>
  <si>
    <t>b'~\x8di\x0e\x03\xf5\xa8n\x8b)\x1bO1\xc9\x16E\x99\xca\xdf\x08\xafQQ:|\x84\x19\xce!\x8aV\x8d'</t>
  </si>
  <si>
    <t>b'\x14\xb6-|%\x1c\xc9\xc5\xbch\x9c\xa0\xc2\xf0\x15QH\x99\x04\x07\xb1\x07)\x97\x9a[!q\x80]&amp;\xeb'</t>
  </si>
  <si>
    <t>b'\x1a\xc0M\xab\xba\xc0\x1bN\xedy\x90\xc2\xdb\xa8m\xdcx\x18\x17Q/d\x97\xc7\x96z|\x16AsG\x9a'</t>
  </si>
  <si>
    <t>The Spa Depot</t>
  </si>
  <si>
    <t>b"\xaf:)D\x81\xbc\xae\x94I\xb2\x1b\xad\xae\x9d\xd5\xb0\xeer\rk?9C\xa1d\xe1\xce\x9ev\xdap'"</t>
  </si>
  <si>
    <t>b'\x05\xb6\x18f`5\x06\xd5VcMzs".\x8ca\xa8\x8b\xfa\xe4$&lt;a\xe5\xec\x9cf\x07\x04\x12\x8d'</t>
  </si>
  <si>
    <t>Payoff HIgh Interset Loan and Repair</t>
  </si>
  <si>
    <t>b'\xdd\xc1Vd\x89\x04jB\x8b\xc7\x03elK\xb7\x81\xe6V(\x97\n\xb28\xe5\x1f\\\x18\xf7mf1\xf9'</t>
  </si>
  <si>
    <t>b'\xe2L\x9e\x17\x0e\xf4\xc1\xd5\xca}\x1dI\xfd\xfd\x02\xed9\xcc\xbd3\xa2LF\x99\xcb\xe6\xacO\xe0z\x911'</t>
  </si>
  <si>
    <t>b'\x9e/\xcc.\x84G\xcd\t\xfe\xb5\x99&amp;\x82\xa6F\x10\xde\x06C\xdf\x19^\xa5\xcc \x03\xa0\xb2u\xc3o\xd8'</t>
  </si>
  <si>
    <t>412xx</t>
  </si>
  <si>
    <t>b'l\x19\xfb"\x16S\xdb\x07r~%\xae\x81\xa1\xbe=\xf1\xbf_\xc1\x12l\xf9\x92\xfb+\x9a,\x82\xa3}\x90'</t>
  </si>
  <si>
    <t>CCRef</t>
  </si>
  <si>
    <t>b'\xc3\x81\xb3\xc0S\x85\xb3\x88W\xefZ\x92\xabp\xc2\xa7\x92z`\x7f\x14\xf8\xae]IM\xb4I&amp;\xf8\xb9\xe3'</t>
  </si>
  <si>
    <t>b'\xef%\x89\xf3(\xb01\xef\xf8Gi\x1ff\xf6\x02\xf8\xaa\x16])\xf3U\xa5\xfb\xe1\xe6\x1a\x9b\xbb\xe0N\x06'</t>
  </si>
  <si>
    <t>b"-ZP\x81\x1e\xc8~\x1d\xd17L'\xfd\xb6\xb4\xcci\xed\xf2\xb8#\x12xi_\xfb\x95\x9a\xeasAo"</t>
  </si>
  <si>
    <t>b'M2&gt;\x1c\x13\xa5jt\x12\x824\xd0{r8)Sy\x04\xfc {\x17o]\x0bJ\xc9&gt;^\xfc\xd1'</t>
  </si>
  <si>
    <t>card consolidation loan</t>
  </si>
  <si>
    <t>b"d=\x93\x8bu^'\xf8\xd8\x88f\x02J*\xd0\xb0\xb8\x14\xe8^\xf2\xaa\x93\xfe'\xc3\xf8U8\xbe*\xc8"</t>
  </si>
  <si>
    <t>3 year instead of 10</t>
  </si>
  <si>
    <t>b'\xcc\xb9\xdc\xc0\xbc\xee\x01\xe6\x9c\x1c\x7fF\xfa&gt;\xd2%s\x06\xff\x06\xc1\x0c\x0e\xea\x1b\x98\xa9(\xd6\x0ck\t'</t>
  </si>
  <si>
    <t>debit consolidation</t>
  </si>
  <si>
    <t>b'\x1dW\xf2\x1a\xafg\x8fqo8\x02\xb3\xf5k\xf2#o\x03\xbe`2m,\x18\xf7r0\xacD\x84\xf9\xff'</t>
  </si>
  <si>
    <t>b'\x8ce"\xb10\x958\x97\x9d%\xfa\xdf&amp;\x0c\xe3 \x8c\xda\x0bgq\x02\xc7x&amp;=\x15\xea\x07h\xa8\xc7'</t>
  </si>
  <si>
    <t>b'u\xf2S\x04?J\xf9+\xcb\x80\xc0\xe6k!\xddC\xdblW\xc8\xe3L\x95\xd0\x91\n\xa6\x19J\xfe\xdaf'</t>
  </si>
  <si>
    <t>b'\x1e\x15M\xc5\x8b\x86V\xb3\x05\xa4#}\x13\\\xe8\xce\xf6(\x17\x11A\xd8\x06\xec\xe8\xff\xd3\xad\xcc\xaf\x80S'</t>
  </si>
  <si>
    <t>b'\x10\x8b\x0e[\x96\x1322\xba\xd2\x1d\x8cWy]\xaf\xd56Z\x90\xe9\xd2\x94}\xe6P\xf6\xe4\x02+\x82\xfe'</t>
  </si>
  <si>
    <t>Salvation</t>
  </si>
  <si>
    <t>b'\xdb\xd0\xd51Nr\t\x11\xa4\x10\xefV\x1b\x8e\xd5\x88\xef\xc4\x13\xef\xa4\xa9\xe0\xea\xd2(\xa9\x90\x92\x87\xae\xb5'</t>
  </si>
  <si>
    <t>b'$\xdb\xc3cx\n2i\x15\xc9Z\xaf]m\xd6)]P\xf3\xf5\x9f\xd2\xbf\xbcKd4ua\xc2*\xfd'</t>
  </si>
  <si>
    <t>b'1\x1c\x8cT\xa9\x05\x9f\x01a\x01\xc4\xa2\x7f\xde-\x10\xcb=],\xd2o{\xc2\x12\x01\x9e\x91\xce\xa6m\x1a'</t>
  </si>
  <si>
    <t>2012 disaster relief</t>
  </si>
  <si>
    <t>b'\x93\xc1\xc3y\xf5\x0f\xf2\xea(W\xa3\xef\xd8\x1f\xc7\xda\x99\xe9k\x94\xc2\xd5s\x1e\x0e\xe0\x03\xa7\x05\xcc\x8b\xdf'</t>
  </si>
  <si>
    <t>b"%\x84'\x1a9\xb2}\xa4\x8f\xc4\xe9\xde\x85\x884o\xe2\x12=\x99\x8c\x08\x88\x83;'\x96i\x04K*\xd7"</t>
  </si>
  <si>
    <t>Car Buyout</t>
  </si>
  <si>
    <t>b'\xb3\xb7\x8dTE\x00\xe9\xfd@\x1f\x90\xbd(1R\x06x!\xcb\x0b\xbc\x04\r\r\xbd\xa1_\x05\xf0g\x1b@'</t>
  </si>
  <si>
    <t>b"\xd51\xf7ZE\x8c\x9f\xdd\xc8\x018\x86'\xe5\xa4\xd4\xee\x9a\xa9!P\x92\xbb\xedu\xb9\x12M\t\x89\xf3/"</t>
  </si>
  <si>
    <t>b'\xf28\x8aC\x85\x9a\x84pC4\x91I\x1b\x10|u\xcf\x0e\x18@\x07\xcd\x08FA\xa6\xf7\xe5RC\xd8\xe8'</t>
  </si>
  <si>
    <t>b'$\xf2\x1c\xd2Bi\xf7\xf6\xa8\x1b\x9f:\x14\x07\x05\xbf\xabz \xcd\xf0\xaf\x88\x95\xff\x94\x02\xdcH+p\xcb'</t>
  </si>
  <si>
    <t>b']\x16\xcb\xb4\x97\x8f\x0b\x1dMw\xf5}~\xb9S\xa1vuc\x94\x91\xef\xabU\x11\xf5ww\xf3~X\xc4'</t>
  </si>
  <si>
    <t>home improvement &amp; credit card debt</t>
  </si>
  <si>
    <t>b'\xd5\xa4\x82JP&lt;3\xd7{\xa6^\x16\xfd~\xba\t\xd4\xa5\xe6&lt;\x12\xa9|Chw\xb2\xb2B\x06\xa2\xe7'</t>
  </si>
  <si>
    <t>b'G\xf8\x0c\xf7\xf9\xce\x16R\x9a\x99\xe4Y\xb7\xd0U\\\xf0\xe2\xddv\xa6\xbd\xf3\xe9\xd0\xd6\xbd\xd3f\x10"\x0c'</t>
  </si>
  <si>
    <t>debt consolidation: family medical</t>
  </si>
  <si>
    <t>b'\x97YMO\x90\x13\xd9\x92wG\xc7\x1e\xc2i\x18\x9f\x1d&lt;\xf2Y\xd7\xdf\xcc\x01\x13\x9e\x84U\xcdn\xebn'</t>
  </si>
  <si>
    <t>b'\xc8\x8d\tl\xeb\xc3c-\xdd\x03\xe7\x05j\xdd\x83m\x1b,Q7L\xbd\x1doL\xce\xd1_\xdb\x99\xe4I'</t>
  </si>
  <si>
    <t>b'&lt;n\x93@\xd6fq\x13J\x1d\xd3\xb9W*P]t\x8cE\xa7\xe4\xc0G\x043\xd4V\xbd\x8d\xc5\xd5\x1a'</t>
  </si>
  <si>
    <t>Dept Consolidate/Wedding</t>
  </si>
  <si>
    <t>b'\xeb\x84\xc7\xb7\xef9\x9b\xd3\xdc\xe9%A\xbdF\x882\xb4\x0b&lt;F\x9b\x81\x83\xf45\xa2\x1e\xb9#\xf1\xae\x97'</t>
  </si>
  <si>
    <t>debtconsolidation</t>
  </si>
  <si>
    <t>b'S\xd8n\x8f\xe2\xc8\x8f\xc9\xf3u\xe9\x012\x1d5\xcc%\xe1t\x82V\x8c\xb1\xda[\x12\xd6\xc3\xe1@\xc1l'</t>
  </si>
  <si>
    <t>b'\xc2Ea\xb0\x90\x95\xcbV~\xff\x8c\xfc)\xcb+F\xfb\x06\x86\x8dm\x1cY\x05\x89\xd3\x81\x02\xc0\xe4D\xd8'</t>
  </si>
  <si>
    <t>My House</t>
  </si>
  <si>
    <t>b'\xcd\xa7\xb9\xc2+n\x83o\x15`\xe0\xc7\xce\x8a\x84\xb4\xa7,\xf7i\xb0\x02\x8c\x15\xfa\x99\xa65\x98\x1e\x15\xeb'</t>
  </si>
  <si>
    <t>b'i|.\xa7!;Q\xe7\xdc\x9b7\xc3F-#\x17\x01q\xf6\xa98//H\x9a\xd1\x82\x7f\xbd\x1d\xf45'</t>
  </si>
  <si>
    <t>BILL CONSOLIDATION</t>
  </si>
  <si>
    <t>b'\x1e^k\xb0\xfc;W\x14\t\xe2\x82D%9\xef\xffu)p\x10\xfd-\xc1\xe9\x92\xc8\xe1\xe3R=\xa9\x0e'</t>
  </si>
  <si>
    <t>b'\xe6,:\x03\xc7Y]u\x83)\xafb\x82\xf1\x8c\x8d@\xfc\x91\xea8$p%\xc5k\x80\xc6\x14\x9fZ\x10'</t>
  </si>
  <si>
    <t>b'\xad\xe4M\x8c\xf3J\xe0-\xa4[\x86\xc2\xeb\xdd\xfe\xed\xb4\x95\xa1\xe0`0\xf9\xcdVX\x1b\xe2\xd8\x99\xaa\xc9'</t>
  </si>
  <si>
    <t>b'\xcf7 \xda\xc1\x00h\xe5A\x98JkB\xe1\xbd\xd3\x17\xcc\xf4up\xa1C\x96b\xbc\xa4\x0f\xf3`\xb0\xbf'</t>
  </si>
  <si>
    <t>CCConsol</t>
  </si>
  <si>
    <t>b'\x1f\xe7#\x06m\xdb}\x11\xa6$0T\xad\x98;#\x81\xc9\x1a\x99{\x995\xfb\xcc\x1f{k\xa8\xbe\xf9\x16'</t>
  </si>
  <si>
    <t>b'\xeb\xf9\x00&amp;d\xda\xcdm2\x94-\x84\x1e\t`\xcaEZ\xe5\x04\xde1\xe0S\xa5\xad"\x8dszf\x07'</t>
  </si>
  <si>
    <t>b'\xba\x86\x12\xd2m\x8d\x84V\t\x11\x9d\xf66iG\x8c}t\xd1h5\xb1\xedA\xee\xd9\x93\x0e\n\t\x0b\x1d'</t>
  </si>
  <si>
    <t>b';\xb8\xcd\x95\xa3p\x9d\xeet\x02;\x1b\xf8]\x19\xce$+\xf1LEZ\xd56\x82\x9f\x0ct@\xd1z\xfb'</t>
  </si>
  <si>
    <t>b'}E\x9f\xdex\xc9&gt;\xd1y\x9b\x02e th\x8b\xb7p\xc2\x16^fX\xecc\xa1\xa4T\xa9#\xf8g'</t>
  </si>
  <si>
    <t>b' ]\xfe\x80\x96p3\x80\x0b\x04\xf0a\xdf\x89S\r\xdb\xda\xfej+\x0b\xa4\x7f\x83\x92\xe0\xfd\xd7\xd7\x0c\x05'</t>
  </si>
  <si>
    <t>b'\xa4&amp;\xe7\xb9o\xe8_\x9d\xe0i\xae\x1c\xfcv5\x0c\x82#"\xed\xed\x16\xf3d5\xba\xe7i\x9a\xde\xac\x88'</t>
  </si>
  <si>
    <t>b"\xbbp\xcb\x92\xe1\xe9&amp;\xad\x86\xceL,\xf7`\xa06X'K\xaa\xc6\x86\xe9\x8f\x8e\xa5@84@\xee\xd8"</t>
  </si>
  <si>
    <t>MY PAYMENTS</t>
  </si>
  <si>
    <t>b'\xc7\xf1\xe0\xb6SW\x94Y\xd1\x0f\xbbNo`\xc4K\xf5]\xbc\xac\x00\x97u\xc7 `\xa02&amp;=H\x95'</t>
  </si>
  <si>
    <t>b'\x95N\x0c\xfa\t\xe0\xd2^\xcb\x84\x87}?#\x1e\x99jtP\xd3\xfeN2\xd0Q\xa8\xdfo\xea\x98\xc40'</t>
  </si>
  <si>
    <t>b'\xeb\xea\x10Qz\xd8F\xaa?\x13\xe6|E\xa8\x10h%\xfa&lt;\r\xd8\x88\xec\t\x9e\x9a\x05\xeb\x91N\x0b\xb3'</t>
  </si>
  <si>
    <t>Credit Card Pay Offs</t>
  </si>
  <si>
    <t>b"V\xde\x9d_\x9a\x9f\xa5\xd7H%\xea\x18\xec\x87x\x1b'k\xbe\x1dQfH,J\xdc\xb3\x01\xef\xe9j_"</t>
  </si>
  <si>
    <t>b'kO\x19\xad\x8c\xda\xa7%\\Q:\n\x8d\x96\\\x0b\xfc\xb4^\xf5\xd5Y\xf9\xffgL\xc2BG\\\xed\xaa'</t>
  </si>
  <si>
    <t>b'\xf4\x001ac^\x8c+:\x07\x95\xcb\xdb\x08Yz\xab\x13\xbe\xac\xca\xbbF\x04J/1Q*i\x9e\xe5'</t>
  </si>
  <si>
    <t>Debt Consolidation / Other</t>
  </si>
  <si>
    <t>b'KZ\xee\x87f\x7f\xd4\x90\x13\x003\xb4\x1c\xd4\x9c\xdc7So\x90A\x148\xe6\xb0\x0b\xe0\xefG\xe6\x8a\x1c'</t>
  </si>
  <si>
    <t>True Blessing</t>
  </si>
  <si>
    <t>b'\xeex\x94qD\x90\xddf\xd5?\x17\xcfw\xaf\x1b\xdbZ\xc0\xc8U\xb9\x92\x00\xdbe\xe1\x0f,&gt;\xf4\x92\xfc'</t>
  </si>
  <si>
    <t>b"\x88\x1e\xe6b\xbc.K\xa3q\x8cd\xe7\xcf\xb2\x85\x83\x14\xfaX'\xdde\xbe}\x05\x95\xde\xbe\x92%\x8a\x95"</t>
  </si>
  <si>
    <t>helping family</t>
  </si>
  <si>
    <t>b'?l\x0c\xd4&amp;\xe4`fU\x99l\xa8\xc5\xba\xca\x92\xe4\x10_e\xca+\xa8B\x98\xb5\x05\xc6\xb9\x9d\xb38'</t>
  </si>
  <si>
    <t>debt payoffs</t>
  </si>
  <si>
    <t>b"L\x8c\xa0K\x1d\xdc\xeceG!!\xac'\x98\xd8\xc1cT\xd1\xb8\xfc)\xec\xf0I\x06\x9e\xc3\xc0\xa3[z"</t>
  </si>
  <si>
    <t>vanishing debt</t>
  </si>
  <si>
    <t>b'\x93\x01c\\\xa8\xc9\xfc\xda\xc9]\x9c\x89\xbe\x84\x95B\xde\xb5\xa5,\x04U,\xa27\xde\x14\xd6g\x96\xbb\xd4'</t>
  </si>
  <si>
    <t>Lets pay it off! One pmt vs six pmts!</t>
  </si>
  <si>
    <t>b"A\xf0\xa7ji\xd9l\xc0\xed$\xb8\xf7l\xd5k \x9bq\xfdi\x8b&lt;\x8e\xa9Lg'x\x87L\xc0\x18"</t>
  </si>
  <si>
    <t>Paying off credit cards</t>
  </si>
  <si>
    <t>b'\x9c\xc9\x03\xe0Of\x00\xe1i\x1c\xdeX\xdc\xfb-\xe6$\x8d\xb2p\xbb=m\xd3\xd42\x99\xab\xed\xbe\xd3\xf6'</t>
  </si>
  <si>
    <t>Need a new car, my old one passed away</t>
  </si>
  <si>
    <t>b'\xd9B\x117\xd5&lt;G\xe8\r\x95-\n\x01p_\xc4\xc0\xec\x93%\xae\x88\xd05\xf5j\xfdw[\x00\x91\xf9'</t>
  </si>
  <si>
    <t>credit card debt consolidation</t>
  </si>
  <si>
    <t>b'\xe1&amp;\xebc\xdfA\x0b\xfa\x14Y!\xa2\xd2\xf0x&amp;Hn$\xd8\xdb\\\xaa\x8fJnl\x14\x13e\x1ed'</t>
  </si>
  <si>
    <t>b'\xa4\xb4\xf4\x0b\xf46\xad\xe3\xaf=\xde\x90\xe4c\xfa\xb4\x85\xdd\xa7(\x91\xe0g\xa5\x81\x83_\x9a\x19\xffK]'</t>
  </si>
  <si>
    <t>creditcardpayoff/carrepair</t>
  </si>
  <si>
    <t>b'\xeaJ[A\x0c\xba\x91=\xeb;\xe0h\xf8YZ\xd0RF\x12Qg\xba\xb3.]\xe8\x9c\xec\r\xde\xd3k'</t>
  </si>
  <si>
    <t>b"\xfb\xdc\xf2\xf8]\xec\x11\x8f\xb8y\xa9$KU\xa2\xf7\xa2\x12\xb6V\x9ft\x8a\xce\xa4 O2/'#1"</t>
  </si>
  <si>
    <t>consol</t>
  </si>
  <si>
    <t>b' \xa0\xdaP$\xde\xb58\x0c\x1d\xed\x9c\x05\xddR\xfc w\x8aLW\xf3\x1f\xee\x8b/:UV\xff\xb1`'</t>
  </si>
  <si>
    <t>b'\xd8S\x9e\xa5&amp;\x86\r\xd2\xd0\xa9\x95\xea\xec\x8e\xf2PG\x9f)\xc4V\x93:\xdc\r]c\xed\x88(\x17\xc7'</t>
  </si>
  <si>
    <t>b'?\x89\xcb\x12\x9eB\xf1\x91\x05M\x80t\x9e\xed\xbfm\x1f\xb6\xd1\x04\x01\xc7\xab\x92\x10\xcc\x0b\x8bC\xc8\xe0\xe6'</t>
  </si>
  <si>
    <t>b'K6\x93\xed\xcb\xc0\x94\xab"\x04\xa8\xec`\x1c\xf8Rb\x12\x1e\x88l\x9e\x9e\x0e\xf5\x8e\x9a\xaa\xb5f\te'</t>
  </si>
  <si>
    <t>Bill Payer</t>
  </si>
  <si>
    <t>b'\xca\xbe\xdd-\xad\xa8=y\xde\xa5;\xe3;\x87\x8c\x83z\x0cMb_\xc4\xa1\x90\xce3\x8a\xf9F|\xb9U'</t>
  </si>
  <si>
    <t>Trailer Payoff</t>
  </si>
  <si>
    <t>b'\x191\x9c\x7f].\xad\xf8\xe0:\x0f\xd7\x97\x01\xd55\xe9\xcd\xbd\xb6m\xb5\x9c\xd6\xff\xf9\x8e\xba\xe4\x9d\xf7y'</t>
  </si>
  <si>
    <t>b'\xadH\xf6z\xfar\xe2\x90\x11\xeb\x8f|\r\x96\xe7\x1fe\xfd\x10\x9f\xeb]\xe9I\xd5qW\xb3\x91fV\x04'</t>
  </si>
  <si>
    <t>Credit Card PayOFF</t>
  </si>
  <si>
    <t>b'\xfc\x90h\xed\x8e\x859\x93%,\xe0$v\x1b\xcc\x1d\x8c\x84\xf7\x83\xe1\x08\x1bM\xe6ny\xcc\xa9\xceh\x8a'</t>
  </si>
  <si>
    <t>b'A\x83\x9e\xf9\x8a\xf4\xceYx&lt;\xf6"_\x90\xaa\xe1\xea`\x02@\x03\xfd9\x15\xb3\xd0m\xf1\x89\xdf\x84\xbd'</t>
  </si>
  <si>
    <t>b'\xc5\x9c5\xca\xc4\x91+M.\xff\xce\xae\xaa\xdcu\xf3\t\x00\x99\xfe[Ur\xbc\x14@\xf9\x9dLE\xd0\xe4'</t>
  </si>
  <si>
    <t>b'_\xf7\xd7\xbd\xb5\xcar\xc8\xa5%\xc6,.\xc7\xce\xa0\x19+E\xfb\xe7\t\xcf\xc2\xb7\xe4\x8d\xa7\x1c\x02VR'</t>
  </si>
  <si>
    <t>my life saver</t>
  </si>
  <si>
    <t>b'\xf6$U\x9fDS\xde\xd32\xd2\x1f\x10\x0c\xbfj\xd9\x12a\xa3\xbas\rNI\x1e\xc4\x08\x140\x9c\x80\x04'</t>
  </si>
  <si>
    <t>b'\xb0Y\xaf\x04\xe2\xce\x8e\x89V\x94\xa7#\xd6\x9c\xbeD\xac\x19\xfb\x11\xc8\xe4\xbf&lt;%B\xbc1\x0b^G\xc0'</t>
  </si>
  <si>
    <t>b'\xc9\xe6\xe7\xed\x8f\xbf=V\xd6\xbc\xf7@O$\x99a\xb4\xa8\x15\xf4\xcc=L\xe0\xa8\xb9.\xb2\x85u\xf2\x04'</t>
  </si>
  <si>
    <t>credit line</t>
  </si>
  <si>
    <t>b'\xf7\x1f-\xce\xd3R\x90f\xe9I&lt;\ng\xda\xd8\x8d\xb6D\x0b\x00\xf8h\xff\xa4\x0e\xf0\xb7\x0f\x1e\xc8E\x15'</t>
  </si>
  <si>
    <t>b'F\xf6\xd6v\xa3\x83\xc39kG\xf0\xfb\x8e\x82u\xa7\xaa#L\xd2\xbb\xa6\x10\xd5\x05R\x1a\x1bQ\xd3\xf9\xce'</t>
  </si>
  <si>
    <t>b"\xa9_C\x9d\xc7u\xfc}'$&amp;C\x9e\xd0\x84B\xa8\xb6\xa4\x83z\x7f7\xb7\x1b! l\xfc1\x9cA"</t>
  </si>
  <si>
    <t>Credit Card / Medical Bills</t>
  </si>
  <si>
    <t>b'\x9d:t\xfb\x96\x89\x10C\xdc\\\x93`\xdd\xbff\x8b\x9bws\xf1\xf6a\xe3\x08\x06q\x87\\\x1c\xcb\x0f\xed'</t>
  </si>
  <si>
    <t>b'\xc2\xe1\xe2\xf6\xc3\xd3\x15X\xac\x12F\x89\xcf\x02\xde\xfd\xb0\xc6}\x8blI\xe6\xa2\xa5@\x86k&gt;C\x08\x1e'</t>
  </si>
  <si>
    <t>b'\xef\x01\xf9\x96.\x02~\xfa\xaa\xe8\xa9\xcbQgBW\x11..\xaa\xef\x85+\xaa\x1d)2\x12R\xcf6\xc6'</t>
  </si>
  <si>
    <t>b'\xb0\x1f\xae\xee\x99\xb1+\x19\xb1?+;s\xacN\xd9~:\xb4s\x99\x85\xcd\xa5GA\xa7\x04\xba#\xa3\xc1'</t>
  </si>
  <si>
    <t>b"\xd05N\xaeu\xc6\x16J\xf2Q'\xe6\xd6__\xa1\x83\r-\xc3\xa6\xbex\x07\x81\x9a\xfe9\xfd\x14\x16\xfb"</t>
  </si>
  <si>
    <t>b'\xf8\x8b37\xa9\x10\xbcp\x9c\x18\xb8\x1b\x81\xa39\xc8\x8a\xd3\xfa6\x980\x9c\xd6\x08\xec\x980\xde\xd7\xca\x15'</t>
  </si>
  <si>
    <t>Pay the bills</t>
  </si>
  <si>
    <t>b"\x15'\xc1\xac\x08\xe8\xe2sX\xe0\xd6F\x13 \xbe\xb5R\x7fq\xb7\xba\xf7\xd6\x00\x06i\xe5h\xcfo-9"</t>
  </si>
  <si>
    <t>b'\x01\xdd\xa0{q\xbc=P\x13uZ\x8dT}\xb0\xea\x94!#%N\xb7.\x08f\xafU\xbe\x1c\xe0\xc2\xde'</t>
  </si>
  <si>
    <t>b'\xecT2\xd1n\xcd\x1d\xe2:\xa3M?\xdd\xa8\xda\x01\xb9h\xbaL\xd0\xac\xdbO\x9ey_\xa6\xa3\xa8\x19\xfb'</t>
  </si>
  <si>
    <t>b'\x0b\xcd)\xce\x84.\xcd\xd7r E7\xf7\xeb\xba0\x9e%\x82\xb8^&gt;\xe7\xd3O\x92\xcbN\xbfG\x03\x88'</t>
  </si>
  <si>
    <t>Debt consolodation</t>
  </si>
  <si>
    <t>b'\xe3\x84\t@\xaf\x19\xd8\xe7\xb58\xc7\x95\x90]\xb6\x18\x8d\x1c|\xbcdB\x1cZ\xd3G\xf8\xd5Z\x854\xb9'</t>
  </si>
  <si>
    <t>b"!\xb5\xd22\x8c\xf2N\x93\xdd\xbeH'{\x1d2B\xb4\x07@\xf7\\\x90_\x9f\x9f\xd0\x03R\xf5\x19B\x1b"</t>
  </si>
  <si>
    <t>b'm\xf9\x10\x06\x7f \xd2&gt;\xf8#\t\xd72\x1d\x02\x91K\xab\xd4\xe6\x93\x8f&lt;\x7f\xfc\xbbz9\x83\x86\xcb\xa4'</t>
  </si>
  <si>
    <t>b'\x94\xe6&lt;U6\x8c\xdf\x95\xc4x5,\x9d1\x7fr^\x00\x82d\xaa\x08\xd7H\xbe\xf9\xc1\xf0P95\xf7'</t>
  </si>
  <si>
    <t>b'2\xc6\xf5E~\xbf\xc5\xf7C"\x88\x7fv\xe1&lt;!1\xa2\'\xf1SM\xdeG\xf8\x1c\xe7m\xd5\x07\xd4\x95'</t>
  </si>
  <si>
    <t>b'\xe09=[Z\x9a\x82\x16+}\xd86T/p\xda0\xaaf\xc8\xc7\x02m\xe5m\xe0\xe8\xb7\xbe\x93\x0c\xfa'</t>
  </si>
  <si>
    <t>b"\xd3\xc2ZHG\x08\xc7`3\n\x06\x9eR\x9fq!\xdey\x99'\xd7\x04i{\x91\x99\xe2\xf0\x80\xa85\xb6"</t>
  </si>
  <si>
    <t>b'\xf5\x89=P-*#-\xb8z\x08s\xd2+\xbc\xc6\x1c\xdb\xb0{\x07\xf2\xff]\xa1\xb7\xc1\xa1vB\xc4\xea'</t>
  </si>
  <si>
    <t>ddebt consolidation</t>
  </si>
  <si>
    <t>b'&gt;\xc2\x9e\x17\xdd\x84\x92\xa8\xc7$\xe8\xf8\xcdv\xc1\x84\xb4\x1f\xc8\x06zF\xfed\'\xc1\x8d"DK\x1d\r'</t>
  </si>
  <si>
    <t>Freedom Loan!!!</t>
  </si>
  <si>
    <t>b'*\x1b\xde\xd1\xa0\x04L?\xa1\x06u+\xec\xc1x\x8b\xa0\xc5\xa4\xf8\xb8\x95\xd3\x96\x86W\xe4\xa0i&lt;\x8a\xd6'</t>
  </si>
  <si>
    <t>Debt Consolidation &amp; Elimination</t>
  </si>
  <si>
    <t>b' \x90\x19 FLN3\xfa&amp;\xf3\xc7\x0fI\x0c)`D8\x06]\xc1\x96:\x1d\x96\x9b\xb5\xb9\x82J\xc8'</t>
  </si>
  <si>
    <t>b'\xcb\xf2\xbf\xdf\xa4\xd6\xaf?\xff\xf6\x90\xf2\xb1V\x94#BF\xf1\xebn7\xfa\xc3#\xc1\xad\xa4\xe4\x1fH&lt;'</t>
  </si>
  <si>
    <t>b'\xe9T\x1b\xe8VR+fn\x98\xb9\x18@EU\xb5B\x1a\x10\x03\x1e\x9bs\xd0\xe2\x99\xcc\x9a\x06gx\xa1'</t>
  </si>
  <si>
    <t>Life</t>
  </si>
  <si>
    <t>b"\x93\xe0\xc4s/'\xf7&lt;u\x96\x1f\xd0\xf8% UK\xa8\xa5x`\x8a\xb8Y\x97\x82\xb7\xe3'\x86\xebk"</t>
  </si>
  <si>
    <t>b'\xc32\x07\x15HR\x11\xed\xfa\x0b2\xc3\x86d\xb6=\xa2\xda\x8efdoK\xcdlc\xe0c@F\xd6\xba'</t>
  </si>
  <si>
    <t>b'\xec\xd6kC\xde\x8c.\x8a\x19m\x1fN2T+b~\xe0\xf4\xbf*S@wEw\x0fJ\x17\x87\xe5\xad'</t>
  </si>
  <si>
    <t>b'rum!\xbb\xef\x7f\x19|\x94\xd6\x91\xba\xa4\xbd\xf6m\xc14\x05z\xa2\xd9\xb2\xe2\xc4Y\x80 M~?'</t>
  </si>
  <si>
    <t>b'\xb8\xd4\x16\x86"\xd5\xe6\x99\xe36\xc6\xf9\xf9!\xf9\xd4N\x909;Z\xbcL\x0c\xf0\x96\x08\xd2\xdaDb\xfb'</t>
  </si>
  <si>
    <t>CitiCard</t>
  </si>
  <si>
    <t>b'Do\x9b`F\x07\x16c\x1e1uc\xaa6\x17~\xdb=0r\x16\xedB\xf5\xaaL\xc4,(\xaea\x96'</t>
  </si>
  <si>
    <t>Eliminate Credit Debit</t>
  </si>
  <si>
    <t>b'_\xe6\x93\x93\xa9\x860@\xe0\x03\x07\x8aBcD\xb1/\xb1[\xb0z\x92\x83\x93y\x0c~4\xa6\x9d\xa7\xc5'</t>
  </si>
  <si>
    <t>Medical Surgery</t>
  </si>
  <si>
    <t>096xx</t>
  </si>
  <si>
    <t>b'&gt;\x14\xfd\xe8\x14\x94\x96Et\xa2j k\x8b\xa56\x99\xaa\xf8\xe4\xea&lt;\x90\xb1\x1a\xa7\x86\x895\xfb\x18a'</t>
  </si>
  <si>
    <t>b'/\x161v\xcb\x16\xbfYd\x00\xff\x10\x17\xfc\x96\xae\x7fN\xfb\x1b-J\xf6.#\xb3\xef\xab6$\xf8\xf5'</t>
  </si>
  <si>
    <t>b"FQI\x0e==\x8b\xc8\xe4\x99O\x95\x95\xb4\xb9\xc0G_]\xad2\x17\x8a'[-\xe6\x12\x83\xc7+\xb2"</t>
  </si>
  <si>
    <t>pay off cards</t>
  </si>
  <si>
    <t>b'o\x8e\xf4!\xf7\x93\xc9\x8aT\xc2t\x81\xb9\x1f*q_Lk\xe3\x8b\x958\xffT0]\x8c:u\xac\xfb'</t>
  </si>
  <si>
    <t>Paying off the bills</t>
  </si>
  <si>
    <t>b'\x83\x9ch\x04#W$\xf6S\xa9C\t{\xd5&amp;"\xaa\x12vF\xe6\x1e\x9c\xf8y\x96\xf4\xf96\x16\xcar'</t>
  </si>
  <si>
    <t>Lower loan</t>
  </si>
  <si>
    <t>b'\xdf\xb9\xb3\x18\xe5r\xfe\xbc\xcf\xe0\x13\x0b=\x97\xe65\xb6V\x1a\xa8:\x19a\xdfGd\x0f\x92\xd7\xd6f\x14'</t>
  </si>
  <si>
    <t>b'\xbb\xea\xbca.\x81b\xb1!\x823\xdb@\x8e\\\t}\xd1[\x8b\xc4\x1e\xbb\x07P\xfd\xe9b\x87#\x84e'</t>
  </si>
  <si>
    <t>b'\xf0\xa5\xbc\xac\xb2\xe6\xd4n\xed`-)l2W\x8d\xa2\xe9q=\x8d7t\xe0\xb9\xeb\t\xd1HNe\x0e'</t>
  </si>
  <si>
    <t>b'\xdb\xfe\x13"\xa3\xdc\xab\xf2\xd6|\x8f\xa2\x93\x91\xee\xb4\xd4\xcd\xdfmJ\xe6)\xc7r\xa5\xc5\x9a98%\x85'</t>
  </si>
  <si>
    <t xml:space="preserve"> Debt Consolidation Loan</t>
  </si>
  <si>
    <t>b't^\x8e\x83\x03\x8a\xd5\x1f\xe67\x1aJ\x05\\Y\xa6\xf2\xc6z\x81\x02Y\xc9m\xbeO\x1f.\x19\xaf5\xd8'</t>
  </si>
  <si>
    <t>b'v\x18\n0\x1e\xa6\xb0\x9c\xb2\x9b\x94}\x1a\xc5I{9\xe8\x17\xb0\\\xd4\xe9\x07\xd0Z(\xab\x10&gt;\xc8\xe5'</t>
  </si>
  <si>
    <t>b'\xa4\xc3\x8aA=\xe4\x13\xd4E\x1f\xbfbS\x19\x92\xa50\xa7\xf2\x12\x15\xe43G\x12W`\x97\xe0\xf4ni'</t>
  </si>
  <si>
    <t>b'\xd4\xb1J\xf8I*\x03\x89\xb7\xd2\x97c!8\xf2\xfb\x01\xae\xb8\x83\xe51\xebt\xbb\xaf\xf2\xc9\x9b\xd5\x00\x1c'</t>
  </si>
  <si>
    <t>b'{\x98\x86H\xbb\xe5\\\xd0\x80\rr\xf8}8\xb4[\xf3\r&gt;\xf8\xd9\xab\x88\x18}\xc5\x17yI\x8b\x90\xde'</t>
  </si>
  <si>
    <t>b'Rc\x05\xfc\xc5C\x9c\xea\xa2!\x9dW\xc7\xd2z\x18\x86"}\xee\xe9\xb4w\xd6\\t\xc0\xbc\xbbz&gt;\xd9'</t>
  </si>
  <si>
    <t>b'\xcb\xf3y\x12\x8b\xab\xca\xef\xa0\xfc\xc6\xc9I\xa7hj\xfcM\xe3Bo:\x0e\xa5HI\xba\xc5\xfbt4\xf8'</t>
  </si>
  <si>
    <t>b'\t\xd1g\x88\x94\xbd\x1a,\xea\xf3py\x12"!3\x99\xc7q\xb6\x9fc\x97\x9b&amp;Jb\xbd6\x0c\xbc\x8d'</t>
  </si>
  <si>
    <t>b'VP7\xb6\x0b\xb8?\xd9\xd8\x85\xf6\x0fD\xc5??\x9ds\xf9Z\x9d\x8d3\x02.\xd3\xf4\x0e\x7f\xfe\xc8\xd1'</t>
  </si>
  <si>
    <t>CreditCardRefinance</t>
  </si>
  <si>
    <t>b'\xcc~\xc2\x02\xda\x9aT\x04$\xdb%\x1eY\xa3\x1eY\xd3O\x1b\x84\x0fF\x17\xd7\xaf\xc86\xbf\xa5\xc1\xba\xd3'</t>
  </si>
  <si>
    <t>b'+\xb7`\xfc\x81\xb8^\xbc$\xe7\x97MW\x88\x1cfN\xa7\xe9U\x08\xa7\xc1\xa3\xb9\xe0Sw\xd0\x0c\xea\xa1'</t>
  </si>
  <si>
    <t>b"\xc0\x96\xaf\xd4\x03\xfd\xab\xa0'\xda!\xee\x1e\x9f\xb1\xec\xb8nUS\xb7\xaa\xdc?\xf0\x13\x19\xc2X\xc4j\xb2"</t>
  </si>
  <si>
    <t>To get BACK on my FEEt</t>
  </si>
  <si>
    <t>b'Oz6\xcfr\xe2\x10\x80\xda(\xac\x8f\x08l\xcdY10\x1a\x0c\xa6\x12NZx\x1c3A\xee\x04\xc7\x1a'</t>
  </si>
  <si>
    <t>b"\x08\x13x-\xaa`\x99Mw\xe5N\xb3\xe4\xd2h'\xd1\xc4\x86*k\xc6\xd5\xf1\xa6&gt;p\x98et\xeeZ"</t>
  </si>
  <si>
    <t>b'\x92F\xcc\xae\xe9\x8a\x00\x17v\x87\xfc"l\x8d{=\xf3\xe3\x99 \xf1r\xc8A[\xaa\xe8\x9b\xfa\xa7\xc5A'</t>
  </si>
  <si>
    <t>Credit Card payment's</t>
  </si>
  <si>
    <t>b'B/\x81\x1fNM(\xd1\x8d]-\xdf\xd2\xce\n\x8f\xcd\x92OyZY\xed\x05\x89\x0f\x85\xb8\xf5\xf2\x17\xb9'</t>
  </si>
  <si>
    <t>Home remodeling and landscaping</t>
  </si>
  <si>
    <t>b'E\x95\xd6\x06U\xf5\xf75cNK\x07\x95\x98N\xa8\x0b\x96\x82\x95\x9d\x87(*4\xab\xe8\xf8{\x00\x1cR'</t>
  </si>
  <si>
    <t>3rd loan,great company. Love LendingClub</t>
  </si>
  <si>
    <t>b'\x97W\xc5%\xcai\xb4\xb6\x12\x92\xa5L\xbbK\xbeU\xdb\x01\xb3\x1b\x0c\x16\x9fJ\x08\xfb\xfb\xef\x82\x8eT\xfb'</t>
  </si>
  <si>
    <t>b'\xcc\x18i\xba|[R\xf3\xff\x13J\xeeI\r!\xaf\xe0^m\xd2\ri]\x8c2p\x07\xef-\x109\x9a'</t>
  </si>
  <si>
    <t>Help me fix 29.99% mistakes from college</t>
  </si>
  <si>
    <t>b'\x88)p\xd7/\x9f\xdd\x82_\t0G\x00\xaf.\xef\x03\x06\x13\\G\x8c\x9b\x98w\x98\x81\xc7\xff\xc1d\xdd'</t>
  </si>
  <si>
    <t>b'X\x01\x8f\x01\xad\xcf\x93\x8c\x99sAF9`b\x83\xd3&amp;U\x02\x0c\x9e\xd0\x1c\xf7o\x81\t\x9e~1\xd6'</t>
  </si>
  <si>
    <t>b'!I\xc1\xc0\x0c$\x1c9\x15\x0b\x960n\x0f\xfe\xc27\xd3\xf2\xd25\x1a\xa9\xe7\x05[\xb8\xae4\xf8\xc2i'</t>
  </si>
  <si>
    <t>b'\x80&amp;\xa5\xc8\xd1\xf8bP\x8e\xc6\xfe\x05\xbd\x1c\xbd\x1fy \x06\x00aJ+\x02\r\x8d-&gt;\xadSj\x88'</t>
  </si>
  <si>
    <t>b"\x1a\x93t\x1c\xe6\xb1\x89:\x9f\xceD\xbfC\xc1\xc8\xe0\xbf\xa6\xff\xb6G\x17/\xb9\xd9\xeb\xdaiP\x17\xd5'"</t>
  </si>
  <si>
    <t>Debt Consol Lending Club</t>
  </si>
  <si>
    <t>b';\xccHs\xb6\x0c}\x18\xef&lt;\xcf\xa7\x07\x14\xb5\xf8\xe0\xbblA3\x8cuO\x86\xc7\xe3\x1d\x11?W\xf3'</t>
  </si>
  <si>
    <t>b'02\xe3\x97\x1d"l\xe6\xcbt0 \x18{i\xea/\x95\x07\xf4H\xc8[4\x8e\\\xfe\x9a\xe6O]%'</t>
  </si>
  <si>
    <t>b'Z\xdb\xf4\x1f\x9e\x10\xcd:W+O#\xae\xd0I~H\x9aF\\x?@W\xf1A\xafUB\xebB3'</t>
  </si>
  <si>
    <t>The solution</t>
  </si>
  <si>
    <t>b'\xdf_\x88L(\x7f\x9f^\x8cS\x1a\xfd\xdd%M\xa4\xd5\xb2\x8cAhy\x9a\xbe~Y.i\xfc\xa4d\xef'</t>
  </si>
  <si>
    <t>b'\xf4\x1dR\x98\xb9\xd4&gt;b\xa3\xba\xd6\xb3L\x93\x97y\xf0\xc0\xa9\x91l\x04\xe2\x0f1\xd3_x)r\xda|'</t>
  </si>
  <si>
    <t>CCReduction</t>
  </si>
  <si>
    <t>b'\xe9Y\xe2(\xe3b\x02\xbf\x15\xd9E\\\x04S\xf9\x87!Mn\xb5\xab\x9dN\xcd\x02/\xf7h\xdc\xba[\x02'</t>
  </si>
  <si>
    <t>b'\x11uU4/\xb0?\x16\x0f\\\xa3\xe8\xff2\xd9\xed\\\r\x1e\x90\xb1\xfb\x90\xe3\xe7\xce\xfe\x86\xdap\x9d8'</t>
  </si>
  <si>
    <t>Home on the range (Kansas)</t>
  </si>
  <si>
    <t>b'\x8d\xe1\xbb\xe8\x94\xc0\xff\xe8H=a\xd0\xe0\x061.\xc4\xcd\x91\xcc\xe3\xc8Brf\x9c\x9e\x10\xcd~Z%'</t>
  </si>
  <si>
    <t>b'k\x05\x1ah\xbd\xf6\x0c\xb3\xb6\x000\x9ck\xe3\xab/\xad\x10\xe7\xd6\xf1\xa8j\xf4cg\xd1R=)\xfc\x1f'</t>
  </si>
  <si>
    <t>b'\xdcm\xc2F\x0f\xb2\x89Z\x02\x97\xe3\x039;\xb4\xcb\x85E\xb6\x1e,\x05\xf6\xe7\x10\xfa\x05r=(BQ'</t>
  </si>
  <si>
    <t>b'\xf4\x87\nC\xdb\x1ei\x18/\t\xecRF\x87\x17q=\x0e\x90}*jQE\\\xdf\xe1\xa4LS\xb6\xb1'</t>
  </si>
  <si>
    <t>b"\xc6l\xcb\x82(\xdb\r \x93x\xf8\xc61A\t\x19\x9a\x96\xc6q\xee\xfa_'!a\xb0&amp;\xb0 \xb4\xec"</t>
  </si>
  <si>
    <t>b'\\\x07\x12&amp;\xc5e\x1b\xc7s\x19\x16e\x0c\xf9 \xc5\xa9\xbe6&lt;^\xe4\xe0\xcc\xa0&lt;\xc6h\xb7\xff\x82c'</t>
  </si>
  <si>
    <t>b'\xf9\xef\x18\xd8\xdc\xc1^\x13\xb0?;Ax\xa3\xdeR\x91\x9a0\x8c\x87E\xcc\xd2\x06S\xea\xcf\x1a\x14\xff\x98'</t>
  </si>
  <si>
    <t>b'\x9c1NS7\xcdZV\x9efO\x1eQPFJI\xfa\x15\xd0\xe6\x1d\xc7\xa3 mKP\xadyrd'</t>
  </si>
  <si>
    <t>b'\xe7\x00\x03@\xde\xa4GX3\x07f\xe9@\xd7\xd3GlK\x9e\xae\x14\x1c\xb0p\x19\xda\x18a\x96\xc6\x902'</t>
  </si>
  <si>
    <t>b'\xae&amp;W\x1d\xa6j\xf5\x8c-%\x1b]\x89\xc8\xafR\xe6\xf6\x9c&gt;\x7f\x0c&gt;\x81c\x1dk\xf82\x8c\x08&lt;'</t>
  </si>
  <si>
    <t>b"\xac]\xad\xfb\xda\xea^\xed\xa7~I\x90\xf5tXp\x0f4'\xe5\xb1\xd0GU\xcdh,'K\xd7\x00\xe2"</t>
  </si>
  <si>
    <t>b'a$J\xc8!\x08l\x86\x0f\xb8\tLw\xea\xad\xf0sv\x91\xa7\x0f\x98NEV\xd3Am\xaa\x950\x92'</t>
  </si>
  <si>
    <t>b'\xb5\xbc\xd0)\xc3\x89\xcf\xf1\xe4\xc9X9\xde{\x9cb\xc3\xfb\x1a\xba\xbaE\xc7\xaf\x1a\x1a6Q\xc0kYt'</t>
  </si>
  <si>
    <t>b'n\xfd\x958\xee\x9bzP\r\x1a\xcf\x0c\xfa\xf5\x18\xe5\x06\xf0\xf1\xe5^V\xb2\xd2\xeaS`\xe4\xc2\xa9zM'</t>
  </si>
  <si>
    <t>Need to get ahead</t>
  </si>
  <si>
    <t>b'Q/\x80\x1dxL\xa5/\x90\x7fx\xeeM\xef\x83\x1f\xb6\x06\\\x8bd\xfe\x88\x173\x8c\x88`\xc8\xc8&gt;\xcf'</t>
  </si>
  <si>
    <t>b'\x04D;k\x90r=\xebPN7\x19\xbc~\x97\xf3\xaf\x10\xffno\x0bZ\xfe\xe3\xf4N\xb8z1\x98M'</t>
  </si>
  <si>
    <t>b"\x06\xd9I6\x86\x1aF&gt;=\xec\xc4\xbdX\xbc\xd98 o\x98\xab\t\xd1\xc2'\xcft\xa6=\x9b\x1es\\"</t>
  </si>
  <si>
    <t>myloan</t>
  </si>
  <si>
    <t>b'y\xac\xef\xc8\x08\xff\xb0\x93@\xfe+;\x81\xea\xa8x*^q(\xe2\x88\xd3\xb2\x02p"K\x07p\xf0\x84'</t>
  </si>
  <si>
    <t>Freedom from credit card debt!</t>
  </si>
  <si>
    <t>b'\xfb\xb3\x86k\xc1A\xc6&gt; \x83\x83\xa3q{\xcd\xf9\xdb\xcd\xa4\xc1I\xba\xc0t\x07\xea$\xc5\xa7\xe4eZ'</t>
  </si>
  <si>
    <t>b'\xad\x7fU\xe5\x06t\x8b\xa0\t\xa64\x10\x1a\xa6\xb6\xbcF2i.fcF=U.7\xc6\x12%1\xf0'</t>
  </si>
  <si>
    <t>donewithit</t>
  </si>
  <si>
    <t>b'\xd06\x03\xd8A\xea(\x8a\x81O|!\xff\xb2\xd6\x1ed\xcbH\xcb\xe3\x82\xed\xf1\xe3\x06\x92\xbb\xf2wR\xe5'</t>
  </si>
  <si>
    <t>Debt. Con.</t>
  </si>
  <si>
    <t>b'W?\xe7L\x05-1\x0b7G\xb3\xc1\xb2\x1b\x15\xf25P\xc5\x11\x9cA\xb2\xd7\xdbG\xd7\xb5&amp;\xa3[\xc1'</t>
  </si>
  <si>
    <t>b'wJ\x8e\xc9\xb4\x83*\xb64\xed\xde\xa8\x8a\x14\x0bF%\xfd\xe6"\xce\x17\n\\y\xb8\xee\x0b\xae\t\xcc\x82'</t>
  </si>
  <si>
    <t>b'\xc204\xbf-Y\xe5\xb7\x92\x9e\xbd\xe2\x83\x85iX#,\xc9\xd6\xdc\x83c^M\x91 \xbd\xbe\xa1\x12\x8e'</t>
  </si>
  <si>
    <t>b"\x93\xff\xf7\xdcg'\xaa!i\xb7A\x87\xe8\x06K\xff\x84\xe0\x07\xe8\xc2\xef\x04\x87\xf6N\xa4hA\x9dPK"</t>
  </si>
  <si>
    <t>Help Consolidating</t>
  </si>
  <si>
    <t>b'\x02\x0e\xae1\xef\x80\xb6R\x0fS\xe1\xf1.\xce\xe7\xb4\x0f\x19\xa5Q\xdd \x16\xa7\x95/qe\xc2G\xbc8'</t>
  </si>
  <si>
    <t xml:space="preserve">Reboot 2013 </t>
  </si>
  <si>
    <t>b'\xef^\xe9B\xc7\xb9w\rmaH\x02\r&gt;\xc2\xba\t\xe5\xe5}\x8f\x00d\x9b\xfd\xda\x00h\xc4\xb3\xfd\xa7'</t>
  </si>
  <si>
    <t>b'\xa0\xafY\xe89#\xf7\x11\xa7\x7f\xa0})\xe4Z*("r\xf6\x86\xa9PH\x94\x8f\x10\xd5#\xdf\x85\n'</t>
  </si>
  <si>
    <t>b'\x05M|j\x02$!\xd6M\xf9\x0eZ\xf4#\xcd\xf6\xa4\x16\xd1\xd5)\xe6-\xb4"\xd4\xb2)p\xa7\xd6\xe9'</t>
  </si>
  <si>
    <t>Debt consolodation/sons surgery bill</t>
  </si>
  <si>
    <t>b'\x17\x9c\x90\xfc\xda\xf8\x9f\xc6\xf0\xef\x1c\xa6\x99\xd9V\t?\x8a\xb1\x97\xca@\xeb\xf1\x11\x0biA~\xfa\x9b\xc0'</t>
  </si>
  <si>
    <t>Debt Free of all fixed/revolving loans</t>
  </si>
  <si>
    <t>b'\xe3kL\x1d\xcc\xcd\x8c\xad6!Z\xf8\x88\xc1\xbf\xf3\xe3W\xa0T\x89\x1c\x90\xc33\xd6\x89o\xe9\x19\x10r'</t>
  </si>
  <si>
    <t>Eliminate credit card debt</t>
  </si>
  <si>
    <t>b'\x88\x17,m9\xe6\xaeJyx\x9c+Rn?\xeeC\xc9q\x00E\xd1\x9b+7\xd6+\xf9U\x81m&amp;'</t>
  </si>
  <si>
    <t>b'9\xa0X\xe9\xd4m\x10\xbf\x1b\x0b/K\xdf\xd5\x9e\xfa\xd1\xd9\x86T\xf9\xcb}\xc7X\xaa\x94\xab\x06\x0b\xbe\xc4'</t>
  </si>
  <si>
    <t>b'!d\x0f\xeaq\x0b\x89^#S\xc2\xb0\xa9v\xe3\x9d\x94,\xc6\x9001\x7f\x1dK\x831n\x1ds\x83\xfa'</t>
  </si>
  <si>
    <t>b'\x1dyI6\xaa\xf3!\x03+.\x07\xc9\xa5B\x19x\x7f\x83\x98\xf1\x97\x9fZ{\xb3\xf2\x1d\t\x81)\xecQ'</t>
  </si>
  <si>
    <t>b'\x17\xcdt2\xc2"\x11\x89"M\xe3\x01f\x11\xef\x05\x86\x14\xc6\xa0rb\x03\xf1\x07\x04\xe0\xdf@\xce\x03\xba'</t>
  </si>
  <si>
    <t>b'A\x16\x04\x07\x98]).\x89\x9b\x13\x01\x9f|\xc9\xa0F\xc8\x02Cw\x10\xaajN\x96s\x9f\xa4V\xcf3'</t>
  </si>
  <si>
    <t>repay first loan</t>
  </si>
  <si>
    <t>b'\xcfB+c\xe3i\xaf\'\x82\xd7%"?mD\xd8&gt;\x1dmK\x8c?\x84nJ4\xd3\xe6\xc1\x84)\x03'</t>
  </si>
  <si>
    <t>b';\r\x89\x9a\xe3\xe7\x1f*\xcb/P\xa9\xd1oV0\xe4\x86(\xef\x97(\x1f\xa7B&gt;8&gt;\x84\xeb\x0bB'</t>
  </si>
  <si>
    <t>Short Term Debt Consolidation</t>
  </si>
  <si>
    <t>b'\x99\xb0\xd1\xfb\xff\xff\xecP\xa2\x7f&lt;Nr\xf9\xce\x96\x81U\x7f\x9cVl\xb3\xf0\xc2\x9a\xae\xe5dH_\xde'</t>
  </si>
  <si>
    <t>b'\\\x10\xd1e&amp;\xcb&amp;r\xf1\x80\x81\xa9\xd01+\xf9v \xd6\x91\x8e\xfbT\xec\x03\x97\xf6\xed\x884\xbdE'</t>
  </si>
  <si>
    <t>b'\xa4Z\xaf\xcf~\x92\xcc\x8e\xa3t\xba\xcc\xe1+U\xe5\x06\xcb\rA\xdf\x13Tbv}\x1cE\x01@\x87\xbf'</t>
  </si>
  <si>
    <t>b'\xfc\xcf\xa1f\x08I\x98\x1dV\xef\t.\x1d\x91\x1b5\xa4\x0cR\x10\x8f)\x92\x03LA\x0c\x9e+.\xb8\xa7'</t>
  </si>
  <si>
    <t>b'\xa5\xdd(*:\x1e\xef\xdab\xf8\xdd\xae\x83F\xb6\xd1\x9a\xfc\xdb%A\xff\xa3\xb5\xc2\xabZ\xdeq\xff\x19\xc4'</t>
  </si>
  <si>
    <t>b'\xb4\x9a\x7f\xb8kp1\xd46#\xc8\xfe\xdb&gt;\xd7\x14:i\x95\x0f\xb8\xdf\xe1\xfc\x18J\xc0xm\xd2\x19\xf5'</t>
  </si>
  <si>
    <t>b'\xf3`!\xe9+\xf3O\xda\x86.m\xe8\x06\xf6\xde7\x00\xfc\x88\xef\xb1s\x9a\xfe$\x19Zs\xddZ\xdc\xea'</t>
  </si>
  <si>
    <t>b'\x1e\xc97\xea\xa9\x97rHR\xc5\x98\x17ewX\xd7\txD\xa3\xc9\xb4\x12x\x96\xcf\xca\x81\xc4\x85\xf6:'</t>
  </si>
  <si>
    <t>b'n,|\x7f\xf2\x1f\x8d1\xb7\xa7\xd1`\x06\xff\xaf\xb9\x8b?w\xfd\x95L\xdbK\xc3ZN\x04\xe0ES\xe8'</t>
  </si>
  <si>
    <t>business inv</t>
  </si>
  <si>
    <t>b'\xf1y&lt;\x84MA\xdb\r\xec\x19\xb8\x96U\xf5\x98\xb2\xf6\x8dyT/\xcc\x84W\xb6\xa3\xb7\xaa\xda\x1evJ'</t>
  </si>
  <si>
    <t>b'%f\xfe3g\xf7B}\xbdVE\xea\xeb\x14\xb2\x18\xbb\x88\x92d\xae\xbe\x0e\x1c\xde\x9b\xa5\xd3\xfe\x88a\x1c'</t>
  </si>
  <si>
    <t>b"i\xb7\xde}9\\w{\n\xa4\x95\xcd\xfd\x0b\x1f\x05^\xdc'\x113;\xdb\xbfO\xb1o\xd0\x80\xbb\xf3\xfa"</t>
  </si>
  <si>
    <t>b';V/\xdc\xbc\xf9\xd3\xeb+\x1ahd{\xcf\x864\xbd\xa8\x1bz.0\x01d\xb8\xe8s\x9e:\x86\xf2\xf9'</t>
  </si>
  <si>
    <t>b'\x16\x99 h\\r_\x84JQ^\xfeD\xaa\x81/@\x9c\xd5\x0c\xf2}\xf1\xb6\xd2Z\xb8\x0b\xfd\x06\x92\xda'</t>
  </si>
  <si>
    <t>NO MORE STEALING FROM TOMORROW</t>
  </si>
  <si>
    <t>b"\x1cZ4\xe2M\xef\xc9\xf0\x98\x9b'\xca\xd5\xf02mX\xc2\xb9Km\xa2\xadkR\xfc\xed\x82eO\x0e\xbe"</t>
  </si>
  <si>
    <t>Consolidating Credit Cards</t>
  </si>
  <si>
    <t>b'p\x92\x1d\x05\xc6\x87\\\xf0\xb0\x9b\x82K\xd3\x00\x0b\xd8b\xff\xbb\x0b(\x0e\xa9\xa5\x05\xd1p\x11\xc7\x14\xf2\x9d'</t>
  </si>
  <si>
    <t>b'`\x10\xb0\x8b\xfc(\x83\xe0\xfff\xcd\xae\x1c\xb4\xfax\x1f\x9d\xcb+{1\xff2\x87\xa2\xd5$\xe7\x95\x9f\x19'</t>
  </si>
  <si>
    <t>Addition</t>
  </si>
  <si>
    <t>b'\xe2\x1d@w$M\x96C\x19\xc9\xae\x02t\xcf\\&amp;\xc6h\xe3bO\xfa)\x8b\x8e\xc7f\x0c\x05\xa6L\r'</t>
  </si>
  <si>
    <t>2012 Tax Bill</t>
  </si>
  <si>
    <t>b'*\x00\x0c\xa6]\x8d\xbd\\\x89&gt;v\xe9\xe5\x0c\x1d\xbeHcR2\xe2\xe46\x1f\xa7\x0f\xc0\xa1\xf1\xbcw['</t>
  </si>
  <si>
    <t>b'\x87T\x1d\xbd\xdf`\xc0\xe2!0-\x17x\x00\xdf\x8aB,\x9c\xe3\xd8\xbc\xa6\xb5\x826b\xd7I\xac,\xcb'</t>
  </si>
  <si>
    <t>b'\xf0\xbd\xdb6\xf2\xd1\xd5P\xe6\x07T&lt;\x08[\xf4\n\xf9\x00\xb8B\x93\x13\x14\xef\x06\x12\xc3_\x88\xec,\x0b'</t>
  </si>
  <si>
    <t>b'D\x99^\xfe\x01\xfa\x7f\x94\n\x0c\x85{\xaf\xd4\x82t\x80\xe1\xfa\xd9\xd8\xf8P\xd8@I\x01\xd3\x13\xfdC\xfd'</t>
  </si>
  <si>
    <t>b'\x1b\xa8L8\x1eXx\xd2\x917N\xf0:\x9a\x82\x9c\xcc\x1fL\x16&amp;\x85"2O\xacvk\x9c\xea\xc4\xab'</t>
  </si>
  <si>
    <t>Debt Refinancing</t>
  </si>
  <si>
    <t>257xx</t>
  </si>
  <si>
    <t>b'\xc2\x10:#\xfbWE\xa3\xc2\xc2+\xbd\xa5\n\x13\xb6\xf3;\x0f\xa8*\x13v\xca\x14\x8a\xc01\xcb\xb2\xa3\xd6'</t>
  </si>
  <si>
    <t>No more Credit Cards! Learned my lesson!</t>
  </si>
  <si>
    <t>b'\xfa\x13\x85&lt;\x84/\xbc-\xfd\xd1\xe9\xb1E\xcc\x8d\x04A&amp;;\x8c\x88\x17\xdc\xac\x98\xbaD\xa3\x10N\x8a\\'</t>
  </si>
  <si>
    <t>THANKYOULOAN</t>
  </si>
  <si>
    <t>b'\xcd\x86\xc4\xb1|U\x99$\xe47\x89\x08\x8b#\x01\xb9\xae\xacC\x83\xd1V\xd2\xe5a^\x80\x1d|\xb2C\xb5'</t>
  </si>
  <si>
    <t>FUTUREPAYMENT</t>
  </si>
  <si>
    <t>b'q\x859\x15z\xc3\xb6\x15\xe9B\x8a\\W\xa7\xc6\xb9\xe1~\xdf\x03\xd4\xf4\x82\x06\x1e\xcd\xa1&lt;\xfd\xfb\xdc\x85'</t>
  </si>
  <si>
    <t>Dr. is now out of network</t>
  </si>
  <si>
    <t>b"\x1aG\x96\x95\x11\xbb\xfaL\xb5\x10\xab\xd2B\xba\x97\x1c\x1bF\xab\xbd\xc5\x97\x1c\xb1\xf8#b:'\xa1\x87\x0e"</t>
  </si>
  <si>
    <t>Short Term Auto Project</t>
  </si>
  <si>
    <t>b"\xba\x7fKg\x8cw\x8c\xb4\x18\xc19\xa8'\xfb\x9e\x02\xd3sG\xbd0\xa9#\x00\xfb\x0b\x94\xc6\x1f\xb4\xe2&gt;"</t>
  </si>
  <si>
    <t>US Waterproofing</t>
  </si>
  <si>
    <t>b'\xe1\x99;I\xab\x9f\xab\xf2\x8f\x9a\xc8\x8a\xe7\x82$Dc\xc0\xc6\xd4\xe4\x1f\x98\x9d\xb9M\x8c\xf7\x1d\xfd\xd64'</t>
  </si>
  <si>
    <t>b'\xc0\x8d6Y0my\x95\xfb\xd7\xdfj\xeb1\xaa\x1d\xefi\x80L\xef\xe0o\xd6\xdd\n/lzu\xf1\x06'</t>
  </si>
  <si>
    <t>b'\xed\xd4p\x1c\xd0V\xe2\xad\xe0\xb5\xff\xbe&gt;o5\xe1\xa6\xb0\x93\xee\xc6\xa0\xfa\xb3\x122k\x95\x94\xcb\xf7U'</t>
  </si>
  <si>
    <t>b'=\x96\xa4\x0f\x0ca\x1f\xb1\x9c\x0b\xc5\x8dK\xf0?\x15\xd2\xe6b\x03\xce\xc1l\x06\xd2)\xc9\xc8\xd1L\xcf\t'</t>
  </si>
  <si>
    <t>b"]\x81!\xaa?\x06\x04\x844\x9b\x85\x15\x0e.\xb0#\x8b\xe6\x8dn'&gt;!q\xe2\x0c?\xc7\x1d\xcd\xab\x1c"</t>
  </si>
  <si>
    <t>b'N\xa2\xf9S\x0c0\xcd\xfa\xa5\xdc\x9b|\x11\n\xe3\x96\x7f\xed\xc3\x9cE`\t\xca+\xfb\x02\xd100w\xd9'</t>
  </si>
  <si>
    <t>b'\x95\xa6\xf9\xa6\x19\xcf%\x19\xc9\x1ckWb4"\x19\xe5\xe8\x12\xa1\x98\xd6S\xcb\xb2\x91X\x15\x1e\xad\xd7\r'</t>
  </si>
  <si>
    <t>b'A0\xa6\xacs\x8f\xd0R\x0c\xb2\xf9\xf4\xfcBa\x1b\xe2\xe8\x9d\xe3\x08\x9eD\xf1X\xb8\xbb\x1av?}\xa0'</t>
  </si>
  <si>
    <t>b'\xa3\xe1C\xea\x9f\x9c\xd3\x94i\x96\x05\xbcJ\xa9\xe4\xcd\x14\xae\x98\x9f\x91\xe9i\x8e\xcb(N\xe8\x89c"V'</t>
  </si>
  <si>
    <t>b'\x04\xe3\x08\xc42\x13\xe5\x9f\xe6\xcf\xf6\xe7\x1d\x12\xd4\xdap\xce-U\xe1\xea\x12\xb2\xd6\xfa\xc9q\x9c&amp;\xcb!'</t>
  </si>
  <si>
    <t>consolidate2012debt</t>
  </si>
  <si>
    <t>b'+P\x9e\x84\x96\xb9\xa9\xf0\xc9yR\xd7\xc3\xe4\xe74\xe6\xfb\xef\xa1\xb1\x9d\x99\xecM\xc3\xe3\xb1\x9b0\x91\xb2'</t>
  </si>
  <si>
    <t>b'\x0043M\x06\x88|\x00\x98\x84\xf2\x8bW7\x1c\xbc\xd0EHB\xbd\x1b\x84a3\x9ea\xbf\xdd\xd7\xf7\xca'</t>
  </si>
  <si>
    <t>b'\xb0l\xb0\xa72b\xa1\xca!\xd3_\xb9q\xb8\xd7\\\xdao\xa4\x19n\x0b\xe4\x0c}\x91\xdf\xf8z\xfa\xb3\xab'</t>
  </si>
  <si>
    <t>b'A\xb0\xfa\xc7\xf8j\xb1\xe5\xa5%\x9b\x96I\xca\x0e\x01\xe12\xb0\x9eE\xb1\xc2\xea\x80\x01\xf1\xd3\xff#CE'</t>
  </si>
  <si>
    <t>b"\x10\xbb&amp;\x03cR\xadc\xa5\xd7\x16@\xf5\x8d\\\xd4jo\xd8\xff\xd5\xf5q\x98V\xdd\xfe0\xd5\x85\xbd'"</t>
  </si>
  <si>
    <t>b'\x8c\xf7&gt;\x8b\xa6\xa3?\x15\xd6\xce#\xa2\x9e\x9f\x04\xf6\xc2;`Y\xd1\\\xddZei\t\xd2\x0e%\xd6^'</t>
  </si>
  <si>
    <t>b'[:\xd9b\xa1g\xc1\x97\x8f\xdb\xfa\xa2&gt;\x10-\xdfn\xe2O&gt;Ul!\x05L\x88H\xcf\xce\x17\xab\xe7'</t>
  </si>
  <si>
    <t>Transmission Repair</t>
  </si>
  <si>
    <t>b'1\x91\xca\xdb\xcb\xc6\x98o\x00Y\x1c\x12\xe9\x9b\x8c\x8b\xba\x98/0y\xe4\xa3R\x9e(\xb7\xf6\xd9\xa7 \xfa'</t>
  </si>
  <si>
    <t>GetRidofDebt</t>
  </si>
  <si>
    <t>b"\x12Q\x17\xc4n\x06\x0b\xec\x177\xb7\x16\x12\x82\x94\x04@!\xe4\x00\xa2\xb9\xfe$'\xb2\xc79\x9f\x02&amp;J"</t>
  </si>
  <si>
    <t>b'\x8c\xa2~?\x0f\x0cR\\\x05\xc1={n\xd7\x92\xc4\xd9\x9dj\x9f\xa3^|B\xcd\xe4\xe7A\xab\xccz '</t>
  </si>
  <si>
    <t>furnace</t>
  </si>
  <si>
    <t>877xx</t>
  </si>
  <si>
    <t>b'c\xa3\xa2\xe4\xae\xc6\xfbAS\x96\xa7a\xb2y\xa9h\xa4f\x9e\xf9\xa9\xad\x06\x8d~\xeaO\x86\xb0 z\xb1'</t>
  </si>
  <si>
    <t>San Francisco Loan</t>
  </si>
  <si>
    <t>b'/&gt;?&amp;[\xd32\xde\xefp]\xe0n\xf3\xb1q\x00[\xe5\x9d\x896\xdb*\x1d0\xe6\xaaf\xa7,\xaf'</t>
  </si>
  <si>
    <t>buy car</t>
  </si>
  <si>
    <t>b"\xc3\x84O\xc9G\xe3cU\xf53P&lt;KV1&gt;r\xc9\x14x\x02\n\xc2%\xbb\xa2\x1fY'\xce\xf4\xe8"</t>
  </si>
  <si>
    <t>Dept Consolidation</t>
  </si>
  <si>
    <t>b'\x1f\xa0k\xa5\xdb\x02\xff\x15\xb1\xa7q$\x91O\x8e\xf6\x90\x95$\x81\xae\xcc\xd5]q\x0b\xa6q$\x97q\xc9'</t>
  </si>
  <si>
    <t>b'\x9d\x19\x06\xf8Z*w\xa1\xaa\xea_\xae&lt;\x19\xb6\x9b\x96E:y\xf1\xbc\xd2\xf9\xd3@\xc9\x0f\x83`\xb2r'</t>
  </si>
  <si>
    <t>b':v\xf8\x8cs\xd3\xff\x8e\x19\x0bw\x97\xbaXh1e\x9d\xf4\xdb*\xf9\xa3\xf7\x18\x9e\x1c/\x03\xc8B\xe3'</t>
  </si>
  <si>
    <t>b'\x8c\xefH\xa8\x91\x17\xc4c\x94Z\xc2\x81_\x19\xc7\xa0\xf9lv\x1e\xc2\xe3\x0e\xd4\x9bP\x84\x9b6\x1clC'</t>
  </si>
  <si>
    <t>credit card payment</t>
  </si>
  <si>
    <t>b'G\xa2d\x95\x04\xc7S\x938\x9c\xecn\xc9Bs\x06\x7f\xbcu\x1a\x88\xdeE4%=\xbc\xd2\xe6\x9d\xc8\xc9'</t>
  </si>
  <si>
    <t xml:space="preserve">Credit Card Restructuring </t>
  </si>
  <si>
    <t>b'v\xb8\x03jUkj\xab\xce\xcc\xe8\x1f\xf1\xbf\xc5\xe2\xdf%\x12\xa2NQy\xc8;\xbf=%\x04T\xe2\x9d'</t>
  </si>
  <si>
    <t>b'\x13-\x0cZ\x18~\xabn3q\x9fA\x15\xc26\xcf\x1bI\xd97\x02\xdca0*~\x00m\xd2\x99\xc1J'</t>
  </si>
  <si>
    <t>b'2\x7fp\x85@\x8cpJ\xfcQ/\xccf\xf7\xe3\xe1)\xbbd\xc8\xf8\xd8\xd7=\x0e\xf1\x84\x01h)\x9aW'</t>
  </si>
  <si>
    <t>b'\t\x1a\\\xda\xf1\xa5\x8a J\x08\xea\xedN}\x82\x82)kUd\xc8\xc4\xdb\xc2X5\x8f\xfc\xed\xb6\xcbB'</t>
  </si>
  <si>
    <t>b'\xb2(dd&lt;\x80&lt;\xb3\x13\xbb\xca{Y\xd5\xa6\xb2\xfa\x7f\x05h\xb3\xea\x86V[\xfee\xe9\xec\xc0\xdf\xb2'</t>
  </si>
  <si>
    <t>b'\xbb\xa6\xec\xae\xb4|\x88\x19\xfcmpLy\x9a:\xfe\xa7\xc2u\x90\x11\r|\x87W\xdeq\x95\xacK\x1e\x96'</t>
  </si>
  <si>
    <t>574xx</t>
  </si>
  <si>
    <t>b'QT\x99k/\xa3&gt;\xcae5\xbab\x94\xb3NVR\\\xaf\xac\x13\xd6\xbf\xb6f\xc0\x06\xbf\xa8l\xca\xe2'</t>
  </si>
  <si>
    <t>NEW NEIGHBORHOOD</t>
  </si>
  <si>
    <t>b'N\xdb\xf2 \xc9\xeb\xde\x8fT\xc2\x91\xa8[\x01\x0e&gt;:L\xc7\xac\xb6\xf3\xb6\xde\xeb\x00}e\x8c\xf4\xb5\xfa'</t>
  </si>
  <si>
    <t>b'\xff\xb0|\x1er\x1djlC\xd3dT8mD\xb2\x9c425=\xdc\xce\xa5\\Y\xad\xb9(\xfb\xc5\xcc'</t>
  </si>
  <si>
    <t>payoff credit card</t>
  </si>
  <si>
    <t>b'x\xd9~\xce#\xcb\xb7\xb6\xb6sx\xc1\x07\xd3\x19\xb3/\x87\xf158+\xf8o\xf9\rG\x7f hf~'</t>
  </si>
  <si>
    <t>b'\x81+x\xc2\x1d\xcb15\n\xbe\x8c\xbf\xedm[\xe6(\xbe\xe9F\xe7\x93\xcf\xe5\xffW\x1bR\x18!\x0b\xd1'</t>
  </si>
  <si>
    <t>b'\xb1EaEN\x04\x8dRM\xaeD\n\x9al\xab\x82\x10\x0cm\xc8?\xf3\x9f R\xbc:{\xd3\x0c!\\'</t>
  </si>
  <si>
    <t>Medical bills payoff loan</t>
  </si>
  <si>
    <t>b'\xa6$\xe6EH&amp;H\xb70\xa3\xcd\xe4\x8c\x0e\x16\xa2L\t4j\xc6\xd5\xfc@\xcd\xff\xe9\t\xfdc}J'</t>
  </si>
  <si>
    <t>Reficon</t>
  </si>
  <si>
    <t>b'\x04\xe9\x17\xae\x1a\x19^\x1a\xa1\xcfW\x9ar\xde\xd5\x94\x84\xc6\xaf\xda\x18&amp;\xe5\x97\xc8\xc8:[\x90\xd6\xeb\x85'</t>
  </si>
  <si>
    <t>Porsche951</t>
  </si>
  <si>
    <t>b'\xf1\x9d2^\x17S+xB\x87&gt;XSf\x04\t\x98+\xd5\xb7\x85X\x9ep\xda`\xcd]\x03L3^'</t>
  </si>
  <si>
    <t>b'\x89\xafC\xeep\xe6cH\xc6\xdb\x10\xb4\xbc\x87\x01\xa1\x9a\xc7H"C}\t\xa9\xad\xe9\xeb!+\xee f'</t>
  </si>
  <si>
    <t>b'.\xc7\x04\x0bRc\xb0L\xeaI&gt;_Rq\xa2j\xf7\xca:\xec\xcb\x00\xfa\xb1\xdf$\xa8\xe2\xf0C\x10\x0f'</t>
  </si>
  <si>
    <t>b'\xb0\xa38\xc9U\xea\xed\x07\xcdL)\xe0p\xabAd3\x06\xf7\x84o\xdb\x1fz\xad\xa9\xa5\xbb\xe1\xbc\x185'</t>
  </si>
  <si>
    <t>b'z\xd8\xc7\x0c\x0c\x8c\xa0\x92\xa7\xc3;@zj!\xad\n0%\x93:\xc4\x1dR\xe2\x0b\xa5\x03\x11\x1d\xc4\x1a'</t>
  </si>
  <si>
    <t>b'\xd6\xbf\x93if\x8eJXMRPu`G\xf4\xe4T\xd1\xc0\xc2M\xc8\xca\x00\x8c\xc1\xddkK\xa3\x11J'</t>
  </si>
  <si>
    <t>Consolidate1</t>
  </si>
  <si>
    <t>b'5\x84\xeaj\xc5\x82\xa6\xdf\xcb\x12\x10\xe2]A\xc7c/\x84\xe9\xba\x0b\xf9\xacQ\xf1W\x8c\xcac\x1a\x8c\x01'</t>
  </si>
  <si>
    <t>b'\xe2,w~\x9b\x8a\x16S\t\x19\x04]W\xe2T\xdc\xf1\xd5\xb5\xdf\x11\xf7\xd7\x0c\x98\xf4e\x95\x95\x1e8F'</t>
  </si>
  <si>
    <t>b'\xbeB\x02\n\x87w\xfb\xa4\xf7\xf6\r\x90\x99Iv\xff\xb0p\x9cDCF\x13\x9f\xa3\x93\x85D\x9a\x8a"_'</t>
  </si>
  <si>
    <t>b'fu+t\xe7XcB\xb6\x0b\x16r\xc4\x1c\xa6\xa4t4\x18\xfa\x86\xf1G\x95!x\x08\xd9\x81\xba\x95\x98'</t>
  </si>
  <si>
    <t>b'\xf7\xf2\xb72*&lt;X\xa1\xdd\xe7\xb14\xda\xdfN\xf3\r6\x91\x85\xc1t\xda\xffR\xfeM\x93\xa4v\x1a\xc2'</t>
  </si>
  <si>
    <t>b"\xa1\xecn\x9e\xa6\x99m\x9d2sJtQT\xba\xb4i\xa0\xd4R'\xb7\xb3\xb98!P\x96\x1e\xce\x811"</t>
  </si>
  <si>
    <t>b'\x1b\x92/\xd7\x1aUP\x85\xeerf7e\x10Y^H\xd2\x97\xe1\x9d\\\x0b\xbd\xe8\x92\xdf&amp;F\x96uh'</t>
  </si>
  <si>
    <t>b"\xe9\x8a0\xd5\xda\x88J\x8f\x12\x0f\x06\x97\xc6Zsr\x02\xda\xaeE\xe2m\xed\xf6\x08'b.\xae\xbc\x82\xf6"</t>
  </si>
  <si>
    <t>b'\x04\xfbF\xc5\x0e\xf2\xbf\x9e!.\x8a\x99.T\x95?@\xa6\xde\xbd+\xbe\x04\xf8\x8c\x98?M\\\x1c\xc23'</t>
  </si>
  <si>
    <t>b'\xa7B\x05&lt;\xce\x87\xf9}\x95\xc9\x1amh\xd9\xb5\x0e\xd9`2\x19Q|\x87\xdd\xbfO\xa0\x19\x89\xaed]'</t>
  </si>
  <si>
    <t>Payments</t>
  </si>
  <si>
    <t>b'r\x19K{&lt;X\x19u\xb3T\xb1h\x903\x17h&lt;\xcb@\xb6\x0e\x15\xc1\xea\x82\x9c\r\xa2YO\xc13'</t>
  </si>
  <si>
    <t>634xx</t>
  </si>
  <si>
    <t>b"\x0e\xd0H\x96/p\x1c\xa2\xe0*\x8eBn\xf1\xd7\xb9t'tz\x9f\x93\x95dN\xf7\xcd \xdd\x0f\xd2\xf9"</t>
  </si>
  <si>
    <t>b'\xba\xe3X\x85\xb57\xbc\x8d.M\xb8`\xd0\x0f.\xcd\xfeC\xd5\xa6\x12\xa8\x89\xdf4\x93\x90\xd3\x8a\x83\x90{'</t>
  </si>
  <si>
    <t>helping hand</t>
  </si>
  <si>
    <t>b'\x94\xee\x87h\x94|\xe1\xd7\xa7\xbdX\xfeP\x0e\xce\xb4=5\r|\xfc_U0\x03\xd7Q\x14\xb6\na\xc9'</t>
  </si>
  <si>
    <t>b'54V\xdb}\x7fILR\\\xdb\xff\x15\xc72\xae\xe8\xc9O\x89\x19|{F\xcc\xab\x1a\xcaRe\xd5\x03'</t>
  </si>
  <si>
    <t>b'\x98\x7fHb\xa4V\x14\xf3@a\x03m\x9ce\xca\xb5\xefe\xa8\xa7&gt;\xdcj9o^\x9amp\x1b\x89\x99'</t>
  </si>
  <si>
    <t>b'wN\x15T\x0b\xdaY&lt;\xb44\x80r\x1a9\x90\xcb\x96\x91\xd5fX\xeb\xa0\xa3j\xd3"c\x84\xc8\x19a'</t>
  </si>
  <si>
    <t>b'NJ\xbbq\x1a\x9f6\xb45\x85\x00q\x86\xe8q\xfb\xd6\x9a\x00a\x7fw&lt;G\xdb\x18\xc5tx\xb1\xcb\x97'</t>
  </si>
  <si>
    <t>b'\xd4X\xb4\x18y\xf3he\xa81\xc8\xc1\xb3 \xc1\x82\x85d\xdc0@\x92P\xe4\xd6\xbdu\xcd\xc0=\xbf\xa8'</t>
  </si>
  <si>
    <t>Credit card, personal loan consolidation</t>
  </si>
  <si>
    <t>b'\xda\x18\xd9\ruy\x12%\xdc\x95\xa5\xbd\xdb\xb2\xc1\x8c\xbe\xe1UR\x9ex\x1d)\ti\x97\xac\xccL\xec\xa8'</t>
  </si>
  <si>
    <t>My credit consolidation plan</t>
  </si>
  <si>
    <t>b'\x1d\xa9"\xd2\xb0\xb9\x1a\x19 ?\xef\xc3\xa3\xbap\x8cC&lt;\x87{\xe0=O\x80[\x14\xb4\x084%\x9e\x92'</t>
  </si>
  <si>
    <t>Refinance Lending Club Loan</t>
  </si>
  <si>
    <t>b'9q_$\x7fK\xcd\xec\x95T\xc9\x8c\x1bOs\x08\x1f\xb6\xde\\\xc8\xf08wj\x91\x84\xda\x02\xdc\x91\xd7'</t>
  </si>
  <si>
    <t>b'X\xf9\x8eW\x0c\x89\x16\xdf5R\xa7\x94\xcb\x1c&lt;h\x14C\x11\x98\xda\x81tun\xea\x1a\xce5\x94\xb8\x13'</t>
  </si>
  <si>
    <t>Loan 2013</t>
  </si>
  <si>
    <t>b'\xb4\x07\xa7f\x821\xcc\xc2\xa7\xe2\xf6\x8b\x93\x12%\x15\x02\x80-d$\xa7\xb2H3x\xb0_,$\nv'</t>
  </si>
  <si>
    <t>b'\xfc\x90\x067A\x8b\xce\xcc*r\x15\xe3y\t\x02^x\xb1\x88\xd2\x8b\x04\xe3\xc2y\xc1\x8dGm\\\x91z'</t>
  </si>
  <si>
    <t>b'|\x84\xc3\xcd~2\xe6\xa1\xc2\x96\xdb\x92zA\xf3\'@\n5?P\x01\xbf\xfe\x84S+A\xee\xb7\x9a"'</t>
  </si>
  <si>
    <t>b'\x80raG\xc7\xc3q\xb8\x18\x85\xe9\xda\x0eW\xd5b\x82\x1a\xe8\xb3\xfc\xbb\x14\xf2~\xeb\xf5c\xbfA\xcb4'</t>
  </si>
  <si>
    <t>interest saver</t>
  </si>
  <si>
    <t>b':\xc9x\x9a\xf6a\xfaQ\xa7%s\xc6?\xa6\x1b\x9e\xf2tX\x03f\x9a+\xacr\xee\xe9\xa8\xa4R\xb9\xb9'</t>
  </si>
  <si>
    <t>CreditCardPayOff</t>
  </si>
  <si>
    <t>b's\xda{&amp;\xe1\xa3\x8d\xa1\xffEB\xaf)\xf0\x90\xeb\xc0T\xadA7\x90:VB\x8b\xa1\xa6?&lt;{\x96'</t>
  </si>
  <si>
    <t>b'h\xec\xad\xa6\xf1C\xda\xfb:\x05Y$\x18\x15L\xff\x12B\x8c\xea\x16\xeb\xe9\xec\x17\xf9Y\xab\x11\xc2i\xce'</t>
  </si>
  <si>
    <t>Payoff plan</t>
  </si>
  <si>
    <t>b'\xcf\x8dJq\xa9\x1e\x81\x15c\xa2\x14\xd8\xe7\xd0:p\xdb.\xdd\xd0\x14\xcb\xd6\xf3\xec\x87Dc8q\xbdl'</t>
  </si>
  <si>
    <t>b'l[\xf6\x05\x1d\xe5\x90\xc2\x059m\xd34\xfb^Jl\x16\x85\xd5\xc1j=\xf7\xc9\xc3n\xe1P\xc2L\xa0'</t>
  </si>
  <si>
    <t>b'\xdd\xd0\xd9x\x86\x1b] ,~\x03M\xd8l\x91S\x94\\z\xdd\xc1o\xdc\x88\x0f\xc0KN\x96\x8e\xd9\x02'</t>
  </si>
  <si>
    <t>b')\x17\xb8\x93\x15\x0c#Z\x06W\xf7\x85C\xbce\xbdp\xc8+\x8a\xc6\x9cP\xb5\x84d\\\xf9G\x07\\K'</t>
  </si>
  <si>
    <t>My no-debt plan</t>
  </si>
  <si>
    <t>b'.\xaa\xf5a\xf7]\xf4\xd3\x0b\x08\x87\xde)\xe3\xe8^\x9f\x00\xfb "\xe5\xca\xf7\xcbs\x9e\x8d{{\xba\t'</t>
  </si>
  <si>
    <t>b'}\xc7\x0cqt\x8f1%\xe2\x0et\x13\xda\xdd?\xdc\xe5\r\x9d\x94\xcf\x97\xe9\x12\xe7\x12\xdd\xfb:L\x14\xf3'</t>
  </si>
  <si>
    <t>b'\xcc\x1b\xbcE\xf38\x8eu\xb9Y\xcc\xae\xdeL\x92\xde\x0e4\xbc\x1e\xe2\xf2\xd5\xd5\xa5\x1f|(\xd4\x9b\x98H'</t>
  </si>
  <si>
    <t>b'\x7f\xe4\xf8\xa1\x8d\x99\x94\xc6\xd7bg\xb1\x86N\x9b\'\xbf\xd8d"h\x14\xdfFL&gt;\x92\x11_\xd9\x917'</t>
  </si>
  <si>
    <t>b'\t\xa3\x9a\x1e-\xff@\xa5\xa2\xc8fx2.\xfb\x16\xe1P\x80\x19+\xaby+N\xc4\x10`\xad\xe9\x0b\x1a'</t>
  </si>
  <si>
    <t>b'\xbe\x84\x17D~\x82}\xfc\xa8\xea\xa9\x06\x15\x08\x88\x1d\xb2\x01\x1f\xc0wt1B\x944^o\x0f\t0n'</t>
  </si>
  <si>
    <t>b'\x9a\x88\x03J\xa5yW\x17\xfc\x94\xf319\xd6%~\xe1}&amp;S\xce\xd2\xd9M5!\x96_\xecj\x08\x98'</t>
  </si>
  <si>
    <t>b'\xf93\x96\xd6+3\r\x88k\xef\xfc\x06\xa2e\xb6b\xe7\x8d\xf2&amp;\x86p\x0f\xe6bvE\xf9t\xb1^\x1a'</t>
  </si>
  <si>
    <t>b'q!\x88d\x99\xc5_\xf6\x84\\\xa9\x8d\x7fK\x06d\x17\xd6\xae\x01\x0f\xe37\xf1\x9c\x9b\x8e\xbf?\x97\xe0\xe5'</t>
  </si>
  <si>
    <t>b'\x94B7&lt;b\x12\xdb\xef\xa9o&lt;\xb4\xb4X\x98\x7f\x13\xad\x899\xe3\xe3\xe8\x01u\xa5\r+\xae\x96\x14\x19'</t>
  </si>
  <si>
    <t>b'\xc6:\xcdX9\x1ex\x9fO\x93\xa2\x90r\x1f\xeb\xaaH\x8d:\xf3*\xd9\x17;_\x85\xf3\xba^U\xa5]'</t>
  </si>
  <si>
    <t>b'TI\xecu\xae\xf7E\xdc\xfd"@~\x12m_A\x1eB\xd3\xc3\xd6+\x92\xd7\\\x93\x1e)N\x80\xfe\xd4'</t>
  </si>
  <si>
    <t>Main Loan</t>
  </si>
  <si>
    <t>b'\xac\xb8\x91(\x85"\xec\xb1\xaf\xbe\x80aArm@S\x9be\x9e\xb86\x80s\xfa\x9cRi\xb8\xfb\xf2^'</t>
  </si>
  <si>
    <t>b'\xf0\xbeG?#\x95\x1b\xc0\x93\xc7W\xc3\x9b0\xa1\xbd\x92\x04l\xbd4\x80\xfa\x10&gt;\rT\x8bUU\\\xf9'</t>
  </si>
  <si>
    <t>b'\x84\x08\xd3\xdc\x12\x8e\x17(\xc7M\xe8u\xa2P%\xbf\xeb\x0bw\x88\xf7\x1e\xc6\x08b\xd4\xaf\r7\xf6KJ'</t>
  </si>
  <si>
    <t xml:space="preserve">Home down and </t>
  </si>
  <si>
    <t>b'J\xfc\xb4\xa1\xb4\xa6\x93\xce\xb2\x88\xd7\x10\xd2`\xf2o\x91\xdbPHw\x8e\x80S\xdc\x9fq\x19v\xdd\r\xd2'</t>
  </si>
  <si>
    <t>b'\xc6}\x1d\xfa0\xbcl\xdcjX\xc9|{\x80c\xa8\xcb.\x13\xc3\xc3\xb2~x\x9a\xb5\xd79\xd6\x1b8n'</t>
  </si>
  <si>
    <t>Combine</t>
  </si>
  <si>
    <t>b'\xa6\x8d\xecm\xedF\xb0\xf8\rw6\x97\xeby\xdd\xca\xfeW\x92J\xb0.\xf3hUF3"\x90\xf0\xd2\x9d'</t>
  </si>
  <si>
    <t>b"\xdc'\xefP7\t\xfc\x04\x96eb\xf7\x00\xabp\xc0\xc6\\M\xb9\xf0)M]\xf20\x18%V7\xc1D"</t>
  </si>
  <si>
    <t>b'\xee\xb0\xeb\xf6\xd3\x04?\x12!\xf9\x08\x8c\xf0\xf4\xdb\xd95\xa4\xf3\xfe&amp;* \x82"d\x0e\xae\x0e6s\xc4'</t>
  </si>
  <si>
    <t>b"'\xa0\xd5\x9e\x15\x00\x9d\xe9\xc0/\x1b[\x05\xee\xa7\xfe\x18s\xee\x9a%\xa3\xa2\x13\x8a\xb3\xae\x19n\x96\x8f\x10"</t>
  </si>
  <si>
    <t>b'\x05\xd6\xe0\x0ep\xa7v\t`\x89TI\xcb\x92e\x95]\xff\xf9\x89xJA\xd4\x1d\xbf+ldq\xe7\xf7'</t>
  </si>
  <si>
    <t>b't\x87Z\xfb\x9b\x842\xa1\x1e\xd1k\xa1\x93t&lt;iu\x13rS\xe0}\xa9l\x84\xf34\x8eP8\rl'</t>
  </si>
  <si>
    <t>cc pay off</t>
  </si>
  <si>
    <t>b'I\xf9t\xc2|\xb3\x00\xd4u\xec+G&lt;"Va\n\x01\xe0\xc3u\x15g\x14\x14]\xbc}5\xed\x0bn'</t>
  </si>
  <si>
    <t>bills loan</t>
  </si>
  <si>
    <t>b'\x8d\x1f\xff;S\x8a(\xfbS\xe1\xf3\x1f\xa0\xf5\x99\xc7\x90\xf2\x96\xba\x19\xban\x02\x7f\x1f\x9fJ\xdax\xceG'</t>
  </si>
  <si>
    <t>b"}`\xebD\xbc\xc5?\x86v\xd7\x8d\xdfy\x82.\x18\xeaX\x80\x03s}\xbf%'\xc5\xbeQ\xb7\xf7\xa0\xa8"</t>
  </si>
  <si>
    <t>b'\xf7\xa9\xb1\xb9\x90:\xacT\xb3B\xdeW~R{\x1a\x8f|A=&lt;\x91\xca\x10\x17\xab\xe2Mw *\xbd'</t>
  </si>
  <si>
    <t>b'\xecW\xad\xc8\t\x13\x17$\xd88\xaa\xdae\xd6\x8bM\xe2\xb7\x10\xd3\xebk8\xa4$s\x82~\x9cN\x13\xcd'</t>
  </si>
  <si>
    <t>b'"T|+\x84\x0f\xa1\xd0&lt;&gt;A/Si\xb0`\xd2\x81\xc1\x92\xbc\xbc\xffO\xea&amp;\xb2i\xb9,0\xa3'</t>
  </si>
  <si>
    <t>b'\xb7\xaf\xf1\xe5$"\xcb\x06\xe5\xf7(\xd4X\x82\xce\x8e/\xad\x9f&amp;0`\x1f\xac\xfc8\x03\xd6n\xd7\xb8p'</t>
  </si>
  <si>
    <t>b'*\xa9\xc3\x883\xa2\xc1c\x94\xdb[\\\xa1/\xa0*e\xf9\x11u\x93\x8e\xdbE6\x95\xf8\x11z\x996\xfc'</t>
  </si>
  <si>
    <t>b'7\xb5\xb6"\xb7\xb1L]p\x1eYem_o\xee\xcc^\xda\xd2\xfc$^\xa8i\x0c\xf0\xaf{\xd2w\xca'</t>
  </si>
  <si>
    <t>b'\x1f\xb7\x82\xd9\xf0\xf9KJ\xfc\x0c\xe11\xe6\x8d\x9e\xf6\x8f\xa0\x9c4\xecR\xda\xab|_)\xb6\x12\x0bH9'</t>
  </si>
  <si>
    <t>spiritual trip</t>
  </si>
  <si>
    <t>b'\x92i\x88\xe7\x7ft\x06C\x11:^\x85\xac\x83;K6\x06\t\xa0[\x08&lt;\x14\x8a\xfe\x18G\xc3# \xab'</t>
  </si>
  <si>
    <t>b"\x14\x80O\xf2i\xb8\xa1\xd8Wh\x91\x82\xf6\xf9\x14\r1\x82\x94'L\x9e\xe8\x92n\xc2E\xaa\xdf\xb0\xd1p"</t>
  </si>
  <si>
    <t>b'\r\x10\xe9\xa1\xa2\x8cz\xfd\xed\x13\xc9#\x12O\xf6\xa7\xf1\x86\xd2\xe1_Q\xb3\xa8\\\xe7Fy\tr\xc3\x93'</t>
  </si>
  <si>
    <t>debt  help</t>
  </si>
  <si>
    <t>b"\x15x\xc3\xe7\xa8zY\xdf \xdc\x88c\x0e\xc4\r-\x05\x94\xd1O\x83\x1a\t\x850'*ChS\xf7w"</t>
  </si>
  <si>
    <t>b'\xd9H\xc7\xef\xa7\x14\t\x95%\xe27Y\x83Z1\xbc\xa0\x98\xf2s\x84\xe6\x88!`\xe0@\xe1\x02\xe7\xb6\x93'</t>
  </si>
  <si>
    <t>Plastic Removal Loan</t>
  </si>
  <si>
    <t>b'A\x1c\xd1\xfb\x19\xd2\x1c\xc7i^\x8eQ$\x8b|\x82\xab\xe3\x8aD\xfb\x16j\xae3\x91\xf0\x99p\xbe\xd6\xb2'</t>
  </si>
  <si>
    <t>Dedt Consolidation</t>
  </si>
  <si>
    <t>b't/\xca\x02\xda\xb9\xbd[\xad\xa1\x06\xcf\xba+x&amp;]u\x86\x9d\x95\xc2}\x87\xb5\xe4\xed\xef\x07\xd5\xe0\xb7'</t>
  </si>
  <si>
    <t xml:space="preserve">a new beginning </t>
  </si>
  <si>
    <t>b'\x9f.\rL\x1a\x07\x0e\x89^\xb8\xc1\x0b\xd0|\xb9C\x82U\xc2\x8b&lt;\xc6\xc2\xbc+\xf6\xc2\x07Y\xb9j\x0c'</t>
  </si>
  <si>
    <t>b'\xb3\x1c\x90\xd8\x91\\\x0c\x0c\xc9\xbc\x05\xa4\xa1\xbb\x9cA\x04\x9f\x11|\x90\xae*&gt;KI\x81\x149k:\xb2'</t>
  </si>
  <si>
    <t>b'\xcaP\xe8\xees\xff\xfa=\xf8gpd\xec\xee/B\xb7\xa6\x92\xe1\xe2\xbf\xc9^\x8d\xe1wx\xdd\xd4\xect'</t>
  </si>
  <si>
    <t>b'\xd3\xf2W\xadw\xe7m}\x8a\x90b\x10|A\x13Bg\xe6\xa4\xeb\xd4\xd2\xa5\xe1F\xae8U\xae3\xe0\x13'</t>
  </si>
  <si>
    <t>Credit card refinance at lower rate</t>
  </si>
  <si>
    <t>b'\x9b\xc0\xa1\x04\xcc\xf69G#\x88M\x18\xad\x89\r+\xac\xca\x90VW,\xd1\xc3\xf0^\xd4\xcfY\xd2\x19\x1c'</t>
  </si>
  <si>
    <t>Deck and pay off credit cards</t>
  </si>
  <si>
    <t>b"8'p\xfa\x7f\x18\x0b0?b\x84!\xf6&gt;\x1ajV_\xe2\xc5\xc9\xe3\x8b\x8d\xb1\xd1_\x8a/\x83O9"</t>
  </si>
  <si>
    <t>Ticket to Land of Hope and Dreams</t>
  </si>
  <si>
    <t>b'\xcdD\xfe\x92\x0cY\xf9\x87\x87{\x13m\xa7|s\x80\xa0\xc2\xe0\x9f\xa0\xd24\x95d2\x138J\x1b\x87)'</t>
  </si>
  <si>
    <t>b'\x00\x0f`\xbd\xf3\xbd\xac\x1a\xae\xd6W[\xbda\xbbB\xc5\xca\x9b\x905\xee\xe4\xda4\x18VG\xb0\x9bj\xe5'</t>
  </si>
  <si>
    <t>b'\x18Z*K\x0e\x8b:E\xbb\xb0\x95\x01+J\xd6\xf6Z[\x15\x00\xe5\xc1\x92\x1aa\x8aF~\xb2\xdb&amp;{'</t>
  </si>
  <si>
    <t xml:space="preserve">Credit Card Conso. </t>
  </si>
  <si>
    <t>b'\'\x95\xe5\xdd~Rp&amp;\x94\xb8\x9e\xe3q\xbc\xfa\x00\x7fx\x90)WvJ"\x0f\xa5)\x1eeB\xed\xf1'</t>
  </si>
  <si>
    <t>b'\x1d\x0eOml1\t\xa3\xf3\xcf\x83fOY\x1fS|/\xb8|\x06\x11?\xa0\xec//\x93\xb8\xa0\x92x'</t>
  </si>
  <si>
    <t>Debt.Consolidation</t>
  </si>
  <si>
    <t>b'@\xf7^\xa4}\x1c\xb4Mo(\xed7\xfa]\xe38\xba9#_N\xd1\x10\x01\xaaq\x82\x87H\x95\xed\xce'</t>
  </si>
  <si>
    <t>Loan 2</t>
  </si>
  <si>
    <t>b'\xca\xd1\xd4\xf8|\xdd,@\xa3\x9aTL\x13\xd4\xc8\xc9}\xba\x1c\x88V\xb9LV\xd9\xefi\x1e\xc5\xc8\x91&lt;'</t>
  </si>
  <si>
    <t>b'\xd2\xb5\xd1x\xfdI}\x06\x03"\xce\x03\xf0N}\xb6\xbe\x03\xa2\xabH*Tt\x04\xf3#!\xb8\xe9j\x0b'</t>
  </si>
  <si>
    <t>b'\x96*/\x99_\x9a\xcaq\xda\xa8:\xac\x00\xcaG\xbf\x10Z\xe7\xd8\xaf\xf7\x0f\xb4\xffq\xf0;Os\x08 '</t>
  </si>
  <si>
    <t>b'\xe2\xa5Ki\x9f\xc6\x80D\x1e\x86?\x1b\x12\x88d\xe8UP\xfc\x9aY\xa9\x0e\xd3\xcb\xb9Hc\xf1\x8a\x94\xb7'</t>
  </si>
  <si>
    <t>b'T\xc6\xb7\xccqT\x07\xa5a\xe5z\xa33\xea\x92*e\x05u\x0c\xf1Pz\xb0\x05)\x89Ub{\xac\x0b'</t>
  </si>
  <si>
    <t>b'Q\x83Z3\xa6y\xec\xea`\xdbGu\xed\xdeJ&gt;\x95\xa39\xb2\xd9\xdc\xae&amp;\xe5\x05\x9dO\x02\x86n\x88'</t>
  </si>
  <si>
    <t>CREDIT CARD</t>
  </si>
  <si>
    <t>b':\x07_\xa8G\xfcw\x9c\x1b\x8c\xc7\x0ba\xc6\x12\xc4\xb3\x0eAS-\xbb\xf3)\x9dK\xb6\x88V\xe2\xe76'</t>
  </si>
  <si>
    <t>b'\x97\xf44XV8\x0b\x7f\x9c\xf5\x9d\x1e)\x08e~\xc56o\x87\xb4\xb0\xa1\xf1\xee\xd4,$\x86\x9f\xeb\xf4'</t>
  </si>
  <si>
    <t>Credit Card payment</t>
  </si>
  <si>
    <t>b'_\xaf\xda\xac$\x9b\xcd9\r\r\x99\xa9\xe0\xd1\xa9?\xcf\x83\x14\xe5`\x93\xba\x9f`\xda\xed\xa0\t\xaag\xee'</t>
  </si>
  <si>
    <t>b'\xa4\xadm\nW\xb6\xde\xdbu\xed\xf0Y\xed\xdc\x844\xba\xf1\xb6\xda\x80;V&lt;Z\xf4\xb0\xc1|\xcch"'</t>
  </si>
  <si>
    <t>b'\xbb}\xec&gt;\x9d\xa1U\x9f&amp;\xb8NA\xbe\xa8\xbb\x14\xef\xf3\xc7\xae\xc1A\x02\xdb\x18\x94\xc1\x85%\xd2\xf2\x18'</t>
  </si>
  <si>
    <t>DISTRIBUTION OF FOOD BUSINESS</t>
  </si>
  <si>
    <t>b'\xcb\xf6w\x869"\x92Y\xcbP\x96\xa9\xd9ph\x0fO\xb8\xf4\xb2jX\x9a\xb8\xc8\xad2\xb7\xd4\x99F['</t>
  </si>
  <si>
    <t>LendingClub Loan Application2</t>
  </si>
  <si>
    <t>b'\xd6\xee"\n \xe0lCd+$B\x83\x84\xf9\x97M\xe1\xb8\x83t\xdc\xb5\x10\xf1\xaa\xe0N\xe6\x1b\x11\xd3'</t>
  </si>
  <si>
    <t>Personal consolidation loan</t>
  </si>
  <si>
    <t>b'\x1b!\xf4U[\x87"\xdd~(\x04\x14&lt;\x8b\x92\x91q\x9d\xb7\xb8\x91\xf1\xbeg\xdd\xdfs\x9e\x7fb\xd3\xec'</t>
  </si>
  <si>
    <t>b'\xf6\x82\xff\x93 \xfe\x10\x7f\x0bk\xc3,\x96\n\x86b\x7f+P\x05\xfd\x886K\x81\xb71\x16\xb7\xd8Nv'</t>
  </si>
  <si>
    <t>b'GfA\x92z\x04\x85\x81Q#\xd3\xb7_/&lt;]\xe1\xd7&amp;gWrwG\rVm\x84l\xfa\x07\x9a'</t>
  </si>
  <si>
    <t>Credit Card and Lending Club Payoff</t>
  </si>
  <si>
    <t>b'Z\xe8\xebL\x99\xbc\xf6\x8d\xf0\xe5\x07\x0c\xb9\xdc\xe76VczTt\x04\xa7\xd4\x90\x94\x92\xeb\xfdH\xb4\xda'</t>
  </si>
  <si>
    <t>b'\x8d\xe7F\x1e\x1a\x16)\xca\xc9\xb4\xf3[A\x0e\x00\xcf%\xa7\x87\xd2\x19&lt;\xe2\x1aSg{\xa0\xf7\x9c\xfc\xfb'</t>
  </si>
  <si>
    <t>Christmas/Wedding Consolidation</t>
  </si>
  <si>
    <t>b'\x9bi[W\xca\x86\x10\xb6\xbf\xb8\xcd\xba\xb6a\xba:Xx\xc1r?\xc8\x936\x03\xd0V\xab\x86\x05l\xe5'</t>
  </si>
  <si>
    <t>b'\xaaH\xfa!\x006\xeel\xe6E\xa4d\xfd\xe4~s\x83\xea\xd7z\xc1\xaf\xf4\xd4^&lt;\xf2\x1f\xc8\x8e\xe7\x1d'</t>
  </si>
  <si>
    <t>b'\x04\xec\xec\x1a\xd7sIp\xdc\xb84\x1b\xcbj\xec\xc6`{\x9cHZ)\xce=o\xc2C\xf0m!\x1f\xb1'</t>
  </si>
  <si>
    <t>b' \x94\x15\xa8\x8cV\x15\x80\x1a\xea\xd6\x1d\x91\xcfIA\x89\x83\x0fc}\xb2\xfcN%-\r\x93\xf4\xd4\xd9\xb3'</t>
  </si>
  <si>
    <t>b'S\x10\xed\xaeB\xc9\xe7\xca&lt;*\xafdq\xf8\x1f\xb0\x0e\x8e\xed(\xc2\xe0\x03N\xa0{\x0fC\x16id\x0e'</t>
  </si>
  <si>
    <t>b'\xbd\x05\x18J\xd0\x81 \xa5R(\x00Q\x95\\\xc3\x0b#"\x05&lt;\xd9L\xac\xde;\xf8\xd6\x90\xdc\xe8\x1de'</t>
  </si>
  <si>
    <t>DebtRepay</t>
  </si>
  <si>
    <t>b'\x02\xb5\xb9+ B{}l\xf3%\xea\xcd\x1b\x99\x1bT\x9eGI]`M$\x9f\xd6\xe6\x06\x92\xb1`\x8a'</t>
  </si>
  <si>
    <t>b'\x87\x02\x9a\xcds-Y\xc9\xb4\x888o\xc59\xa1G\xa1{\x1dRH\x87\xa0&lt;v{\x02(\x13\x1a,\xf8'</t>
  </si>
  <si>
    <t>b'\x93\xa7\x8dK$\x9a\xdc\x13tx\x9f\xff\x9b\x9d#\x92\xca\xe5H\x9f?\x12\nH\xfc\x17\x1ef\xf2\xd4\xf7\xaf'</t>
  </si>
  <si>
    <t>Stuff</t>
  </si>
  <si>
    <t>b'\xe9\xd77\xc4\t&lt;\x8eV\xf9\x11\x97\x9cg\xcf\xcb\x00M\x00\xc0\x83\xff9\x1dG\x81R.\xff^\xf1O\xff'</t>
  </si>
  <si>
    <t>b'\xe4Y`a\xe2\xe3&lt;*g\x86\x05H}\xdb#\xc0\xb8\xcd/B\xfelo\x0fF\xd2YW\xad?%o'</t>
  </si>
  <si>
    <t>b"\xa1\xefL\x05@\xf4\xe99\xd7\x0f\xae' 9.\xd4\xe1\xbd\xf3O/^\x03\xdd\xfb\x85\x98\xfdy\xac\x06\x11"</t>
  </si>
  <si>
    <t>b"?J\x1d\x1b\xd6\xf8\x96\x1fL\xcbM\xedR\xc60\xbd\xe5\x00'\x94\x07\xb0\xa5\xdeg\xf1\x86H\xde\xd4\x90\xea"</t>
  </si>
  <si>
    <t>b'\xf3{o\x0fwMd\xe7\xea\x94\x12 \x0b\xa5\x16\x8c\xa2\x01\xc1\x0c\xce~\x8f\x10\xc1M0C\xeazP\r'</t>
  </si>
  <si>
    <t>b'\x9e\xf4u\t\xb2\x95\x18\xcb\xb4Y\xa1dE\x87\x9cH\x94\x84\x9c\x1e\xc8\xcb+t}\xab\x96\x8d\x8e\xe8\x83\x19'</t>
  </si>
  <si>
    <t>b"fn\xf1^\xc5 \x7fv'J\xe6\xa9gN\xa6\xa1\xf6\xf7\x93)\x1cv\x98\x13\x91~\xc9\xe6\xa3\x96\x12\x1a"</t>
  </si>
  <si>
    <t>b'\xd2Yn\xdd\xe3\x8c\x1f\x17"\xd6\t\x04\x91x7\xff\xa9\x11\xa0\xd6\xff\xcd\xbe\xd5\xa6\xaf\\v\xf7%\xc0\x01'</t>
  </si>
  <si>
    <t>b'\x8d\xb9\xd6\x1165\xaf\xa6\x01\xa6CW\x83\xa6B\xcf\x04i\xd6r\xb8Hr\xb2Xv\xa5K\x1d4s\x06'</t>
  </si>
  <si>
    <t>b'\x11\xec\xfa\x04\xa2J{\xbe2!\x86\x03&lt;\xc1X#\xb1\x8a\x1eVw\xf9A\x8c!\xdb\x9a@\xaf\xde\xd2\xb5'</t>
  </si>
  <si>
    <t xml:space="preserve">Refi </t>
  </si>
  <si>
    <t>b'\x85I2\x87kG\xd9-\r\xc3\x1cJ6n\x86\x15\xfeX\x89\x10\xba\xc9\xb7\xdb=@Gc\x94:\x90]'</t>
  </si>
  <si>
    <t>A fresh start</t>
  </si>
  <si>
    <t>b'\xc9\x8d\xf7i\xbeb\xca\x05\xcf7\x92Y\x8b\x1e3\xf6\xd7E\xe2}5;\xbd\xc9U\xc5\x914\x05\xec\xa7\x8d'</t>
  </si>
  <si>
    <t>b'i\x01\xf9JpO\x00\x82\\\x96\x9b\xfd\x1f\xe4\x06u\xfe\x8e\xa6@5eM0\x17\xfd\xb1\xc4\xa8\xbc\xeeZ'</t>
  </si>
  <si>
    <t>b'\x80\x0b,\x0f\xe8\x8an\xa4\xaaX\x8f\x1fH\x89h%\xdb\x92\x96\xf2\x1f\x9b\x0e\xb4\x14\xfb\x8a=;U\xd9?'</t>
  </si>
  <si>
    <t>b'\xa4%2\xadr\xca\x1a\xad!\xe7\xde\xd7\xdd\xb0\x1cy\xc0\x88\x03\x80\x1f\xd9\xde\x8atTq\x86G)%\xd1'</t>
  </si>
  <si>
    <t>714xx</t>
  </si>
  <si>
    <t>b'\xff\xe0\xc7\x8e+&lt;\xb2K\x84\x16om5\x19@\x0f1\xda\xf6\x8c\xbe4\xe9\xbd\x98:\xa3\xdd\xe5\x8a\xfe\\'</t>
  </si>
  <si>
    <t>b'\xde#\xaeA\xb4\xa3\x02\x19\xab\xa6Z\x04T\x91\xc1dj\xc6\xfcM\x95\xb5j\xab\x8a\xcc\xa87/\x0bB\xf0'</t>
  </si>
  <si>
    <t>b'\xf7E\xee\x83B\xc9(F\xef\x82\x98_\x19\xb8\x11%\x88\xb3\xf8d\x16\xa1"8\xdf\xcf\xeb\xe1\xb0\x85\x87k'</t>
  </si>
  <si>
    <t>b'\x01\xe4\xe0glq8P\x1c\x88\x16#\xb0df\x14\xb6M\x07\x0441\x89u2:\x96]@\xaa\xd1\x92'</t>
  </si>
  <si>
    <t>Free of credit card debt</t>
  </si>
  <si>
    <t>b'\xf9\x8c\xad\xe5\x04V\xa9\xeb|\xdb[\xc6\xcd\x95\x8c\x9b\xd5\xf3\xd0\xfbN%^\x9a0z\x12\x98e\xc1\x06~'</t>
  </si>
  <si>
    <t>DebtConsolidationLoan</t>
  </si>
  <si>
    <t>b'\xb2\x96\xb6\xf2\xaa\r\r,\t_\xee\x08P";\xf3-\x91\x0c\x04\xdaO\x1b\xee\xbf/\xc1`\xa5s&gt;\xe1'</t>
  </si>
  <si>
    <t>b'\x0c\xa0\x16\xe8E\xb7\x8aUS,\x0b\x88g4\x9b\xafB\x8f&lt;\xae\xb9\xee\x97tB"\x02\x1a\xf8\x11\x13\x9f'</t>
  </si>
  <si>
    <t>b'\x17z\xf4\x00\x1c[I\xd2e\x94\xa3O|\xd6\xe6\x97\x98\x1e\xb1\x8e\xa0\xdf\x88\xfc\xe4""\xa0\x14\xbf\xcf\x05'</t>
  </si>
  <si>
    <t>b'$x\x9e\xeb\xd1\xed\xd6\xed\x13X\xe2p\x99\xa3(Wd+k\x82I\x91\n\xc8;\xfa\x83\xe1\xad\x99\x8fE'</t>
  </si>
  <si>
    <t>b"\xdb\x1e\x9b\x93\x90\x7f\x92)\xcc\xfe\xc2\xc0\x7f\xbf\xf6=*\xd3\x15\xa0ZT\xa7\xdb'\xd3\x07k\x15\x89J\xee"</t>
  </si>
  <si>
    <t>b'\x1aM\xc6+l\xecy\x85;j\xfb\x16\xcb\xd2\xa1\xb8\xd5\x1b\x93;\x0be\xc5,\xbd\n\xb8\x1e\x84\xfb\xca\x80'</t>
  </si>
  <si>
    <t>Get Out of Debt Loan</t>
  </si>
  <si>
    <t>b'&amp;\x96,\x80+\xe1R_\x93qNW\x7fr\x8e\x1a(\xc3y\xdbN\x02\xbfj\xa0\xad\xe2\xbc\xe4\x19\x1b\x1c'</t>
  </si>
  <si>
    <t>b'\x8aS\xe2j\x14B\x9c\xd1\xc6v\xf8\x1d\x9d\x07$\xb4\x8d\xdd\x8b\xe0*}\xd8\xefE\xf89`\xce\x88kt'</t>
  </si>
  <si>
    <t xml:space="preserve">Finallyoutofdebt </t>
  </si>
  <si>
    <t>b'\xf5\x05\x0cm\x96@3\xfc\x8f\x98\xa7\xdd\xa1\xdd,\x179\xb01\xa9#XT\x8b\x96\xee\xb2J\xf9*\xc1\xd3'</t>
  </si>
  <si>
    <t>One monthly payment</t>
  </si>
  <si>
    <t>b'\xa2:_lY0\xee\xf0\\\xb8^Nl\xed\xbao\xab\xce6Cu|\xadV(\x91H&lt;rLR\xca'</t>
  </si>
  <si>
    <t>b'\xb4\xad\xee\xcfZ\x06[\xfd\x1a\x986J\xe0\x99u\xcegz\xa7[~\x92G9\xa6T+\x82\xd1E\x01\xf9'</t>
  </si>
  <si>
    <t>b'HZ\xea\xe9l\x9e2\xe7\x97&amp;5\xc52\x9e\x89\xb5\n\xe1\xdf_\x97\xc9\xc9\xd8\xa3X4\xc0\x86-\x88\xa0'</t>
  </si>
  <si>
    <t>payitoff</t>
  </si>
  <si>
    <t>b'\t\xc9\x8c\xab\xdc\x1e\xb0\xf2\xfc\x84\xa0\xe76\xc2\x86\xc7\xe6\xd8\xd0\xbe\x1e}\xb5\xdd\x7fi\xa5T^\x191\n'</t>
  </si>
  <si>
    <t>DebtRid</t>
  </si>
  <si>
    <t>b'\x897\x87z,\x86\x84{\x80\xd5c+Ksy\x9b\xc4\x0e\x9c!\xadVx|\x9c\xaf\x82h\xd0\xc8k\x9b'</t>
  </si>
  <si>
    <t>b'\xbd\x9c\xd2\xa9|\xf2\xd6\x85\xc8\xaa\x8b(0\xd0\x00\x1d\xf4\xb1\xa7\x11\x19\x15\xfe\xe7}\x15\xaf\xaa\xa4I\x08\x85'</t>
  </si>
  <si>
    <t>b'\xa1\xf6\xae\xadV\xa4\xcbyj\x93\x98~?l\x03Ux\x05\xeeZ\xff&gt;O\xf6\xc1\xd4\x0f\xda\xad\xb1#\xda'</t>
  </si>
  <si>
    <t>b'\xda\x8d\xe1j\xaf8D\xd9\xa0x\xb1\xc8 S\x88r\x12?\xe4\ny/.:\\\x1a\xe0\tH`\xb2\xfe'</t>
  </si>
  <si>
    <t>b'_\xbf{_\x99\\k(\x96L\xe6o\xbb\x9fj$\xd9\xa48y{-\x16\xaaV\xc6\xb5\x8e3\x98 \xc3'</t>
  </si>
  <si>
    <t>New Loan</t>
  </si>
  <si>
    <t>b'\xddoq\xa7$J\xb5\xfc\x8e/\x8b\xa9Y\x0b\xc6\xdd\x03(=\xb9\x1d\xa8\xaex"\xfb1\xaaw\x97\xf4\x1e'</t>
  </si>
  <si>
    <t>b'\x05\x0cXO\xa8\xb9eb\xd4/itAB]\x08w\x1a\xd0!H\n\xe8z\x82\x87.\xe6-\xff\xdd\x05'</t>
  </si>
  <si>
    <t>b']\xad\x9a\xc8\xac\x13G)uM\xcc\x1e\xd5\xe4\xb5b\x06\x89DY\x0f\x8cNa\xbc\xbe\x842:P\xd1\xea'</t>
  </si>
  <si>
    <t>Get Out of Debt</t>
  </si>
  <si>
    <t>b'\xc6\xa9\x9f\xc9)\xa3T\x82\xaf\xcf\x05qd\x88\xd1\xf0\x06\xe4\xe0G\xc7\xf0 \xe2Q\x0f\xd1\xe2-\xc5?p'</t>
  </si>
  <si>
    <t>b'\x93\xf6Cx\xc1o\x82\xdf\xca\x8e*\xff\xa8\xa0\xc6\x08x\xa9f\xc4=ao\xfeC\x0c1k\x8a\x80o\x8e'</t>
  </si>
  <si>
    <t>2 Payoff</t>
  </si>
  <si>
    <t>b'\xbe\r\xfa\x97e?\x1a\x03\xfa\xb0\x80iD)\x16\xb7\xce\x00\xb2\xb3\x1dWXI\xce\xec\x9b\xde\xa5\xee\xb0\x92'</t>
  </si>
  <si>
    <t>b"\x117\x82\xaa\xb8{|\x92\x13N:6\x025\xdciL\x00d\x86'6\xef\xee1f\xd4\x8di\xb1i\xaf"</t>
  </si>
  <si>
    <t>b'\xbc\xdd\x04\xdf\x04\x87\x11]\xa2T\x06\xb6\xbcew\x10\x1fM`\xe6"\x85\xc5\xe6\x13k\x18\xf4\xb1j\xe6\x03'</t>
  </si>
  <si>
    <t>b'\r\xcc\xf0\x11\xe0f\xcd\xa0\x97.L\x95-\n\x19\xb4\xb6M"KN\x9e\xc3,\x163WP8\xa8\xe7-'</t>
  </si>
  <si>
    <t>b'\x10\x0exD\x9e5\xdaD\x19\x91\xec\xe4\xec\xb2C\xdb+A\x8b\xf0\x97\xdd\xcb\xd1#\xe8#-\xb4?\xe4\n'</t>
  </si>
  <si>
    <t>b".\xcc\xd0\xee\x10\x08\x8a\xd6\xd6g\xc6%\x05\x90\xf9\xf3\x93\xf89'\x0bq\xbaT\xe3a\t\xb9'Y\xcb\x96"</t>
  </si>
  <si>
    <t>Debtless</t>
  </si>
  <si>
    <t>b'\xf2\xec\xdb\xc5\xf3Z\xc96\xe7\xcd\x8e\x96\x8d\xb3\x0bA\x1e\xee\xeb\x9c\xa3\xbdO\xd9\xd1\xb8kD)\x80\xc0@'</t>
  </si>
  <si>
    <t>b'`\xf1H\xfb/%5l\xca\xea\xf4\xd14\xf3\x1f+\x07E&gt;fc\x88\xa0\x9bY\x81\x19\xbb\xc2\xde\x02\xc6'</t>
  </si>
  <si>
    <t>b'\xc4\xee\x85\xaf\xf5\xfe&lt;&lt;\xd6\xff3fVO\x073:\x91V\xf6\x886;\xf9bP\xff\xce\x96\x9e&gt;\xef'</t>
  </si>
  <si>
    <t>b'j\xe0\x88\xa9\xed\x81\x81X\xebb\xd4\xca\xf8\x9eY\xf9\x18\xef\xe2\xa5v\xff\xc4\\\xd4s\xe4\t\xf8l\x8b '</t>
  </si>
  <si>
    <t>b'\xd4\\)\x95\x01A\xbeT\xda\xaa\x0f\x0f\xd8wjd\xc9\xb4y\xc1\xe6\x04Q\xfc\xc7\xa45\x02t\xf2x\xed'</t>
  </si>
  <si>
    <t>b'\x0b\x99\x01\xadYT\x12l\x17b\xe4M\x1dI)\xde\xdc\x9e\xc3\xd0\x97\x18\xbez\x84.\x0fHk\xb9\xc3v'</t>
  </si>
  <si>
    <t>b'\xb3&gt;?\xc2\xc4W\xfbu]\xfc\x98\xf0\x9cz\xc7\xc0ItI\xb5\xab\x92-\xc6\xb95[:\xf9E\xf8q'</t>
  </si>
  <si>
    <t>b"g\xe4H\xab\x88\x07q\x88.\xaf\x98\x90\xae&gt;\x82\x94\x1f\xb0\xdfq\xeb\xffC(_6'\xef,'t\xd9"</t>
  </si>
  <si>
    <t>b'\xb2/Z\xf9X}]\xd1\x1b\xc9\xcd\x8a\xe2\xdd\x9f\xdc\x14-O&lt;\xf6\xbf\x80s\xde\x87\xd2\xa7a\x1c\xaf\t'</t>
  </si>
  <si>
    <t>b'\\*e\xe2r\xa4#\xe9=\x88\x1b\x0c\r\x129B\xcaj\r\xe0o\x0b\xdc\x1e\xf5\xf3\xfe\xe6\xc0l\xcfG'</t>
  </si>
  <si>
    <t>b'\x01@o\x1e\xe3\xc9`I\xacs\x87}\x80\x8f]\n@l\xba\xae\x9es%\xa8\x9d\x1d\xf3\xb4\xb6\xe9\x7f0'</t>
  </si>
  <si>
    <t>freedon</t>
  </si>
  <si>
    <t>b'p\x1c\x90}\xc4s\xe3\xe2\xb1\x8b/\xf2\x00\xe8\xaeX\x84\xf0\xa3\xa5\n5\x8f\xd7c=-#\xdb\xa5\x8f\xad'</t>
  </si>
  <si>
    <t>b'\xbd*j\x92l\xaanq\x8b\xec\x8b\xc6iG;\xb6\xc6\xf4]\x9d\xebK\x9f\x91X\xc6\xdb1\x84\xf6\xcc\x90'</t>
  </si>
  <si>
    <t>b'\x91\x1ag\x9f\xb1\xcc\xe8n.2\x17\xa3\xa2.\xda\x81\xf7\xe2\xcc\xa3\x84m\x9c\x08\xf7`D\xf7_8\xebE'</t>
  </si>
  <si>
    <t>debt consolidation and new roof</t>
  </si>
  <si>
    <t>b"\x08_N\xbb]\xe1\x11\xe5\x87}Cy\xaf)\x88\x83\xdas\xf6\xe1\xe5D'\x87\x07Y\xa1W\x9c\xe3V\x93"</t>
  </si>
  <si>
    <t>b'f\x1b\x9f^\xf6*\xfdm\x87(\xa8\xdb[P\x18\x96\xc5\xe3\xc2\x1d\xce6\xbf~\xc6\x9c\x99V}\xc9\xa6U'</t>
  </si>
  <si>
    <t>b'\xbe\x91\xe7\x11e!^FK\xe5\xc7\xd5YN3G\xff#\xc3O\x03c\x94\r\x82\xb9\xf5\\\xc5\xf4\xa9O'</t>
  </si>
  <si>
    <t>CreditCar</t>
  </si>
  <si>
    <t>b'\x85\xf9\xd2\x8eR\x00\xd5q:1\xe3j\xab\xd0\x1cL1\xb2\x90\xdc\xd7\xb1\xf2\x16\xe2\x08\xab\xf0\xd1\xce\xb4\xa6'</t>
  </si>
  <si>
    <t>b'\xacC\xbc\xd4x`:K\x02$~k\x9a\x8a\xdc\xbf\xb5U_F\x8b\x91\xc6-7\xdf\xd2$\x12C\xdb\xef'</t>
  </si>
  <si>
    <t>Garage for House</t>
  </si>
  <si>
    <t>b'\x14\\Y*\xe6rO\xb1\\\x02K\xa4\xca\x8d*99\xad5J\xcb\xd0\xbd\x00"el\x84\x94\x85\xe8\x14'</t>
  </si>
  <si>
    <t>b'2\x92\xab\xca\xa0\x9a-\xa3\x1f\x9e\xa7\x9fb\xc0\xe1]\xf1\xc6&lt;\x89zh_\xad}k\x87o\xcc:+\xc2'</t>
  </si>
  <si>
    <t>b'_\x95\xef}\xec\xad\xc1sdG{\xcd\x16?\x115\xea\x06\xe9;\xda\x7f\xa5\x9c\x80\x1fu\xe2\xda\x83H\xe6'</t>
  </si>
  <si>
    <t>b"{\x92\x9bp\xednH\x10\x89\xca&gt;&amp;\x17\xde'\x893Na\xd2{?&amp;!\xe4BK \xe1-[$"</t>
  </si>
  <si>
    <t>b'\x82\x05\x01\xf6i\x14\x97R\xaeY\x01\x0f\x15"\xd2\x84\xd2J\xa4\xd1C\x06\xe2DF\xb7\xbe\xe5d\xf5o\x81'</t>
  </si>
  <si>
    <t>b'\x98\x13\xfc\xb1\xef\xf9\x07o\x95\xdc\xff\xd8\x0cd\xe5]\xa3S\xfa?\x86&amp;\x1100\xcd\xb4\xacG\xfb~\xf4'</t>
  </si>
  <si>
    <t>Peace of Mind</t>
  </si>
  <si>
    <t>b'0j\xfb\xc8\xe3\xd5\x06L? \x97\xa8\xdbOQ\xd6i\xe745Bm\x0b(\x04\x9ft\x92\xc7.\x15\x9e'</t>
  </si>
  <si>
    <t>b'\x10\xb6\x1a7\xd9\xd7g\x05\xbc:|o\x9a-\xc7\xbb\x96\x8a\xe7\x98\x1b\x8a\xf3\xc4\n\x08\xe4U\xc5\x1e\xa7\xa5'</t>
  </si>
  <si>
    <t>b'\xaa#E\xe9r\x03\xb6|f\xf1\xd4%\x05\x8b\xcbQ\x88|R\xf6|HT\xa1\xde\x8b\xea\x0f/\x0f2\xcf'</t>
  </si>
  <si>
    <t>3rd loan with Lending Club Home Improve</t>
  </si>
  <si>
    <t>b'\x07\x0fN\x9f\x91\xf3\xa3\x7f\xe0\xbd\xe2 \x0b\xfb\r\tk+/\t\xc2\xa31/\xaa2_\xd8z\x0f\xcbT'</t>
  </si>
  <si>
    <t>b'j|V:\xbb\xff`\xd0H\xf3U\xcc\x0b\xb6\xb9\x01\x84\x0e\xa7\xe1`@r\xd4e\x82\xda\xc0g\xaa\xf6Y'</t>
  </si>
  <si>
    <t>b'z\xaa0L\x16SY\xcb\xaf\x8f\xccz$\xfc\xd0\xb7A\xad\x8ax\xaeB40\x02\xb6Xx\xfe\xd8\xecf'</t>
  </si>
  <si>
    <t>storefronts</t>
  </si>
  <si>
    <t>b'*S\x97?\xfa\x92\xfa/\x04#v\x0c\xec\xf0\xd4\x96\xa54\xbe7\xd8X\xba\xfd\xa0B{&lt;B\x13\\\x85'</t>
  </si>
  <si>
    <t>b'\xf0\xbe\xe3oG\x97+\xbaT+bI\xe9\xbac\x81\xcd\x8ax\xdeD\xf2\xcd\xf9\xbf6T#\xca\xa3\xf3\x0b'</t>
  </si>
  <si>
    <t>b'\x95f\x1d\xbf\xfa\x0e\t\x00F&amp;kC\xb9\x82\xb6yq#OY\x9e\xd5.\xc8\xbe\xeb\xbf\x1d\xac\x0btE'</t>
  </si>
  <si>
    <t>Wholesale store opening</t>
  </si>
  <si>
    <t>b"\\o\x13Y\x11\xae\xe0\xc4&amp;\x7fhKh[\xa0'\x89yu\xa4\xba\x18WRK\x7f/\x89*}\x9bT"</t>
  </si>
  <si>
    <t>Property Improvement Loan</t>
  </si>
  <si>
    <t>b'%\xdc\xd4\x8fc\xefw\xa0E\xbb#\xc7p\x11\xa5\xfbNj\x02\xcd\xf8\xe5A\x17s\x7fA\x0f/$\xad\xa7'</t>
  </si>
  <si>
    <t>b'\xf6\xac\xf7\xdeX\x1f\xde\x07T\\\xce\t \xd6\x9d\x95|\xdb\xb0n\xd0\x8d\xb5\x06\x8f\xab\xeb\x1d\x024\x9b&gt;'</t>
  </si>
  <si>
    <t>b'\xa4)Q{\xb2\xd7l\xa5\x0eF\x9b\xd6x\xb47\xd9e\xd1\xeb\x11\x19\x85\x1e"\xb7~\xf2[fw\xdd\x13'</t>
  </si>
  <si>
    <t>family gifts</t>
  </si>
  <si>
    <t>b'0\nY\x0f\x1f?\xbf\xb9\x1c\xcfa\x9f\xaf\x8f\x85\xcd\xe1\x01\x88\xf4\xd1\x17s\xe6\xbe\xf4\x19\xd3\xff\xcd\xdf\x8f'</t>
  </si>
  <si>
    <t>b'J\xb7\x88\xd7\x0f\x95eg9\x80=\xf1m\x96\xc9U\xb99RA\x1a\x90c\x04\x82_\xc0\x00\xeb\x7f\x82\x15'</t>
  </si>
  <si>
    <t>b'x\x15!\xde\x03\x97C\xf0\xb7\xf2\x02\x03\x0c\x11\\2%\xda\xa2\x13\x99\xdd\x98\xc4\xc5\xa5\xa1\x19\xb5\x93\xc1\x9d'</t>
  </si>
  <si>
    <t>b'\xa5t\xa8\xba\xc9\xcfz&gt;\xab\x98\x80\x9f\x82\t\xfb\xaef\x8e0v\xab8\xd7@-\x14\x0cX\x14r-\xfc'</t>
  </si>
  <si>
    <t>Money Account</t>
  </si>
  <si>
    <t>b'\xf8\xb9\xc4\xacD\xfaEv\xf1\x1cd\xab) ;\xe0m,\x1eG\xae\xfb\xa8@\x7f\x16\xba(*E\xc7\xb9'</t>
  </si>
  <si>
    <t>b'\xe78\x08O\x1e|\xd6\xe7\xc9x\x7f\\\x1fT\xb6\xab\xd1\x84\x1b\x8be0\xa89-p7.\xad\xc4\x92\xac'</t>
  </si>
  <si>
    <t>b'\x85\xcf\xf5\xab\xf6k\x08\xae\x80\x18B\xb8\xb4H\x00\n\xe1\xde\xf8;\xe8\x00\x92+K{\xa7\xc7 \xfap\xea'</t>
  </si>
  <si>
    <t>b"\x82S\xdb\x0c.;\x93C'/9\x85P&gt;W\xa8\x19)\x97\x0b\xb5\xee\x11\x0c\x00xj\xf4\xcc a\x87"</t>
  </si>
  <si>
    <t>to consolidate with a free mind</t>
  </si>
  <si>
    <t>b'\xac\x07\xff\xf3\x9c\xe82{\x0f\xf6\x1d\x88\xf2#\xcc\x95v\x93\xd1\x84\x96\xbe\xa3\x18D\xc0\xaaY\xce\x1aSc'</t>
  </si>
  <si>
    <t>b'5\x039\x10\xa6\x0e`Q\xc8\xa6\x18\x1e\xa7\x1d\xd1\xde\x7f\xd3\x8d\x1d@w\xf4\xb9\x98\xec\xfdz\xdaX\r\xa0'</t>
  </si>
  <si>
    <t>b'\x18\xd6\xca\x88C"\x80\x92\x92mM\xa2\xe9nk\xf4-\xfd\xb9|\x98:}\x06\xdc \x9b\x8b\x15\x04G\xaa'</t>
  </si>
  <si>
    <t>Movin' to the Burbs</t>
  </si>
  <si>
    <t>b'\x9e\xc0\xa9\x18jK\xd88\xa0\x0b\xb5\x9a\xe3\x0c\x02\xbeR\xbf\x86X\xbd/}%\x10\r\x95\xd2\x90I\xdb\xa6'</t>
  </si>
  <si>
    <t>b'\xfe\xf1m5f\x99\x1f\x92?8\x8d\x80\xfaLh\xc8\t,XAl\xa7\xe3\x84\xe4\xf7\xb4\xd0\x84\x83\xb4\x0b'</t>
  </si>
  <si>
    <t>b'cQ\x99\xcb\x08\x1e\xc0,\x1f\x17\x9a\xcc\xc9\xee:ZRCQ\xea\x0c\xf6\xd2^\xcf\xaf\xe2\x82\xae\x95&gt;\x8c'</t>
  </si>
  <si>
    <t>b'YV\x8e\x9c\xe6\x07"\xd4\xd48\x90#\'.g\xee\t\xdb\xe9U\xde\x9f\x8dj\x94\xef=O\x04rg\x1f'</t>
  </si>
  <si>
    <t>b'0\xb5\xe7\xfa\xcb;\xfa\xd4\x05j\x1aZ\xec\xaf\x10,\ra\x9cD\xa1\x94\x93\xb5\x01o\x825\x17[\x14C'</t>
  </si>
  <si>
    <t>b'\xb28\xb5q\\\x8dLf0[\xb4k\xdf Vu\x87\xbe\xb5\xea`1\x98\xbf\xce\xb91-\x80z\xd4\xfe'</t>
  </si>
  <si>
    <t>Medical Emergency</t>
  </si>
  <si>
    <t>b'\xc4\x80\xafM-\x99\xf1\xa9\x1a\xc0\xfe\xb4 \xaa\xc4\xd5\xae\xa7!\x1e\xe3((B\x9e&amp;?\xa8\xa8q\x0e\x98'</t>
  </si>
  <si>
    <t>b'w\xa2t\xde\xbc\xccn\xd9i&lt;jx+\\}\xe0\x06\xc9\xe2\x91\x08\x0cE\xae\xfa\x9f\x80\xa1\x05@\xa4Z'</t>
  </si>
  <si>
    <t>b'*\x1b\xaf\x86\xdb\xf1c\x81n\x02\xae(\xe2\xe1"\xbdO\xfd\xece\x94\xb3{\x84x\x8c\xf8&lt;\x89\xd4\x94U'</t>
  </si>
  <si>
    <t>My way out of crazy high interest cards</t>
  </si>
  <si>
    <t>b'&amp;\x99\x96\x8dA\xf0\x83Rp\xc5\xb7\xdb\xb8\xa3\xe8\xc3\xba\xe4\x0bT\xbb\xb0y\xbbX\xc8\x11\xa7\xbe\xf6\x8a\x81'</t>
  </si>
  <si>
    <t>lower interest rates</t>
  </si>
  <si>
    <t>b'\x08\xeea\xfd*\x8f^0\r\x08\x1c\xc3p\x87Ns\x9f.\xfb&lt;\x11\x81\xd8&gt;\xf2R&gt;Vo\xfd\x9c\xcd'</t>
  </si>
  <si>
    <t>b'\x08&amp;R\x10n\xeb=\xf1l\x85\xb3^\x92\xa9\xf6i\xee\xc8\t\xc4D\x05\xf0\x9d1\xa4C\xdfy\x0c\xeeX'</t>
  </si>
  <si>
    <t>b':\x8b\xfe\xd31\x85\x9f\xe3\xfa\x1fs\x88\xda\xe7\xdc/\x04+p\x8c\xd1\xc2~:"S\x82\xf42\'b\xfa'</t>
  </si>
  <si>
    <t>b'\x14\x03\x81\xf0NL\xdd\xc6 \xe4\xc9\x9c\x9f\x15.\xf2\xb5\xe0_\x1c\xf4\xcd\xab*#\x1d9\x9b\xa9V\x90\x0c'</t>
  </si>
  <si>
    <t>Bill Me Later</t>
  </si>
  <si>
    <t>b'\xa1$\xd6\x93\x8a\xcc-\xec\xa5em\xfc\x1b\xd7\xcf5plK\xb1\xb74\xd9K\x14\xde\x14\xf24G\x90\xcf'</t>
  </si>
  <si>
    <t>b'\xfe\xbcs\x17\xe4#|3\x07\x1a&gt;\xafC\xf2\x18\x86Q\xaa+\xbb\xd0{\x82]\x8bT\x18\xb1\xa8\x1a\x87\xbf'</t>
  </si>
  <si>
    <t xml:space="preserve">small dent </t>
  </si>
  <si>
    <t>b'&gt;%\xc7iZ\xe7\xd4N\x0c\xb0\\\xf5\x7f+#\xb8\x1e\x9f\xfc\x8bWt\x19\r=\xcbd\x1b\xd8\x82\x9b\x9e'</t>
  </si>
  <si>
    <t>b'o\xf6\xa1,E\x82uNH\xf1\xac~\x0ex\xfc\x1b\xa10\x85/\xd5\x8f\x0e\x94=1\xa4\xbajFw\xa6'</t>
  </si>
  <si>
    <t>058xx</t>
  </si>
  <si>
    <t>b'\x18\x80\xddjU\x80\x89\xa3\xda\xad\xaaA\x87@\x0f\xcar\xf4Lp\xda$\xb3\x1ee\x9d\x16\xc6!\xc3?\x03'</t>
  </si>
  <si>
    <t>b'\xe8\xad\xa4\x03\xda$\xf8Xz\x11\xfd\x9f\xe1\xd2\x01\x9b\x17Yu\x94\xb2[\xa9\xfc\xeb\xd5q\x012.\x1f\x92'</t>
  </si>
  <si>
    <t>b'X\xfbW\xccH\x16\x10M\xbd\x9c\xf9\x85\x91\xb5\xb3\x06\xbb\x08\xf1\x91\xa876\x90\xbe\xda\xac^VT\xd1\xd7'</t>
  </si>
  <si>
    <t>septic leach lines</t>
  </si>
  <si>
    <t>b'\xb5\xbeA\x7f\xb9\x98x\xc7j\x08\xa8@BVG\x82\xae(I\x9a\xd3\xc6&lt;\xe96\xb5/@\xd8\x8a\xa7\xb1'</t>
  </si>
  <si>
    <t>payoff other credit cards</t>
  </si>
  <si>
    <t>b'\xbd\x93`\x16\xd6\x89^\xf8i\xe4F\x84\xa5\xe8\x11\xd8\x0f\x91"\x93;\xbb\xf9\x05Q\x86\xff\xbf\x1bM\xb7Q'</t>
  </si>
  <si>
    <t>pay off bill</t>
  </si>
  <si>
    <t>b'u\x1f\xc3\xb1 \xbd(\x82K5\xc3\xf7\x00z\xe0%\xb1\xa8\xcfI\xa1P\x05 \x15\xbdG\xe9D\xdf\xc0\xa6'</t>
  </si>
  <si>
    <t>564xx</t>
  </si>
  <si>
    <t>b'\x9c\x85Y\xf3\x06\xeb\xad\xec\x15\xa4\x11\x07 \xfdJmI \xf9\xe2\xa2Jp+\xddy\x18\xb5\x06\xc4\xec\xad'</t>
  </si>
  <si>
    <t>022xx</t>
  </si>
  <si>
    <t>b"\xde-\xca\xa6\xb5\xa5\x9as\x80\xe1B\xf7+{\x8cVE\xcfUM\xc4\x8bm'5*\xb6Kr\xd8!B"</t>
  </si>
  <si>
    <t>b'^\x1c\x80\xd7\xc2\xac\xab\xe1\xde\xa6\x8f\xf5\x81N\xc3\xb3\x1f\xbd\xe2\xb2\xac\xaf\x82\x17\xebS#\xe0\xb5\xc3&amp;\x97'</t>
  </si>
  <si>
    <t>b'\xe2_S\x1d\xc3m\x87c\xa44\xd9-\xe0Ifv\x81\xba\xd0\x84\x9f\xf8\xee\x15\x88\x8e\x14\xa3\x86\xfcP\xe2'</t>
  </si>
  <si>
    <t>b'}\xd7\xb4mz\x1b\xcfo\nT\xf6\xec\x97[\x11\x9d\x90&lt;lh\xa7\xdc\xa4\x90\xed\x01h\xce\xa9[\xdc\xb3'</t>
  </si>
  <si>
    <t>b'\xa1\xba\rCJ[`\xb5\xb6\xb6bX}\x95\x7f\t`\x0f2\x14\x7f.\xbfO\x7f/#\xb9.\xc7\xf8\xaf'</t>
  </si>
  <si>
    <t>b'\x89\xb4\x90\x15T\xca\xbdQmN\x8e\xb0\xcb\x1c\xe0\xdf-\xe3\x1d\xce"K8\xb79\xd9\x0f\xc5Q\xfa\xeb\xde'</t>
  </si>
  <si>
    <t>b';\x8e+\x0cz|h\xf8c\x8e\xcf\x9e\x8b\xa0j\xbbm\xf3\x90\x162;m\x8f\xc8\x7f\xfd\x97J\x02\x9d\x7f'</t>
  </si>
  <si>
    <t>b"\x92\x9fT\xe7\xe9'\xf7\x00/B\xff\x18\xf2\x96S\xdai3\x1fR\xca\xb6\x1d\xfc0@\x14\x8d\x9c\xaf\xb8\xf9"</t>
  </si>
  <si>
    <t>b'\x85\xb6\xa9\xf8\xdd\x07~\xd2\xd5d\x84%\xbb\xf4\x1f\xae\x8f\xb1/\xc1\x01\xedz\xa9\xeb\x83\xcd\x82\x06\xb1\xef#'</t>
  </si>
  <si>
    <t>Pay off honeymoon</t>
  </si>
  <si>
    <t>b'\x02\xc0"\x03\n$\x80q\r)3\x8f\x85\xab\x81\x83\xcb\x1c\x05\x8d\x13\x9cj\x15I\xfc\xf7\xe9^\xd4[b'</t>
  </si>
  <si>
    <t>b'\xe8\xa7i\xa2Wn\x7f\x89%\x97\xf7\r|\\1\x88$\xad\x1f\xd0V\xd2\xeem\xb1\xca\xe3\xb9\xb2\xde\xf3}'</t>
  </si>
  <si>
    <t>Addition Planning</t>
  </si>
  <si>
    <t>b'p\x10\xe8CVV\xb9\xf8\x1df/\x00\x98pr`G\x91\x92\xea\\\xc6\xf5\x13\xccy\xc6\x9a\x9ff+\xbf'</t>
  </si>
  <si>
    <t>Debt attack</t>
  </si>
  <si>
    <t>b"\x18%@J\xae\xd47\tM7\xf5\x1c\xdc\xc2\xdd'u\xc8&gt;\x1amQ\xa4{\xa6:\xc3\xbd\xce\xdcTv"</t>
  </si>
  <si>
    <t>b'\xb4)\xdd\xb8\xe9G\x18\x98\xdd\xc2K\xa7&lt;\xac,5T\xe7\xd46\x91o\x9c\xb7\x08\xc1R\x8e\x10\xa3^\xd6'</t>
  </si>
  <si>
    <t>b'\xba\x14MS\x0b\xf7\x14|Z\x17\xdcb\x88ah\xf0\xd8[_\x9a\xf6"\r&lt;&amp;j\x82\x04\xc9Tk\x99'</t>
  </si>
  <si>
    <t>simple</t>
  </si>
  <si>
    <t>b'\xe0\xce\xb1*(\x12\xb9\x94\x06&amp;D%z\xed\x8a\x9b\xf3\xda\x92\x99\xa90\xb4\xc5q;\xfc\xd1%\xca\x92n'</t>
  </si>
  <si>
    <t>b'\x96\xd0\x1c\x1fH\r\\0tp&gt;\xe9\xa0\xf1\xa5Mi\xa1\xf7\xf0D@\xc2t\x89\x08%\xa1\x83A6\xca'</t>
  </si>
  <si>
    <t>b'\x053\x0bW\x9b\xef0\x14\xd5==\xf1\xd3\x18p\x8c\xf0w\xd48H\xd5\xc9\t1u\x12\x84\x12l-\xba'</t>
  </si>
  <si>
    <t>credit consol</t>
  </si>
  <si>
    <t>b'\xe4[\xeb\xa2Q\x08\xd0\xe2\xec\xad7\x83\x00\xcd0}\xff\x8b\x9b\xa5\xa3\x0c\x16B\x04r\x1c\x8c\x8b\x02\x9fY'</t>
  </si>
  <si>
    <t>b'\x8bL)\x1b\x93\x0c\\&gt;\x8f^6\xaa\xbe&lt;r\x01\x88\xb2J\xd1^\x10\xa3\x13\x9a8\x00\x91\x9c\xf8\x00\x84'</t>
  </si>
  <si>
    <t>pay off  and debt consolidation</t>
  </si>
  <si>
    <t>b'2\xf0\x05\x17\xba)\xe8\xc6\x01\xccLU\xc5\x13\x8c\n `\xf3I\xad%\xd6\x1f\xd6\x02\x0c%\xfa\xa2\xb7&lt;'</t>
  </si>
  <si>
    <t xml:space="preserve">Opportunity for a new beginning </t>
  </si>
  <si>
    <t>b'\tC\x9c`\xdb\x06(]"\x8c\xc4\x1f\xef~\x96\xf0\x98^\x9a\x1d(j\x9d\xb0at\xf6\x8d\xc6K\xda\xeb'</t>
  </si>
  <si>
    <t xml:space="preserve">Moving Loan </t>
  </si>
  <si>
    <t>b'\xee^i\x16\x9aB\xd5\x16z /\xdck\x80\xb9\xff~\xd5\x0f\x90\xbfA2\xf6X\xe2\xe3cr\x90nl'</t>
  </si>
  <si>
    <t>b'\x16qn\xf8!\xc0\xb9\xcb\xddB~JG\x0e\xd1*x\xe4]\xddZ\x01\xe5y_Y\n\xef\x15K\xb6\n'</t>
  </si>
  <si>
    <t>b'\x95_\xd8^\x18\'\x9b\xdd\xb6\x86\xd2\x11\x0b\x01j\xe2cZ\x06\xdc:"\x13u\xf5\x88Hk`\xa0!:'</t>
  </si>
  <si>
    <t>b'\xbc\xf5d\x03\xc7\xa0\xbc\x9be?\xf1Y\xf3\xeb)"\x9b[\x00\xeaR\xe6\xfe\xd6\t\x9a7\xe9a[\\\x83'</t>
  </si>
  <si>
    <t>b'J\x05\xf6\xc2+\x00\xd6Qm\xe6\xa7\xff\x1e\x8a/\xd9`\x9a4\xa1D-\x05-?\xa0\xa1\xc5\xb5&amp;C\xa2'</t>
  </si>
  <si>
    <t>b'A\xee\xc9\xa0]nk\xd2\'A]\xa6"\\\xd9n\x10\x91.OQ&lt;z\x8a\xabp\xfce\x8f}U`'</t>
  </si>
  <si>
    <t>b'S\xda\xf3Tm\xdf\x17]#\x08Y=\x97\xe5\xbdj\xe6\xb2\x84-\rVK\xa5x\xe4?\x99\x1b;/\xc3'</t>
  </si>
  <si>
    <t>b'\x83ip_\xf3\xb4\rr\xb6M\x18\xc9\xc0\x16\xb2v\xfat\xd2\xcc\xb5\xdf\x11\x07"\xeb\xee8\xca\x03\x19\x02'</t>
  </si>
  <si>
    <t>b'.\xc9\x7f,M\xf28x\xdc\xbc\xc7\xd4jL#t\xe7\x98M1o\x94\xfb\x83zi\xc0=8\\\xc9\xbd'</t>
  </si>
  <si>
    <t>CONSOLIDATION LOAN</t>
  </si>
  <si>
    <t>b'!\x9f\x1f\x1f\xfc\xc9*\xfbpBY\r\xe72U6\xc7\x82 \x05ZA\xcb\xcd\xa2\x11\xbdm\xf9\xa2h\x9f'</t>
  </si>
  <si>
    <t>b'\x19\x03\x8f\xfe\x82\x0e\x9e\xbeVw2W\x07x\xac\x8f\x98\n]b\x1c=\xe1*9\x83\xd8\x18\xbfv\xf6g'</t>
  </si>
  <si>
    <t>life after</t>
  </si>
  <si>
    <t>b'n\x15\xd4.\xc7A\xa8UB\x8c\xcf\xc2\xff\xf1\xdeTT\x84\xdd\x909\x98\x96\xe7\xf0\x86\x98\x86\x81\xd1;+'</t>
  </si>
  <si>
    <t>My little helper</t>
  </si>
  <si>
    <t>b'Tzc\xce\xdf\x17[p\x02\x05wS\xbaMVXJ\xda\xe5V\x1c\xd7\xe5\xa8&lt;\xe3]\x1fA\x06\xd7\xcc'</t>
  </si>
  <si>
    <t>PAY OFF DEBT</t>
  </si>
  <si>
    <t>b'\x1eao\xd3b\x84\xbd\xcc\xda\x04\x83\xfc\x02\xef\xbd^Nn\xd9\xbd\xb3\xa4\xf4?k\xa2E\xdaC N\xf5'</t>
  </si>
  <si>
    <t>b'\x9f\x9e\x14\x06\x07\x11\xec\x86\xff\x15\x8e\xe4x0\xd9\xea\xcba\xe8\x1c\xa6\x02Z\x8fG\xdb\x92\xdeA\x8e\x90\xf4'</t>
  </si>
  <si>
    <t>b'\x14\xaei\xff\xe8\xd5j\xcfW\xd1\x1e\xf8n\xcb\x96z\xb1u\x99EwG7T\rbA\xcd\xbc\xdd\x855'</t>
  </si>
  <si>
    <t>b'\x88pXb\x8e\xb5wX\xd2\xbb&lt;\xe1\xa4pi\x94}\x10\xf2v\x8b\xd8&gt;\xb0\xc9\xf5\x00\xdc\xe2v?\x9b'</t>
  </si>
  <si>
    <t>Consolidate &amp; Get Lower Payments</t>
  </si>
  <si>
    <t>b'\xa2E.\xcca\xbd\xe3\xd2&amp;\xe7\x1e\xa8\x87i\x1d\xf6\xf1r*\xb9\xf6\x91!\n\xdd\xdb\x95\xad?O\xbb!'</t>
  </si>
  <si>
    <t>b"\x82\xb3&lt;Gq'\x10?A\xb6\xdb3\x0b\xc5\xabo\xa3\xa9]\\\xc4\xf6\x82\xc1\xec\xe4\x12\xdf\x1al\x19\x00"</t>
  </si>
  <si>
    <t>DebtFreeFaster</t>
  </si>
  <si>
    <t>b"\xd5\x15'\xc1\xc7\x8e\xaf\xbcJ\x08\x9d\x11L^\x1f\xe5[\xa4\x10\x7f\xc2\xcb\xad\x89\xeb\x01QG|Pr\x0e"</t>
  </si>
  <si>
    <t>b'\xcf\xf5\x94\x9e\xfcO\xc2xH)\xd0\xd4\x0c}\xe0\x1f\xdc\x95\xa9\xe4zV]P\x87\xe8\x88\x1b\xb8\xa0\xca\x82'</t>
  </si>
  <si>
    <t>Debt Consoildation</t>
  </si>
  <si>
    <t>b'\xd7t\xad`\x83i\xe7\xe1\xcf`+\x9a~\x13\xa6\xec\x16O\x9a\xa9=\x03\\\x91\x17I\x0c\x9dF3\xb2\x04'</t>
  </si>
  <si>
    <t>busnniss trips</t>
  </si>
  <si>
    <t>b'+=\xcb\xdcFdU\xf0\xc4\xda\xba\xbbW\x12\xc6\xc8f\xdb\xc9\x8c\xc8;mV\xeb\xde\xd3\xc6\xf3M\xce\xb4'</t>
  </si>
  <si>
    <t>b'\xbdF\xc5\x19&amp;\xb2\x9c\xbe\x190\xd9\x83\xe3e\xc2 v\xaf\xc5\x8a41\xb3\xe1%c\x8c6\xf0\x8a\xaf\xab'</t>
  </si>
  <si>
    <t>b'&amp;,B\x9a0\xb7n\xf2\xa2\xfd\x1f\x01\x08Va\xa8.\xe20\x80\xe1\xab\xd6\xea\x9d\xdd\x12\xbe\xcb7Rq'</t>
  </si>
  <si>
    <t>on track</t>
  </si>
  <si>
    <t>b'q:\xa5\xe7;\x144\x08\xac"\xa9\x85\xc3\xab*\xe18\xb7\xa0\xa6\x03\xe6\x06\xcc\x87\x0bLt`\xbe L'</t>
  </si>
  <si>
    <t>b'L_C\xf1\\\x822:\xaa\xd4_=\xba{`+\x8b\xea\x9dTqk(\xaa\xb8\r\x1f\x12#\xd8\xf2\xaf'</t>
  </si>
  <si>
    <t>b"\x96 \xc0i\xd1g\xd8\xf5\xec56\xca\xb5\xc8pJ,\xb7\x07\xec\xf7'=\xfc\xe0W\x8c\xa3\x17R1\xc5"</t>
  </si>
  <si>
    <t>b'\x93\xb4\xdaQ\xed\x1f13\xe9&gt;k\xe9\xb3\xba\xc9M\x9eU:\xf0\xca\xb4\x89\x02+\xd5\xd2\xae\xe0\xc5:\xf7'</t>
  </si>
  <si>
    <t>b'\xe4\x8b^u\x00\xf0\xd5\xd3\xc7y\xac.L\xdf\x905\xa8\x1e\xe7t\xa2\xb7&lt;\x9283\xd5#\x0fJ\x13\xf1'</t>
  </si>
  <si>
    <t>b'\x12\xd4~\xdf\xc4\xc5\xf9\x871*~\x9c&gt;\xdf\x89\x01\xa5\xb43\x17D\xd6\xe9\x8f\xf2\x88]\x1b\x0f\x07\xfc2'</t>
  </si>
  <si>
    <t>b'\xa2b\x0b\xe3\x88\xa1\x9c\xe1E\xba7\x05\xf8\xe9|\x92\xc4\xc6\xd1\xe7\xd3~\x12\xb8m\xea\x8e\xce\xcfx\x0cX'</t>
  </si>
  <si>
    <t>b'\xe3L\xe5\xb7!F\xd4?\xd5\x8e\x8b\xca[\xb1S^\xff\n$/\xdd\xa3a\x1f\xd2\x83&gt;\xc0\xf8P\x1f@'</t>
  </si>
  <si>
    <t>b'\x14J\x18`WPg\x84\xc7%-r\xc8!~CqY\xe1\xd9\x16n\xbb\xf7\x03p\xad\x18\x10\x94E\xc9'</t>
  </si>
  <si>
    <t>b'\xe2\x1e\x15\xbd\xec\xd3\x8a\xae?\xd7\x93\x81*\x98\x1e\x0c\xe5wc\x00\xf1\x1fJ\xd7Cs\x8e\x94\xc7\xf5~4'</t>
  </si>
  <si>
    <t>Family Help</t>
  </si>
  <si>
    <t>b'9\x91\xc9\xe4\x80\x9a+(\xe8ke\x0f\xc9Qf\x99\x1a \x03-\xadJ\xa96K\x83\x15\x0fl\x8dK\x9e'</t>
  </si>
  <si>
    <t>b'\x03\x81\x04\xea[(\r\x00\xd6r\x8b\x03*\xe8\xfa\x99\x85\xe4\x9c\x1c\xdf&amp;\xe0e\x10\xceM\xc4\x0f\x8c`\x05'</t>
  </si>
  <si>
    <t>b'o\x99\x04t\xe1D\x1c\xceP\xba\x86%\xc5\xc0\xe3\xab\xbd\xc6\x04\x0c\xe7_\\F\xd3\xdfw\xc2\xacq\x8a\x05'</t>
  </si>
  <si>
    <t>PositveFuture</t>
  </si>
  <si>
    <t>b'\xacNVS:\xfbV\x08q\x0e\xc0\x8a\xf6\x08t\x10d\xaf\x9fD\xf1`\x848\x1f\xddw\xd5\x1b\xdd\xcf\x13'</t>
  </si>
  <si>
    <t>Credit Card Pay off</t>
  </si>
  <si>
    <t>b"\x19_\x85\xb1*\x89C\xdb\xa2\xe0\xa9\x93\xd8O\x10\xe3l\xebhi\xac\x19hw\xb7\xa7\xbdR/'\xdd\xc5"</t>
  </si>
  <si>
    <t>citicard</t>
  </si>
  <si>
    <t>b'\x0b\xa3\xdb.\x0c\xd8\xfa2a\x90t\xd2\xae\x0e%\xc7\xf4\xbc\xb4\x92q\x9a\xd1\xb5^\n\xe3\xd4\x0b{J\x1b'</t>
  </si>
  <si>
    <t>b'\xb4\xbaW-\x1e(TQ\x04\xdc{\xe2\xf4\xc9J\xd2\xc1\xb2\x12\xdd7\xc2hh\xfc\\D +\xd2\x0e\xd8'</t>
  </si>
  <si>
    <t>b'Q!3\x7fL\xa0"I\xa0\xe6\xf7Ro\xc0\xe7T\x86\xd1\xe9\x11|s\xf3v"h\xbd\xa4^\xac\xd3\xbe'</t>
  </si>
  <si>
    <t>b'j\xbf\x98\x10\x90\x95\x86\x87\xd0\x02P\n\xf0P;p&amp;\n}\x80\x1d\xda\x88G\xc1\x90D\xf3\xfe\xa5\xc2\xbb'</t>
  </si>
  <si>
    <t>Payoff Credit Cards</t>
  </si>
  <si>
    <t>b'\x15\xady\xd1\xe3\xe5\xb3\x1a\xba\x89q!rH\x92}\x85\xae\x12\xddF"\xb5l^\x14\x1e}\xb6\xe9\\\xf7'</t>
  </si>
  <si>
    <t>b"\xe6\x9ec'\x02Q\xedp\xa7\x8c\x06Q\xb2\x9b\xc4\xec \xa3\x9f\x16\xc8\xa35\x1a\x17,1\xa2\xd7\xff\xd0F"</t>
  </si>
  <si>
    <t>b'\x16\xc2\x89\xd6D\x16\xe9$\x80JX\x8e\xf4\xa3"tAP\x99\xa6\xedr\x9c\xd5\x94\xfd\xd2\x83o\xd5\x8b\xb0'</t>
  </si>
  <si>
    <t>b"\xce(\xb2\xbf\x9c\xab}\xf2\x13\x9cs\xf6\xf2\xf5\x92\xd3p\xd2{x\x05\xe7\xa0\\:b'\xceC\x84x\x06"</t>
  </si>
  <si>
    <t>Debt Eraser</t>
  </si>
  <si>
    <t>b'\n\xc2(\xf7\xedd\x07\xddS\x18&lt;\xfa\xb7"~\xea\xe3\nv\xefNH\x19\x1e\xe8\xd9\xadvUL\xf8\x8f'</t>
  </si>
  <si>
    <t>b'4X\x92\xc9\xbcxE\xb5\xbe&gt;\x125\x958\xa1^\xb1\xdf\x8d\x02\xce\xbe\x84;b\xe7\xa0\xeb\x1a1\x0c\x9b'</t>
  </si>
  <si>
    <t>b'\x82\xa4\x1d\xfd\xd6\xc8\xa4\xd9\x9c\xcb)\xd1\xba\x99o\x1b\xe8\x81\xb6\x8d\xf6\xaf\xaf*\xf7\xd9\x01\xe7\xa0&lt;J\xbd'</t>
  </si>
  <si>
    <t>b'1M\x19\xda\xca8\x06\x94\xc1\xbf\xf4Bm\xfb3\x85\xb6\x13\x88\xd3\x03\x08f\xd3\xdeL\xcb\x0f\x93\xd3\x93\x0c'</t>
  </si>
  <si>
    <t>b'\xa2\xd7Io$wS\x0b\xbc\x8a+""u\x04N\x13\x80\x11\x13\xef\x18{\xe1Hv\x1a\xf3\xc3\xf6\xe3\xff'</t>
  </si>
  <si>
    <t>GET OUT OF DEBT!!</t>
  </si>
  <si>
    <t>b"[\xca\xd7\xacC\xf3\xf0}'!\x8e\x85\xa9\x806ND\x18\x03\xf8[\xe6P,\xd8\xaawk\x1f\xe0[\xe5"</t>
  </si>
  <si>
    <t>3 Year Plan</t>
  </si>
  <si>
    <t>b'6\tZy\xaa\x1f\xd3dT\xfdC\x9f\x80$=\xe8\n\xac\xd9\x9f\xfe\x8c\xber\xee\xf84\x16\x88e\xe5\x98'</t>
  </si>
  <si>
    <t>Consolidation!</t>
  </si>
  <si>
    <t>b',\xcd?SZ\xa2d\x12(\x18\x07\x9e\xe5Z\xf8\xdd\x14\xec\x9a\xe8\xda\xf3!\xa79"{\xf0 \xea\xd0\xf4'</t>
  </si>
  <si>
    <t>2013Recovery</t>
  </si>
  <si>
    <t>b'\xec 7q\x0b\x0f\xdd\x90\x86A\xee\x9a9\xd3\x11\x13}\x17&lt;\x9f\x83\x81\x06\xc3\xa7k\xe1=&lt;\x87w\x1d'</t>
  </si>
  <si>
    <t>Wedding Expense Consilodation</t>
  </si>
  <si>
    <t>b'L\xd6\x0f\x87/\xa1\x03 \x0e\x00q\xdc\xf9\xd4\xb6P\xa0N\xc9\xc06}\xc1\xe6\xfb\x91W?\xf5&lt;S^'</t>
  </si>
  <si>
    <t xml:space="preserve">New Start                               </t>
  </si>
  <si>
    <t>b'\x99\x8d\xeb`\xd3{\x87\xea\xca\xc1s\xf5B9xd\xc1\xe0\x9dK\xfa\x85O`\xf6\xf1\xda\xfay\xc1\xbf\xf2'</t>
  </si>
  <si>
    <t>Free from debt</t>
  </si>
  <si>
    <t>b"\x1d\xee\xf1^\x18\x8bSe\x11'\xe3\xdda\x9d\xcd\xaez\xbb^\x94\x0b\xb1\xbcE\r\xbf\xc8[\x056\xb5\xd6"</t>
  </si>
  <si>
    <t>b"\x15\x83('\x14\xfb;\xf4X\x8b\x8e\x19I\x12/\x96\xc8D\x1b\x9e\xb05\x877\\)qX\xaf\xd8\xe0\xb3"</t>
  </si>
  <si>
    <t>b'R+!\x03(]\x06\x85\xef\xce\xb5\xe6\x98\xa0L\xdf\x19?r\xd5&lt;X\x82\x0c\xe4.\xa2\x8c\xe8y^\xc3'</t>
  </si>
  <si>
    <t>b'\x98(\x96 \xdb\n\xf7\xe9\x17\xaf\xdd\xae\x18Z\x1e\xb4(\xc7&gt;\xb9\xc5\x9f{\x80\xc2@x.M\xa8\xda\x90'</t>
  </si>
  <si>
    <t>pay it off!</t>
  </si>
  <si>
    <t>b'"\xd6\xa2tO\xc7H2\x82\x1cZbpB\xb6\x82Vn\xa4\x83G\x95\xc0\xee\x91+\x1d\n\x00\xec8\xe8'</t>
  </si>
  <si>
    <t>b'q\x05\x0c\x14\xaf%&amp;R:0\xd7\xe2\xb3]o5\x94d\xa5\x0fK\xc0\x88\xb1\x17h\xb19\xc4\xae\x87?'</t>
  </si>
  <si>
    <t>b'\x10\x92)\xcb+,k25\x18\x0e\xb3\x17\x82\xf1\xe7\xd3\xc2!)G\xa8^\xf0\xf0\xed.\x84\x08\xda\xa7\xcf'</t>
  </si>
  <si>
    <t>Debt Free Plan</t>
  </si>
  <si>
    <t>b'\xfaLq\xf1\x18\x8f\x0em\xf9\xf4bcD\x8c\xeddd\xb2\x97M\x16V\xdf0\x8f\x9a\xc6\xbd\x83\xfb\xb3\xcf'</t>
  </si>
  <si>
    <t>CCC Loan</t>
  </si>
  <si>
    <t>b'\xb9\xdf\x85 \x15\x90+\xb3\xf0\x9c~\x06\x84\x11bAcm\xce\xfa\xee\x81\xb4 \xb5\xb1\x00\x05{\xde\xd3\x15'</t>
  </si>
  <si>
    <t>b"\xa2\x08\x8d\xfa\x91\x8e'\xaar:\x05Z\xack\xd7\xa7\x91xw\xbcZ\xb8\xab\x9d?\x94yU\xa0\x00Hx"</t>
  </si>
  <si>
    <t>House Remodel</t>
  </si>
  <si>
    <t>b'\x14\xcd\xb9\x03=\xbe\xbe%\x01\x07\x9d\xc0&lt;\xd0W9;o\x80o^\x92\x9a\xd4\xd1E\xa4\x87\xfag\xab\x08'</t>
  </si>
  <si>
    <t>b"\xa4\xe0C\x9b&lt;\x02\xcc\xd8\x1esG\xe7\xca=v`\xfa\xf1\xc7\xe6'\x9b[\x07\xec\xcc}}0\x8d\xeb\xd1"</t>
  </si>
  <si>
    <t>Home improvement,leaking bathroom ceilin</t>
  </si>
  <si>
    <t>b'\xe7k\x16&amp;"t~\xd4G\xf1i\xb7\rlq\x91sHON\xca7\xdeW\x10B\xc7:\x0b\xe7V&lt;'</t>
  </si>
  <si>
    <t>New start</t>
  </si>
  <si>
    <t>b' \x9e\x93\xb0\x1f!\'\xb0S\xec\x7fp\x05\xff"9\xf5\xc2\xa5\x1f=\xae[\xb2\x94^\x14\xc7c\xc3~\xe9'</t>
  </si>
  <si>
    <t>127xx</t>
  </si>
  <si>
    <t>b'\xb1\x8f\x1bG\x9e\x18\x95\xfb\xcb\xae\xc7z\xd9|\xdcM|\x97\x08\xb0\xcel\x99l]\x0fE\xc7Y~\x91\x0f'</t>
  </si>
  <si>
    <t>renewed hope</t>
  </si>
  <si>
    <t>b'\xfe\xc3\xf0\x05\xf1\x18u\x9cdo\x86\x86\x8a\x08\xfa\x85\x02s\xf2\x82\xd1:gV\x81*\xc9\xdd~i8\x14'</t>
  </si>
  <si>
    <t>Safety Net</t>
  </si>
  <si>
    <t>b'c\x18\x1e\x16\xdb\x08\x0bU\x88&lt;\t\xa7\xecCg"\xf27\xdbE\xfeH\xa8\xd9|/\xf2=\x89\x13\xd1\x01'</t>
  </si>
  <si>
    <t>Health Club Purchase</t>
  </si>
  <si>
    <t>b'\xae,3N\x1b\x13&gt;\xa6I\xc9\xf3\xc8Q\xb8\x18\xf2\x91\x90\x08@\xec\xbb\x04\xbb\x05\x9ea\x12uK&amp;\xe0'</t>
  </si>
  <si>
    <t>2013 Loan</t>
  </si>
  <si>
    <t>b"\xd5\r\x90\xa0\xed\x9f\xda;)\xbe&gt;yt\xbbCi\xc0\xf4\xca\x0f\xeb+3V`1TG&gt;X\xd5'"</t>
  </si>
  <si>
    <t>b'I\xa9v.\x1b\x81=&gt;\x87\xa6]v\xf3\x12\xa5\x06\x9e\xda9\xf72i\x1e$-\xe0\xe0\xc1\x03\xce4\xf8'</t>
  </si>
  <si>
    <t>Consolidate Credit Card Payments</t>
  </si>
  <si>
    <t>b'S\x9d\xc3\x845#p\xd6\x9c\xfc?D\xc2\xe3\xdb\xfaz\xeaC\x1c\x819q\x00\xf8\x03\xe7@\x0e\xf9\xbeH'</t>
  </si>
  <si>
    <t>b'[\xcf9\x0e\x16\x04\xf3\xb5\x90\x03\x81\xd3\x91}p\x9c\xdf?(\x93I\xa7\xa9\xcb|Db\xfe\x90\\\xa7\xf2'</t>
  </si>
  <si>
    <t>b')\x91%\x0b\xd4\xfb\x0b\xbc\xe0\x91Z\x8e\xe6*0\x92\xf6G:\xdbx\xf1$\x19\x84o\xbcV\x04\x8f\xbd!'</t>
  </si>
  <si>
    <t>b'Zj6\xbbZ\xdf\xa4"\xc9\xa8\xed\xc6\x82-\xf10^1Y*\xac\xb7\x01\xc4\x82k\xf4 \x8dZ\xb8\xe3'</t>
  </si>
  <si>
    <t>b'\x9d\xd4F\xa8!\x05*\xbd\x03\xab\x8e\xf1v\x9a\xa9|N\xf3\xb8@K\xb8\xacE,\xfcP\xae\xcf\x1e\xa0\xa3'</t>
  </si>
  <si>
    <t>b"\xed0\x9c\xfa\x89!kA?u\x16\x1db\xcf\xd2B4\xf1\x1e'\x07\x1a\xacd\xc8\xa7\xb7\x9eN?\xc7)"</t>
  </si>
  <si>
    <t>Debt Consolidatio</t>
  </si>
  <si>
    <t>b'\xf3\xb5\x8e\x8b\xecr\xc3\xa7\xc72\xf3"\x82\x9a,\xb2\x10H+\x90:\xf9m\xb8\xa8\xbf\xbcq\xdd\xf5\xbb\xff'</t>
  </si>
  <si>
    <t>b"\x92\x7f\x7f5bW*UD\xae\r\xd2I\x91\xcc\xfcy\x86\xd5\xd5\xd8\x11\x1b&gt;\xe4'c\xd4\xa6\x80\x90\x91"</t>
  </si>
  <si>
    <t>Credi refi</t>
  </si>
  <si>
    <t>b'\x90#\xd9\x86\x01E\xef\xf7\x82\xb1\xe4B\x91\x9eV1R"\x8cr\x07p(9\xc9\x07\xb9\x15\xe4\xe6\xeb\xc2'</t>
  </si>
  <si>
    <t>b'\x9d\x9b\xf5\xa1\xc3f\x84\xc1\xa4Ap\xbc\xc0\x99\xbcH4+\x86\xa4\x11\xa7\x13#\xe2\x17\xb2c\xf1p\x9c\x84'</t>
  </si>
  <si>
    <t>pool paradise</t>
  </si>
  <si>
    <t>b'\xa57\x1d\xdcf\xbe\xbai\xec\x16@\xadbhw5\xe5s\xbeP\xcf3\xfd`\xbd\xdd0\n\xadv\xd2\xd8'</t>
  </si>
  <si>
    <t>b'p\x89\x0b|\x07\x83M\xcaexY\x80\xa4\x95\x1c\x96G\\/\x93\x92Tz\x1bL\x7f\x81\x95B\x19\x85\xe4'</t>
  </si>
  <si>
    <t>b'\x0e\xc0\x80\xd9U^]\xf2s\x91\x1dP\xdf\xcd\xf4\xca\x04+i\xb1\xac\xdc\t\xa4w\xc8u\x94\xdd\xc8\xab\xa3'</t>
  </si>
  <si>
    <t>b'S\x01\x81\x91\xba\xef\x7fJ\x10Y\xdbDu\xbc&amp;\x1fQf\xde7SD\xad\x91\xbc\xdb\xc7\xc6\xc0\xd5\x1a\xa3'</t>
  </si>
  <si>
    <t>Back To My 'A' Game</t>
  </si>
  <si>
    <t>b'm\x7fK\xb2P\xb7sls\xd5\xdd\xd6\xea\x90\xa3\xbdDK\x9d\xe3\x98o\x1bD\xa1P2\x01\xfa~\xd9Y'</t>
  </si>
  <si>
    <t>b'&lt;\xef\xb9z\x0b\xd9\x96\x99\x1a\xf2|\xc5\n\xa3\x0e\xd7\x159u\xba\xb1\x01\xdf@Y\xf8\x02:7R&gt;A'</t>
  </si>
  <si>
    <t>b'\x16\xc1$\xfdK@\xe1\xd0\x1d+&lt;B\x91s@j\x15\xaa\x87\xc9P5ms\x85\xee\x96\x8d-p\xbc,'</t>
  </si>
  <si>
    <t>Fixing my house</t>
  </si>
  <si>
    <t>b'\xe0bX\xac\xb8\x07\xe8\xe0\x93\xf0\xf3g\rI\xcb\xef\xb1V\xc7\xde\x81\xfc\xa8\x8265\xc2rY\x06\xa8\xfa'</t>
  </si>
  <si>
    <t>Helploan</t>
  </si>
  <si>
    <t>b'\x14\x99\x0et\xd2=(\xbe\x1e)\xc1`\xeb\x9b\xc3[\xef\x1c\xdf\x8d_F\xd0\xc5{~m\x8d\x08"V\xe9'</t>
  </si>
  <si>
    <t>b's\xad\x99\xdf\xbf\x00\x86\xa5\xe7RZ\xbezp\xe6\x16i\x92\xe3\xc7t\xc6\xd7\x9a\xee&amp;\xd3\x04\xc1\xa6\xbfd'</t>
  </si>
  <si>
    <t>623xx</t>
  </si>
  <si>
    <t>b'\x18\xf2\xc6\x14_\xf0\xe0\xbb\x93\xb0}\x90\xc4\xbd,\x1b\x9a\xd2\xed0\x91\x04\xab\x18&lt;\xed\xb3}|0\xe2\x8e'</t>
  </si>
  <si>
    <t>b'\x84\xe7\xfa\x10\x8am\x8c_,.\xb7\xb9\xeaT~@\x92\xe6\xa8\x0e\xdeXn\x1d\xf9c\xce\xfc\xa4\x18@\xfb'</t>
  </si>
  <si>
    <t>b'\xc4A\x19bq\xde\xf1\xa0\xc4\xc3"\xb2t\xe4 L\xa0\x99\xd6\xde\xda\x1c\xb11\x1f\x16",\xe7\xa4y\x95'</t>
  </si>
  <si>
    <t>b'\xfc\x8f\xf3\xe3{v{\x84\xe5\xdfg\x1b\x81C\x12\x87\xc2aX\xd8\x0b\xdd\xa6\xefB\xbb\x1f[/\xf5.V'</t>
  </si>
  <si>
    <t>b'\xb6\xab\xfb\x1co\x86,\xf0\xf2~\xb5\x01\xcf\x80D\\\xd2\xd4M\xf4\x1bp\xb3B4\x93\xf5\xfc\x98\xcdw\x0e'</t>
  </si>
  <si>
    <t>b'x\x1f\x9e\x81]\x90q\xea6\x9d\xe6\xd7\x81\xe0\rr\x83Jn\xed`&lt;|$\x94\xcb\xf7\x19"\x92\x1a\x15'</t>
  </si>
  <si>
    <t>b'xn\xa2\x1a\xbf\x97&lt;\x80\xf8\x86c\xdc2\xe7\xbf\x1arjL\xbc\x9f\x99\xfd\x9e\xa3\x11\xd9I\x14\xfd\xaa\xdd'</t>
  </si>
  <si>
    <t xml:space="preserve">credit card consolidation </t>
  </si>
  <si>
    <t>b'\x98\x1cD\xe465\xf9\x0c\x1d\xf1M\xb02%w&gt;n\x15\xe0#\x1a\x0e\x89\xe9\xb6\xbfg\xca\x17b\x9fb'</t>
  </si>
  <si>
    <t>b'\x13:\xbfk\xfep(o\xf6\x11"\\a\xa1\xd6\x1d\x81z\x8b\xb4E\xcd@\xacU \x10\x9f\xd7\xae\xbc"'</t>
  </si>
  <si>
    <t>C.C. Re-Fi</t>
  </si>
  <si>
    <t>b'\xff\xd3\x9d\x17\xb7)\xd1L\xee,\xc5I\r\x0b%7 \x95\xba\x02\x05\x91?\xdd\xfd\x9d\xa5\x10\xc2&amp;\xe2b'</t>
  </si>
  <si>
    <t>Conolidate</t>
  </si>
  <si>
    <t>b'\xb1\x1b\xc8\xba^\xfd?\xe6ix\xde\xb0gk\xaa\xf8z\x9d`\x8a.\xfcw/\xadX\x0cm\xd9\xd0O\x85'</t>
  </si>
  <si>
    <t>b'8/c=u\xe0\x91\xf8\x00\x7f;"\x8e\xa4\xb3l\x0e%{v\x8c\xaf\xba\xc3Ti\x04j\x13*\x04\xa8'</t>
  </si>
  <si>
    <t>b'\x13\xc7\xdbpo\xeeC\xa8P\xbd\xa9\x88\x13\r\xda\x10bPVKR\xbcO\xea1\x16\t\xf6\x92\xf0\xcaI'</t>
  </si>
  <si>
    <t>2013 PayOff</t>
  </si>
  <si>
    <t>b'l\xfa\xda\x1f&amp;\xa2`u\xe3\xc6\xde\xaa\xe8Fq\xa3\xca\xcd\xee\x84\x19\x9df\xfe\xcc\xa7\x02\xabvQ\xd5\xc1'</t>
  </si>
  <si>
    <t>want to be debt free</t>
  </si>
  <si>
    <t>b'\xd5qkY\xc5\x8f\xc50Z\x17\x08:\xed\x1b\xd6\xfa\x1cQ9\xef\x04\xe1\xc5%:\x88\xaa\xc8\xd5\xb1\xe1\xdd'</t>
  </si>
  <si>
    <t>Daughters Wedding</t>
  </si>
  <si>
    <t>b'\x82\x06\xa5!\xf8\xe0*\xe0\xe9\xa4H\x0c#\xf5^x\xa3\xf3\xc6\xdbd\xf5\xe8\xcc2\xc8\xd2e\xd4},\xd0'</t>
  </si>
  <si>
    <t xml:space="preserve">Det Consolidation </t>
  </si>
  <si>
    <t>b'&amp;U\x03SS\xcc\x080\xff0T\xf4C\xbf\xec\xa3\r\xac)\x19\xf1\xa6\xc4\x19\xf6O\x0f\xd5\x01=\xa7H'</t>
  </si>
  <si>
    <t>b'\x90\xdc\xaa\xb3\xf8t\xd0R&gt;^\xd4\x957\xd5\xc8\x80D0\xfc\xf2\x01b\xc9%\x13\xe0jD\x1aqZ\x07'</t>
  </si>
  <si>
    <t>b'\xb1\xa9l\xd8^A\x84dahm4\t\x86/\x9bz\x90\xde\xd8\xcb\n\xd3\xf7\xe2R\xcc\xc0fT\xc1Z'</t>
  </si>
  <si>
    <t>b'C\xb6\x06\xb4\xfc\xf0I\xf9--I\x9a&lt;\x01h\xba\x1b\xe2q9(\xa3X\x15\xa1&amp;2\t\x0f \x02\xdb'</t>
  </si>
  <si>
    <t>Reduce the debt</t>
  </si>
  <si>
    <t>b'\x8d\x9a\x01\x17\x16\x11[\xe5E\x07\xa0E\xd9\xe1\x815O\xafD\xb1o\x8eXe\xa8\xb0\x1e\x14\x88\xa1#\x02'</t>
  </si>
  <si>
    <t>CC loan consal</t>
  </si>
  <si>
    <t>b'\x08\x985\x90`\xd5j\xf0\xc0\nHB_\x86\xc18X\xda\xf3\x13\xf1j\xf98\xd5\xb9\xa5\xa5\xc2y\xd9\x88'</t>
  </si>
  <si>
    <t>b'\x86\xd9\xda\x81\x83N\x10T.A\xab\x93\xed\xe8\xc6\xd9\x1c2s\xf0\x08\xa0\xb0\xac\xb8%{u\xd2\x84D\xd2'</t>
  </si>
  <si>
    <t>b'\x9ev\xf7\xaes\x9e\x87\xba\x9f\xb3\xd8\x89VXNYV\x00\x97\x96\xed\xb2\x94\x7f|\xa4\xa0\x8f\x87\xef?R'</t>
  </si>
  <si>
    <t>New Life Ahead</t>
  </si>
  <si>
    <t>b'N\x84\x80\xaa\x9d\xc9\x15\x9ac\x00]f\xab\x0b\xd9\xb1\x8ar\x02\xce\xe8\x1dA\xaf\xcf\xfc\x877\xafu\xf2$'</t>
  </si>
  <si>
    <t>b'\xcem\xc6\xbfmO\xb2\xc4$\xa6t\xc0\x9bb4\xc3\xcac,\xe8\xf9&gt;\xd69\x95\x878h) \x93\xcd'</t>
  </si>
  <si>
    <t>b'9\x84Gh\xf4R\xbc:d\x18\x13F\xae\x06\xa4;D\xda/L\x13tq7x\x9f\xec!@[z`'</t>
  </si>
  <si>
    <t>b"\x80\x96\xed'\xb3\xdb\x84\xfeA\x9aK_\xd5A\x8cki\xd7 ~\xa9\x84\x87\x9fX\x92\xe4\x18\x1aG\x8d\x1d"</t>
  </si>
  <si>
    <t>b'\xc7\x14\xdb\xb7\xeb\xa6G6\x0c\xcfH\xe3\xb2\xbf\xbd\x1c\x89L0"\x9bY|\x0bMN\x14\tc\xc2\xf7\xa1'</t>
  </si>
  <si>
    <t>C.C.Refinance</t>
  </si>
  <si>
    <t>b'\x99\xab\x06D\xda\x92\x99\x91?\xb1}\xd82\xee\xd8\x8f\r\xf4=\x9a90\xf9\xbd\x177\x7f\x0e\xc8g\x02Y'</t>
  </si>
  <si>
    <t>Happy days</t>
  </si>
  <si>
    <t>b'z\xa4\x86\x9e\xd5\xba\xb2K\xfc\xb9\xeaa\x0c\x7f\x82\x10\xb2&gt;\xc0\x99\xec\xd1eE\xe7\xba`\xc66\\\xd0\xda'</t>
  </si>
  <si>
    <t>b'\xe6\xf58]\x13\x01 &amp;\x8b\\a\xb0\x94\xda/\xa6\xfc\xbb&amp;!\xda \xfdO\xe0\xbc\xa7t\x98\x06j\xb8'</t>
  </si>
  <si>
    <t>b'\xfb2|\x842!`\x07\x00"\\\xad\xfa\x98\xc6\xe2Bv$\xdf\xafBB;njV\xfd\xb08\xbaV'</t>
  </si>
  <si>
    <t>Operation Consolidate</t>
  </si>
  <si>
    <t>b'B\x9e\xeaI\xedT\xf0\xd3\xe2\x99\xb1\x08\xd7\xc7\xfb\xec\xdck\x9d\xb0v\x83\xdb\xac\x9b\x8dl\x0b\x83\xfb\xfb\xbe'</t>
  </si>
  <si>
    <t>537xx</t>
  </si>
  <si>
    <t>b'\x9e\x11\x1d\xde\x91\xb1F\xb6\xb7x_\xf2\xfb\xe5Q\x17v\x14"\xbaa\xaf\xd9\xef\x02x+d\xf7q\x08Z'</t>
  </si>
  <si>
    <t>Consolidate CCs</t>
  </si>
  <si>
    <t>b'\xd8\xc3FWo\x1c\x10\xda\x1d\xbf[\xd7\xb1\x85\x03\xc6+\xd6\xb1W\xd2gt\xf8k@uTT\x81\x98+'</t>
  </si>
  <si>
    <t>b'cc;\xcc\xb7;j\xe2i\x86\xa8J[\x84\xafDo\x10\xe6\xfc\xfb\x10\x9eE\xa3\xd1\xd8a\x12\x0fod'</t>
  </si>
  <si>
    <t>Private Loan</t>
  </si>
  <si>
    <t>b'\xf2\xa1\x85\x1d\xbeT\x9b\xc3\xe0^\x0c\xbf\x88\xc1\xf6\xf4\r\xe0\x06\xb5\x87\x04;k\xda\x82\x03V4\xbb\xa7k'</t>
  </si>
  <si>
    <t>b'\xd6\xc1H\x93\xe4\xc3\x9a\x1ah\xd7\x91Sw\xd0O\xdeb\xef\xc9`\xb1\xe8\xee\xe5[\x00\xf8\x1c\xc8\x81\x05\x7f'</t>
  </si>
  <si>
    <t>b'`Y\xdd\x98\xcdd\x9f"\x1e\xf9\xfb\x03\x0b\xe7\x9b\xf7&gt;1\xc6\xfc1\x8c\xbes\xec\x98\xd4\x8c\xf1v@`'</t>
  </si>
  <si>
    <t>b'\xdf\xab\xd3\x0eBOm\x06\xebO\x8e~\xdeD\xf2="\x8a\xaf4\x82zb\x18y@\xb9\xca\xf2\xf6\xf6;'</t>
  </si>
  <si>
    <t>b'\x84-oR\xc2\xd5\xb8\x04\xe1\x9aq\xe7\xad\x9fw.\xdd\xed\x80\xd9%5\xc4LM\x89\x8bN^D\x8a\xff'</t>
  </si>
  <si>
    <t>DEBT Consolidation and Home Renovation</t>
  </si>
  <si>
    <t>b"\xc2\x0eI \xe9\xfa\xffn\x88\xdb=\xb8\x8e\xdb4\xb0DLs\x01C0L'0\xf5\xdf&gt;\x99\xaf\xde{"</t>
  </si>
  <si>
    <t>b'\xbb\xe3\xf0\xad%\xd8\x91\xc0\xe1\xbe\xe58\xbf\xa1\x17\x81A\xeb\xe5;\xd1\xd7t\xcd\x8cI\xfd\x83\x13q\xeb\x08'</t>
  </si>
  <si>
    <t>New Stuff</t>
  </si>
  <si>
    <t>b'\r\x0e\xbd\xc4[f\xf1\x8c\xc9\xceS(c\xa7\xae\x9b\x85\xf9\xd56\x05\x8c{-\xfc\xc9~\xa8R\xfeU0'</t>
  </si>
  <si>
    <t>b'\xdbyV0\xf4\x02m/O\\\x1d|\xec\xa0p\x8b\x02G\xc0\xeb\xcam\xae\xeb^e\xda\xe7z\x18\x8c,'</t>
  </si>
  <si>
    <t>b'\xda\x1c\xb1&amp;\x91z\xf5(\xc9\xee\xf9\xd0\x86\xd9\x1eY\xd5\x83\x17[*\xb7I4E\xf51BY\x0fsl'</t>
  </si>
  <si>
    <t>b'\xbd\x0cm\xd8,\xec\x0fx\x87\xded\t\xe1\x0f\xba\xfb]\x8f\x9f,\xe4&amp;\xdd3\xe5]\xcfG\r0\xaa\xc5'</t>
  </si>
  <si>
    <t>b"\xae'\x126\xca\xaf\xf9\xdd1\x188U\xc7\x04&gt;\xe4\x18L\xd5\xe3n\xa1\xe0\xdd\xff\xe4BB\x84S\xf7\x04"</t>
  </si>
  <si>
    <t>b'o\x00 \x1b\xe9\xac\xb4\n\x17\x1d\xaa\xe1fA\xde\xb0Z\x15\x9a\xaa&amp;\xbf\xa7\x85\xbb\xb5\xce\xa0\rT\xa6\x9b'</t>
  </si>
  <si>
    <t>b'\x8c~\xb3\xeeF\xb0d\x1a7\xc7\xa3W\xaf\x0b D\x90\xe2\nZ\xa9\xd5\x15\x1dR\nm\xba1!iR'</t>
  </si>
  <si>
    <t>b'"\xad\xa1\xe0$bc\xd9\xd7D\x10W\xa2f\xd86\x05\xa8\xff2\xb2\xb5\xbb\xf9\x17\x94\xd2\xc8\xf7\xc6\xbc\x06'</t>
  </si>
  <si>
    <t>b'\xadyx\xaa\x86\xe7\xbe\x87\x06\xf8\xb7ub*\xfb\xb8m\xb5\xc0\x9c6\x8fcP\x08\xbb\xc0\xfc\x82\x95\xd4\x86'</t>
  </si>
  <si>
    <t>b'\xf0\x0b"\x90\xfa\xf6\xc6\xc1\xff&lt;\x0c\xcc*\xb9\x0c\x89B\x94\xf3|-g\x08lp-\'zR/\xbb\xbe'</t>
  </si>
  <si>
    <t>b'\xe7\x11\x08-P\r\xf9J\x8bQ\xb7\xdf\xf7$\x99\x7f\xa2K\x96A\x84\x87\x95u\xa9=\xd2\x1bcp\x85\xec'</t>
  </si>
  <si>
    <t>b'k\xfb\xa3\x9e\xd8\xf2o\x9b\x87`{BzJ\xa5)\xcd\xb7\x9a\xd1|\xf4\xa9\x0b5\nO#_\xc4\xb7\xbf'</t>
  </si>
  <si>
    <t>b'\x04q\xf9\xcd\x84\xe4{&amp;\xbe\xca\x99\xe5\x85k\xd8\x1f,{\xc8\x7f\x88W\xf3\x1c\x88\xae%`\x86B\xffs'</t>
  </si>
  <si>
    <t>b'`;f\xc4j\xc6\x95j\x9al\xb7\xf0\xce\xa9.y\x13\x1a\x8a\x1aa\r\xf8fg\x88a\x11\xd1\xc1\x8f\xf6'</t>
  </si>
  <si>
    <t>b'aP\xccn\x90(~\x9e\xf1\xdat&lt;S\x97\x14\n;\x06VV\x8d\xc1\xe7\x01\xee9\xd8:)\xd0\xce\x82'</t>
  </si>
  <si>
    <t>b'9\xee*\xe1@\xa7W\xe6.3\x1aF1\xd9\xdd6\xb8\x0c\x0c\xda\xeal\xfa\xa5Q;\x88@\xe8\x0b\x90\x07'</t>
  </si>
  <si>
    <t>b'\xab\xf2\x99\xf8\xa3ea"\x94\x8bX\xc2h-:\xa2\xc1d\x93\x7f_UT"\x8c\xc1\xae5\xfd\x8dk\xdc'</t>
  </si>
  <si>
    <t>b'MO\xb3\xd8({h\xba\x1d\xf9\xb7\xf1\xdai$43\x9b\xa0\x1a^\xe4\x83\xa3S\x97\x16[h[\xd7\xde'</t>
  </si>
  <si>
    <t>Consolidation Debt</t>
  </si>
  <si>
    <t>b'9XV)\xe9_\xa9\x99\xe5\xf5s\xf5\xaf\x05lv\xb2\xe1L"-\xf5\x01h\xe4\xe4\x1fB\xc6\xd9\xdd\xcb'</t>
  </si>
  <si>
    <t>b'o\xe5\xc1\xc4R\x83W4\x1b\xb95\xf0n\x1d2\x90%s\xf5\x9d,a\xdff\xc7\xc1i\xcdb\xdd\xeb\xd2'</t>
  </si>
  <si>
    <t>b'q\xfbK\xb6xY\xb5\xe1\xac\xe4\xf9\x9c]\xd8\xdd\xbc\xcf\xb3\xc3\xcb\xb7\r\xd2\xd4\xb3\xb4\x94\xf3\xef3\r\xff'</t>
  </si>
  <si>
    <t>b'\x98l\xa8b\x08\x9fY*\x04\x15Z\xdaqu\x81T\xdd\xb4\x1f[t)\xe3\x06\xd3v\xd1R}\x1a\xc7\x99'</t>
  </si>
  <si>
    <t>b"\xfc=;}\xd6p\xfa\xdd\xbf\x90\xa3\x8e\x8d\xfbu\x8b\x1f\xd6\x03\xb7';&amp;\x7f\x91\x0bv\xbc\xb2C\xc9s"</t>
  </si>
  <si>
    <t>b'3\x96\x81\x99*\x84\x11\x9b\rQ@h$|\xf2\xf3\xc5A\xc7\xeaTQ\xe6\xd9\x04\xa7\xdc\xfa\xf5\xce\xb3A'</t>
  </si>
  <si>
    <t>b'\x12c\xcc\xcc\xe4\x1f\xe0\x0e.c\xc0\x9f\xbam\x9e\xf2Z\xa7\xc5g1\xaf*T\x9cl\x1b\xea%-])'</t>
  </si>
  <si>
    <t>b'\x19\x84}w\xdc\xa6\xad\xf5\x02\xac\xcd\xa8\x9c4k\x18\x17\xb1R\xbf;\x01\x80X\x07`e\xaf\xda\xc0\xfc\xf9'</t>
  </si>
  <si>
    <t>Second Loan</t>
  </si>
  <si>
    <t>b"\xea\xeav\xb1\xc2\xc2g\xf0\xdbG\xd4\x16\xa7'\xf2\x7f\xb8\xa6\xc6T\xcdoNZ\x87'`%\xab\xefh\xe2"</t>
  </si>
  <si>
    <t>b'F\x98\xcc\x11\x12+I\xc1\xbe\x9c\xaeE\xea\x8ap\xdb\xb1{\x11-\x82\x17T\xc9\xdf\t\x80;S\xfd\x87\x9d'</t>
  </si>
  <si>
    <t>b'`\'\x03"\xa0\x0f\\\x0c6T\x0fE\xd5\xeb%\'\x08\xe1\xbc\xe4\xcc\xcb\x93\xda\x83\xdf\xa3\xd4\x0b\xabpl'</t>
  </si>
  <si>
    <t>b'-\x02$\x11du\x10\xc4]3\xe3\xfc\xc5E$\x95&amp;\xec\xb5\x17\x1d\xf4\x15\xc8\x83BS\xbd\xad\xd9\xf9\x07'</t>
  </si>
  <si>
    <t>b'\xcf\x05\x1b]\x8d\xce\xf3}\\R\xb36\x89&amp;\x10N\xd7\xf3\xf1\xb2\x9d\xb9\x10\n\xf0a\xf6\x17\xcaQl\xa5'</t>
  </si>
  <si>
    <t>b"\xe3\x81w:RiF\xa5\xa5\x9b\x14`\xda\xed~\x97ng\xd6\x0b\xe1]\xf5\x9f'\x9c4\x0b/\x18Ky"</t>
  </si>
  <si>
    <t>b"`\xe73\x06\x04\xee\x12\xcc\\\x1f\xd1\xda#\xfc\xdc\xebp\x9e\xaf\x03\xa4\xbe\x1a\x149\xb2N\xe0g\x88\x92'"</t>
  </si>
  <si>
    <t>b'b\x0b&amp;\xffNv*\xba0\xf3\xcc\xbe\xb0q\xfb\x9b4\x01\xdc\xff@\x9f\xcfbV\x96\x05\x92\xf6\xca\xf70'</t>
  </si>
  <si>
    <t>b"|\xcb\xae\x95\x82\x95H\\4Z\x85i\x02\xfb'\xa7;\xb5\xe6\xb1v\xdb21\xbd-\xf2h\x14\xf1\xa8\xa2"</t>
  </si>
  <si>
    <t>Looking forward to getting this loan</t>
  </si>
  <si>
    <t>b'\x8f\x0c\xf45}`\x86\x03\xaa\xf3\xf3%uI\x9a9X&lt;\x00#\xa0e\xfcR\x9dGO\x94[\xec\x0b\xe6'</t>
  </si>
  <si>
    <t>b'\x88\x8d4ll\xfd\x0f\xbc\x1f\xe7;-\xfa\xdf\xf4\xaf15yA\x8c\xd5\xf3\xadb\x0c\\\xc4\x17\xe8w\x99'</t>
  </si>
  <si>
    <t>b'B\xbb\x081a\x7fAR\x1de\x1e\xd0\xe8P\xcd(\x1a\x19\xef\xbb\xa9Kq\xd5\x12\xa8\xd0Zp\xe4\x04.'</t>
  </si>
  <si>
    <t>Re-finance</t>
  </si>
  <si>
    <t>b'\xf2?\x0c\xfd\x15Xe\xc5v\xd7\xd8s\x875\xe8\xcb\xce\xd1\xbf\x9271\xba/\xd6\x98\x1e\xfe~V[\x84'</t>
  </si>
  <si>
    <t>b'\xff5e\xb31\xec\xd1\xfc\r\x85d^-\xf4IgL\xf3\xf5\x8c\xb3\xe2F^\xd7$e\xd9\xbe\xb2\xfai'</t>
  </si>
  <si>
    <t>consoladate</t>
  </si>
  <si>
    <t>577xx</t>
  </si>
  <si>
    <t>b'F\xf0\x90\xda\xdd\xca\xf9\x98\x8dP#\x07\x8a\x12`\x0e\xed\xe9\x12\xb7Wv)\x16\xe6\xe9-=4\x9f\xd7\xce'</t>
  </si>
  <si>
    <t>b'\xf9\xbc\xeb\x96\xfdh\xff\xef\xff\xcc\xf2\xab@\xc1\xd5\x98\xd3\xf0\x81=l\x95\xc1\x95H\x1f\xe5\x1c\xad\x1b\xb9\xc3'</t>
  </si>
  <si>
    <t>Getting Married</t>
  </si>
  <si>
    <t>b'g\xcf\x99T\xaf\x7f\xaf\x9d\x1d\xf9\xf3W?!\x1e\x98$S*%\xac\xbee\r\xd5\xd2\x1a\x01lTu\x98'</t>
  </si>
  <si>
    <t>Ready to get out of debt</t>
  </si>
  <si>
    <t>b'\x9d\xdfnx\xfb\x8a]6\xd8\xc0~\xce\xa5\xc9"9\xe8h%\xa8\x98P)-4&lt;\xae5LT\x90x'</t>
  </si>
  <si>
    <t>new life loan</t>
  </si>
  <si>
    <t>b"\x9cr\xc5|XZ\x9c\xc3_\xc1\xc9G\xe9!\xb3n\x04pO\xc0K\xf1\xcf'\xfe\xb6,\xb2)?9_"</t>
  </si>
  <si>
    <t xml:space="preserve">Tax Software Program for Side Business </t>
  </si>
  <si>
    <t>b'I\xae\xbe\xc6\x16\xc2\xaa\xd7\x82\xc9\x9f%\xf7\xeeG\xbe\xe3\x0f\x19\x1cOR&lt;[&amp;\xe8\x9f\x86\x03.7\xfb'</t>
  </si>
  <si>
    <t>The Home Stretch Consolidator</t>
  </si>
  <si>
    <t>b'\x1fh\x9c\x8c\x7f]nt\xbay\xfarb8\xf0;\xb4\xd9(z\xa2S\x1b,\xec\x03\xc1;\xd40\x00$'</t>
  </si>
  <si>
    <t>b'\xcb\x97\xbe\xc7\xd6\x0fH\x11\xfcQBFY\x11\x9cs\xd3\xfe\xd9I\xacI\x8a\x08\xb0_\x89\xdeH\x19\xb4\xbf'</t>
  </si>
  <si>
    <t>b'\xa3X\xc3@?\x1f\xb1%\xa5\xa3M\xd8\xae\xf5\xa1K\x9a\x84\xd2\xbf`\x922\x96\xdd\xb7\xe7\x91\x94\xe4P\x7f'</t>
  </si>
  <si>
    <t>debtor</t>
  </si>
  <si>
    <t>b';_{\x17\xddy\xba\xf6\x13\xd1--\xa8,\x8f"-\xc3\xa0\xe6\x81L\x1b\x10\xfc\xf5\xafYr+\xab9'</t>
  </si>
  <si>
    <t>b'\xeb\xa4\xaf\xddS\x9bs\x93d\xc3U\xf6\xc7+\r.\x0f?\x94\xa1JR= \x08\xea\xe0,A\xd6\xcf\xf5'</t>
  </si>
  <si>
    <t>b'\x8d\x9e\x98\x18Q\xa8\x0c7\x0e\xd8*\xdd\x8c\x06\xe4]\xd4e#\x04\x82\xca\xeb&amp;\xf7\xe5\x0bW\xafd9\x8c'</t>
  </si>
  <si>
    <t>Repairs</t>
  </si>
  <si>
    <t>b'\xef\xdbE\x0253\x93\xe7\xba3\x1c\x80\xf6\xb78\xcf\x1c\xb3\x04\xf7\x13%Q4F\xc2\xf5\xe4vo\x83F'</t>
  </si>
  <si>
    <t>b'\xef\x1bR\x04+?\xa0\xb8`\xfc\xac[\xc4{\xcbF\xcf\x01\xf2\x17\x015-\x12=[\xd1\xa5O\x10\x12\xf2'</t>
  </si>
  <si>
    <t>b'\x9e\xc2U\x06\xc4L\xa4\x82\xe3\x0b\x1f\xf2&gt;f\x98\x1fDA\x90\x0e\xcdyJ\xa6\xdbQ48\x19\xdf\x8e3'</t>
  </si>
  <si>
    <t>b'6\x9fWp\xf8\x8a\xaa\xfb\xfc$\xfa\xb0\xbf\x90\x19\x90\x1er\xb3\x01G#)\xcdo&gt;w{P\xe0\x19\x11'</t>
  </si>
  <si>
    <t>CCconsolidation</t>
  </si>
  <si>
    <t>b'fx.\x82S\x14\xd2\xdcoj\xab\xff \xf64\xf5S\xe4\xc8\x8dA\xd2\xdbx\xa9\xb6\xf3y\x9dX\x7f\x0b'</t>
  </si>
  <si>
    <t>b'&lt;\xb8\x0b\xda\xc2\x98S\xa4\xfbK\xd5\xbd\x14\x88}\xa3\x1aD\x17\xc0.\xfa\xc5\xc0(\xbeZE\xa4\x06\xcbD'</t>
  </si>
  <si>
    <t>b"\xb0\xf1L\x01\x8e#oj\x16\x08\xe8\x91\x8b\x90\xf2\xc6\\\xc8vC\xc3\x05\xc0'\xbf\x82\xe6\xd5\xef\xc7Bb"</t>
  </si>
  <si>
    <t>b'Vq2\xcdk\x1d\x1b\xf9z\xcd*\xb8\xb8\xe4\xa6*\xe96\xb4Ll\xbcL@\x82Jl\x0b\xbf\xd2-Y'</t>
  </si>
  <si>
    <t>b"\x16\xa4'\xe0\xc2\xb8\xca4\xd8&lt;\xd3&amp;3\x81\x82l\x18ej'\x9f&amp;\xe0]\xd4\xb8EJ\xf9z\xf9n"</t>
  </si>
  <si>
    <t>b'\x15\xc5(\xbe\xa8\xddEX\ne\xd7\x8f\xc3\xab\xbe\xc5\x8e\xfc\xea\xfb\xae\xc4\xf0\x16#\xdef8\xa3\xa68c'</t>
  </si>
  <si>
    <t>b'\x9d\x80f\x14z@Q30)\xe9\x12\x12\x81Jn/\xf5\xf2\x03h\x82(&lt;N\xa8\x9d\x182\x13\xc2\xdf'</t>
  </si>
  <si>
    <t>b':aQh_\xc3\x1c\xb5\xf64f\xef\xbf\x08\xe1%\x1b\x15e&gt;o\x13\xe9g\x18\xa6n\x8b\x17\xfa\xf1\xd1'</t>
  </si>
  <si>
    <t>donedealthankyougod</t>
  </si>
  <si>
    <t>b'T\xedD\xd2\xbfc\xc5\xd9a\xbb\x89\x0ef\xf9\x85\x0f0\x1a%\x1d\xdf\xf8\xd5|\x9d\xd3\xae:\x05\x85G\x9b'</t>
  </si>
  <si>
    <t>b"\x86%#\x06O\xa6\x19'\xc54\xa4&lt;\x087\xc8Rm\x86R\x8a\xb2\xb8\x1d\x8f\n,E\xab5\x15\xd8G"</t>
  </si>
  <si>
    <t>b"\xc4~t\x1c\x05L\x1a\x06\x1bbq\xf7yP\xb2v\xe0A\x85'\xcb*\x1f\xe1\xa8\xbe+\t\x1c\xe9\xc2\x0b"</t>
  </si>
  <si>
    <t>Car</t>
  </si>
  <si>
    <t>b'\x87H&amp; \\5M\xd1;n\xfc|m\x08\n\xd1Au\xf5\xbe\r\x9e\xfa\r\x97+\xcbF\x80\xb0"\x14'</t>
  </si>
  <si>
    <t>b'%\xbe\xdf_\xda\x91\x95\x08\x05\xd49\xa2\x89\x07\x1e\x97\xa9\x0c\xe1\xf3s\x03PJlK4\xd9\x9c\xe6;\x9c'</t>
  </si>
  <si>
    <t>TAKIN CONTROL</t>
  </si>
  <si>
    <t>b'\xc9O+\x10hgRr\x16]}U\xe2Mq\x99\x96p\xaf\x12\x14\xba\x05\x94\x10\xe8\xfdS\xb9\xae1\x96'</t>
  </si>
  <si>
    <t>b'\x05\x8b\x0e\x9f^\xf9e\x9a\xae\xab\x81\xb0\xfd\x03Gq@\xe3X[\xb7\x99\x0c\xbf4\x0cX\xd6Y\x1bV\x05'</t>
  </si>
  <si>
    <t>b'\xab\x7fho&gt;\xb7\xfa\xc6=\x87p\xeeA\xc8bV"\x8b\xb7\xaa\xf8 \xb8\xb7\xc9\x02[6Z\x1fQS'</t>
  </si>
  <si>
    <t>b'-\x0f\x8f\xc2\xa0\\\x8b\xe0Y&gt;\xe3m\x1bl\xa9\x8c\xee\xdc\x1ed\xb9\x9c\xae\xdb\xa0\x8a\x94\xce\xb3\x81\x81^'</t>
  </si>
  <si>
    <t>b'\x07\x971\xe4\x90b\xd5IVix"\x8fA\x87\x9a\x17A\xad;_\xebO\x83\x99\xd7h\x1b^c\xad='</t>
  </si>
  <si>
    <t>Pay card</t>
  </si>
  <si>
    <t>b'\xec\x9db\xfaV\x0f\xd8(\xc7\r\xe6\xc6\xdb\xce\xf5\x0e\x8c\t%\xe2\xceF~c\x95\xeeU\xf8\x11\xba\xe3\\'</t>
  </si>
  <si>
    <t>b'\xd2PH\x08\x08\x07\x8fRB\x9aC\xd8&lt;#^nT\xcb=\xf1\x8a}\xcd\x14\xef\x9fW@\xe7E\xd4\xff'</t>
  </si>
  <si>
    <t>b'(\x9fQS0\xcb\xc4\x8467\xe0\xb32\xe6H\xe8\xbb\t\x93\x87\xc0213sA\xf8e\xe7\xa5F_'</t>
  </si>
  <si>
    <t>The Nest Egg</t>
  </si>
  <si>
    <t>b'!&lt;\xf0E\xf3\xff\xfc\xc9\xb7\xf0vm\x88\t\xc7`\xd7*\xdf\xa4\xd4\x0f\x8bii_1\x87\xe20H\xde'</t>
  </si>
  <si>
    <t>b'G*d(\xcd^\x90v5\xad\xde\xffg4)\xccA\xa5\xac\x9d\x9b.\x0cn\xa5\x00\xd7\x9fa\xe1^\xbb'</t>
  </si>
  <si>
    <t>Pay off capital one and citibank CC</t>
  </si>
  <si>
    <t>b'\xdb\xc6\xe2i\x8f\xe5\xa3I\xdd(\xb2\n-h\x81\xa3\xb1\xa7V\xed\xbc\xbf\x11\xd4Lt*\x90\xb1\x99\x1e='</t>
  </si>
  <si>
    <t>b'EO\xf4SR\x7f\xeb\xef\xd27\xd4\x8b3w\xb2\xd7\x9c\x97\xe15#\xc7\x81q(\xdd_&lt;\xad\xebY!'</t>
  </si>
  <si>
    <t>b"=_\x8aN\x8d\x89\n\xcb\xee\xb7'\xd1\xc6T\xce=DB\x8c\xdc;\x0ef\x14@\xef\xad\x88\\\x98\x1b\x92"</t>
  </si>
  <si>
    <t>b's\x8e3. c\xf4\xf3f\xb4jz?N9W\x86dPvG\xf9!\xc1\xc6\xeae\xe3\x08\xd8\xf3 '</t>
  </si>
  <si>
    <t>b'\x08r2\x1b\xee\xeci\x83A\xc7R\xafb\x0b]j\x8e\x93\xad#\xc5\xc0d$\x00R\x8c\xd0\x1c\x12\xa7\xa0'</t>
  </si>
  <si>
    <t>b'2\x06Rm&lt;\xdd\x0c\x02\x14\xdf\x16\n\xf9\xa7\x80\xa2\xd4\xbc\xbc4\xcb\x81k;m\x82\xf4\xbeH\x11\\\xe5'</t>
  </si>
  <si>
    <t>b'\xb6A%s\xd6E/\x8b\xc7\xd3f\xec+X)3\xb6&lt;\xd8\xa82\xe9\x81\x7fK\xbf\x8fF\xd1\xc0\xa8k'</t>
  </si>
  <si>
    <t>b'g\x01\x04\x1b\xd8\xc5\x06ymR\x08\x0e\xacA\x0f~\xeb6w)V\xfa\xa8\xecFOC\xb6?\x99\xf1\x14'</t>
  </si>
  <si>
    <t>Credit. Card payoff</t>
  </si>
  <si>
    <t>545xx</t>
  </si>
  <si>
    <t>b'\x80bks:\xf3\x92\xa4\xdbg\xcc\x98\x85~\xe9\xd0\xe4\x16N\xf6\x85FX\xb0ve\x9a\xcdT\xc8\xee\xc3'</t>
  </si>
  <si>
    <t>b'\xdd\x0b\xa8\xfb\x97\xf3I\x14\\_=Te\xb4\x14\xebcN\xf1\x88\x897/"\x12\x19\xc3\xf2\xc5\xbc\x93\xfd'</t>
  </si>
  <si>
    <t>b'\xc3v\xdc\x04\x91\xdaX\x1dRD\x9d#\xe99\xf2\xf0\xb8\xda \x80\xe0\x8b8\x150^p\xc4\xca\xca;\xa2'</t>
  </si>
  <si>
    <t>b'\xbe\x13\x8e-\x91\xc0\xf0-\x9cw\x9c\xf0\xa8\xec6\x87\x0eX3\xc3M\xbbJw\xa1t\x82OiC4\xfe'</t>
  </si>
  <si>
    <t>b'!\xd1r\xed\xe5@|\xafT}~CIH@K\xd7\xf9\x88\x14\xdc\t\x94d\x8bi\xa2\xf2\xecm1\x99'</t>
  </si>
  <si>
    <t>bills refinance</t>
  </si>
  <si>
    <t>b'eS\xf8\x0f\x92\x84\x17\xc4+\xf7l\xdf\x02A\x9f\x83U\xce\x11\r~l\x9d\x8a\x80tlO\x02\r\xf34'</t>
  </si>
  <si>
    <t>b'!\xf0\x08\xe8\xd3.:\x8c\x95\xfcIN\x8bb\x14\x17\xa9\xcd\xb2\xda\xea$E\xc2\xa7\x873xa;\xdc\x8d'</t>
  </si>
  <si>
    <t>clear debt</t>
  </si>
  <si>
    <t>b'F\xb8a\xfcf\x85\xb1\xf1\x93\x1a\x97\xc8\x87P\x98P\xe4\x7f*\xabv\xc28\xa5\x92\xb4\xdc\x8c[\xa1f\xd3'</t>
  </si>
  <si>
    <t>b'^\xa3PS\xf3Z\xe5\xd2\x9eC\xa0\x12\xd0\x08\x92T\x95\xd9\xadH\x13*w\x17\xb4\xbc\xb5\x83bA\x9f1'</t>
  </si>
  <si>
    <t>b'\tu%%\xa7{\x93d\xc6,,\xf0\xdc`\x04b\x01\xf6=J&lt;\x0c\xb9\xd7\xd5^\xa0k\xdb`\x0b\xe9'</t>
  </si>
  <si>
    <t>b'(\x13\x10\xca\xe7)P\xa7\xceh&amp;\xc6\x962\xa0%\xe4B\xee\xc5\xb1\xf2\xbf\x80\xc7\xb1\x86\x13\xacH\xde)'</t>
  </si>
  <si>
    <t>b'\x1c\xf3\x0c\xa8s\x96\xd1.Ad\xc6:\x88\xce.\xdf\xdbq\xc6\xb5\x82)Q\x03}\xbaj\xe1\xebF\xd5A'</t>
  </si>
  <si>
    <t>b'l\x97\xa0VZ{2\xefU\x12\x0c\xd2\xc4\xa3\x83\xcf\x02\xfcQTS\xf6\xf6Z\x88&gt;f\xbb\x12_8\x97'</t>
  </si>
  <si>
    <t>976xx</t>
  </si>
  <si>
    <t>b'y\x19P\xd7)G\xa0\x9c\xb3\x8e\x90\xc4,&lt;\xc4\t\xbd\xaa}\x85"\xfd\x18\xdfij\xae\xce\xd3\xa8\xa8@'</t>
  </si>
  <si>
    <t>KTM motorcycle for commute to work</t>
  </si>
  <si>
    <t>b'D\xb2\xe9\xb6\x14d\x87\xac.d\xd1\xea\x9e\xd4\xf6X\xc2C\x8a\x90\xb0\x06K\xf8\x04m\x95\xe3\xd0\xb5\x99\x04'</t>
  </si>
  <si>
    <t>b'\xe7k\x82\x83\xe5T\xcb.z\x03(n\xa34\x9f\\+\xb3\x11\xe92\x07\x1c\x88F\xd4\xa5\xdb\xab\xe9\x12\x98'</t>
  </si>
  <si>
    <t>Getting out from under my credit debt</t>
  </si>
  <si>
    <t>b'@\xec\x19G\xe8~\xb5\xf1\xf0F!\x7f\xe1\xff\xbd\xb6\xc48\xef\x8e\xbcQ\xff\xb8)L\x970\x1b\x84G\xcb'</t>
  </si>
  <si>
    <t>b'gC`G$)aw\x0c\xba`k^\x96\x8e\xfd\x95X\x1e\xcd\xaf\xa1\x19I\xae6K_hF\xcb\xb1'</t>
  </si>
  <si>
    <t>b'X\x8erwM\xe3\xc2\xc2r\xce\x85\xd0hv\x1c\x8f\x1a\xe8\x01\xc9v\x00\xb8n\xae{\x83\xacO\x81\x122'</t>
  </si>
  <si>
    <t>b'K\xdb\x8c&lt;\xd7L\xe2\xf3S\xee\xcf\x1f/\xf6\x9cq\x95oK\xe1\xca\x91\xcba\xc2t!\xd8\xc7\xc6]6'</t>
  </si>
  <si>
    <t>b'*W4\x1f\xcb\xd0\xeb\xc8\x0f\xa6\xcfVy\xe5/$\x85/)\x00j\x8b\xe3U\xf8N?\xbd;:\x04\x0e'</t>
  </si>
  <si>
    <t>b'\xc0\xb5\xa0\xb5z\xc5e1\xb1\xacxU\xb2L\x7f\xcff\x8e\xbf\x9a\x9c\xf4\x0f;O37\x16\x1bg\x8c$'</t>
  </si>
  <si>
    <t>b'\xf3!Y\x14\x109(\xff3\x124\xf4;\x00\xa5\xc4\x0e9\xb9\xcfmMK\x18n\xaf\xa8I\xf2\\\x1d\xd3'</t>
  </si>
  <si>
    <t>Get debt free</t>
  </si>
  <si>
    <t>b'S\x1e}\x12\xbb\xe0\xda\x16\r&gt;{\x13\xc1\xd0\x1c\n\xc3w\xdeK\xf6\x07\x19eWb\xea\xe2 \x8f\x12='</t>
  </si>
  <si>
    <t>Accounts</t>
  </si>
  <si>
    <t>b'@;_e\xdc\xda\xb7\x00\xe4)\x12e\xdd\r3\xc2O\xcf7\xce\x8f#\xd3\xe3\x193\xbd\xf1\xab\xaa\xff\xb3'</t>
  </si>
  <si>
    <t>b'v\xeb\xa2\xfe\xa2g\xee\r\x00\xcb\x84o\x05&amp;\x80\xad\xe1\xfa\xedo\x85r\xa2QuV\x95\x89Q\xa3?\x9c'</t>
  </si>
  <si>
    <t>b"\xe7\x1d\xbc\xf0 \xe1\xb0V'\xc4k\x91\x8dr]\x01F\x82\xa7S\x17\xd3V$\x81\ts\x1e\x14|rF"</t>
  </si>
  <si>
    <t xml:space="preserve">Pay Credit Cards </t>
  </si>
  <si>
    <t>b'\xfe/\xa8\xe4\xd3\xef\xf5\x88j&gt;\xf4\xe6\t/\xce\x0f\x7f\xefZ7\x86lk\x8c\x9f\xac\x84\xc5\x98\x06\xf6{'</t>
  </si>
  <si>
    <t>Payoff car loan</t>
  </si>
  <si>
    <t>b"\x05\\b'\xf5\xe2\xf7\xae\x0bP\xfac\xe3\x13\x01\xfbuqEN1b\x9dJ\n\xafHjv\xb3V\x05"</t>
  </si>
  <si>
    <t>D Day</t>
  </si>
  <si>
    <t>b'\xa1L\xfeJ\xac\xf2\x88\xebU \xc0\xf7d\x12\xfaR\x82f\x99.\xac\t\xdd\xcda}\xb1\x9e\x16\x9c\x1d\x9f'</t>
  </si>
  <si>
    <t>Card payoff</t>
  </si>
  <si>
    <t>b'\xd2\xce_\xa5\tRV\n\x06M\x93*\x18\xea"\xcb\x81\xcd\xd3\x04\xfb\xba\xc5\xf7\x17\xa3\x86\xa4\xee \x92&gt;'</t>
  </si>
  <si>
    <t>b'\x8ac\xb11VC\xa1\x12\x02\r^\xd0s\xc0{bu\xd4\x87m&lt;\x01\x15\x13l\xd9\xf9\x1d\xe6\xad\x14I'</t>
  </si>
  <si>
    <t>b',k\xf2Mn\x15L\xdd\x91\xa6\x9d\x85H5E\xe8\x8aR\x0bJ\xa4j\xa3r\xda\xe3R\xe8\xb1\xe1\x84"'</t>
  </si>
  <si>
    <t>unique savings</t>
  </si>
  <si>
    <t>b"\xda|A\xc0\xdb\x93\x8a\xf5n\x1f\xaa\xbdx\xdc&gt;\xdc\xa3\xa1\xe6\xbdY\xaf'\xa9n\xde\xd8g_\xd6v7"</t>
  </si>
  <si>
    <t>b'1\xf2\xb8\x87o\xad*IHL\xeaz\xf3\xb0e\xc9\xd9kS\x16\xf1\xf2f\x87\x84\xc8\x0b\x151es^'</t>
  </si>
  <si>
    <t>Consolidation2012</t>
  </si>
  <si>
    <t>b'\x8dX\xfa!\xe4j\xef4\x0c\xa5\xe6\x03\xd5~a\x11\xe5\x0cU\xeb.\xe5\xf6&amp;\x01f\xed\x0fi\xca\x0cn'</t>
  </si>
  <si>
    <t>b"\xcf\xa8\xdb\x99\x10p\xa7\xe2'\x11\x9aR\xba\xf0\xf6\x0fG\xa5\x95\x0f\xa6\x91\xb8\xe4\xdf\x08.\xed\x17\x01\xef\xe3"</t>
  </si>
  <si>
    <t>b'8\x8f\xc8\xad\xaal\xadR\xa2\x99\xb6\t]\x97\x8f;\x08`\x90:\xd4\x97\xdbi\xd8`x\xcd\x16\x8e\xad\xaa'</t>
  </si>
  <si>
    <t>b'\xb8\xb6\xc1\xf20\xd7\xf7}I\xa4\x83\xc1\xf0\xab\xaf\x1a\x90\xa7\x1fuyfP96\x81S|\x1b\x02A-'</t>
  </si>
  <si>
    <t>b'^\xe5\xfe\x0ex\x9b\x94\x1e\x98\xbc\x12\x84{\xae\xcf\xe1\xc5\xe9i\xc1\xefj\x91\xdch\x14\xe2\xe1\xd5\xd7)&gt;'</t>
  </si>
  <si>
    <t>b'\xfd\xa5\xc7\x15\xd8\xd8\xd1\x01\x97d&lt;\xd0\x06^+\x0e&gt;\xc5\xcf"W\xc7\xb7\x04\xc3\x13\x1b\x95\xc4W\x7f.'</t>
  </si>
  <si>
    <t>CREDITCARDPAYMENTLOAN</t>
  </si>
  <si>
    <t>b'\x0e\xdf\x80\xbe\x1b~\x88E~\xf3n\x16\x17tuQ\x1f\xe8\xb5]\xaa\xf9\nR\x9c\x8a\xc2\xa4\xa38\x91`'</t>
  </si>
  <si>
    <t>The Climb</t>
  </si>
  <si>
    <t>b'\x9bm\xe5p!\xca\xdfDQkb\x1c\xfc\x95\xb1\xfa\xd0u\x1b\x86p\xa6p?\xb4~\xba\x0f\x91\x90\x94I'</t>
  </si>
  <si>
    <t>Bill Paydown</t>
  </si>
  <si>
    <t>b'\xa8;h\x82\x02\x81\x93Ut* z\x9bVK\xdbmk\xb5.^\xd8\xb6\xcds&amp;z\x9eY\x1f"\x1e'</t>
  </si>
  <si>
    <t>b']\x03\xc2qk7Yt\x95\xfe\xb7\xad\x17\xe1\xc7\r\xc7\xe7\xfeN\xc5\x01\xf6\xeb\r^\xe8\x1f\xfa\xc0\x19r'</t>
  </si>
  <si>
    <t>b'\xae\x101\x0b\xf0\xc7\xbe\x17\xd4\xdf\x0f\xda\t\xd2\xca\x15&gt;\xc8\x98l3\x052\xbac.1\xca\xff\xa6\x1e\x88'</t>
  </si>
  <si>
    <t>b'Y\xe3x\xd9A\xdf)R\xc9\xf8O\x94\xc6\x9a\xbc\xe0\x97\xc7&gt;2\x95\xf0\x18\x02\xc62bM:\xfa\xfb\xfb'</t>
  </si>
  <si>
    <t>b'\xe1\xd0\xb7*\x0f\xe3T\x12\xd7\xed\x98\xd7\xe3\x0c\xed\xa2\xadv\xc4\xc2\xa6\x9dK\x03\xcb\x85\xc8o:\xdb2\xde'</t>
  </si>
  <si>
    <t>b'\xf9s\xf0\xf4\xc4\xb4\x18\x17\x9b$)\xdcJ\x95/q\x9b!\xfd\x9d\x8f\xd6\xcd$\xc0~\xe7n\n\x84\xc8\xf3'</t>
  </si>
  <si>
    <t xml:space="preserve">New </t>
  </si>
  <si>
    <t>b'\x8a\x9b\x84\x8c.\x0b\x15~\xd9\x9c\xf5\xa7\xdc]A\xc42\xeb~\x98\x1b\xb59\xa7\x1b\xcc\xb7\xa0\xdeD_1'</t>
  </si>
  <si>
    <t>Reinvest</t>
  </si>
  <si>
    <t>b'M\x00\xda\xc0\xc2\xd55\x9c\x92\xf1\xfe\x96\x9aIk\xc9\x89\xcb\xa8\x1a\xcd\xb0\xd6\x1f3h5mM\xccKM'</t>
  </si>
  <si>
    <t>b'^\x17*?\x18\xe0\xca\xfd\xab\xf1\xe3\xbd\x1f\xd4J\x95_\r\xaf\x03\xe0\xae\xeb\xca\xe7\xf5\x86\xc1\xb0z\x04U'</t>
  </si>
  <si>
    <t>b'z"&gt;\x0f\x96\xeb* \xea\x87\x13)\x11\x9d\xa9o\t\xf8\xb11\x16\tF\x1et\xdd\x9f\x93\x93\x87\x92\xad'</t>
  </si>
  <si>
    <t>Getting rid of debt</t>
  </si>
  <si>
    <t>b'\tg&gt;\xc8\x05\x05\xed\xee\x96\x07\x0c\xf8KS0\xa1\xd2\xaf6y\x9b\xc2\x9a\x12X\xd1\x91\x96\xa8Y4\x12'</t>
  </si>
  <si>
    <t>b'= _N\xd1\xa4G\xaa\x1f\xea,\xfcZ4\x069-6\xef\x99\xcb^s\x01\xe1\xf5\xc5G\xe6RQ\x89'</t>
  </si>
  <si>
    <t>b'hW,;&lt;\xc4\x88\x9e\xbdV\xd0\xb4\x92}\xf3\xd3\x85\x8e\x04Z\xb40\xb6\xbd\x15\xfa\x9be\xd9\xda\xdf\x9a'</t>
  </si>
  <si>
    <t>b'\xb6\x0e\xa9\xa3\xae\x87\x92\x19\xc1\xf9\x8a\x05\x1b\t\xe9\xd9\x90\x1c\xfb\xeb\x81\x93\x9a\x95\x88\x1e \xe1g\xc7v\x1b'</t>
  </si>
  <si>
    <t>b'\xb1"$\xf6\\+\x1bw\xbc:{:\xcek \x8dAS\xec\x81\xc2\x17k\x16\xe8\xf2s1\xccb\x10\xda'</t>
  </si>
  <si>
    <t>b'\x0c\x86\xb6\xd2\x87\xc2\xea\xe3oJ6\x90\xb8\xdciO\x8a\x02\xce\x8dj\xd7\xa8\x8d\xe6+\xe2.f\x96H\xf5'</t>
  </si>
  <si>
    <t>b'\x87\xa0&gt;I\xcb\x90\x04h\x97K\x9b\xd3LT\xfd#Z\xf4\xb8\xb9\xc2N[\x0f\x97\x89\xcc\xdd0\xb8\xc6\xb3'</t>
  </si>
  <si>
    <t>bussiness</t>
  </si>
  <si>
    <t>b'\x17\xe4\xde}\x02\xc6\xcb\xbeJ\xcf\x99\x8e|\tT\xeeB\xea}}\xe7 \x0c\xa4f\x94\xb8\x0b\xd5\xbb\x00\x17'</t>
  </si>
  <si>
    <t>b'}t\x1c\xdb^\x1f\xbc\x05D#\xa2AS\xb0\x8d\xb3\xda\xda\x99[\x83\xbb\xf7\xfe\xe9Wd\xe1\xd4\xd4\xd6-'</t>
  </si>
  <si>
    <t>The Fixer</t>
  </si>
  <si>
    <t>b'\xd5\x9f\rS\xa3:\n\xa2\xa3\x03\x1b22\xcb\xde\xb5\xe4+69\x13^v\x14\xc3m\xfb\x95-\xdb\x13\x9b'</t>
  </si>
  <si>
    <t>b'\xbd}\x88:\xfd\xd2\r&amp;{[\x8a*\xe2\xe1\xc3)1B\x11\xbc\x9f\x96\xa4\xd2\x7f=\x8d\r\xf6\xc7\xeb\x04'</t>
  </si>
  <si>
    <t>b'\xd0t\x8a\xe9#K93\xb9@\xd9dkI%\x1dd&amp;e\x07\x9f\xa0?mR6&amp;R\xae\x016\xcb'</t>
  </si>
  <si>
    <t>b'R\xd3(u\x80L\x94KO\xcb\x8c\x84_\x96&amp;\xc2\xff\x96&gt;\xaf\xf26\x1e\xbd\x9d\xb0rI\xdcO\xb3\xbe'</t>
  </si>
  <si>
    <t>b'j\xfc\xd3;\x87VR\xce&lt;#\xc4\x84^\xcb\xf6\x06\xd7\xd7\xde\xdf\xab\xab~\n\xf5V\x9f\xa0\xa3\xa1\xdf\xdb'</t>
  </si>
  <si>
    <t>b"'\xd7W\xffg\xcfFfd\xffMZX\x07\xa5c\x8bc\xacc\xf9\xdb\xf0w\\D4z\xcb\xdd\x9b\x15"</t>
  </si>
  <si>
    <t>b'Fc\x11\x8d\x95S\xb3\xe3ok\xb2\x1a\x8a\\P\xbc)n\x14\x07\x9d\x9b[!\xd5d\xc7.\x95MX\x05'</t>
  </si>
  <si>
    <t xml:space="preserve"> life improvement </t>
  </si>
  <si>
    <t>b'\xc2\xc1F\xd1.D\xe5\x107\xfe\xfb\xdd\x88\x832\x85\x15\x1e\x02R\x93\r\x00\n\xc7\x04\x98\xa5T\rF\x93'</t>
  </si>
  <si>
    <t>This is Jeep Country</t>
  </si>
  <si>
    <t>b'\xd1e\xf7L{W\xe1\xd2\xab\x98\xdau\xe1\xe8}0t3\xd2j]\x1b\x01\x07\xcbm\xb5\x9e\x9d_pn'</t>
  </si>
  <si>
    <t>b'\xea\xb5\x0e\x12\x9d\xe4\xdc\xf4V\xdc\xe29\xe4\xeeI4\xcbl\x8d$\x01[\xa4\x8b[\xc8\xd2"}\x9aZ\xd7'</t>
  </si>
  <si>
    <t>b'\xc5\xa5G\xaam2\x9e\x14\xef\x00\xa7\xe7\x0bq"F\xc2T\x9eM\xca\'CAh\xba\xa1\x1a\xd8\xc9\xab\x13'</t>
  </si>
  <si>
    <t xml:space="preserve"> i want out of debt</t>
  </si>
  <si>
    <t>b'\xfdh\xe3u\x16\xeb\xb8A\x8d"\xa5\'\x85\xfe\xb5\xc6\xe7\x9b\x01\xf2\xda\xe4\xa7[6Cu\xdfZo\xca\x11'</t>
  </si>
  <si>
    <t>b'\xd0V\x16b\x9e,{|\x98:\t\x8fP@\xfb\x97kk\x18\x89\xc9\x84+\x08\xcf\x01\x99\xbd\xbf\xb1\x1a\xd8'</t>
  </si>
  <si>
    <t>b'\xa3^\xad^*\xba\x03\xe2$\x8c\xb1d\x19\xa6.\xd5\xdej\x84\xb0\xd9(\x17\x16\xfb\x16\xf3Q\xbd\x0f\x89\xbf'</t>
  </si>
  <si>
    <t>b'\x06\xd8f]V\xc0N\x0c\xf2\xce#\x7f\x1f\xc1R\xa5\xf4\x90D\x8d\x08!\x87\xb0\x15\xea\x94\x93\xf5\xf4\xe1\xf9'</t>
  </si>
  <si>
    <t>Lower Interest, Faster Dept Payoff</t>
  </si>
  <si>
    <t>b'\r`\xd6Cgx9\xb0\xf6\xd5\xdb@u\xf3\x0f\x96}\xac\xc1\x14\x97;\x80\xab\xf4j\x13\xcbf\xb4\x1f\xf6'</t>
  </si>
  <si>
    <t>b'CT\xde\xce*E@\xc7W|&lt;\x1a\x1b\xc0\xa2\xe8\xce1@TA\xa0%\x8fH\xe6r\x0bP\xd9\xf0y'</t>
  </si>
  <si>
    <t>b'a\xde\\\x1d\xd9Lz\xa9\xd1\xef\xb9\x8d\xedC\xd8\x8d\x19\x9dYd\xd8X7\\\t\xd6\xb8/\x18\xfd\x91i'</t>
  </si>
  <si>
    <t>Debt1</t>
  </si>
  <si>
    <t>b'\x7f;\xc7\xa7\x03\x9e,\xc5\xd8u\xb1\xf4\xe2\x0b$\xd40\x08\xdf\x00\xa6Wn\xff(\x82\x07\xfe&gt;\x9c\x06\x13'</t>
  </si>
  <si>
    <t>3KidsInCollege</t>
  </si>
  <si>
    <t>b'\xc9\xf7^nQ\xb7\xd0E\xed-\xfe\x0ch\xd9uA\x9e\x94\xd5\xed\x9d\xf7\x94\xc3\xbfc\xf0\x0e\xbdb\xb2\x16'</t>
  </si>
  <si>
    <t>Debt consolitade</t>
  </si>
  <si>
    <t>b'\x1c\xf5d.\xc0"n`]\xa1\'P\xc8\x85\x81\xab0\xa1\xdf\x12\xa4\xe2\x91\x16\xbb\xca\xcf\xa3\xe5\xf9\x9f\xcd'</t>
  </si>
  <si>
    <t>b'@5\xb9\x95\xb0\xcd\xbc\xd4;\xc6n\xa7\xacUI\xc2\xb8\xa3|\x0b\xee\xa5)\xbb\x95\xe0\xe9\x1e\xad\n|;'</t>
  </si>
  <si>
    <t>b'~Uw\x8c8\xed\x1f\xd1\xab\x038 ]yr$`\xea\xf2\x03EF\xcf\xb8\xb0=\x01\xa2\x8a\x05rG'</t>
  </si>
  <si>
    <t>b'&amp;\x1d\xab\xf2\x16\xc5\xc1\xc2\x97\xa6\xa8\xd0\x90=\x02}\xf8\xa4\x85h\xa4JP\xfe`#\xac-\xbe\xae\n#'</t>
  </si>
  <si>
    <t>2012 loan</t>
  </si>
  <si>
    <t>b'\r\xb9\x87\x00_\xf2\xf3Vm\x9f\xb4\rlr)\xb2\x03\xa3\x02\x81\xb2/\xe7\xdez\x11\xb29:\x11J6'</t>
  </si>
  <si>
    <t>b'Dtp\x96\xc0\xbf6u\xab\xe0\x1c\x0c\xd3\xc3X\x0e&gt;\xe2f\x9az\x8c\xd7\xe7\xdd\xeex\xf8\xe5\x81l\x1d'</t>
  </si>
  <si>
    <t>Moving &amp; Relocation Loan</t>
  </si>
  <si>
    <t>b'7|e\x05\tE(\xb9f\xa1`L\x92y9\xe5\x1aH@\xd1\x82\x1b\xb7\xc7\xaeY\x9dEz\xdaZ\xed'</t>
  </si>
  <si>
    <t>b'\x00r\xcam\xd4\t8\x05\xcf\\q\xc5n\x05\xe4\x87,ew3\xa1\x96\xb6!\xad\xf9\xa2\x91\xf8\x8aj\x99'</t>
  </si>
  <si>
    <t>b'fE\x90\xc9\xf5,\xcb5\xd9\x89\xe2jN\xeb\r\xc9\xe2\xefk\xd0fK^\x8d\xa3r@\x9a\x17\xb5\xdc\xac'</t>
  </si>
  <si>
    <t>b'\xd7a*.\xa0]l\xbd\xb8\x9c\x1d\x0e\x7f\x9f\x08KZ?t\x8d\xd5V\x9a$\xf2\xe5}]v+\x9a\xc4'</t>
  </si>
  <si>
    <t>COMBINE DEBT</t>
  </si>
  <si>
    <t>b'\x93&amp;\xd9\x8f\x8a\xbb\x8bs\xde\x94^\xfd\r\x15Zl\xbb\'\x8aG"n\xfd\xad3\xab\x05C\xa4|\x1e0'</t>
  </si>
  <si>
    <t>b'\x04_\xe5\xcal\x19\xb3\xfb\nI\xb2[k\xaeP\xa4\xccX\xff\xcbW\xa4\xfb\xcc\x94\xfcj\xe5\x05{\x94\x04'</t>
  </si>
  <si>
    <t>downpayment</t>
  </si>
  <si>
    <t>b'_\xddI\xa0xt\xf6\x00+\xc2%\xfe\t\x93\xea\xdf\xddI\x95\x1f\xc8.\\?\xce\xc0\xd1\xb4\x99\x07\xe5\xe9'</t>
  </si>
  <si>
    <t>home remodeling</t>
  </si>
  <si>
    <t>b'\xd2R\xa3svv-\x18\xcc\x99b\x8bnr\xf7BL\xa0\xc6w\xceDjY^G\xfd9\xf5*\x1bP'</t>
  </si>
  <si>
    <t>b"\xbf\xfc\x1d'K\xca\x9b\x9c\x0e\xca\x0f&gt;\n\x05\x97\xb8\xd4h\x17\x1cD\\\xf5\x16\x92(l\x08\x90\x0c\xcc+"</t>
  </si>
  <si>
    <t>Get me out of debt</t>
  </si>
  <si>
    <t>b'A\x1c.\xcaC\xb7\x14\xac5\xe6\x17\xac@\xf2\xadw=\x98W+t\xe5J\x90\xf8-\xbd\xfac\x97W\x8b'</t>
  </si>
  <si>
    <t>Life Back Smile</t>
  </si>
  <si>
    <t>653xx</t>
  </si>
  <si>
    <t>b'\xd4B1\x16\xf1\xcbk.\xee#\x8b\xf8\x0c\x02\xf2\x9e\xc1\x93\xae[ \xf5\xfau8\xf85\xd5:e\xb0\xcd'</t>
  </si>
  <si>
    <t>b'C!~\xe0\r|g\x93&gt;\x06\x12N\xbc\xbd\xde\xb3/t\xc1&gt;@\xb9\x06\\\xafd\x8aL\xb6\xdd\xe3p'</t>
  </si>
  <si>
    <t>b'\x1c\xb5{+\x7f\x06\xfe\xaa\xab\xfa\x13\x17\x0e\x10\xb9\x0c\xaa&gt;\x8e}\xac_H\x10\xc5xy\xae\xf8\x85\xd8s'</t>
  </si>
  <si>
    <t>DebtConsolidation</t>
  </si>
  <si>
    <t>b'\xd4P\xa9\x9f\xcb\xe4dB;\xfb\x8a\x13\x9c\x04\xb0\x9a\x8eII\xa1\xc4\xc7\x92\xba%\xf8\xect1\xfc\xb7\xa4'</t>
  </si>
  <si>
    <t>b"\xe1\xcf1\x19\xd6X%l\xc9$\xf2\xb9\xad\x1e\x06N\xd8\x99\x85N\xa7\x80'\x85Y\xa6\xff\xd9}\xeeh\xce"</t>
  </si>
  <si>
    <t>New Roof</t>
  </si>
  <si>
    <t>b'%}\xfag&lt;~1\xac\x9f\xe6B\x16\x81\xffm\xc9\x9eO\xa8\x1a7\x8f4`\xc1XAK\xd5\xb5\x92\x08'</t>
  </si>
  <si>
    <t>b"\xc1\x13\x17\xcb\xe9= \xe9\x13go\xf5\x10R/l\x7fx'\xea\x15!7\xcc\xc4\xdc!\xd1\x9a\xc7\x88*"</t>
  </si>
  <si>
    <t>getmylifeback2012</t>
  </si>
  <si>
    <t>b'\xcbv\xb2\xa2\x18\xf3\xdd\xb3\xb8\xad\x06\xec\xdbA\x9e\xd0\xcaj\xb8\xee\x07k\xa0\xbc\x02/\x1e+|\x8d\x0e*'</t>
  </si>
  <si>
    <t>Goal</t>
  </si>
  <si>
    <t>b'\\\x133\xff\xc7=7-\xc5\xcc\x03m\xd5?\xd3\x82\xcdO\x19\x11\x1a\x82\x01\xf0B\x15A\xe2\x82;\xa4\x89'</t>
  </si>
  <si>
    <t xml:space="preserve">36 months untill credit card debt paid </t>
  </si>
  <si>
    <t>b'\x90{\xbbZ\xa4v\xf8\xce\x18\xd1\xb0z\xe2M\x83cU\x93\x1d\xfa\xb8\xeb\x82\xbb\xf0\xce\x872b\xf4\x8a\x18'</t>
  </si>
  <si>
    <t>b'[\x91\xa6\xdd\xf5\xfb1\xa6\xda,\xce$\\U\x95!\xdd\xb2\xd2\xee\x17\x80\xb2\x15\xcd\x894\xa5Wpya'</t>
  </si>
  <si>
    <t>b'@\xd6\xfa\xb2 \x03\xf61\xc2\x93\x7fJO\xc6\xba\x1f\xa0\xcd\xfd.\xf1\xee\xf8o\x8d\\@\x88\xb4\x039\xd9'</t>
  </si>
  <si>
    <t>Debt Consolidation / Rate Reduction</t>
  </si>
  <si>
    <t>b'Kj\xc6:\xe3P\x18\xac\x15\xd2\x99u\xd8\x04\xf3\x0b\x89\xd6\xc8\xa1\x94vk\x89\xed9Do\xeax\xe5D'</t>
  </si>
  <si>
    <t>Consol and Furniture</t>
  </si>
  <si>
    <t>b'\x88#Y0\xbc\x87\nq\xf88\x90\xaa6\xb3\x98\xd0\xb5\xe8\xce\t\x89\x85g:\x94H\xfe\xba\xee\x10\xfaI'</t>
  </si>
  <si>
    <t>b'\xc2\x97\x1f|\xbaU\xc6\xe5\x81\xfeB\x97\xd9E/\x88\xc7\xdf(\x92\x82\x16\xa7\r\xfaG\xd0\xbc]W\x1d\x1c'</t>
  </si>
  <si>
    <t>b'\xa3\xa2\xb4\x9bh\xec]\x0b\xf5$\x82\x1doo\xc1\x90|S\x1b3\xfe2\x1c\xf1l\xab\x80\x87\x16U!\x87'</t>
  </si>
  <si>
    <t>b'\xf9Id@\x8b\x0bq+\n\x9b\xb9R;\x0b\x9e\xa4\x080\xc3\xccz\x88NX)\xd5\xe7\x9b\x05(x\x93'</t>
  </si>
  <si>
    <t>b'\x94\x80\xc8\xfc\x0b\x96\x9d6\x1b\x1aa\xa3\x82\xaf\xff\xa2\xbf\\\x08\xd9s\xe6\xaeP\x82\x1bi\xbe\xec\x15z\xa5'</t>
  </si>
  <si>
    <t>CC Debt Consolidation Loan</t>
  </si>
  <si>
    <t>b'\x17z}\xab\xfa/\x86c$\x86\xb0\xa43*\\dw:Y\xbf\xd7[\xfcH\x1f[e\x07\xb0w\xa6G'</t>
  </si>
  <si>
    <t>b't\xc0\x1e4T\xac}\x07+\xfb\xea87\xd3\xd9x\x1e\xcf\xc4v\r#z\xca\xb3\xad\x11U2\xa0\x82\x83'</t>
  </si>
  <si>
    <t>b'g\xc8cS=v\xf7\xdcr\xf2g\x1bhqHP\x0eM\xb9\xcfX;q\x85\x8b\x0bsm\x90\xca&lt;R'</t>
  </si>
  <si>
    <t>b'%\xc5\xee\xdbWE)%\x95Z?\x12\xae%@\xa6\xea\xce\x06\xf7E\xdbHk\xa7\xfe\xc1\r&lt;\x99\x95\xd2'</t>
  </si>
  <si>
    <t>b'\x95\x08\xe9\xf8\x94\xd7\xe6\x91\xf7\r\x0b\xd2\xcfz\xd9\xb9e:A\xa8:\xdcN\xdf\xa1\xbb\xbf\x89&amp;v\xf4.'</t>
  </si>
  <si>
    <t>b'\xd1r\xeb\xff\x9a\xa8\xc6-\n\xcb\x96y\xe1\xbarv(\xf6ixv%\xcc"\x1fm\xfd\x95\x02\xdd2l'</t>
  </si>
  <si>
    <t>Credit Consolidation / Home Improvements</t>
  </si>
  <si>
    <t>b'm\xb9\xc8\x04\xde\x14\xb3\xf4\xc9zF1\xb3.c{\x03\x8d&amp;hL\xd14_\xb0\x92\xdclq\xff\x90p'</t>
  </si>
  <si>
    <t>b'\x1es\xfc\x82&amp;\x87(\x0f\x1d\xfeH3\x0f\xb9\x0b\xd8:\xf8\xa3D\xd0O9w\x9b\xc0!\xb3\xb0\xd6\xb4h'</t>
  </si>
  <si>
    <t>b"\xff~9?'\x96T\xd5W\xdc\x8f7\xd1^\x1b\x9b\xa5\x80\xdd\xf3\x84Z\xbf\xc4\x82\x88.DQ\x0e\xcc\xdb"</t>
  </si>
  <si>
    <t>Vintage bike</t>
  </si>
  <si>
    <t>b'^\x10\xa3m\xb3G\xd9\x9b\xb7.d\xa66\xa1+\x9a@0+\x7fS\x02\x94Y$\xf6\xc3v\xe5\x82\x9c\xd7'</t>
  </si>
  <si>
    <t>LC loan</t>
  </si>
  <si>
    <t>b'\x1a\xd9\xe9pt\xdd\xc9\x823\xf8\xc5&amp;\x14\x93\x03\x88\xe0g\x05F\xef\xb2\xcf\x89\xceW\x13kQr\x05&amp;'</t>
  </si>
  <si>
    <t>b'\xa5~H\x9c\xf1\x87\xa7\x17\x0c\x97z\x0b\xe6\xdc\xb4\xb8\xc7\xa8P\xa6\xa4B\x8c%\xa8\x975-\xedbZ\x15'</t>
  </si>
  <si>
    <t>b'\x9d\x87\xe8\xca0\x19(\xf2nK\x1bv\xba\x8b\xf8\xa9=L\x06&amp;\xad\xa4\x87_\xad\xa4\n\xffA\x93\xfc\x91'</t>
  </si>
  <si>
    <t>b'\xfb\xcb\x9f\x93r\xfc\xd7h\x88\xe0g\x8fr%\xe9_\xb7p\x8c\x93~c\xf0\xb2\x19\x13\x8b+Cq0\xa2'</t>
  </si>
  <si>
    <t>Cc consolidation</t>
  </si>
  <si>
    <t>b'\x1c-\xa1\xb5\xcc(\x97\xd2\xf1\x14l\xc2\xdbm\x88\xb7Y\x19#V\xde\xba\x7fSO\x16\xb0\x17\x92\xa7\xadi'</t>
  </si>
  <si>
    <t>b'\x9a\xa2\x86C2x\x0471\xd1\x88-t\xc1Y\xea\x89\xf0&lt;\xf1*r\xb1\xd7\xca\xd8 ZG\x18rt'</t>
  </si>
  <si>
    <t>DebtCon2</t>
  </si>
  <si>
    <t>b'\xab\xab\xc6\xd6\x87\xfak\xc2\x178+\xeb\xd6+\x1e\xef\xe7\xa2\xdf\x8a\xbc\xe9H\xff\x99T9.\n&lt;,\xfe'</t>
  </si>
  <si>
    <t>Debt Consolidation 2013</t>
  </si>
  <si>
    <t>b"\x01\xb0\xb8-'\xb2\xaf5\xf1\x17\xb7\xc2s\xcb\xd7\x8b\xb5\xa0)I]\xcf\x1cF\xa5\xa2$&gt;\xb2\xc1\x1f\xd7"</t>
  </si>
  <si>
    <t>b',tB\xb7\xa03b\xac\x1eVy\xe5\xca\x8f\x15\xac\x8a\xa5\xf7X\x00\xb7\x00\xee\xc0b?\xd5\xc6\x82D\x1b'</t>
  </si>
  <si>
    <t>pay it off</t>
  </si>
  <si>
    <t>b'\xf8\xd2D\xcc\x8f\x98:\xa9\xfe\xb5\xea\xbbT\x027\xb0\x1b\x14\x92\xbb\xcb\xadE\x19v/\x913\xa7\xd0\xab\xc6'</t>
  </si>
  <si>
    <t>Debt Consolidation2013</t>
  </si>
  <si>
    <t>b'\x12-[\x1cYt\x99x\xd6\xa1"!\xb5\xbd\xfc\x8c\x1aL\'\x90\xc3f\xf5\xef&amp;+q\x02\xaa-{\x7f'</t>
  </si>
  <si>
    <t>b'Y\xbeQ.z\xe9\x02\xbfx\xd7\xf6\xbc\xacN\xc2:i\xc0\\\xacVS9\xe6\xb9\xb6\t\x12\x84\xab\x8f\xc1'</t>
  </si>
  <si>
    <t xml:space="preserve">Renovation </t>
  </si>
  <si>
    <t>b'\xbeD\x05\x9b\tW\xf7`%\xb4\xa3/\x7f\x03*R\xe2Z\xad5,\xd1\xc3\x17y\x14\xb5\xa6\xc2*$\x8b'</t>
  </si>
  <si>
    <t>b'\xba\xc78U\xc3"\xf8\x13\xce\xeb\xd5C\x01\xa3N\xf2/\xbf\x983\xe5\xe1E\xdd%,{$\xebWL\xb9'</t>
  </si>
  <si>
    <t>b'%a\xde\xd1a\x91\x12g\xfd\xf1\x179R\x92&gt;\xe6\x7f\x8c\xc5\xe8\x87\xd8\xde\xe1\x1e\x17YF2k5,'</t>
  </si>
  <si>
    <t xml:space="preserve">paying off credit cards </t>
  </si>
  <si>
    <t>b'=\xafW \xf0\xf04X\x04]\x01&lt;\x07\x7f\x1e\x86\x07\xaf&lt;\x00\xe0\xa6*\xd5\xed\xd1~\x1d\x047?&gt;'</t>
  </si>
  <si>
    <t>b"\x19'\x8dBd\x91\x08\xee\x84\xd8\xc1\xab=\x0fR\xe5\xc68Dm\xc4\t ~W?\xd8OEQo\xac"</t>
  </si>
  <si>
    <t>b'\xe0\xeaki\xad\xf9(3C\xb4a\xd7\x93[\xb7\x14*qgI~a\x98\x94KMn\xc3\xab\xe2\xc0\xec'</t>
  </si>
  <si>
    <t>b'0\x1c&amp;\xa6F&lt;\xd5\x9b\xd5\xec_\xd9\xe4\xd3k\xf5\x17\xe2\xdf\xe0\xa7e\xed\xe9\x03A\xecCBJ\x15A'</t>
  </si>
  <si>
    <t>b'\xe5\xf3ZV\x1e#\x17\xdf\xb4\xdf\xe7\x18\xc1A\xce\xe3\xb2\x1b\x86\xdd[\xe53\xeb\xa3\xe6\xe1Il\x1e\x1d\xd4'</t>
  </si>
  <si>
    <t>b'\n6\xf7\xd1u\x93\x14\xf9R\xd5\x8f\xa4\xcd\xa9\x11/\xf8x\xfe\x9c\xa6w\x81\xf7[%)WF6\x95G'</t>
  </si>
  <si>
    <t>b'\xbb\xca\xa9\x88\x81[\x0fs \xd1\xa3\xfe\xbf\x1d$\x184/\xb8\x18GK5qe\x9aEF\x93!\x08r'</t>
  </si>
  <si>
    <t>b"\xa3\xcd\x82\xbf\x06\x99\xbf\x96u\xadMU\xb81\x12\xb0V\xaf\xb1bL\x12/4\xd2s\xa5\xd5'\xafP\x89"</t>
  </si>
  <si>
    <t>b'`GI\x01\x8bLH2\xcc"\x7f\x19\xc9\xd1\xbc\xbfC\x89\x04YU\xaf\xbf\x85\x01m\xca\xa5]S]V'</t>
  </si>
  <si>
    <t>b"Hdf\xed\x12\x93j\x1bd*\x17s\x1a\xc1\xc6\xcc5\x133C\xb2e\xd2w(,c\x90\xd6\xe6'\xe1"</t>
  </si>
  <si>
    <t>b'B\xd5\x0b*\xe6\x89\x97u\t\x1a\xff\xb8\x12F\xc2@\x12\x1f\x89\x1d\x9c\x9f\xe1\xbfG\xe5o\xd1\x150\xa4\x1e'</t>
  </si>
  <si>
    <t>Consolitate</t>
  </si>
  <si>
    <t>b'Tn\xce\xd4= Z\x90\x14\xca}\x9e8455\xd7jA\x18\xdf\xdb\x96Y$R&gt;\x04\xa8\x87\xe8\x84'</t>
  </si>
  <si>
    <t>b'\xe8\x94\x96\x91\xe1\xcf:\xcf\xb4\x9c\x13\xd2\xca\xd2$p\xe9\x9c0\xd9r\xabVWQ\xa1n\xf7\x8c\xf9\xe8@'</t>
  </si>
  <si>
    <t>b'\xaa\xef\xc7w[\x0eDC\t\xdb\xcc\xf6\xb1)\xbc\xb29\xe4\xbc\xfd\xf6\xf1A\x08[\x1a+$\x1b\xeb"}'</t>
  </si>
  <si>
    <t>b'k\xe7\x11f.\x03\xb3\xdc;\xd9\x9dl\x9e\x92\x94\\cu\xfb\xb3\xf1\xa2\xd8r\x8c\x84\xf6\xcd\xc8\x9bn\x0b'</t>
  </si>
  <si>
    <t>b'\x8c\xb7\x96K\x98&amp;\xac\xc5\x00U\x87:8\xc7\x81\xb9&gt;|\x95IP\xec\xae#\x84\xbd\x18\xc1]\x9d\xea\xe8'</t>
  </si>
  <si>
    <t>b'\x05\x82?D\xc9\xe9\xd167\xae\xb9Z\x90\x95\xe8\x84n\xfe\xda\x0f\x17\x087U\x92\x03\xa4\x83s\x1c\xee\x8f'</t>
  </si>
  <si>
    <t>b"I'']Aq\xa3\xed)\xe2\xcb\x13\xcb\xcbU\x05\xec\xd9Q\x1cD\xab\xea\xd7C\xbf\x83:\xe8\x1e\xd0\xb0"</t>
  </si>
  <si>
    <t>make one simple payment</t>
  </si>
  <si>
    <t>b'6&gt;f\xe8o\x15\xc3^\xfaTQ\xa4A\x0b+\xc3.3\xa0\xb4\x9a\xdf\x95\xf7Z?\xd1?5AS$'</t>
  </si>
  <si>
    <t>b'~\xfd\xeczX\xa8\x85\xfe\xe1T\x86\x10v@\xc1\xb1F\x9b\x9f\xbd\xce\xd8\xa5\x13itf\t&lt;X+\xed'</t>
  </si>
  <si>
    <t>Real Estate Investment</t>
  </si>
  <si>
    <t>b'\x83a~\x1eV\xd2\xd7~$\x02\xac\xe6\x03~Q\xb1\xb3\xc9\xb0\x8bt\x8c\x11\xa7\x12`\xd9\xcc\xd2\xbd2\x07'</t>
  </si>
  <si>
    <t>b'\xdc\xe2r\xbfQk\x80\xb8\xd7\x12\x80\xbdeuD\x1a\xf9\x08a\xe2\x1fz\xfd\x9b\xa8\\\xce\xa4t\x8eh\xcd'</t>
  </si>
  <si>
    <t>b',\xe8I\xe3R59\x01\\\xf7\x02\xe2\xf7\x9f.!\x89\xd0}D\xebl\x94V,\xbb$D\xd5\n,\xaf'</t>
  </si>
  <si>
    <t>Your Debt Consolidation Investment</t>
  </si>
  <si>
    <t>b'\xd5\xe9&amp;w\xea\xf4*\xe6\x03\xc2\xff\xfe\xf9\xdc4\xb0\xc5\xc7\x19@"\'x\x96\xb8\xcdh\xf4\x8c}T\xe7'</t>
  </si>
  <si>
    <t>b'\xed\xef\xc9\xb3q\x03\x14\xd4\xc8(\n\xf0\xaaF\xeb\xacy\x83\xc4\xe0\xde\xdf\x8ch\xc1TP\x83\x87:z\xf1'</t>
  </si>
  <si>
    <t>House and Medical expenses</t>
  </si>
  <si>
    <t>b'\x8a\xf0\xa5\x01\xae_\xfa\x15\xb0\x92\xca\x98 \xb0\xde\xafr\xa7\xe9\x0f\x93\xa1\xcd\xf7\xb6\xaaW\x94\xb6\xb0(y'</t>
  </si>
  <si>
    <t>Consolidate Debt to Lower Interest Rate</t>
  </si>
  <si>
    <t>b'\xd5=\xd9\x18\xd2\xf6\xf3\xd0\x94\x80,\x7f%F\x81\xeb8\xcd\x8b\xb7\x89U1\xde\xeb\xef\xf3\x11\x04\xeait'</t>
  </si>
  <si>
    <t>b'\x9e\xfb\x98CMW\x07Ji\xaf/#\xbc?\x9eS\x95\x90\x9a\x7f\xc2[\xb3B\xeb\xd6\xd7D\x13\x9bh\x00'</t>
  </si>
  <si>
    <t>b'j\xfcw\xf9x*\xe8\xbeM\x83\x87\xb1\xaf\x9e\xde\x8c\xba#\xe2@\xb6\x85\xb5\x10f\xe1G[\x85bE\x9f'</t>
  </si>
  <si>
    <t>b'7^/7\xe6\x86\xd3\xdc\xc9;\x0f\x9a{VD\xe7\x1d\xd7\xeb\xc3\x9b\xb9\xaa\xf3\xe2Y\x86\x9a\x1a\x18\x97I'</t>
  </si>
  <si>
    <t>Remodel pool</t>
  </si>
  <si>
    <t>b';\xb6\xdb\xc9-\xa4\x9d\xacn\x9e\xd5\xf9Tu[_\xb2\xde\x12\xa8\xaf\xc3\x16\r~7\xe1\xda0E\xfc\x05'</t>
  </si>
  <si>
    <t>b'\x88\x0c\xb0\x92\xaf\xb7\xd5M\x9fH!R\xbd\x1b\xdc\xac\xc3\xf7\xd8\x83\x05\xcc\xb0\x1a\x89\\\x88\xa9\x15YP\xcb'</t>
  </si>
  <si>
    <t>b'\xd7\rit\x1c\xf0\xc3=3\\\xeb{\xeb#\xe8\xe7N\xfb\xdf\xf2\xd8\xfeG&amp;\xb8b\x1e\xbc\x8d9\xa8\xa0'</t>
  </si>
  <si>
    <t>PayOff</t>
  </si>
  <si>
    <t>b'\nF72\\{2\xae\xe0`\x8e-wh8&lt;\xa9\x1f\xceD}\xd4\x04\xdc\x0c\x0fI\x1cRO\xe3&amp;'</t>
  </si>
  <si>
    <t>b'c$\x13^\xb4\xa7=\xae\x04\x89a\x06`Fcp\xad\xc3\x8a\xad\xb0R+Q\x05\xe8\xe2\x9e1?y]'</t>
  </si>
  <si>
    <t>b'u\t&lt;\xc8\xd43\xa1w\xe47\xee\xc1\x14\x1c\x94\\\xffm\xc6\xf8\xcd\xfee\x80\x97\xa1\xb4b\xe7\x9b\x84\x86'</t>
  </si>
  <si>
    <t>b'JU,O\xd9\x80B\x1f\x08\x17!\x18\x18\xe70\x15r\x01\xd4\x92\xb6o\x83\x08\xadV\x02H[,\xb9w'</t>
  </si>
  <si>
    <t>b'J\xc0\x9fe\x8a\xdb\xf2YX\xe9\xa1\x17\x85\xe0k\n\xf9\xef\x00\xfb(\xc5\xde\x8b\xf7\x86,P\xccF"\x92'</t>
  </si>
  <si>
    <t>I am going to do it.</t>
  </si>
  <si>
    <t>b'P\xa9\xa8u\x83K\xc5\xa3\xdef{t\xa6\xed\x1b\x9e\xf0\xe7\xac\xf5\xf3\xe0\xcdMK\xd0\xd6NT\x0bd\x1c'</t>
  </si>
  <si>
    <t>b'\xd1-x(]\x97\xc8\xc4\x05\x0e\x9c\x99\xb3Ys\xe0&amp;\xa3(\xe6x\xd5\xf8\x1b?\xf5n\xb5e\xae\xed}'</t>
  </si>
  <si>
    <t>b'S\xfa\x18\x9d\xd3\x91{\xb1\xb8\xae\xfa@N\xeb\x80\x8ccE\xb22\xc0\xd8\xc0S\x00&amp;\xbc\xf6J2\xf4\x8d'</t>
  </si>
  <si>
    <t xml:space="preserve">Debt Consolidation to Lower Interest </t>
  </si>
  <si>
    <t>b'\x88\xbc\x134\xe3(\xaf\x93\x89\xff\xaa\x0e\xb0\x8e,\x82\x12\xcd\x0b{F\x81\x15\xb4\x0c\xb6_\xf3&amp;&lt;W\xa4'</t>
  </si>
  <si>
    <t>546xx</t>
  </si>
  <si>
    <t>b'P2\xac\xe3&gt;\x89\xb0X\xbc\xe8\xec\xe9Eg\x0c\x9d\xf0\x05\x8e\xc33|)]\x8d\xd2\xa7Ty\xa4q\x12'</t>
  </si>
  <si>
    <t>b'\x02A\x01|V\xa2\xdc\xd8\x8f\xbe\xd4\x10$R\xa2&amp;y\x1e3q\x12\x84\xe3{e\xffm\xcd2\tz\x95'</t>
  </si>
  <si>
    <t>b'\xc21\\C\x1c\xca\xd6f\xe0\xe8\xa1\xf2\x04Bx\xb3M\n{\xd2\\0,p\xb8b\xa1iZ\x8e6\xe2'</t>
  </si>
  <si>
    <t>b'\x18\x14&lt;\x11\xe9\x95iD\xca4\xa7G\xbc&lt;W/=\xdc\x84\x9a\x88\xb2\xf2\xd3Bx\x0e\x06\xe2\x949\xd0'</t>
  </si>
  <si>
    <t>b'wz\x8c?\xf8\x8e\xf5cp\xda\xbe\x0f\x13W&gt;\xd1=z\xad\x8c\x86+f\xba\xdc)\xc2z\x7f\xbf\x83\t'</t>
  </si>
  <si>
    <t>b'\x97\x83;\xbd\x0e\x0f\x07\x0b\x82\xa8\xc1\x98\xea\x82\xf5\xe3)\x16\xd8\xfdK\xd8;\xd3\xbed\x81\xae\x1a\xaa\xa7\x0b'</t>
  </si>
  <si>
    <t>b'\x87+\xdf\xc4 \x88\xe2\x8b\xda\xc4Q4UQ\xca\x17\x145\xb4\xf3$a\xa1\x80\xad\x07=\x84\xfem\xd8\xba'</t>
  </si>
  <si>
    <t>b'\xb1\x16\x10x\xe0\xabC&lt;\xc5xeU\xed!\xf0\x9e\\\xdbiw~\xc8\x87\xd2{a\xa8/\xb1j\x9cO'</t>
  </si>
  <si>
    <t>3 year plan, debt consolidation</t>
  </si>
  <si>
    <t>b' 1\x14kW_Q\xff\x11\x00\xbb\xec\x8c\xb0\x7fQ\xee\x8f\xf2|z\x01A\xf8g\x84n\xfeHLXi'</t>
  </si>
  <si>
    <t>b'\'\xabx&lt;;?\xfb\rb"\xfc\x99\x0f\xd1U\xf3\x11\x93:\xe6\xf9\xb6\xa7\xb0\xda\xd0\x13\xbeN"\xcdA'</t>
  </si>
  <si>
    <t>Mystery Mission</t>
  </si>
  <si>
    <t>b'}\xcb\x81\x15\x96\xa3x\x03&gt;1\xad\xf3J#\x9d\xbf\xa8\xca\xf0&gt;\xe5\xfa \xb6\x07\x02\xb9\xa4\x9c\x8b\x146'</t>
  </si>
  <si>
    <t>Car Problems</t>
  </si>
  <si>
    <t>b'\x1d\xac\xa5!7\x07\x93\x93\xb3\xef\xd0\xe5=\\\x19\xd2\xe0e\xe7\x14%\x91\xa4\x83B\xbf*\xaa\xfez\x13g'</t>
  </si>
  <si>
    <t>b'L\xc3\x06\xb7\x8d\xf7\x82\xac6Z\xe6\x9a\xf2\x83\xfcyc\xbe\xa6m\x15\xa81\t\xd5\xf7Y\xcb\x12e\x18\xdd'</t>
  </si>
  <si>
    <t>b'\xdb\n\x01\xd2X\x85\x94\x9b\n\xbc\xdf2\xa7\x96h\xf6V\xa1\xf9z\x83X{xMi\x1d\x07\xbe\xe3}\x9d'</t>
  </si>
  <si>
    <t>Wedding Funds</t>
  </si>
  <si>
    <t>b'kG\x85[\x92\x06\xe4\xf0\xd0\x0bD\xbb\xae\xa6A(\xb4 \x1b\xe2\xd3\x8b\x14$\xeec\x01\xc4\nl\x88\xda'</t>
  </si>
  <si>
    <t>b';-\xc4?q\x14-\x00\xf5\xccd\x01\xe5\xcc\xce\xf5\xf4\xae\xd7\xe0\xdd\x95\x07X:\xc6y\x1b\xdd\xaa!H'</t>
  </si>
  <si>
    <t>IRS</t>
  </si>
  <si>
    <t>b'~\xa5\xf5E\xf3\xc0e\x83H\x81\xe9\xa7&gt;\x99\x9f\xf1vlV\xadS\x95&amp;\x9c\xa7\x8bj&gt;\x1d^\xe3\x93'</t>
  </si>
  <si>
    <t>b"\x82\xb45\xba\xa4\x8ahL\xf7\x98\xa3.,\xe4Z:\xc1\x17\x07_\xcc\x91b\x82\xdf#'\x94\xe5\xce\xce5"</t>
  </si>
  <si>
    <t>love being me</t>
  </si>
  <si>
    <t>b'\x8a d\x11U\xeb\xb7\x82\x98B~\xdb\xcd\x1aH7\x9b\xf1\x1f\xe1\xe3k\x9e\x863J\x0b\xbf\xb6J\xee\x90'</t>
  </si>
  <si>
    <t>b'\x928\x94\xe7\xf6\xc0\xa5\xec\x03o\x10\xf9y\xd4\x05\xf9U_\xc1\xe1\xd3e\xf5\xea\x15\xdf\xfe\xc7\xfa\xbd\xa9\xd6'</t>
  </si>
  <si>
    <t>b'\x06\xcf\x1d\xb9\x80@\xad\x16a\x00\x10\xd7\xac\xbcS\xf5\xa4\xc1%b\xd1\x94l\xe6\xa4\xb3\x0f\x1e\x95\x9cp&gt;'</t>
  </si>
  <si>
    <t>Outside Buildings</t>
  </si>
  <si>
    <t>b'0\xdc\x04\x95o3\n\xbd\xf45\xb3\x0f\x96\xac\xa9\x80\xbaz17\x0eu!L\xb2\x8a\xbc&gt;\xdfyk$'</t>
  </si>
  <si>
    <t>165xx</t>
  </si>
  <si>
    <t>b'\x8a\xcb\xfe\xdd\x94^5\x8fI\xd2\x89N\xc2\x08\xaa})N\xa9|\xf6\xfd\xb2\xb2\x03E\xc3S\x7f\xaf\x17m'</t>
  </si>
  <si>
    <t>b'^\xf0\xa5\xaa\x0c\xfdtk\x86 \xb6\xf6\xccu\xd0e\xf4x\x8a\x11\xbb@L\xcaeX5\xd2\xc8\xb0\xfc\x97'</t>
  </si>
  <si>
    <t>b'\x9c\x99\x91P\xee\xb3\x06\xf7h\xc9\x01;P\nX\xc6\x04|F\x9d\xb4\x0e\xf8\xef\xe5]\xa1h;\xf7\xfd\x0c'</t>
  </si>
  <si>
    <t>b'x|y\x82\x17\xd9\x81\xd2R\xd8\xec\xa6\xe0\xa9vWyX\xd5.\xe6\xeb\xbfi)\xb2\xbf=\x89\xc2U\x9a'</t>
  </si>
  <si>
    <t>bailout</t>
  </si>
  <si>
    <t>b'w\xe1\xbe*\xfd)DZ\xfc\x16.\xf0\x1a\xed\x92M\xb3W\x13f\x00\xa3X\xfaI\xb42\x1c\xd1\xb9s\x8d'</t>
  </si>
  <si>
    <t>Italy Loan</t>
  </si>
  <si>
    <t>b"\x86\x16\xb6N\x02S\xb6H%\xd1\xe8|\xa5'\x05\x06\xc5p\x8b\xa2Vs\xf6\x90\x8cy\x0c$euB\xdc"</t>
  </si>
  <si>
    <t xml:space="preserve">Atc 200x </t>
  </si>
  <si>
    <t>b'\xeeE\t\xb0\xeetG\xe7w\xe1\x1c]\x13fe\xdd\xe0\xa5\xa2\x17n\xdd\xbdJ\x01\x98o\xc1\xf1y\t\xc5'</t>
  </si>
  <si>
    <t>b'\x1eQ\xf5\xf9?\xda\x91%\xbc\x08\x9b\xbe`\x04\xee\xae~\xa3\xadr\xe9\xb3\x888\xef\x7fTK\x88\xbaU\x04'</t>
  </si>
  <si>
    <t>Solar</t>
  </si>
  <si>
    <t>b'\xd0-\xeb\tM\xe8J\xee\x90%\x18\xfd\xb6\xa4\xeb\x8c\xa6g2\x8a\xffl!&lt;\x06\x84+\x9c\xcd\x96\xd7:'</t>
  </si>
  <si>
    <t>b'\xe8\x88\nI\xfdT0\xc4\xa0\xbdwyL\x98\xe8\x87\xa5\xa3\xf2\xb6\xf3A*\x9a\xa1\xf9\xb4)\x06\x84Z@'</t>
  </si>
  <si>
    <t>consolidateme</t>
  </si>
  <si>
    <t>b'\xa1z}\x04\x8eA\xbb&amp;\xce#\xb0l\xeelj|\xbf\x8ai\x8d%\x079\x05C{\xe6\xc8sK\xff&amp;'</t>
  </si>
  <si>
    <t>b't\xf8\xe3_\x11\x98Y\xf5\xc2\xa4\xd1m\x11\xf7\x83F\x9fE\x8e\xa0\x7f\x91\xd2)S7\xbeHx6\x05\xc5'</t>
  </si>
  <si>
    <t>b'\x1b-\xe20yN\\\xe2\x14\xa4Y\xc5r:\xeeZ\x82\xbf;\xec\x9eK\x81\xdb\x15\x0c\xc3\xd4\xa7hY\xf2'</t>
  </si>
  <si>
    <t>b"\xc4\x08K\x89\xb1\xa1\xa2\xb0o\xcc\xbe\xa3\x86w\xf0'\x88\xcf\x93+uO\xcaI\xb8k\xd6\x0b\xdd\x91\xac\xaf"</t>
  </si>
  <si>
    <t>ConsolidateCC</t>
  </si>
  <si>
    <t>b'\xaeu\x04qB\x9bF\xfb\xc5UaXv\xc7{\xc3\x8f\xf0fE\xa3\xb0\x88\xec(\x1a\xf2\x9f\xc4\x1f\xba\xa6'</t>
  </si>
  <si>
    <t>Debt Gone</t>
  </si>
  <si>
    <t>b'\x8a\xbe\xc3\xd7\xd4\xeaBC\xbfE\x1e^\x90\x88wa\x9b|\x1b\xde\n&gt;\xc1\\\x92\x7f\xa1\xdd\x7f;\x15\x02'</t>
  </si>
  <si>
    <t>credit card payment and other</t>
  </si>
  <si>
    <t>b'\xd5\xd7\xa2\xfd(\xe5\x8b}\xe0r^K\x05\xf4d\xd7\xa4\t\xb7}\x16\xa2\xee\n\xf8\xbf\xbf\x1b4\x8f\xf9P'</t>
  </si>
  <si>
    <t>Small Credit Consolidate</t>
  </si>
  <si>
    <t>b'\x8b\xdcyyI\x08\xeb\x8b\xc9\xca\xb07f\xe6,6\xd2C\x89\xa2+\xc5\x98\x8bu\xd6\xdbE3\x83t\xe3'</t>
  </si>
  <si>
    <t>b'Y/\xd2Q9\xca\xd2\xe8\x83\xad\xcb\\M\x99B\xf5\xd1U\xd0l\x19\xdb\x01\x1d0,I\xe9ih5\xb7'</t>
  </si>
  <si>
    <t>Car for daughter</t>
  </si>
  <si>
    <t>b'g\xc0\xcd3\xc8c\x86p\x9bnq$Qy\xcbNvVk\xbd\xc6[\xb8\r\xd9yz\x1a\xaa\xee\x93\xa2'</t>
  </si>
  <si>
    <t>b'\xb7&gt;`\x81\xbe\x98\xf7FsZCm\nQ\xe9&gt;n\xa7&amp;\xa1H\xd4\xe6)\xdb\x95\x01\xf0\xd5p&amp;G'</t>
  </si>
  <si>
    <t>b'\x19\xd4&gt;\xb4\xa7\xcb\xfe\x08\x92A\xc1\x9d\xb7\xea\x14\xde\xc9\x98J\xf5\x1c\xd9\xd7\xc3\xf6\x06"8|\x06CF'</t>
  </si>
  <si>
    <t>b'.+\xe8\xb7\x96\xf1\x95\xe2\xba\x9d\x13FgcX\xd7p\xce\x80\rK\xb5.Y\xf7\xbfV\x12\xd23\x9a\x01'</t>
  </si>
  <si>
    <t>b'\xea\x10\xe1\x7f\x14\x8f\xab\x07\xf8\xa2\xe5h7\xf4\xd9\xb2.\x81k\x90&lt;8\xad\xfa\x9a\xd8\x95J\x9d\x1bd^'</t>
  </si>
  <si>
    <t>Roof Repairs and Bathroom</t>
  </si>
  <si>
    <t>b'k\xfb\xffd\xd3\xd8\xb9\x15x\x17\x88\xfd\xcb\xb3/\xd3\x16&gt;\xf0f\x8a\xea\x85~\xa5\nQ7\xab\r\xd8e'</t>
  </si>
  <si>
    <t>Looking to Buy a Pool Table !</t>
  </si>
  <si>
    <t>b'\x8d\xa2&lt;[\xca.\xf6\x13g\xa7\x19\xbe.\xd79?\xf3%\xcc\x82\xc3\xbe\t\xee\x1e\x87\xb7\x8f\xd0\x82\x1a\xe0'</t>
  </si>
  <si>
    <t>b'\xe0Z9\x11\tS*\xac\xac\x99x\x91\xba\xb3Z\x07\xf4J-\nI;\xbc\x99^\xb3\x19Q\x93\tu\xd8'</t>
  </si>
  <si>
    <t>b'\xd3\xdf\x9dy\x91\xe0\xe1\xa9\xdch\x87$\x10\x13\xae\xc7\xfe\x06\x96\xe0\xbe)=\xc4~\x91"3u\xeb]d'</t>
  </si>
  <si>
    <t>b'H\xa3DA\xd3\xa8\xbc\x07-\x98\xfe\x88\xb0\n\xc48\x96\xf8@\xd4a\xf0\x0fF\xea\xf5\x10\xae\xa7,\x9dX'</t>
  </si>
  <si>
    <t>b'\xda\xef^\x83\xb1\xc6\x86\xe6\x1d\xc0\xb1&amp;p\nXy\x03*\xbf\n\x1958\x7f&lt;\xc3\xe3\xc7\xfb\x006\x05'</t>
  </si>
  <si>
    <t>b'B\x19\xc4\xb4\x08B[\xf3\xe2\xf3\x05\xca\x1e;/\xb2\xfe\x15\xe8\xad\xf9\xe4\x06H\xe5\xf2.o\x1f\xe3\xec\xc9'</t>
  </si>
  <si>
    <t>b'\x14\xafM\x91xJ\x94M-\xd6\x0c\xf4\x9cj\xdeR\xd3\xb8jv!\xbbK\x04\xbawj\xe3\xa8Z\x02\xe1'</t>
  </si>
  <si>
    <t>b'\x95\x83Z)\x86j\xea\xfd+&amp;b\xfc\x06\x1e;\xdf*\xfa\x97m\xccZ\xfd\xef\xd2\xec\x15\x08&gt;t&amp;I'</t>
  </si>
  <si>
    <t>679xx</t>
  </si>
  <si>
    <t>b'J\xfd\xb7\xa7\x8f\xe0\xccV5}\xf1\x86\x82~\xa0\x905j~)Xk\x84\x93\x9f\x83\x00\x0f1\xb5k\n'</t>
  </si>
  <si>
    <t>b"\xb0\x07\xba%7\xac?{\x18&lt;\x17\x83\x8e\xcb!~\xbe\xca\x94\xc7$\xd2m'r\x87\xa8\xa3(\x1b\x8b\xd9"</t>
  </si>
  <si>
    <t>b'\xa9\xf2*D\n\xfd\xd6=.cN\xec\xe2s\xc4\xf2q\x9f\x80\xcf\x84V\x94\x98\xb7\x95l\x83-\x01\xbeZ'</t>
  </si>
  <si>
    <t>home improvment</t>
  </si>
  <si>
    <t>b'\n\xd7\xe9V-\xadb\xa4\x96\xf6\x96\xee\xb2W`\xf1\xb9\xde:Z%w\x89\xc8kU\xb5\xacE\xfcI\x17'</t>
  </si>
  <si>
    <t>b'\x97\xe1\xbf\x8e\x82\xe3o\xf98W+\n\x83]\x15\xdcc \xfe\x17z%\xf4\x07\x1a\x9f\xd0\x94\x8d\xd5\xd63'</t>
  </si>
  <si>
    <t>b'\xe7B2z^\xfa\x02I\xb9\x14\xda\x1e\xbf\x02\xb7\x05\xf6\xe0\xac\xdc\x18\xe9\xb9\x8e\xe85s\xddf\x86\n\x1d'</t>
  </si>
  <si>
    <t>b'7[\x9d\xaf\xd0NK\xfb\xa5\x02\xf7\xeb\xf7\x83Rg\x1e\xc4\xdf\xc4|\xdc\xb7\xc9\xaa\x83\xd9\xc72\x1f4\x1d'</t>
  </si>
  <si>
    <t>CCPayDown</t>
  </si>
  <si>
    <t>b'$ME\xaf\xc2\xe0\x91L\xf3\x140\x11IX(\x94\xb3\xc9\x18\x90\xc9\xa8\x8b\x0b\xff\x9bjYT\x92G\x8d'</t>
  </si>
  <si>
    <t>make things simple</t>
  </si>
  <si>
    <t>b"\xac\x1a\x1c\xd6'\xf1Dn\x14\xb1\xb7t\xf4\x06\xb9\xe3_\x1f(\x14\x96\xa3!\x05\xf2\xea\x08\xc5\xdb&lt;~\xdf"</t>
  </si>
  <si>
    <t>b'\xbe\x97)\xc9\x85\x06\xa1i\xf7\x8b\xc5n\xaa\x8b\xc4\xbc\x00\x18\x9d!\x15*\xb8\xa9j/&gt;\xf0U\x172\xa7'</t>
  </si>
  <si>
    <t>Escape from bank debt slavery</t>
  </si>
  <si>
    <t>b'=\x00E\xaf\x07\xcf.\xfa/*-\xef\xf1\xaeOC\xf0%\xe0\t\xeds\xe9\xfa\x15C\xe6\x96$c\xb0\xde'</t>
  </si>
  <si>
    <t xml:space="preserve">payoff </t>
  </si>
  <si>
    <t>b'j\xe43\xcd\xca\xd0L\x06\x95M\xf11\xae\xf6\x05\xfc\xbe\x02\xeb\n\xd3B\xa7\xcd,So%, \x05\xd2'</t>
  </si>
  <si>
    <t>b'\xb3q|\x02\x9ez\xd9\xe6\xc1\xbc\x80U\xe3\x81\x1c|_s\xd0\xfc\x83\xe0\x02\xc0\x83N\x1d\x1d\x94b\x1fv'</t>
  </si>
  <si>
    <t>Fence</t>
  </si>
  <si>
    <t>b'fS\x16\xc8\xb9\xb40\xb9\x90\x07x\x84\x98{\x14\xe3\xdeN\xd5\x0e\xed&gt;\x14Tse\xf8\x14\xf7jL\x1c'</t>
  </si>
  <si>
    <t>major purchase loan</t>
  </si>
  <si>
    <t>b'\x19m\xe9W\xf1\xb2!p\x9a\xebD\x05\x1e\xebU\x1b\x1e\xa1X\xf2\x07\xd8\x86\x1f\x0e_o\xf2\x19\xe9=6'</t>
  </si>
  <si>
    <t>b'\xba\x85\x13\xb2\xaaL&gt;\x9d\xc2\x9d\xd3\x10Ny\xe1X\xd0\xe5wi\xcf\xc7\x17\xff]\xd5\x02\x8d\xa8Zz|'</t>
  </si>
  <si>
    <t>b'g\xed\xc4\xab\n\xa8\xb5\xbf8\xbb\x9e\x01\xa0zf\x82\xae\xf2\xc3\xf9\xcfB\xcb\xab\xcd\xe9!\xfd?\xcbl\xa4'</t>
  </si>
  <si>
    <t>debt conslidate</t>
  </si>
  <si>
    <t>b'\xc9\xbcuV\xeez\xbf\x88y\xf3u\x96{J\xacJ\xbbC\xb1\x10M\xe2\xceC\xc9Cd\x84FV0\x03'</t>
  </si>
  <si>
    <t>Combine Bills</t>
  </si>
  <si>
    <t>b'\x17\xb8\x9d{\xbd\x9d\xc8\xd3\x0b\xdd\x97\xc0J\xdd\xfc\x08\x0c=\x9a\x06\x1f-\xf7C)\xb9W\x7f2\x9c\xe0t'</t>
  </si>
  <si>
    <t>Refiy</t>
  </si>
  <si>
    <t>b'\xfd\xa2\x1a\x96\xe1\xcb\xfb\xe9Rl\xed3\x84\xc2\x9a\xa7\xd0\x8e;\xf2S\x13HP\xf6\x7f\x92\x18\x80\xe4\xfe\xc3'</t>
  </si>
  <si>
    <t>b'Cl\x87\xd8\xc5f\xef\x82\\\xad\xa8\n\x8d\xf1V\x9d]\x1a.\xde\xcb\xe0&amp;\xdc\xdd\xd2\x1af\xdf\x1c\xd8e'</t>
  </si>
  <si>
    <t>Pay Off BOA</t>
  </si>
  <si>
    <t>b'\xe0\xa4G\r\xe0\xfb\xc4\xd0\x84x*lU\xe0\xa3\x12\x14\xe2C\xfc\x0f\xc0\xb3\x98I\xa1p\\^k(*'</t>
  </si>
  <si>
    <t>b'\x9a\xb4\xb5\x8f\x06v\xa9\x88\xe5Q\xee\x99\xd5V\x0e\x9c\xf5\xeaM\x8a\x85F\xbd\xa4\x7f\xc5\xae\x95\x9fR\xec\x12'</t>
  </si>
  <si>
    <t>b'\xe5\xc2vn\xb4@\x89\x99\xe5\x99,W#\xbd{-\x05c\x1d\xf1n\xe6\x108@]\x84\xc7+\x9b\xa0\xe3'</t>
  </si>
  <si>
    <t>BILL PAYMENT</t>
  </si>
  <si>
    <t>b'\x91"I\xef\xfcG\xd5\xe9/ZF\x0b$\x87\xe35DB\x16\xde\xad\xb3=\xecGJ\x06\xc5\xfdY\xfdq'</t>
  </si>
  <si>
    <t>b'\xfe\xcd\xd0\xb3\x9b\xc4\xccg6\xfbV\xbeF\x1a\xf6\xc8\xb3&lt;/RG\xd2ByWJA&lt;s\xd9\xfc\x02'</t>
  </si>
  <si>
    <t>b'\xaf]\xc5\x86\xc71\xc8\xb8\xc6\xd3\xfc\x88\x0b\x08\xabA\xd4\xad\x92\x88\xfd\xa4\xe3l\x80\xadkN\xb5$\x80d'</t>
  </si>
  <si>
    <t>b'\x98zg\xd1\xed\xfd\xf6\xa0\xd3\xd9\x1eT\xaa\x15 LHB\xae\xeb\x9d\xbe\x04\x15b#aa\xc4o~\x0e'</t>
  </si>
  <si>
    <t>credit card payment.</t>
  </si>
  <si>
    <t>b'\x9a\xaa\xd3\xde\xa8\x81*W.6\xdbr[;&lt;#\xa5\xa6Vl\x9dS"P\xcaLh\x9a\xfb\xaa\x15\x15'</t>
  </si>
  <si>
    <t>Refinance Debt</t>
  </si>
  <si>
    <t>b'\xd1\xc1\xbb|x\x9c\xa3\x8c\xffG\xa5\x82\xd9\x00X\xfa2&lt;\x19\xa6\xa7\xf8\x8d\x8b\xd6\x9c\xec\r\xa7I"{'</t>
  </si>
  <si>
    <t>b'\xe44g\xd647\x14iS\x04d\x13-Q\xd5\xa0\x06 \x1e\xf7\xc7k\xa7U\x02\xee\xf4\x86\xc0\xfbS\xce'</t>
  </si>
  <si>
    <t>b'K\\\xb3,\x1e\x0e\xf1\xa1\xc7\x9c\xe9\x83\n\xc4/V\xe8$\x7fdz\x9b\xf16\x12(\x1c\xb6:\x80\x0c\xf7'</t>
  </si>
  <si>
    <t>Debt consalidation</t>
  </si>
  <si>
    <t>b'\xbb\x95\xa6\x03\xbb%\x97V\xa6-\x93}\xa7dU\xcb\x94,%\xf5bpe\xc8V\xed\xb3\xb6\x98r\x95G'</t>
  </si>
  <si>
    <t>some relief</t>
  </si>
  <si>
    <t>b'\xf4=\xc6\xb4 \xbb\xe2tH&lt;\x00\x11\xf8~|\xc2\xcbu\xd8\xfaS\xf8Y\x13\x12\xf7\xf7jc\xf3\xbc/'</t>
  </si>
  <si>
    <t>b'B\xd3\xad\xa9,\xe1\xeaw\xebk\x8c.?%g\x15\xc2\xdb,\x82\x0b&gt;L\xd8X\xfc\xcf;\xa5@\x85\x02'</t>
  </si>
  <si>
    <t>loantome</t>
  </si>
  <si>
    <t>b'\xdf(\x8bT\x10\xfbj\x06\xa5[\xa1v\x80\x9d\xd2y\x99\x9dL\xe8)\xe4\xd9V\x06\x0bM\x06\xbcX\xc7/'</t>
  </si>
  <si>
    <t>b'\x11a^\x849\xc4\xb9]3\xd1$B\xa6,w\x89\xde\xad\xf7\xa7\xbf\xdaq j\x0eL\xd9r$\xc3k'</t>
  </si>
  <si>
    <t>Debt Reconsolidation</t>
  </si>
  <si>
    <t>b'\x1d\xa2\xff\xb4&gt;\xcc\xbdv\x18\xa6\n~\x04 7P\xc4y\xcbK\xaa\xd4\xe4\xd9\x8e\x91\x99\x1f\x01u\x81\xe4'</t>
  </si>
  <si>
    <t>b'\x91\r\x93^F\xb0\x7f\xad\xbc.2+Z\xdc\xe5\xfb\n\x9f\x80\xed\xf5\xb2\x7f\xf4de\xb0\x85\xa9\xd1\xb6"'</t>
  </si>
  <si>
    <t>b'0\x87\xd8\xd2\xccI\x9d0HC\x08\xe6\xafD\x1f\xe2_\x96\x167\xdd\xf0f\xcc\xf4\x18!;6\xd7\xa8\x07'</t>
  </si>
  <si>
    <t>Best Year Yet</t>
  </si>
  <si>
    <t>b'\xc2&amp;\xac\x1d\x83\xfa\xcc\x8bF\xf9[/\x8d\xd8N&amp;\r\xb6\xfe\x87\xaaYG^\x98\xe0\xae\xef\xe5\x93pm'</t>
  </si>
  <si>
    <t>b'\x06\n\xedc\xc5\t\x95\xb0h\xa7\x9b\xdbbk.\xbf\xae\xde\x81jU\xb5sqH\xcb$4\xd7\xad\xe2\x86'</t>
  </si>
  <si>
    <t>the strategy</t>
  </si>
  <si>
    <t>b'\x8eO\xf4\x05\xd0\xc6\xa0MId)\xf2\xb0\xd2i{\xba\x97\xc1\rY+rE\xf3_\xd3&lt;\x06\x7fU6'</t>
  </si>
  <si>
    <t>Team Player</t>
  </si>
  <si>
    <t>b'`o\x11\xdf\x97\x8dX\xd6~4-\x16\xe2\x85\xa8\xd8W\xd8\xcbD\xfc\x96\xdc\xfa^~\xd6\xbc\xe9.\x98\xad'</t>
  </si>
  <si>
    <t>Paid off</t>
  </si>
  <si>
    <t>b'\xe7\x07/\xaa\xf7\x18&amp;J\xad\xa50\x0c\xeb\xf1\xa4\xfd\xb5\xdc^s\x9b\xf58\x18\x801vz\xd7\xb6&amp;\xc6'</t>
  </si>
  <si>
    <t>b'V\xb3\x85\xfaz\x80@c\x9c"\xb5\x95T\xf9\x81\xf8\xe80\xca\xf9\xb2{D\x9a\x82\xf9\x7f~g\x1c\xc3\xdb'</t>
  </si>
  <si>
    <t>b'\x0b\x9f(\x12/_\xf4\x1c\xc94\xd3j\xc9\xf0\x8f6o:#F.VXt$\x83\x0e-V\xb0\xdd\r'</t>
  </si>
  <si>
    <t>b'2r\x8b\xf9\xe5\xad\x96d0i\x16\x0f\xe7-\t\xfd\xd4\x8e\xe4\x00\xbc\x8dn\xaen\x95\x8fq\x8a\xda\xb2K'</t>
  </si>
  <si>
    <t>b"\xcfj\xd8\xc0\xcb'%\x1f\xff;\xcc\n\x99a\xe6\xf2F\xce\xe8\x1dEQ\xd5ZVu\x19\xe4F^\x83\x9d"</t>
  </si>
  <si>
    <t>Consolidated Debit</t>
  </si>
  <si>
    <t>647xx</t>
  </si>
  <si>
    <t>b'u\x9b\xd5\xd3\x80\x08\xef\xa9\xe8\xa7\xc3\x180\xd0\x01\xe6\xee#!n\x1f\xda^\xbc@=\x02\xf2\xf1\xa8\x92\xe1'</t>
  </si>
  <si>
    <t>b'\xcc(\xebV\xe3\xd7\x87\xed\xdb\xeb,@\xfc\x14\\\x8f\x8f\xc1\x11u\x0b%\xbe\x01\xf8\xdb\xf5\x96\x91(\x86\x87'</t>
  </si>
  <si>
    <t>dedt cons</t>
  </si>
  <si>
    <t>b'\x17LU8\xa1S1F.&lt;r\xa56g\xd7X\xa9C\xd2\xfa\x17\xca"\xdd\xb0\xe4\xda\x02\xb4/\xb4\x8f'</t>
  </si>
  <si>
    <t>b'\xcb\xcc\x01\x84\xb8\xd2\xefQ\xe1\x01mgC\x1bn\x8d\xe8kS\xf79\xe9\xb6\xa2,\x05s \x91{_u'</t>
  </si>
  <si>
    <t>b"\xc0\x94\xb9!\xbe\xec\x1fm\xd9|b\xba&amp;|\x1d\xa2iY\xc1A.\x85\xbd\x84\x84\xc8\xbd\xe5\xa5\xed\x97'"</t>
  </si>
  <si>
    <t>b'5\x0f\xc6u\x9bP\xe3\xcc\n\xcd\xb2\x7fF5\x16\xb0\x07E\xfd\xe7\x1b?E:xL\x97\x0c\xd6\xe1\xa3\xdc'</t>
  </si>
  <si>
    <t>b'p\xc5\xf7\x7f\x01^\x95/\xb5\x9auG_\xb3AD1\xcf\x9b\xdb\x9dSEgw\x1d&lt;\x82K2H^'</t>
  </si>
  <si>
    <t>b"\x18\xfb\xd7\xd9#\x15\xa3~a\xc7o41W\xfd\xc5U\x88\x99\n\x95\xdf\xbb\xb8'\\\x85\xbdU1AY"</t>
  </si>
  <si>
    <t>b'\xb0\x04Q\x80\xc0\x9f\xe8\x1f\x0bJT\xc9\xa2S\xc2X\x88\x83\xfa\xe7\xe7\xd8\x81\x03?\x11t\xa3\xae\x9e\xab\xe5'</t>
  </si>
  <si>
    <t>b':\xf3A\xf8 x$\xf4\xc5\x85\x11\x15\xdd*\xb4\x87\xe3z\x12]\xee\x97\xb1\x16@\xe4&lt;\x02BE\xa8\x89'</t>
  </si>
  <si>
    <t>Pay off for good</t>
  </si>
  <si>
    <t>b"'4J\xcf\x8f\xcd\xb3\xb8\xdaur)\x8f\xec\xccg\xcd\xec\xcc{j8\xe34-\x91]z\x8e\xe5[\xdb"</t>
  </si>
  <si>
    <t>Home Reno</t>
  </si>
  <si>
    <t>b'\xdf*\x04\xdf\x18\x1e\x1d\x80\x92K\nQ\xffd\x10c\x1e\xd1\xb0\x86\xe2\xbcA\xde\x9d\x82\xb4\xe8jI\xde\xf3'</t>
  </si>
  <si>
    <t>b'P\xac\x90\x0e\xb7V\xab\x13&amp;\x13\x0c\xbf\x1a.\nu\t\xf8\x98\xf3\xe3\x8b\x8a\x9d\xe4\x8a\x853\x1b`\xdb\xcc'</t>
  </si>
  <si>
    <t>pay off my Debt</t>
  </si>
  <si>
    <t>b'\xbd2\x01\xa5\xf5\x02\xaa/\xc3S\xd7\x83o\xbc\xa9\x87\x0cD"\xe9!U\xef\xa4\x97\x95\x0b&lt;\xab2\xf9\xc0'</t>
  </si>
  <si>
    <t>b"\xc6\xe5\xfa'U\x17M\x9du\xa1K\xc7\xa0\xdd\x18{}Y\x9c0\xc8\x1b^\x12\x81o\xdd&lt;E\xf8\xc0e"</t>
  </si>
  <si>
    <t>b'V\xcbso\xa1\x80\xa0\xeb\x8e\xb0T\x8c_\xd1s\x14\xeb\xb0\xd5\xcc\x83&amp;\x02?\x07\xb4v\xd7\xbb\xe4\x88\x86'</t>
  </si>
  <si>
    <t>b'\xb8\x00L\xdc2\x9d\x95*(\x82\x0b\x7f\xfb\xed\x7fh\xa8\n"\x9147\xae\xff@zwA\xedci}'</t>
  </si>
  <si>
    <t>pay higher date</t>
  </si>
  <si>
    <t>b'\x0e\xd0Pm\xa2\t\x12\xb4\xcfO\x905\xcaD\xde\x15\xfe\x93\xa4l%\xa9\x90\xcdU\xdabP\x8a\xdd\x1cR'</t>
  </si>
  <si>
    <t>b'r)\xcai^IKF\x01\xa5\xd8\xbd9\xf81h\xd60\x93\xd08 \x9a!\xc0C4l\x0f\xd5`\x80'</t>
  </si>
  <si>
    <t>Financial Progress</t>
  </si>
  <si>
    <t>b'_\x7f\xab\x19\xb5P\x1b\x82\xe6\x8d\xfc\xb9H\x15\x86\xa6\xc5*\x12\x9c1\xeeF\xdc\x02\xc4\x96\x1a\x99X\xc7\x1e'</t>
  </si>
  <si>
    <t>b'GE+D/91$\xb54\xcf\xf6\xffxw\x91\x8c\xe2\x9bp\xa2&lt;p]\xa7\xde\x08_\xfe\xeb\xe3\xb3'</t>
  </si>
  <si>
    <t>b'\xad\xb8q\xaa\xe6\xff#\xdd\xf5m\xa8\xef\xa6(8X\x1f\xf5L\x7f\x91\xc3\xa5o\xa6\xf9J\xe6\xf7\x89\x7f\xa6'</t>
  </si>
  <si>
    <t>b"o\xde\xe1\xbe\x0f4\x0f\x12\xab!.\xf3^p;\xde\xa3y\xbc\xcd\xdb\x82\xf4f\xe2\x82'\xaf\xf5\xb1\xca!"</t>
  </si>
  <si>
    <t>b'\xbf]\x1f\x04\xc6\x7f+_\x82\x89\x94Ij\x81Y]p\xf6\x8f\x8f\xd6.1\x13I\x7f\xaaD\x84\x1a\xed\xce'</t>
  </si>
  <si>
    <t>b'\x94\xf0\xd1\xa6\xb5\x7f\xe8S[GYj\xabZg\x05\xfd\x01o\xf4\xed\x8b\xd2^\xc5\x03\xcd\\M\xc3\xea0'</t>
  </si>
  <si>
    <t>b'\xd9\xf4\x14\x84\xc5\xf6\xac2?\xdcf\xaba\x81\xe1\\|\x1a6\xaepK\x18\xab\x9e\x97K\xc8\x1f\xe7\xec&amp;'</t>
  </si>
  <si>
    <t>b'\xedD\xc9\x06\xa0\xe2&gt;SJ\xce6]\xd5\xdcZ\x00|\xf8e\xac\x0c\xe2x\xa6u8\xc0\xa9R)\xda\xe1'</t>
  </si>
  <si>
    <t>b'\xf3hRWp\xb9\xfb\xc7q\xac\xf7)\xac\x91I%\x19y1\xac\xb3\x9e\xaf\x81\x1c\xcc\x86\x8c\xf8\x89&lt;\xab'</t>
  </si>
  <si>
    <t>b'\xfd\xd7\xbd\xc8\x96\xdc.`GJ\xd9Rg\xa2\x08F\xc0\t\x81O[f\xfd\xd7\x15\xa0%c\x84\x89\x8di'</t>
  </si>
  <si>
    <t>b'q\xb5\xd8\xd7Oa\xe9\xb4\x19\x11\x84\xf8\x99\xe0\x95X\x91\xdd0\xb9\x90%E\xab\x0e\x0c\xd0\xd9\xac\xb2\x0c\xd5'</t>
  </si>
  <si>
    <t>Debt consolidator</t>
  </si>
  <si>
    <t>b'\xd7*\xaa\xe0\xb5&amp;&gt;\x19\x04\xdb\x1e\xcc\xf4b\xa2\xa6Y\xef-\x0b\x96px\x9e\xd1\xaekJ}\xfe*p'</t>
  </si>
  <si>
    <t>b'\x1f\xda\xc0\x1e\x0c\x80\xbeX\x8f6\xe7&gt;\xa4T\r\x92\x1e\xc8u\xbbn\xc9\xb9\xc3C%\xb9\xf9\xef|\x028'</t>
  </si>
  <si>
    <t>b'Wh\xfe\xe3\xd4C\xc2\r\xd9 `q~ \xd4\x97\xa7\xe7\xfb\x99\x1fn\xa4p\xa4\xf6H\xaa\xe5\xb1\xad\x9e'</t>
  </si>
  <si>
    <t>362xx</t>
  </si>
  <si>
    <t>b'\x92%x]\x8be\xd9H\xa5\xdf\x98\xe9\xec4\xdc\x08\xe5\x18\x84"\x11\xbb\xffD8k\xe9\xb8D:\xa1\xc3'</t>
  </si>
  <si>
    <t>Wipeout Wedding Debt</t>
  </si>
  <si>
    <t>b'H\xbe\xc7y\xfahlh\x0b\x85\xc8\xe9\xbc&gt;Q\xcb\x94\x88UUs\xaf\xaf\x01\xf3\xb8\x14L\xfeq\x16\xa3'</t>
  </si>
  <si>
    <t>b'\xa2\xce\x908\x0b\x88\xc7\xcf\x94\xe8\xcaS\x8a.U\xe5\x0c{j\xea\x9a\xf0&amp;-h\xe6\x16;Y\xfe\xd1&gt;'</t>
  </si>
  <si>
    <t>b'L_\xec\xaa\x0e\xd6\x843\xc3&lt;\x9cLtuX\xdaa\x14\xae\xc4\x16&gt;C\xbf\x9b\x94U\xb4\xf4\xc5sE'</t>
  </si>
  <si>
    <t>b'\x83\x00,\xc5\xe8G\xab\xf6\x15\xe3Lqju\xd2r\x8f)\x8cr\x9c/.\x9b\x01 \xd2\x0b;\xcf\x0b{'</t>
  </si>
  <si>
    <t>Help</t>
  </si>
  <si>
    <t>b'\xd0w\xcf~h\x1d/\xd3\xc1\x19\x17N\x88\x06\x14\xdeJ/\xcfS\xb9\xe9\xdf\xdb\xe2\x15\x1f\\6\xa1B`'</t>
  </si>
  <si>
    <t>b'\x06\xe1lCM\xf0\xcb\x12Iap?v\xae{\xe1\xf8k\xa7\xca\x91f,\xa4&amp;m\xfcG\xb09\t\xda'</t>
  </si>
  <si>
    <t>b'\xc2\xc2\x04UCJ\xb1\xdf\xf7+\xbc\xdf\xa8d\xc6U\xca\x96@\xad\xe2\xe5\xebr\xa2\x1b`\x11\xb4\xb3Ry'</t>
  </si>
  <si>
    <t>Debt fix</t>
  </si>
  <si>
    <t>b'G}\x82\x83\xd0\xc7l\x8f\xea\xc7&amp;\xb6P\x84\xd6\x00\xfe\x9b\xad\x06\xe0\x0b"k\x9a\xb0\x8e\x0c\xb6\xea!\r'</t>
  </si>
  <si>
    <t>b"\x0e\x95\xb6,=\x01\xfb\xcaU\xb0\xf2\xc23\xb9\xb6&gt;\xcdd':\\\x06\x9c\x19\xc0\xbcA\xc9\x8a\xce~'"</t>
  </si>
  <si>
    <t>lower payments</t>
  </si>
  <si>
    <t>b'0/;(\xc6\xe3\xb6\x1b\xebo\xb2\x16\xa6\x93O\xb2\xccu\x0f\xcbHP\x85\xef\xaarW&gt;OS\x16\xc3'</t>
  </si>
  <si>
    <t>b'b.\x14\x0c\xf9\n\xa8\x87d\x80n\xbf\xb2\xaa\xa3t$Y?@(\xff}\xdd5?\x80\xa1\x9e\tw '</t>
  </si>
  <si>
    <t>b'\x99\x89\xda\x15\x0cC\xd8\x19tK\xc6\x8b\xbd\xb4J\x01\xd9\x8c\x8a\x1f\x8e\xc9\x8az\xac@h\xa8\xe7\x05\xfd\x15'</t>
  </si>
  <si>
    <t>b'Ff\xdb\xaa\x15\x82\xaf\x1e\x9f\x1bE\xd0\xeb\xd45\x95c\xfa\x9b\xceM1\xde\x00\xb74^\xe2\x01\x98"\x8e'</t>
  </si>
  <si>
    <t>b'\x1ap3%|\x03\x19\x10Y\x7fb\x04N\xc1\xc0\x1a\x16\xc1\n\x80K\xa6\xfaF\x06\xbc\x00\xe9\x8f\xd7\x9b\xf1'</t>
  </si>
  <si>
    <t>b'w?,\xc6\x17\xe1/\xc8\xdb\xd5\x8b\xa3\x1a\x8cfqw\xc5\xa2\x9eWn\xbb\xa9`\nk\xbcP\r?\xcf'</t>
  </si>
  <si>
    <t>THE LOAN</t>
  </si>
  <si>
    <t>b'\xc1\x06G[\x92b\xcd\x99Wu\x02\x02,\xae\xfd\xcf\x8a\x9e\xa5\x8b\xce\xeft\x852K2\xc8\xd0\x99%!'</t>
  </si>
  <si>
    <t>b'\x0e?\xf2\x91\xa0\xa9Z-X%y\x89\xc2{B\x02\xbe\x93\x8c\xf3\xb3\xd2\xc2\xc3z\xb5u\x8e\x8c\xd8\x0bD'</t>
  </si>
  <si>
    <t>b'\xa6\xecX\xec\x98\xb6\xb4"\xa7\xc0\xcc\xb0b\xee\xeeP@[\x7fT\xa7\xa3+\xed\xcd\x1d\xe8\x88\xc0R\xc4\xd3'</t>
  </si>
  <si>
    <t>b'5\x05\xb3s\xbe&gt;fS\xa4\x91\xa9\xfc0\xf8\x0f@};\xca\x0b\xd1Z\xb7\xf25&lt;\xdba\xcds\x05f'</t>
  </si>
  <si>
    <t>2nd loan</t>
  </si>
  <si>
    <t>b'\xa4\xd41\xcd\xe8\x95&gt;w\x9b@Hk\xf5&amp;\x83i\x85\xc3\xf7\x1d\x19[e\x0cn\x14*\x04\xfc\x18\x1e\xff'</t>
  </si>
  <si>
    <t>b'_\xf0UA39\x92m\x0b\xbfH\xe3\xb1\xcb\xe4\xdb=R\xbd\x17\x83\xef\x02\x1c\xec(tjm\x06\xa9:'</t>
  </si>
  <si>
    <t>Lending Club Consolidation</t>
  </si>
  <si>
    <t>b'@\xda\xd9!\xfaik\xb2\x13\xcc\x07\xb9\x0c\x1e\x17\xe2\x0f\xf4at\xb6{\xfe\xa4\xde\x08\xf7\x9c+).\x07'</t>
  </si>
  <si>
    <t>combine balances</t>
  </si>
  <si>
    <t>b'\x94$\x96\x19t\xc8\xaby\xd6\xa2~p(\x10a\xa8\x00Y\x18?rZ\x7f \xfdP\xac\xfb\x18P\xcbP'</t>
  </si>
  <si>
    <t>Consolidate Specific Debt</t>
  </si>
  <si>
    <t>b'\x81]o\xe3\xb2\xc1b\x19\xc8\x81\x13\x10\x1d\xde\x9ce\xf2\xceZ\xa1*\x1b\xb6\x84\xb3\x89\xa2\x9e\x05\x14Q\x9d'</t>
  </si>
  <si>
    <t>Credit Cards Pay off loan</t>
  </si>
  <si>
    <t>b'\x8fh\x9c\x95t\xdc\x9b+\xe7\x8d\x11\xd2)x7s\xa5\xca\x8c\xcbEH\xa7\x18\xb1\xd7\x89\xder\xc6\x12\xd6'</t>
  </si>
  <si>
    <t>b'\x8cY*\x14P\xc0\x0b1\xfa&gt;\xb0\xe2\x89p\xbb\x9e\x15\xd3\x1e\x7f\x0c{o\x9f\xb4\xcb\xcf!X\xa6\xa89'</t>
  </si>
  <si>
    <t>b"\xc9\xa3.\xc5W5\xb0\xab',N\x05\xe5\x0f\x9c\x0fnI2\xadr]\x10j\x06\xbb\xe0bNj$\xf0"</t>
  </si>
  <si>
    <t>b'\xa6`\xdd\x95K\xba\xcb\xf6\x94\x88\xb0]"\x1a\x12\x99\x99\xf9\xd7\x85\xadb\x8b\xdb\x9b\xd4\x88\xb5Zl\x83\x85'</t>
  </si>
  <si>
    <t>b'\xbf\xb3\x01\xbe\x9cK\xe8\xf5\xa3\xb1\xb7?\x06P\xfa\xfb\xb8/ \xf5\x1b\xb8/\xe5\xea\n\x99\x8b\xde\xee\xef\x90'</t>
  </si>
  <si>
    <t>b'|\x10\x11+\xc3h\xbe\xe0\x03\xe47\xc4\xf7V{\xa2\x8c\x1d\xd4\xdd\xe6\x9b\xf1GCp\r\xf0J\xa9\xedZ'</t>
  </si>
  <si>
    <t>b'2\xbc\xe6\x80\x80\x80\xf2\xf6\x13\xfd\x85\xa5\xe2\x07^\xdf\x9dl\xafzX"\x03\x96\xef0\xbdu\xc7\x83C\xf8'</t>
  </si>
  <si>
    <t>b'\x82\x1c\xc0\xd4u\xb0\xd7&gt;\xb2\xb8v\xcf\x18\xbaX\xa7\xc7\\\x1bm\x82\xca\xf5\x05 \x11\x17xUZb\x80'</t>
  </si>
  <si>
    <t>Istanbul bound</t>
  </si>
  <si>
    <t>b'\xe9\xf9\xea\xe8i\x0fW\xb0Yl`\xeb\xb0\n\xfc\x17\xcb\xe4l\xd9\t\xb16\xe9\x05\xf3M\xf2\xf8VC\xba'</t>
  </si>
  <si>
    <t>repairs</t>
  </si>
  <si>
    <t>b'$p\x00\xb6R\xcf\xae\xd3m\x86K\xe7\x929\x19\xa4\x1aEM\x02[\x91\xf0\xcd\x87$7\x08%\xa4\re'</t>
  </si>
  <si>
    <t>b'\x8f\x11\t\xf9@/\xc8/\x8c\x04L\x12\xdbZ\xf3\x17\xca\x08F\xd3\xa9:\xee9\x89e\xb2~2\x1el\xa9'</t>
  </si>
  <si>
    <t>b't\xd5j{\x10\xaf\xac\xac\x976n\xb4SA\xef\xe2\xf9\x90\xc4\n\xceE\xc6\xad\xb3\xec8\xf4\x7f\xff\xb2F'</t>
  </si>
  <si>
    <t>b'\x9a3\xd6l\xd0\x16\xae\xb7F\xf3\xb6%\xd8\xeb\xd7\xf1\xdc\xd9\xc8!\xc2\xf9\xb2a\xe3\xb1\xc7\x96\xd7jM\x12'</t>
  </si>
  <si>
    <t>b'\xfe\x08)\x9b\xa2\x8a\xb2\xc1\xfem\x94\x84V5\x91\x87D\x1a\x9cn\x88\xc6\xb3\xd8\xf81\xc2V]\xaar\xfb'</t>
  </si>
  <si>
    <t>Citibank CC payoff</t>
  </si>
  <si>
    <t>b'\xfe\xf2\xfauzO\x04\xdf=\xa0,\xaf\xa3\xcf\xcc1\x9c \x87\x10\xf3\x14l_\x99h\x93\xff\xb0\x9c\xe0}'</t>
  </si>
  <si>
    <t>Consolidation Loan to get out of debt</t>
  </si>
  <si>
    <t>b'\x83Y=\xe7\xde\x1e1\xccS\xf2h\x04q\xd8\xbd^H\xda\x8b\x13m\x1f\xaf\x97\x18O\xaf\xb4\xbb\xca6\x07'</t>
  </si>
  <si>
    <t>b'\xd4Q\xd6\x1f:\xab\xabd*\xd9;v;+\xf9\xa6%q\xdc\xf1\x03\xb4g\xde\xaa"\xd6\x9f\xebq\xa4\xd8'</t>
  </si>
  <si>
    <t>Refi and payoff</t>
  </si>
  <si>
    <t>b'\xa4\xf8\xcel!\xea#,\\\xc5\xcb\xfd\xfbn\xca\xac\xc1 41UV6\x90\x9a\\\x86w)R\xe4k'</t>
  </si>
  <si>
    <t>b'\x9fz\xfaIZvzc\xdb\xe90\xd1\xe3\x15u\xb0\xb0\x00N\xc1\x83+\xf6\xdc^ZE\xde\xbb\xe1\xff\x0b'</t>
  </si>
  <si>
    <t>b'}(t\xb6(\xe5\xe5XA\xa9\x00\xa4\x9d\xa15a\xca\xffs\x9a\xe4\xae\xc5Z\xfb\xbb0\xe4B\xebp\xe2'</t>
  </si>
  <si>
    <t>b"`\x86n\x03@\x0cIn\xa1[\x8d\x17o(\x9d\xf3\x8f'\xdf:\x97/Y\xb0\xb1\xb4\x88\x87&amp;2\xa4\xee"</t>
  </si>
  <si>
    <t>THE Debt Consolidation Loan</t>
  </si>
  <si>
    <t>b'7\xb1\xa6E\xe01 \xd8\xcaH\xf8\x96\xbfz\x8bZO\xc7\xa6\xfbL\x94\xc8\xf2G\x9eNoxm\xda%'</t>
  </si>
  <si>
    <t>Loan: consumer with great credit history</t>
  </si>
  <si>
    <t>b'\xaf\x0b\x13\xaaR~x\xaa\xf06Rc^\x8d\xd9aeP"\x80P8\xbf\x8e\xe0\xbc\xd9d\xff\x8f4\x9f'</t>
  </si>
  <si>
    <t>b'\xd7j39\x947WJ3tZ\\(\xff;K\x03\x95\xdd&lt;o\x1a=\x89\xcbi\x1c\x03q\xfd\xbe\x0b'</t>
  </si>
  <si>
    <t>b'\xb0D\xab}q\xa6_\xfc\xcfc\\n\xa2\x83\xf1W\xea\xcd6\xa4s\x1a?\x05$g\x01\xfb\xf4\x9c1X'</t>
  </si>
  <si>
    <t>b'\xda\xd6\x9b\xb3o\x98\x16\x1c\t\xae\x80Nh\xd5\x19\x91\xa4e\x82F\xe6\xba\x07\xffw\x17\xfd\x97\x03\x8c\x8de'</t>
  </si>
  <si>
    <t xml:space="preserve">loan </t>
  </si>
  <si>
    <t>b'z)\x86\xe3/\x99\x8dY\x0fu]m\xd0L\xedGF\xf9\xa2\xa1,\xb3\xb0\xa5\xf7[t\x8c\xe6\xe3X\xcf'</t>
  </si>
  <si>
    <t>b'\x1b\x856\x9a\x9d\xd4!pw\x80{\x0e0\x89\x11\xda!\x10\x15\x13\x84@Ig\xe8vL\x1b|Q\xcc\x1e'</t>
  </si>
  <si>
    <t>b'\xcf?\n\x847\x02\x1c\xd9M]\x95|F\x19\xde\x02\xd9U\xe0e\xbd\xdb\xee\x8c\xec\xf9\xbaFS\xb3\x80\xaf'</t>
  </si>
  <si>
    <t>b'&amp;\x94\xfc\xed\x9d\xc2\\\xe0\xff\xab&gt;\x9e\x04[\x8c,\x03\x92c\x01Zel&lt;\xcf\xb9A./nK5'</t>
  </si>
  <si>
    <t>b'\xeb\x88\xae\xb3&amp;%\xf1\x9b\x12\xe5&lt;\x83\x97\xdeU\xe0E\xbb\x9c\xf7\x94n[{\xbc\xb39m\xd6+\xd2S'</t>
  </si>
  <si>
    <t>b'\xfd\xb9\xb9\xeaX\x9by\xeak*\x10Q\x93\xb6\xb3H+Ki2$\x16\xa9\x10\t\x88\xd7\xa5P\xd1\xd3\xf0'</t>
  </si>
  <si>
    <t>b'\x8a\xc0\xf8b\xa5\xd49\xfc\x9a\xddZ\x0f\x04\x9e\x9f\x91\x94v\xc5\xeaG-fX\xe6E\xde\x08\xc82&gt;o'</t>
  </si>
  <si>
    <t>Debt Consolidation #1</t>
  </si>
  <si>
    <t>b"R,\x8f'\xf2\xc1\xd6\xf1=\x90\xfaVs'\x91\xd3,\xcd~&gt;(\xc5\xda\x8d0T4q\xb4\xf5~\x9f"</t>
  </si>
  <si>
    <t>b',P\xbfYy\xbc\xc1\x1dK\xc2)\xa0,M\x08e\x804^\xea\x89]q\xdc\xc0\x81eP1\xad#\xdf'</t>
  </si>
  <si>
    <t>Goodbye credit card debt</t>
  </si>
  <si>
    <t>b"FsL\xdcN\x18\xa3`m\x03\xb9 \xc0\xba\x91-z\xee\xcd\xfd'\xf8\x87\xc1\xcdS\xc1\x89\x1d\xbe\xf7`"</t>
  </si>
  <si>
    <t>Consolidation of my Bills</t>
  </si>
  <si>
    <t>b'\x0f;\x84\xb4\xb5\xb7\xf9\xb9\xd5D\xec\xd7\x1e?\xe5H\xd5\xcf\xd2\x82\x13\x07x\xa1\xa8\xda\x15*#\x9e\xfa\x04'</t>
  </si>
  <si>
    <t>b'\xb7)\xac\x18\xb7V\xe8\x86\xe8U+\xee\xe8\xf9\xc8H\xf1\x08\xe5\xc9_\xb3\xa2N{\xfb\x8a)\xeb\x85\xfa\x85'</t>
  </si>
  <si>
    <t>b'\xc6Ba\xc9k\xf1\x92T\x7fd\x97\x97\x8cL;1}\x8aS\xab\xacE0\xdf2j\xd6!\x1ec\x07F'</t>
  </si>
  <si>
    <t>b'%\x19\xed=\x942}qL(\xb6^\x86\x0b\xcd\x86\xa2\xbd\x18d\x16\xb5\x81\x91\x16#\xf6\x90[6A^'</t>
  </si>
  <si>
    <t>b'\xab\xb2:\xb2\x94x\xd6.(\xa0\xda5;\x06\xda9\x0b\xbd\x10\x96Au!;@O\xfb\x84j\x7fb\xc7'</t>
  </si>
  <si>
    <t>b"\xf3Qu\xf3e\xbc0\xd7\xdfW\x9f\xf2'\xe0-a-\x0b\xa7\xedC\x15!y\xf3\x0bT\xb2\xd6sq9"</t>
  </si>
  <si>
    <t>b'&gt;)g\xcf\x87Y\rJ\xc4\x11\xe9hdy\xfc\x1d\x0c\xddm\x88+=\x1f\xf3\xb0\x92\xcd\x9a\xe2\xa2\xd9\xb5'</t>
  </si>
  <si>
    <t>b'\x1d\x8br\xc6\xc4T\x7f\xc1\x07\xb3\xc7\xc5\xc6\x84\x98\x93\xa4\x161Y\x89\xff*\xa5\xa6;\xb8\xaa\xe0\x0f%\x88'</t>
  </si>
  <si>
    <t>b'x@\x85\xc2mv\xaf\t\xdc\x02\x18k\xf9\xbfmf\x18Dl&lt;xU\xbcKE\x94\xe7V\xabm\xe4\xb7'</t>
  </si>
  <si>
    <t>b'\x84\xc4/\x89I\xad\x16\x13\xf1&amp;\x18\xfbt\xbe9\xcdu\xf3h\xd1\xb6\x88\xf6\xd9\xa5\x13\t5\xfe\xba\xebO'</t>
  </si>
  <si>
    <t>b'\xaa\xf58\xeeN\xf5\x14\xeb\x00\xd0\xa0\xc8L;o\x7f\x06\x85\x97n\x81\xef5\x00J\x97\xca\xcb\x17\xdb+\xd4'</t>
  </si>
  <si>
    <t>b'4V\xaaz\xb6\x9a*\xfd\xf5\xca\xd2\xaf\x90\xb7\x19\x7f\xc7\x16\xee\xf7\n&lt;\xae\xedK\xf7\x1a(9\x7fY\xd4'</t>
  </si>
  <si>
    <t>Personal Loan for Debt Consolidation</t>
  </si>
  <si>
    <t>b'B4\x13a\xce\xa0F\xc2YF&amp;C\xd8]\xf5\x95\x18\x80\xf7:\x8a\xd4\x1e\xc0\xe7\xa7C\xb9\xf8\xcc46'</t>
  </si>
  <si>
    <t>b'0\xd8\xbb\xd0\xd3\x1d\x9e:\xb4\xb6\xa0C\xc3\xeb\x0f\xec\xad\x8d\xcc\xda\x1fr\xb2\xde\xd4\x17\xdb\xa4\xb6\xbe\x96\xea'</t>
  </si>
  <si>
    <t>Big Spender</t>
  </si>
  <si>
    <t>b'\x00T\x13*]\xcd[\xb1%\xc3\xcd\x90|\xecr_A\xeb\xa8\x1a\x88A|*\x0e&amp;u\xe3\x9b\xb2n7'</t>
  </si>
  <si>
    <t>wedding debt</t>
  </si>
  <si>
    <t>b'er\x02\x128\x8f\x191\x10\x98\xcd2\x12M\xda9"d8\x0cdI\xd0\x7f"zB\x97\xf1 \xb4F'</t>
  </si>
  <si>
    <t>b'?\xd9J!\r&amp;\x96"\xb5r0q-BQ\x15(4\xfb\xa2\xactht\x04&lt;E\x8b\xe6}\x10H'</t>
  </si>
  <si>
    <t>b'\xa1\x1c5i\xff\xc3\x01\xa9l\x92\x85\x08\xc6\x81\xa5h\x07\\\xd6\xf7\xc6\x9e\xc4p\xeeq1\x80\x7f\x90\xd1\xe4'</t>
  </si>
  <si>
    <t>b'+\xb4)/\xad\xc7W\xab\xf6]b\xeb\xb2%z\x95e\xf9J\xb3\xc7\xf2_\xaa\x91}[m=j\xb6p'</t>
  </si>
  <si>
    <t>Chrysler Loan</t>
  </si>
  <si>
    <t>b'\xc1\x1a\xd3n\x9c\x07a\xaf0\xaa B5\x98&gt;|\xee\xe2}\xc2a\x92\xf9\x90\xad\x9c\xdc\xd04H\xf9\x10'</t>
  </si>
  <si>
    <t>b'\xee\x14\x98\xd1J4\xe1{q\xe33\xe2\xee\xb0\x93\x0e1\xdd&lt;`g\xaf\t=\x16.\x0c-\x01as\x8d'</t>
  </si>
  <si>
    <t>Credit Card Redux</t>
  </si>
  <si>
    <t>b'\xe7l\xc5\x92U\x08\x08h0\x07\x93\xa3sF\x0f\x12\xdcc3\x17\xb0\xc2&lt;H\xc5\xaa\xa0\xb5\xda\x13i\x18'</t>
  </si>
  <si>
    <t>182xx</t>
  </si>
  <si>
    <t>b'J\x03R;&gt;\xd4i\xf5eh\x1aqa\x938\xdf0D\xf6\xbf~\xcb\x06_*\xc9\xca!\x18Qs\x0c'</t>
  </si>
  <si>
    <t>b'\xc2\x954r\xab\x04m\x99Q_\x8e*\x0b\xf9\xbb\x01\xd3\xd8\x10\x9a\xb8X:+i\x9a!}\x17U\xb9\x0b'</t>
  </si>
  <si>
    <t>DebtCon022013</t>
  </si>
  <si>
    <t>b'hV&lt;\x0e\x15\xa0\x16\x7fZ\xd39r{\xf9$Z\xc3\x9fosS\xb5\x1b\x90\xc5\xd48\x04\x92W\xe0\x9e'</t>
  </si>
  <si>
    <t>b'\x01\x89\xd7`\xfd\xb9\xc3&amp;w\x9f!\x94=\xe1\xba?YmN\xc9N\x7fpK\x89\x8c&gt;\xf6^\xf0\xca\xab'</t>
  </si>
  <si>
    <t>Total Debt Reduction</t>
  </si>
  <si>
    <t>b'\xdd\x95C+v\x88\xb8\xa6h\x0e9\xe9b\xe8\xe2\x07\x0c\xd2S\xce\xf3\xe8\x84R\xdd\xf9\xe6\xfeu\x12\xc3\xec'</t>
  </si>
  <si>
    <t>b'X\x814\x1a\xf1W\xe5\x83\xad\xd3\xcb\x15s\x8b\x89\xc3\xbf\n\xd1\xd2\x1f\xbc\xcd\xfd\xfaM\xfc\x9fR\x93$\x89'</t>
  </si>
  <si>
    <t>b'Lmb\xc0\xabE\xa8\xcc\xc8\xc6T\x98\xc8wNN\xca\xc9\x9c\x1a\x82\x02\xa5\xec\xbaQ\x04\x83rl\x07\xa2'</t>
  </si>
  <si>
    <t>b'*\xd4\xed\x92\xf8\x13\xe9\xa5\xcc|\x12\xe6\xcdF\xff\x04E\x83\x80\xac-D\xce(7+yz`V\x91\xfc'</t>
  </si>
  <si>
    <t>b'\x0f\x0cT\x1c\x88\xfek\xd0\x9ej1BC%F,\xb2\x866\xe7\xa9\xc0\xc5\xf4\xc5\xfa\x1dC\x87\x17\x99\xc2'</t>
  </si>
  <si>
    <t>Refi-Credit Cards</t>
  </si>
  <si>
    <t>b'\xbc\xcb4\xbb\tI\x94u\xacY\x03E\x0c\xed)\xd9n\xaf\x90\xb5\xbd\'\xf8\xba`"\x80\x11q\x7f#\x99'</t>
  </si>
  <si>
    <t>limit payment</t>
  </si>
  <si>
    <t>b'\xeb\xf6\xfe/\xc3\xbc\x8ej\rM\xcf\x11\xa7\xe0U:t\xc0\xe6\xd7dK\xc6\xccM\x93\xcd X/\x90e'</t>
  </si>
  <si>
    <t>GetReorganized</t>
  </si>
  <si>
    <t>b'\x01F&lt;Sz\xd3\xf2 \x04\x1f\x12Z$\xa1\x12^\x1e/\x04&amp;*z\xdc\xc8\xad@c\x0b\xb5{\xce\xd2'</t>
  </si>
  <si>
    <t>b'\xe3f\x08\x17q\xcf\xfe\x8fj\xe4\x91\xaaV\xd1hX;\x0f\x99\xc8\x1e \xa9{G\x18\x89\xcaZ\xcb\xbc\xb8'</t>
  </si>
  <si>
    <t>b'\xf6E\xc7\xa3\x7f\\]5\xa9\xfb\x00\xef\xb30\x8f.e\xa1\x1e\x99\xb8\x80\x86\x8d\xbe\xb8\xfa5\xc9\xe3\xf9\xc4'</t>
  </si>
  <si>
    <t>b'/\x06\x17\x9a\xf7\xfa\x8d\x96\xeb\n\x06A\xbe\x04\xdba,\xe3\xdd\xcb\x18 \xa6tV\x06\x11zk-\x1d\xa6'</t>
  </si>
  <si>
    <t>tired of bills</t>
  </si>
  <si>
    <t>b'.\xaf\x85\x95R\xe8\x07;\x8f\xe0_\x9e\x17g\x1d\xd5N\xca\x7f\x12n\xbc\x9f\x85\xe4\x85\x80ob\xc0Bb'</t>
  </si>
  <si>
    <t>b'\x89\x0c^q\\g?\xc2\x85=\xa0\xadb\x11\x06\xc1FTO\x1f\xc1R\xc4Ih\x88\xe3\x8co@hQ'</t>
  </si>
  <si>
    <t>b'*K\xb6t[;/\x8f4[\xe66\xf0\xe7\xc7\x15#\xc1@\xf3\xa9\xf9\x19\xdf\x19\xc4\xf8mT41#'</t>
  </si>
  <si>
    <t>b'\x9f\xc9hS,t\xe1gL\x9d\r\xd5\xbdQ\xdb\x0f\xfd\xcfo\xa4\x94L\x07n\xf5&lt;\x1dW\xe3s\xd0F'</t>
  </si>
  <si>
    <t>b';\x1b\x16\xc8\x902\xff+\x1a\xba\x8f\x10Zd\xabH\xb8!\xaet\xfd\xdaz\x8drJt\xd3@w\xb8\xe3'</t>
  </si>
  <si>
    <t>b'\xc2@\xda\xc1\rC\xc9G\x8b\xcc\xf1.\x02,p\x7f\x91\xacW\x1c-P%\x9a\x1e\x82\x98\x9c\xfd\xeb"8'</t>
  </si>
  <si>
    <t>myy personal loan</t>
  </si>
  <si>
    <t>b"K\x12\x04:\xc9T\x8d\xb7^\xf810\xfb\x19(\xbe\xa7m'\x80Dv`]I\x98\xe3\xb5\x8c\x18.\x16"</t>
  </si>
  <si>
    <t>bill</t>
  </si>
  <si>
    <t>b'y\xc0?\x8a\xb3\xe4\xf6\xd9x\xbb\xd0\xb7\xc0Y\x12\xe9,\xa0\x17\x01\xf8\xa1\x1f/M.z\x95\x80\x8fmQ'</t>
  </si>
  <si>
    <t>b'\x830r\x0bB\xa6\xdfR\x1d\x1e`a\x9e\xde]\xc2("\'U\x9c\xd9\xdci\x14\xebcJ!\xa0\xf2%'</t>
  </si>
  <si>
    <t>b'\xc7\t\xae\x89\x1f\x93.\xf6JE\xf8\xc6\xeb\x92\x1a31k2\x9c\xa4s}\x82\xf9\xa8\xab\xa5\xc9\xe9\xa5\xd0'</t>
  </si>
  <si>
    <t>b'\xa3\xe2\x92[\n&amp;S\xa6\xd5\x95\xb6\xdb\xe3\xb1J\xc1\xad\x1f\xe0\xee\xf1:\xaba]8$\x8b\xdaiv\x1b'</t>
  </si>
  <si>
    <t>Car Payoff</t>
  </si>
  <si>
    <t>b'Y\xd4\x8b\x14JN\x9c\xfc\xa8\x91\xd0\xdb|:\x04zc\x91\x0f\x10\x86\xfb\xc1r($y\xa3\x93]~|'</t>
  </si>
  <si>
    <t>b'\xd6\xd9\x10_\x08\x90\xaf\xc6\x98=\xb0s"\xd1H\x05L\xe5\xe4\xec\xf1\xe7\xbe\x1c\xe4\xb7\xf9\xfc\xb3\xba\x91\x06'</t>
  </si>
  <si>
    <t>b'\x9b[6\xb9\x0b\x19!\xc0\xa4R\xd6\x01\xe4\xe8\xae\xff\xf8\x9bCc\xc9i\x00D\xe5"\x82\x1a,]\xdf['</t>
  </si>
  <si>
    <t>b'[\xcd\xad\x90\r\xf2\xf8\xcf\x89\xba\xe6\xf7/\x80\xe1\xb5\xa8\x0f\xbd\xaat\x1c\x8c\xd4aNDP\xba\xadWt'</t>
  </si>
  <si>
    <t>b'\x1b\x94\xc94u\xad\xea\xc1\x0e\x9e\xc1\xaf,\xe0C\n=\x94\xa7\x8d\x1a\x86\xb3\xd0*\x10\x85jh\x87u\xbb'</t>
  </si>
  <si>
    <t>paying off debt. and emergency</t>
  </si>
  <si>
    <t>b'\x82z\x08s\xec\x83\xa1\x85\x8c\xf9_c\xf3&gt;\x145\x96\x96\x02\x91_\xda\xc2\xf2\xbf\xcc\xa2\xda+\x89;$'</t>
  </si>
  <si>
    <t>b's$\\\xe3\xb7\x8b\xe6\x7f%\x9d\xe7\xa9=*\x1d\x9d\xb5_\xf3\xa08\xb5\xe7\x00\xe6\x9d\xbd\xad\x07\x0b~\xab'</t>
  </si>
  <si>
    <t>b"'\xd5\x04\x0b\xd1\x91J\x90\x90\xdf\x08\r\x05N\xe4\rsgp\xb0\xb5\x1fu\x90M\x9d\x82s\xa8\x10\x87\x07"</t>
  </si>
  <si>
    <t>b'\x82\xaa7-\x02s\x1cH\x12\xda\x93P*\x1a0a\xa9\x7f\xbaO\x02\x14F\xfd\x971\x0f\xbdu\x13c\xde'</t>
  </si>
  <si>
    <t>caponeloan</t>
  </si>
  <si>
    <t>b'\x04\xb8n\xcaM\xecSA\x99\xdd\x1b\xacu\x04\xa2^^\xf4\xe7\x97\xe5\x88pv&gt;0\n\xedR\x89\xe5\x08'</t>
  </si>
  <si>
    <t>motorcycle</t>
  </si>
  <si>
    <t>b'#\xc9\x0c\x82\xf5o\xf9\x8f\x96\xc4y\xadg\xae\x84);\x7f\xde\x87WN\xd2O/6\xa6\xb9$\xd7\xce`'</t>
  </si>
  <si>
    <t>PAYCREDITCARDS</t>
  </si>
  <si>
    <t>b'14\xb2\x16\xb4b\x15\xe8\xa7L\xa4\xdb\xae\xf4\xca\xd3\x03\xbah\x04\xc0 Z\x0b\x01{\xb9yrBT\x08'</t>
  </si>
  <si>
    <t>b'P\xfb\x01 \xc4\x16\x1f\x95\xdf@\xbdssN95\x83\x87\xb5\xf8\xe3\xc2i\xe8\xef%\xf0\xa1\x1d\xb9\xc5!'</t>
  </si>
  <si>
    <t>home owned</t>
  </si>
  <si>
    <t>b'\xd6\xd5\x05K\xd0,\x0e\x99o\xc3S-\xba\x03\xff/\tw\xce\xac \x0c\xdf\xd5:\xe9M\x95)\x9b\xab\xfc'</t>
  </si>
  <si>
    <t>b'\xb9\x9e\xb9\xbfKv\xe3\xde\x9f6\xedB\x82\xdaC&gt;\xd6\xb3\xed\x18\x90\xcfb\xb6\x90VQ\x19\xf6{{\xe6'</t>
  </si>
  <si>
    <t>b'g\xc2)\xe7/]SuZ&gt;q\x98\xde\x86q\xad\xda\xf4\xb6\x90\xd13\x97M\xba\xf3\xb0J\xa6nX\x8c'</t>
  </si>
  <si>
    <t>b'A\xc1\xc5\xa7\xfe\xb8\xec\x8508\x9f\x07X},\xdf\x07\xa9\x99\xeb\xbf\xb6\xf2)\x18\xfe\xbf\xff\xed\xd0\x83\xc7'</t>
  </si>
  <si>
    <t>b"\xe7X\x07T^\x84\xb7\xcaq\xdf'\xcfY \xe1\xeb\xd3\xd7\xd2\t\x87\x17\xd1\xb2\x89\xdf\x87\x9c\xcb\x86\xb4\x8a"</t>
  </si>
  <si>
    <t>b'\xa5\xa5\xbf\xa5.\xcf\x8ez\xe4]\xb9\xc5?\xd0\xffd\xc0\x9c\x03\xe0R*2\x17}\x7fb\x16y\\\xd4@'</t>
  </si>
  <si>
    <t>b'X\xa1\xf9\xc0\x11&amp;5j\xfc\xf4\x8f\xfc_\xd2\xfa(\x83/s\x10\xafq\x191}I\x91\xf0\xee\xc1\xe9p'</t>
  </si>
  <si>
    <t>b"\xa2a\xcfZ\x88u\xfdB\x17C\xb1@\x992\xca~\xcdZm'\xe2Y\x80A\x92\x86\xd0\x9c\xc5\x95\x13\xee"</t>
  </si>
  <si>
    <t>b"\x87\xc2q\x84\r\xb39\x87'r\xb6\xc8\x82\x06\xdau\xa9\x10\xb5L$@rc\xf7\xdc'\xc6\x15\x9bHF"</t>
  </si>
  <si>
    <t>b'\xf6\x1dtR\xb7\x17B\xcb\x8d\x9a\x10:\x97\xcc\xff\xd4\t\n\xb7\xab\xb6\xcbn\x93\x1f\xbbZ\x12V\x1anM'</t>
  </si>
  <si>
    <t>b"\xeb'\xfc'9\xd0\xcath\x14\xf5\x9a\x97\xad\x05\x86m\xe2p\x08\x12\xcbp\xa9\xcej\xa1\xf7\xc6\xa4\xdf\x88"</t>
  </si>
  <si>
    <t>b'\x95L|{\xcf\xfd\xd57\xacz\xbd\xe5\r\x91\x00\xf7\xff#\xaa\xeb\xac\xbf\xcb-\x0eO\x12\x9dVp\x82 '</t>
  </si>
  <si>
    <t>b'\x8b\xb0EOG\x8a\xfc\x97P\xda\xcaW\x1d\xb0\xa8\\+C\xb1\x188\x85!\xec\x82\xffNcs\xc4\xf4r'</t>
  </si>
  <si>
    <t>Basement Work</t>
  </si>
  <si>
    <t>b'\xbd\xa8\x06/\xe8\xc0\x91\xb5\xa0\xff\x8d`^\xcc{=\xc0\xa3U*\x05\xd3\x15\x19\x8a-\xa2\xbd\xf5\xa1Z\xba'</t>
  </si>
  <si>
    <t xml:space="preserve">Credit </t>
  </si>
  <si>
    <t>b'\x89\x90\x93\x0b\xbe \xdf\x84\xfaV\x8d{\xaf\xa5-\x08\xe7\x9d\x8d.\x9a\x03}\x86kR\xac\xac\xf7\xfexQ'</t>
  </si>
  <si>
    <t>On Track to Freedom</t>
  </si>
  <si>
    <t>b'\x10P\x9f.-w\xfa\x8a\xcc\x9d\xc7\x98\x90\x14Vz\x06\x1f\xb6\xf1\x9d\xa6\xf1\x8e\x0e\xce\xb5T\xa2%\x8bq'</t>
  </si>
  <si>
    <t>Expenses</t>
  </si>
  <si>
    <t>b"\xd9-\xebm9A\xd8\xd2\x16Jn\xef\xad&lt;\xe0T\xd1rB~\x9a\x13U\x86\xaf\xef'\x94\x91\x97g\x95"</t>
  </si>
  <si>
    <t>Amex refinance</t>
  </si>
  <si>
    <t>b'\xac\x85\x8fL\x89\x91+\\\xe6\x03\x19\xf3\xba\xe61\x9f\xcc\xb1*ij\xaa\xef\xed\x95&lt;\xc1 \xe8\x0f\xa9\x1d'</t>
  </si>
  <si>
    <t>b"\xe2\xcc\xdd\xa0)}\xda#\x9czU9\x96#\xa4\x85 uPJ\xbb\xc4\x00\xda\xc17\xcal\xc48'-"</t>
  </si>
  <si>
    <t>RV</t>
  </si>
  <si>
    <t>b'\t\xe1\xf0\x03K}?\x96\xb5w\xd6\x0ebr\xb3\xb0\xc9\xbe\x86\xac\xa7\x14\x8bB\xe9\x85\xb1%z\x1b\x88\t'</t>
  </si>
  <si>
    <t>b'!}I\xbfZ\x11\xcf\xca\rD\xa8\x13\xaf\xbd\x9f\xfcxJ8\xdfm\x04\xecf\xc9\xbbi\x1e\x8f\xb8\x9bX'</t>
  </si>
  <si>
    <t>b'y\x17}f\x04\xe2\x8dch]\x1c3\xceR\xe1QX\x9b\x8e\xb3h\xcf\x12\xc79L\xb0Lf\xdf;Z'</t>
  </si>
  <si>
    <t>b'nBQ*\xe7\x8avND\x81\xa9\x97\x85E\x92\xabnE{O\x06\x99\xeaz/\x1a\xb9\xabh\x8a\xd0\xdf'</t>
  </si>
  <si>
    <t>b'\x12\x1f\xe4\xad\xc4\xb1/\xf9Z\x07\xc1\xeb\xf5)\x10\x0c(\xb2\xf5\x8cf\x8bs\x8a,\xe8\xf2\xa3\xeaE!m'</t>
  </si>
  <si>
    <t>Replace 18yr old furnace</t>
  </si>
  <si>
    <t>b'\xbc\xbf2\x15\xe2\xfa\xc5"\x1f\xd4\xcc\xd2uwrp\xcb\xbf^\n\xd9\xa9\xad\r9[8\xf0\xd1\xb3\x9fm'</t>
  </si>
  <si>
    <t>b'\x95\xcd4\x06\xc4Z"\xe3$Cl\xb5\xac\xa6\xe6\xfe\xfa\n\xa5\x1fJ\x00\x02\xectdo\xc2k\xc2\'H'</t>
  </si>
  <si>
    <t>b'\xacX1\x9b\x1a\xf4\x0b\x93\xc6rXx\t\xe8\xa0]%r\x8f\xecB\x07\x8fP\xa4M\x90\xf9\x18\xaf"\xcb'</t>
  </si>
  <si>
    <t>One Bill for my Debt !</t>
  </si>
  <si>
    <t>b'\x11K\xfd\x8a\xe2K^9\xcf\xce\xce\xb8I4\xf4\xfc[x\xe6\x8c\x99\t\x97!,\x9cF\x9ar\x18\x1a\x1a'</t>
  </si>
  <si>
    <t>Securing the Nest 2</t>
  </si>
  <si>
    <t>b'r\xb8\xea\xcd&gt;\xca\xf4\xdco*%\x91\xa79\xb1uU\x1c,\\\x80"\x1d\x99\xb7+\x9a\x8c\xd3@:\xf9'</t>
  </si>
  <si>
    <t xml:space="preserve">personal </t>
  </si>
  <si>
    <t>b'&gt;\xdf3\x1fc\x99\xdb\x86M\x15n\xcd}\x9dg\xbc\xbe\xabc[\x80sg\x7f\x1a\xb1\xca\x81\x1fD/\xdb'</t>
  </si>
  <si>
    <t>b'\xa9\xe1\xc0\xdf\xabAP\xca\xa7\xfd\xe4\x16\xb3*\x90\xfe\xeb\xf2Hm\x14\xb1\x83O\xef\xa9\x1b\xa7%E\xee&lt;'</t>
  </si>
  <si>
    <t>b'f\x9f\xe4E0\xff\xa9\x9a\xa8\xe2\x9b\xb4n\xb1\x92\xfe\xc6\xd0\xa7\xd5\xe7j\xfd\xbb\xcc\x92\xbbS\xbc\xc0\xd6\xeb'</t>
  </si>
  <si>
    <t>b'\x7f-4\xac\x81\xb6\xe7B\xaezF\t\xaa"\xef\x03S\x0e\xfeq=g\xa5\xc6l\xb6\xce\xd7\xea\x11D\x19'</t>
  </si>
  <si>
    <t>Necessity Dictates</t>
  </si>
  <si>
    <t>b'\xff8\xde\xee\xe1$\xf6\x03\x8a\xff\x93\x96\xfc\xbb\x82\x11D\xc0\xf5\x06\xce\xc5z\x19\x89]\xb4\xc1i.5\x04'</t>
  </si>
  <si>
    <t>b"Yi\xb3\x17\xd0\x9e\xa0\x95\xbcR=U\x8f\xe8{\xb6K8\xdd\x15\x9c'v!PX\xf7\xd4e\xe4\xb1n"</t>
  </si>
  <si>
    <t>547xx</t>
  </si>
  <si>
    <t>b'\xff\x0bl\xdf|\xa6\xf8\x8d\x01\xa6v\x8fD\x94\x1c}}s&amp;\xf1\xfa/L\xff\xc8\x0e\x10\x9c\xae\x96L&gt;'</t>
  </si>
  <si>
    <t>Debt Consolidation and Home Improvement</t>
  </si>
  <si>
    <t>b'\xba\x18\xf8\x18\x1c\x9c\x91\xec\xa0\x01\xf3\x89S\x1eqN\xd4\xba\x81\xde\xe5\x8d\x80\xd8\xbc{l\xa2SW\xaa\xc7'</t>
  </si>
  <si>
    <t>Summer Loan</t>
  </si>
  <si>
    <t>b'\x1d\xed\x93\x07\xb2\x91\xef\x0e;T\xa3/Q\xde\xcaxM4\xe4\xb2\xf5\xfaG\\\xb9\xde\x1d2\x80\xf5\x1b\x1b'</t>
  </si>
  <si>
    <t>b'\x9b7K\xead\x9b\xda\xfah\x16e\\\xd8F\x01SCGN^\x8f\xc7\x98\xf7\xa0\xb4\xd6\xce\x0f\x89)\x16'</t>
  </si>
  <si>
    <t>VISA CITI CARD PAYOFF</t>
  </si>
  <si>
    <t>b'"\xef\x06\xef\xb2\x03\xe4v\xd3t\xe3\xc7\\i\x8c\xfb\x02\x01\xcb\x87\xba&amp;P\x9ew\x04$Mc\xaf\x15\x02'</t>
  </si>
  <si>
    <t>b'5\xc4z\xb0F\xb9\xfe\x03\xc9\xa0O\xbfP\x13ae\x8d\xe4\\\xa1\xbf\x19C\x9e\xe6\xb8\x0f#\x00e\xf0D'</t>
  </si>
  <si>
    <t>CAR</t>
  </si>
  <si>
    <t>b"36\x94\xd7P\xa3Q\xf2\x92\xb1_p\x81v7\xeb(\xc3,4&lt;'\xcf\xd9\x06\x9a\xbb7\x15\xeeJ\xb2"</t>
  </si>
  <si>
    <t>b'\x1b\xa0\xd7R-\xcc\xd3\x8c\x0c\xba\xbc\x15"2\xf3\x8fJ?\xde\xae\xc3@\x18\xaa\xf5@j-\xf5\x1c\x11}'</t>
  </si>
  <si>
    <t>update kitchen and bathroom and living r</t>
  </si>
  <si>
    <t>b"v;\xd7X3E\xc1\x98o6\xc3'\x17\xed\xc3i4\x87\x03IT$\x1bM\xfe\xc8v\x05\xeb\x90\xb4*"</t>
  </si>
  <si>
    <t>Condo improvements</t>
  </si>
  <si>
    <t>b'\xd4\xbc\x97\xa4\xd4CI\xe2\xf1\x05x\x1e\xf7V\x88\xef\x14\x1c\xe6fQ\xc1#\xb2\x98\xdbTL{\x94\x88R'</t>
  </si>
  <si>
    <t>personal upgrade</t>
  </si>
  <si>
    <t>b'\xec\xa0Crw\xd2\xfc2\xe2\xadRS\xe1\xdf+\xc2\xba\x10\xb4F\x00\xff\x18Xo\x90B\xb1\xca\x8a\xfcQ'</t>
  </si>
  <si>
    <t>one more loan</t>
  </si>
  <si>
    <t>268xx</t>
  </si>
  <si>
    <t>b'\\st\xd09\x88h3\xe4\xfc\xa3\x18\x94e&lt;\x08~-\x17\x88\xa2_\x0b\xef\xf3k\xfd\xb6\xb3\xd0\xfd\x04'</t>
  </si>
  <si>
    <t>b'\xd2\xe5\xd8\xd8\x83l\x1d\xc6+\xca\x07\xac\xc6\xa7\xea:\x83\xcd@\xbb\xf4R\x0f\xa6\xaa|sc\xa8\x9cv!'</t>
  </si>
  <si>
    <t>b'#E\x1fH\x9aZ|\xe2\x7f\xd7u\xd8=\x0b\xfd\xaa\xaa\x9a\xe4\x90\xc3\xd8\xb4\x16\xc3\\\xbd\xb5\t\xbdi\x0b'</t>
  </si>
  <si>
    <t>b'\xc5\x1a\xef\n\xcd\x86\xe88\x14#&amp;(\xe2n\xfa\xa1\xf5\x0f\xffH\xae\x19^\xfd\x80\nT\x00\xec\xa1=A'</t>
  </si>
  <si>
    <t>b'\x8f\r\x9e\xa7A]\x8e(\xb2\x0e\xd0\x0f\xc15\x84\xa6GC\xd8\n\t\xf3*g\xd1_\x9b\xeb\xda\x9d\xbc\xef'</t>
  </si>
  <si>
    <t>debet</t>
  </si>
  <si>
    <t>b'\xc6%\xe7\x8ac1\xb2\x7f\x8cz\xa9r\xa8\x1a\xd1\xc0\x8e\x15\xd0wy\xbb\x9e\xb8\xd5\xe9\xf6\xe9:Fq('</t>
  </si>
  <si>
    <t>b'0\xac\xd1\xbc\xab\xa3\x06\xfa\x15\x95\xad\x03T\x9b\xc1\x1fK\x8d\xd3v\xd7\xc5&amp;\xb9m\xe6\x83/\xf6\x85\x16\x14'</t>
  </si>
  <si>
    <t>Debt Consolication</t>
  </si>
  <si>
    <t>b'\x99\x86\xfe\xd3\x056\xe3\x1fp\x98\xe4(\xa9\xe1\x1a\x97V\x80\x1b\r\x0f\x1c\xb7\x9a\xbf\x10{\x05\xed\xec\xbd\x12'</t>
  </si>
  <si>
    <t>477xx</t>
  </si>
  <si>
    <t>b'f\x0e&gt;&gt;\xdc\x84-\xd3\xdd\xe4\x92\x92k\x06)\xe2\xeb\x19\xcc\xf5\x9c\xa2\xb1\xc7\x80\x81\x9d\xa0\xe7\x90\x93j'</t>
  </si>
  <si>
    <t>b'G\x0b\x95\x94\xe5\xa9\xf2\xab\xcb\xae\xad5\xb9a\xb6\xafV&amp;\xe2\xcc!f\xed\xfbr}\xbd\x18\x06\xb5b['</t>
  </si>
  <si>
    <t>b'\xa61\xdb\x0f\xc6\xecb\xc7K\xab?\xc2\x1b\xe7,J\xd9\x12q\xba\xf8c\xf6q\xa2\x19\n\xd7\xd96`&amp;'</t>
  </si>
  <si>
    <t>b'1\xce9\x07\x17\x16\xfbl\xdc9Q\x024kl\x9e\xb8\xb5HN\xf39\xacT]\xc0\x81\xa5\xde\x12\x1b\xed'</t>
  </si>
  <si>
    <t>b'\x1f\xb7"\t[mJ\xf8\x08\xa9\xd0\xc0e4\x95\x04\x91\xff\xd8]\x90V\xe6h\xd4n\xbbE\x9bP\x98\x7f'</t>
  </si>
  <si>
    <t>b"Z\xae\xe0:\x02]\xec'\xd7u\xda\xaa7\xcd\x02\xd6\x1f\xbf\xa4S\xcc\xc9\xec\xf7\xbf\x96V\xe1T\x0eTG"</t>
  </si>
  <si>
    <t>Show me the money!</t>
  </si>
  <si>
    <t>b'6\x97)\xdc\xfc\xa3\xe6?\x81\xeb\x15&amp;\t\x8b\x12`\xdbD8\xe3T\x8c\x1c\x89\xa6\x02\xad\tf\xea\xdc\xdc'</t>
  </si>
  <si>
    <t>b'D\x84\xc6bm]\xc1\x03#\x9c,\x10\xda\xb39\x1b\xf4\xeeo\x8fo4:\x9b\xf9d\x8d\x9a\xed\xaa1\xc9'</t>
  </si>
  <si>
    <t>b'\xb9\xdf\xdc\x1f\xef\xe0\xef\xac]\xb8\xbc\x04~\xabl;\xe8\xf7\x9b\x8d\x9d@\xbc\xc5\xfa\xcb!\xf4\x17X\x86m'</t>
  </si>
  <si>
    <t>Debt. Consolidation</t>
  </si>
  <si>
    <t>b'\xf7\x81\x12\xf0&amp;\xe1\xc1\xcb\xda\xbd\xf5\xf4\xaf\x13\xca\xe1\x96\xfe8\x80\xfa\xd6\xf2p4^\x98\xe5\xban-\xf6'</t>
  </si>
  <si>
    <t>Get me out of credit card debt in 3 year</t>
  </si>
  <si>
    <t>b'\xf9\xc1\xe7&amp;\xcd\xe0\xa2/3\xc4\xb3"\xfd\xae"\xc8+\xb8\x0e;\xeb\xdc\x04h\xd8\xd2\x82\xc0W4\xa4\xa4'</t>
  </si>
  <si>
    <t>b'\xb5f\x95sC\xab\xac_\xa8\xd6X\xeb\xb5\xae$\x01\x11\x11$\xf2\xa9\xb9\xbf]\x8dr;\xc7x\xe4\x9d\xfd'</t>
  </si>
  <si>
    <t>Funding Help</t>
  </si>
  <si>
    <t>b'\x12N\xc6\x18\xc8\x9dN\xcc\xac\xdb}uw\xf4\x99Y]\x05Z\xea1i\xfc%\xde\xaf\xce\x81P\xb0ok'</t>
  </si>
  <si>
    <t>b'\xc9=\x86;I\x93\xf7\x05\x92\x93\x8b\xd3\x95\x96^*\x1bnLtw\xa5;\xfd)\x9b\x89\xf3\xd1\x88F3'</t>
  </si>
  <si>
    <t>b"|P\x82%\x95!\xa9j\xda\xda]8Y\x84\xafG\xc3p\x106\xab\x80\xa6\x95C'\x07\xc2\xdd\xbcwN"</t>
  </si>
  <si>
    <t>reduce-my-debt</t>
  </si>
  <si>
    <t>b'\xc6&gt;3q\xc8\x87\xd4\xec&lt;\xba*VYgq\x95Q#\x84_\xd1r\xd7ZP\xb4\x98[\xff2\x10R'</t>
  </si>
  <si>
    <t>tired</t>
  </si>
  <si>
    <t>b"\x00\x0c\xa9\xa2g\xcd\x13\xe6\xe5(\xfeeR\xa1sa\xff\xfc3\xb8\xba\x1d'\xf2~\x065-\xcc&lt;z\xef"</t>
  </si>
  <si>
    <t>Amex</t>
  </si>
  <si>
    <t>b'+\xd4`\xcdC\x1e\x88\xc0\x06\xba\xc8\xce\x16\xf2"\xbaM@\x9a\x03\xba\\\xd5&lt;\x11\x14zU\xf5\xae \xb0'</t>
  </si>
  <si>
    <t>b'O\x8dF\xfc\x11\xb6\xcb\x85b\xb6\xc5x\xb7\x9b\x0fr\xb6C\xb8\xe3\x8e-\xd3+\xc91\xe92\xb8\xc0\x05@'</t>
  </si>
  <si>
    <t>b"\x0fB*8E\xb6\xbcg\x8d\x01\xacq\x89\xed\xdd\xe2\xe3\xf5\x9c\xfdu\x03^\xdc\x87jn'U8@l"</t>
  </si>
  <si>
    <t>pay back money</t>
  </si>
  <si>
    <t>b'\x9d\x11\x0e\x81\x92?\xb7\xe6\xec\x9d\xc2\xdd!\xdf9\xadc\x95\xfe\xd43\xf1\xcf\xe5\xe5\xf7\x95)_\x82\xc6m'</t>
  </si>
  <si>
    <t>b'\x10\xda\xce#\xc6\xc7+\xb8g\xb8\xf98\xe4\x14e\xde\xc5G\xccs}!\xf7*\x85tQ\x8b\xd6L\xf1\xa0'</t>
  </si>
  <si>
    <t>b'9\x01\xe3\x0c\xd3\x9bK\x97L\xc4.\xe9a\x18\xf5?\x82z\xe2g\xdb\xcdK\xf8\xeb\xf1a\x03\xe9\xb9H\x1c'</t>
  </si>
  <si>
    <t>b'r\x02\x13Z\xffBe\xefrp\x84\xa3k\x1a\x1b\xb8{7%\x81G\xd1\xa7\x91\x8e\xe4d\xfcLM\x1c\xe3'</t>
  </si>
  <si>
    <t>b"\xde_\xa1\x1e\x9d\n\xb7M\xd5\xf2\xff\x03f\x1aI5\xea\xbe\x93(9\xf2'\xfa\xdf\xca)_8\x13\xdd\xfc"</t>
  </si>
  <si>
    <t>Debt Consolidation to reduce interest</t>
  </si>
  <si>
    <t>b'\xa6\nCK\x95\x9a\xab_\x81\x17\xd9W\x96\x91\xa11\xcfdXQ\xa8\xedJu^\xf8\x87D\xdc0\\7'</t>
  </si>
  <si>
    <t>lowermyinterest2013</t>
  </si>
  <si>
    <t>b',\x05\xca\x99_\xe4\x94\xea_\xca\xd0n\x1fdJ\xdf\x87\xdd\xb0\xf2\x8f/\x0f?\xd9\xf0\x81\xe2\xff\x00\xb8\x03'</t>
  </si>
  <si>
    <t>Debt-be-Gone</t>
  </si>
  <si>
    <t>b'j\x9ea\r/E\xa3\x8a\xaf\xbd\x8a\xe6\xc4\xf6pz\xc7\xbf~\xef\xd8\xa4\x89\xb6\xf2\xc1\xe9\xb1\xa3\xf1*b'</t>
  </si>
  <si>
    <t>b"$\xc6'\xfa\xa7=\xa2\xd6`\x1a\x148\x1a\xf0\x81\xe7%\x83\xd5\x93\xdbQ\xd5\xfa\x98-\xff!\xd0a\xff\x01"</t>
  </si>
  <si>
    <t>b's\xb8\xaey\xde\xf6\xaf\x87\x98k_A h\xdd\x0b\x97\x86\xcd\xdf\xdf\xc8\xaf\x12\xfc/?\xd98\xb0e%'</t>
  </si>
  <si>
    <t>b'(Q\xe9E\xce\xf2=\xf9\x8e\x90)w\xe2\xa1\xf3:\x87Pw\xe6\xea\xdefE\x0b\x8b&lt;]\x9d\x00\xf3\x18'</t>
  </si>
  <si>
    <t>need to get back on track</t>
  </si>
  <si>
    <t>b'\xd1;\x18\xe1@\xd8`.\xf2\x81\xb9\xa11.\xe9\x08\x8ca\xec\xf3\x1cT\xb4\x1f\xd4^\xa6\xf3\xf1\xe0\x90\xe2'</t>
  </si>
  <si>
    <t>b'\x15D\x17\x80\x95/\x8eVI\xb0\xdc\xaf\xed;\x8f\xeb\xcf\xf61\x82\x1aF\xd9\xc1\xe3C\xe00\x98\xe2_\xdc'</t>
  </si>
  <si>
    <t>Needmoney10</t>
  </si>
  <si>
    <t>b'\xc3\x88\xe3\xf6?\x91\xd3j@;\xd0.\xdd;\xaf\x988\x93\x02b\x11\xdb\x03\xaeW\x86\xce\xfd\x9datt'</t>
  </si>
  <si>
    <t>b'\x9a&gt;\xe0#\xdeb:\xd0\xaafd\xeb!|s\xa2T\xaf\x02\xcb\xb8\x91#\x81\xf0\xed_\r\xd0\xe0h\xb3'</t>
  </si>
  <si>
    <t>b'\xfd\xcal\xe9\xed\xf4\xe2w,\xd8\xf1\xeb\xdb\xc20\xd7\xc7N\xed\x1c=u\xfc\x1crj\xf3\x9f~\xd22\xb0'</t>
  </si>
  <si>
    <t>b'\xf7\xc2\x03i\x99\xa3&gt;\x0e:\xcff\xa3f\xc7"\t\xc8)\x86g\xc4\x9f\xb8)\x06H\xb3\xd4\x91\x03\xa2u'</t>
  </si>
  <si>
    <t>b'\xfd\x8f\xd7 K\xa9\x94\x90\xd0\xc2\xf3\xf3\xa4\x98\xe8\x10-\xfb&gt;\x1c.\x05\x08\x86+\x8b\x05\xf2di\xa4\xa1'</t>
  </si>
  <si>
    <t>b'\xe9\xa04b\xdf&gt;[\xcdB\x9f\x8bh8\xbd\xd5\xe9\x06\xb4J\x91\x06]\x84p\xa7\xecY\xf6\x16\xec\xaa='</t>
  </si>
  <si>
    <t>b'\x18m\xee\x17\xf9\xb0-\xd3\xf1\xed3}\x92\xaa\xc8\xd8 \xe8![\xcb[\x14z/\xcd\x8c\x9eow\xbd\xb5'</t>
  </si>
  <si>
    <t>b'\xc1g\x9b\xca\x10\xf6\x7f\xbd\x11\xc3$\x15J6~\xd2\xc2\n\x87\x8ec\xc9\xf0$`\xa9\xd0B\xcc\xf7&gt;\x82'</t>
  </si>
  <si>
    <t>b'\x87&gt;q6*tn\xdd\x11{o\xc2#6\x90\x1f\xb1r\\\xb0\x8fl\x8b\x9ax\xaah*\x80\r\x7f\xf9'</t>
  </si>
  <si>
    <t>b'q\x9fH\x01\xc0\xc0\xe0\x81\x1c\x81P\xac\xb5\x92\xd8\xb5\x95x\xaf\xb2A\xd3#\xa9Nh\xb0 \x05N\x14\x7f'</t>
  </si>
  <si>
    <t xml:space="preserve">Home repair/electrical </t>
  </si>
  <si>
    <t>b'h\x9c\n^&gt;-\xce\xc5EX\xd3_\xb5[S\\h\xd3`i\x1b\xe0\x05\x9e\xce:\x1bB\x99Y1,'</t>
  </si>
  <si>
    <t>b'0\xee^}63-V\xb7\xad0\x895\x89\xea*\xb8\x01\xa5D"\x89\n+\x17\xb0E\x84\x8d\x8bk{'</t>
  </si>
  <si>
    <t>Debt consolidation and Wedding finance</t>
  </si>
  <si>
    <t>823xx</t>
  </si>
  <si>
    <t>b'\xfc\x1d@\xcer\xb4un\xda\xf2\x96x\x92\xbc\x82\x8de\xed\xac\xea(=xC\x1a\xc0Y\xd3\xcc\x84Uy'</t>
  </si>
  <si>
    <t>b'\x8eN\x90\x83\xea\xf6\x14\xda\x10O\xf2K\x9f\x87\xd9\x15\xa2\x9a3\x80Z\x1d+\xf0\xf9c\xfd+F\xdb\x08o'</t>
  </si>
  <si>
    <t>b'\x85\xf4#9\xf7\x81\xdf*m*{\xf2H\xa5\x9b\xa0\x82\x12\x9dn\x0c\x1fCQ_c\xa8\xb40\xac\x1e%'</t>
  </si>
  <si>
    <t>b'5\x98&gt;SLnF\xdb&amp;6P\x9e\x1ep\xbdk\xd3@m\xbc\x99\xeb\x957\x08\x95\xb9h\xa7\x7f\x1a\x91'</t>
  </si>
  <si>
    <t>Personal Debt Freedom</t>
  </si>
  <si>
    <t>b'\xfbtN\xa3u6*\x85P\xc9\xfa\x9e\x87\xe3V\xaf#|h\xdbmgk![\xc9\xb8\x0b\x9f\xcc\xca\x9b'</t>
  </si>
  <si>
    <t>b'X\xff\xa0\x80\n\xb7\xf8&lt;W\xac\x19#&amp;4wQ\x99\x8cy\x10$w\x8f\xae$\xbf\xebK\xa2\x84w\t'</t>
  </si>
  <si>
    <t>Van payoff and goat purchase</t>
  </si>
  <si>
    <t>b'1\xe3uD\xe4\x13\x1f\x80\x1d\xb1\xa5\x14x\xac4\xe3\xcdX\x84f}\r\xd5Z\xf1Z\x05\xf4R\x82Y\xa2'</t>
  </si>
  <si>
    <t>b'\xeeY\xe5\xb9\x01\xf1\x84U\x01\xf5\xa3\x87\xdb\x1d4\x08\x07\xab\xfe\x13\xa0n\x95\xc1\x95Ceb\xeb\x18\xee|'</t>
  </si>
  <si>
    <t>b'\xed\xe1\xf0\xa8\xd6\xeb\xab\xfff\x88!&lt;:"\xd8^\x07Dc\x9e\xbb\xffT\xe7W&lt;\x1f\x04\x8cm\xd4X'</t>
  </si>
  <si>
    <t>Need loan for home improvement</t>
  </si>
  <si>
    <t>b'3\xb0\xef\xaf\x02\xe2\xab\xf7t\x9c0e\x90I\xe1\x94*\xdc\x96,\xd7\xe9\xf6\xc5Q]x\x80\xfd\xd63d'</t>
  </si>
  <si>
    <t>b'\xdc\xee!&gt;\xd8Y);W\xe7$\x10+\x8aIq~\x00P\x8b\xb29g\xe1\x10\xe2?\xe9\xcc\x1a\x87\x91'</t>
  </si>
  <si>
    <t>b'5\x96\x83\xf6+\xf2\xeaC\x04\x8fl\xba\xd1Ro\x0c\x8a\x96\x9a\xbb\xea\x1b\xf4Lx\xc9\x1f\x13\x84\xa0|\x93'</t>
  </si>
  <si>
    <t>b"V\xdfT&lt;#\x8a'\xed\xe8\x05\xaa\xfb\x1f\x82\xcc\xd2\x91\xcch\x80\xccx\x12r\x94^\x16\xa4LZ\xcf\x9f"</t>
  </si>
  <si>
    <t>Payoff Escalation</t>
  </si>
  <si>
    <t>b'V\x92\xd1O\xc2r\x9f\x7f\x01J3\xe9\xfb\xa3[\xcf\xacm\x97\x9b\x9b)\x94\xd1\xb0\xbc|\xc3\x04?/w'</t>
  </si>
  <si>
    <t>b'w\xa9-w\x13\xa9\xf7\x05\xe5L\xcfW\x1eU\x96u#\x9b\x85Yw\xe6q\xa7\xe7\xa3\x8d\xd4\x95g\xee1'</t>
  </si>
  <si>
    <t>b'\xdd\xbd*\x0b\x8d\x069f\xf9\x90(\xa9\xb0_\xb1i\xaa\xd7)\xc9^\xc0\xf3\x16o\x11\x8bbT\xd1xk'</t>
  </si>
  <si>
    <t>b'F\xcfA\x96\xce\xeb41\xde@\xb7G\x04C\xadn\xc9\x8a\x99\xe7\xea\xe1\xbd\xffR\xae\xf3\x8b\x9a\x90\xb4k'</t>
  </si>
  <si>
    <t>b'\xea\xe2{IH\xd2/\xb6\x04\xaa\xfd\x93\xae,\xd8\x92i\xde\xe6 \xe0\xa2\xb3\xa0m\xa92|\xeb`0!'</t>
  </si>
  <si>
    <t>b'\x13l\xc5\xc7\xb1\xdb|/B\x8f\xa7\x071\xfa,\xec\xb2\x18U\xed\xf7^\x97\x89\xc9\t\xb6 \xb0\xcbw\xaf'</t>
  </si>
  <si>
    <t>b'?X&amp;\xcd\xd7\x94\t$\x9c\x14\x865\x0b\xe8\xc4\xaf\xcd\x18\xc6N\xde\x1b\xfcd\xbc\xce\x13A\xfa\xa1\x06\xf8'</t>
  </si>
  <si>
    <t>consolidating credit cards</t>
  </si>
  <si>
    <t>b'\xdaRJ\xd3Obf\x9c~\x05\x85f\xdb\xc1\x0f*\xd5\xa7\x15\x02\xa0\x1f\x1b\x16\xa3o\x8b%\x0ez\xa7L'</t>
  </si>
  <si>
    <t>b'\x96\xd3G\xcd\xf4e4&amp;+\xe2\x99\x8fF1\xf8\x91%\xc3\xdd\xd4\x0eISY\xbb\xe5\xd1\xfa@\xdf&amp;\xb6'</t>
  </si>
  <si>
    <t>DEBT/DAUGHTERS BRACES</t>
  </si>
  <si>
    <t>b"{k'\xe6\xd8\x15|\t\x9cK\x9c^\xe84\xa9\xf8\x02U\xe7\r\x130\xdb\x99Q\xca\xa3\x13\x05M[\x9a"</t>
  </si>
  <si>
    <t>Debt Free Goal Loan</t>
  </si>
  <si>
    <t>b'\x80\xce\xd0\x061\xd3\x1b\xe4\xdb6(\xbc\x1eq\x87/LN3\xa7\x074\xf4\xcdK\x0e\x81Xu?\x8a\xae'</t>
  </si>
  <si>
    <t>b'\x85W\xcft\xe0\x9e\xbe\xbaq\x94\x018\x16\x94\xdc;P3Ws\x91\xfe\xc3\x83F\xab\x9eD\x97\xd7w\x01'</t>
  </si>
  <si>
    <t>b'\x01=~4)\xfc\x87b\x0f\x0cj\xcbh\x92\xdf\xe6\x1f\xfct\x10\xe9r\t\x9da$\x81\x8c\xdf\x81S\xd3'</t>
  </si>
  <si>
    <t>b'\x1d\\\xa7O\x02\x7fo\xdb\x9f\x14\xd7\xe6\xe9\x11P\xef\\\xee\x91A\xec\xbd\xc3x\xa1\xbag\x80\x10\x13\x85\xb9'</t>
  </si>
  <si>
    <t>b'\xbc\x89\x1b\xad\x95&amp;c~\x80\xbc\x89\x85i\x00J\xfd\x18\xfa\x8d\x97&lt;\xeb{\xc6\x82\x02\xf9^UZ|\xd7'</t>
  </si>
  <si>
    <t>355xx</t>
  </si>
  <si>
    <t>b"z\xa1[\xbc\xe0\xa3\xcb\xd6\x9c\xd8\x97:\x9d\x06s'\x88\x7f0C\xbd\x0f\x17\xea\xffy\xc8/8\x94\x93\xec"</t>
  </si>
  <si>
    <t>b'\xd6c\xd0\xde\x07Em\x1e\xcb\x93C\x99_\x88\xb4\xfb\xa6#\xf0\xa7a\xe8\xce`\xfd\x03&lt;\xf1 eg\xf8'</t>
  </si>
  <si>
    <t>b'\xfd\x8bq\x94\x1c\xf49cd\xe3\x88a\xce\x0c%\x136h\x1f\n;k\xce\x1a-\x11\x02\xc8X$\xa5\xa0'</t>
  </si>
  <si>
    <t>Debt Killer</t>
  </si>
  <si>
    <t>b'\xeb\xf3\x12w\xd5\x83V\x0bx\xd6@\x1d\xb6;eY\x90\xde\x0f(x\xbdS?\xed/D;\xb3\xdf;+'</t>
  </si>
  <si>
    <t>b'Suf9\x8c[\x1a\xa8\xb2%|\xf0fp\xdeS\x8f2\x956\xe00\x92\xacG\nq\x88u#\xb4\x82'</t>
  </si>
  <si>
    <t>b'\xfe\xed\xa7l\x91\xca\xf0\x15\x14\x8f&lt;&gt;/RoCm\xcb\x1b\x1a[@\n\xa0\r\x95\xb2\xfd\x81\xe2\xb5C'</t>
  </si>
  <si>
    <t>b'~\xd6\xab\xb28\xe3\xfbT\x03\x06\x8a\xf4\x1au\xabuM\xae\xb3d&lt;\x99\xa7)\x885]M\xc3r^\xff'</t>
  </si>
  <si>
    <t>b'\xf7\xd6\x07xSc\x07E\xc6\xe6\xee[\xf1*\x8a\x03`0\xf60|^\xb8\xb8\xb9\x1a\xda\xe0\xce\xe7\xd5\xc8'</t>
  </si>
  <si>
    <t>b"\x1d\xb2\x8b\r\r\xe4\x82\x7f\xb9\xb3ed\x88\xf5NR\xd6\xa9\xe9\xbc\xc2|'\xe9\x01\xa5\x03\xf1\xe8\x04v\xf3"</t>
  </si>
  <si>
    <t>b'D\xb7zF\xf0H\x8a%\xba\xd1ING\x11\x04\xe0\xecD\xab\'\xb83IrJ@\xb0"\xb3\xe5\x14\xe8'</t>
  </si>
  <si>
    <t>b'\xdfk\xe8=\xb5\x97\xe0o\xd7Ir;!\xc8,\xee\xe0D\xef{\xdd6\xc3\x84\x8b\xd7\x18\x157\xb2q\xf3'</t>
  </si>
  <si>
    <t>b'\x998t\x1a\xcb\xab\x8c\xb6?\xc5\xed\xf5\xd6\xce\x91xX \xec\xac|r\\9E\x83\xf5\xf3\x95=\xaaD'</t>
  </si>
  <si>
    <t>b'\\\x8f\xf4\xb0t\x04q\xb0\xe6\x9b\xa1\xc9\xcd\xc6\xd3\xca\x10\xaf\xde\x96\xeawz\xb7!O\x84[s\xf4\xbb}'</t>
  </si>
  <si>
    <t>b'\xa6X\xb9\x9a5T\x8b\x11\x8e&gt;K\x8a{S\x1d_k\xc3\xd3\x0fxJ\x96\x16\x82\x8b\xeb\xcbz\xcb\xcd]'</t>
  </si>
  <si>
    <t>b"\x97K\xdd&lt;\x11\xe8\x88\xd9\xdf\t\x90\xb2{\xe5w\xef\x06\x7f\x16\\'\x8d\xd5\xcf`\xc9\xd1\x86\x0e'\x91\xa7"</t>
  </si>
  <si>
    <t>b'\xfb\xe5+hv\xa3o\x88\xd9z\xc1\xe83|B\xc2"\xdfS\x8f\xd8rG1b\xf8\xab\xc5hS;`'</t>
  </si>
  <si>
    <t xml:space="preserve">consolidaton loan </t>
  </si>
  <si>
    <t>b'\x83\xcf"\xde\x93\n\x17\xff\xfa\xc4\x94I\xfa\xb8PR\xaa\xf9\x9d*Z\xa1+3d3-\xa9\x18\xf5\x97\xf1'</t>
  </si>
  <si>
    <t>b".k\xe0\xb8f\\[\xdd\xfc\xc3\x88\x89\xd3&gt;j'_k\x12\x17T\x1d\xa8Y!\x1d!\xa8\x8b\x11\x03\xaa"</t>
  </si>
  <si>
    <t>b'\xb3\x83\xed\xbe\x00\xf9g\xc0\xe2Ol\xb9\xa1\x87\xa2\xbe\xae\x95\xf7(O\xcbE\x0f\xb4\x8b5\x16\xe1\xaf\x1b\x19'</t>
  </si>
  <si>
    <t>b'\x13\x00\x0cg\x00\xb1\xda\xa4\xfcB \xcav\xd0\xfdK\x01\xbd_\xb7\xb5\xb5+\xec\x93\xdb\xbdW\xb4\x97\\\xf1'</t>
  </si>
  <si>
    <t>b'g\xe6q\xaa3\x08\x95\x11/\x16q\xbe\x8ak\xbd\xd1\x9b\xbc\xc2,i\x1d9\xcd\xef\x97\xab\xf7\xdc\x049_'</t>
  </si>
  <si>
    <t>Business property</t>
  </si>
  <si>
    <t>b'\xd7\xf2L\x87\xa9\x9d\x8a\xe5\xe4^\xa9\xb2\xe2a\x18\x84\x03\xca\xf9\x17\tt\x83\xba\x01\xaez(\x8b\xb6\xd2\xf7'</t>
  </si>
  <si>
    <t>Time Share</t>
  </si>
  <si>
    <t>b'\x8a\xb2J\x8d\xd0\xc9*S\xc1\x8a|,$\xce\x1f\x88\xdb\xf8^`\x8eU\x18}\x9au\xdc\x87\xe4\xcbQ\xd2'</t>
  </si>
  <si>
    <t>b'\xd1\xc5\xf1\xcb\x85\xf0S[\xf4n\xc6a\xae\xdc\xb7\xbd]\xf6\xbf\x12\x9c\xd39&gt;\x80\xc7\x14\xae\t\x84\xe2Y'</t>
  </si>
  <si>
    <t>b'\xa8\x11\x08\xe29/\x80\x17r\xcc=pe\xc97\xcb\x84:gF|\x89\xc1\xa2\xd7\x99)\xc9a\xf7\x05\xf6'</t>
  </si>
  <si>
    <t>36 months to payoff</t>
  </si>
  <si>
    <t>b'i\x0b2\x81K\x1e\x04\x93m\x8e\x9dJ\nU\xd8\xbe\xdfG1yK\xf5\xea\x08A\xcc\x8b\x9b\xdd\x93\x8b('</t>
  </si>
  <si>
    <t>Consolidate loans</t>
  </si>
  <si>
    <t>b'\x9d\xa30a\x05\xb4\x1c\x02\xf81&amp;1\xa1\x99\xec\xd9\xe5\x89\x91!\x82\x97\x8a4K\xdbl\xcca\xdb3\xfd'</t>
  </si>
  <si>
    <t xml:space="preserve"> consolidation</t>
  </si>
  <si>
    <t>b'3\t\x01+\x1f@\xfe\x17\x80\xed\xcaS\xf9+\xac\xdc\xea\xcc\x8fy\x9fWD\x08gFG\xdbp";:'</t>
  </si>
  <si>
    <t>b'\xcf\x0e\xca!.\xe8&lt;\x14\xa0\xfd\xdb\xd5n\x95\xdc\xa8k\xed\x98O\xeac\xec\x92\x00\xf9\xa6\xf8z\xcep\x10'</t>
  </si>
  <si>
    <t>EVERYTHING IN 1 LOAN</t>
  </si>
  <si>
    <t>b'\x85\x86\x8b\x96\x1b\n\xac%[\xfe\x11\x0e)\x94WD\xc4\xec\x17\x7fj\x93\x1c8\x95\xbc\r\xc0\xfd_\xf2A'</t>
  </si>
  <si>
    <t>Chase Consoidation</t>
  </si>
  <si>
    <t>b't\xf0\x1b\x9a\xe3U}\x80n\x82{\x11\x83\x07\xa1z\xb3\xd8\xe0oiEI\xfc?\xb7m\xaf\xe9\xbcl\xff'</t>
  </si>
  <si>
    <t>DEPT-ROLL-UP-FIX</t>
  </si>
  <si>
    <t>b'\xef|\xa0&gt;`\xa0\xe19p\xeel\x05\xd7\xd1\x14\x00%\xbcp\xfbX\xf6\xcf\xe3\x82\tWO\xdeT\x1a\xfa'</t>
  </si>
  <si>
    <t>DebtConsildation4me</t>
  </si>
  <si>
    <t>b'+\x15\xb2\xf0\xc4\xb7\x19,\xd2G/\xd4\xc7N\x94\xdf\xefgf\xf9\x8a\xba\xaao+\xcb\x86Yo\xb0\xdc&gt;'</t>
  </si>
  <si>
    <t>b'\x0cvA\x8cL\x7f\x1a\xcd*\x04Q\xb6\xad*\x87\xac\x05+\xd4\x044\x14\xa4\x95:H\x04\xdc&gt;\x82}\x14'</t>
  </si>
  <si>
    <t>b'\x8a\xc16\x07$!\xda~f\xc99\xa7s\xf2\x1f\xd4/\xcb\xaa\x9d6&gt;\xb8\xf1\xa4"(O\xf4$JL'</t>
  </si>
  <si>
    <t>b'\xd7\x18q\xc3\xe8oP Y4\x17\xb4\x9b\xbcd\x14 \xe2\xa8\xf07W\xa5\xf5\xd6p\x83ah\x1a\xa6\x96'</t>
  </si>
  <si>
    <t>Bill Pay Loan</t>
  </si>
  <si>
    <t>b"\x9do\x89\x8f\xe92\x82I\x94i\x19\x13\x93\x14N\xde\xca\xe1\xd1\xb3_g\x85\xf5\xaf\x1e!\xa4y\xc1'="</t>
  </si>
  <si>
    <t>b'\xe3\x12\xb6\xc1C\xe2so\x9d\xf55\x15\xf3b\xa1\xcd\x86\x04\xc6\xf1\x1bq\xe5\xdc\x9b\xdf\xea\xd6\xb78VY'</t>
  </si>
  <si>
    <t>b'\xfa\x9a\x8f\x8d\xb3}\x86\x04\xfc\x08\xbd L\xab\xc9\xd4\xa2\xdd\xab\x9c\x1dw#\xcf\xfcek\xe6+\x8c*\xa0'</t>
  </si>
  <si>
    <t>b'\x8e\x05\x87\xfa5y%\x011\xbd\x90\xa8\xc0n\xdbS%\xbec\xfe\xf6\xb6A\xc3\x01\xda\xe5\x8e\xe2=l\xdc'</t>
  </si>
  <si>
    <t>b'\n\xbc\xefr$M\x81.\xf0RV\xb2\xa2\xba\xe9\xb2Q`\xc4\xdc\xae\xde@\x8b\x1ar\xa5\xac\x1c\x13-*'</t>
  </si>
  <si>
    <t>753xx</t>
  </si>
  <si>
    <t>b'\xf4\x8f\x02\xd11\xb0]7\x80eZ~\xfa\xb3\xdeb\xd6\xd6\xacV\xf6\xc7\x08\x95_\xca\xf0y\xe9\xe981'</t>
  </si>
  <si>
    <t>money saver</t>
  </si>
  <si>
    <t>758xx</t>
  </si>
  <si>
    <t>b'5T\x1c\xe6\x01\x1e\xb1\x14\x05\x9a\xecQ\xe3\xa8\xe8\xa7Y\xf5\xed\x8c&gt;R\xd7C\x02\x15\x1d!\x87\x0b\x9c\xcd'</t>
  </si>
  <si>
    <t>b'g0,\xf41?\x8a\xb57\x94t\xe4GS\x0e\r\xd6\x84\x9aYd\x0b\x874\x10&gt;~\xe3\xba(!\x1d'</t>
  </si>
  <si>
    <t>b'\xdc\xc4"\x06u\xa1\x9dV\x9a\x91q\xe2\xda\xa2\xd7d\x17\xe9\x90"7\x85\xd3\x1e\xb8Re\x04\x0b\x82\xc7\xda'</t>
  </si>
  <si>
    <t>b'\xb0\x1c\x88\xabi\x08p\x96\x8c\xf81\xa7\x1ao)v\xe3#\xcez\xbes\xf0\x18\xd5~\x85Dj\x02\x99\r'</t>
  </si>
  <si>
    <t>b'C\xabF\xa1\x03\x8a\xb1\xb0p\xc9\xd2\x1cLt\xaf)q$\x83\xe2\x8e\xba\x0c\xd4\xa1$6\x0c~[2\x17'</t>
  </si>
  <si>
    <t>b'Ug\x94\x0e{l\x06\xf0\xefK|\x95\x9em\x9c\xeb\xd6\x1e&lt;U-GN\xaeE\xb4r\xa0+\x94\x15\x1a'</t>
  </si>
  <si>
    <t>b'\x95B\x17\x0e\xa0\xcf\x8a\xc2\x9e9\x93\xda\xc1 \x8c]|\x11\xb4~\xa9K\xd2ry\x03G\x8ap\xaa.r'</t>
  </si>
  <si>
    <t>b'{\x9eo\xdbx\xfa\xb4v/2\xd4\xf8\xe1\x14T\xb3(\xec:E[\x07\xfecG\xf78\x0e&amp;UB\xc8'</t>
  </si>
  <si>
    <t xml:space="preserve">CC be done. </t>
  </si>
  <si>
    <t>b'\xde\x93\xb10\x1ec\x18z\xb6\xe9)\xdd\x02\x02)/\xde\x84p\xc1\xde\xaf*O\r\x1a\xf22\xcfY\xc0^'</t>
  </si>
  <si>
    <t>b'\xd6\x13\x16P\xe1v\x11\x9eR\x8d\xcf\xa0\xab\xa5\xc8f\x19\x8a\xaf\xaa\x9f\xb5zo\xcaW\x86\x9a(\xfd\xd0\xa7'</t>
  </si>
  <si>
    <t>b'\xec\xf9\xff\x8cQV\x17\xc0\xc0A\xa4\x06\x86\xcd_t\x86\xad*\x81,&amp;\x91k@\xa9#\xde\x97\xb8\x14\x8e'</t>
  </si>
  <si>
    <t>b'D\xf4&amp;\x0b\xb4\xdfY\xec\xc7\xa8\n$\xfb^\xcbf\x00\xfd[\xa6\xf5\x87O\xb60;\x02\xfa\xca\x98\xbe\xa4'</t>
  </si>
  <si>
    <t>b'h\xd6\x14\x93\x11\x88k\xc4\xd5\x18\x07\xabLq-T\xfe\xe3C\xfc\xcd+x\x14!l\x11j\xc2\xdd\x96,'</t>
  </si>
  <si>
    <t>b'\xb9\r\xffi\x11\x13(\x07m8\xbc\xc8\xea{\xfdv\x12]3y\xc4\x9bl\x99C\xb0\xd3\x16Bg\xe2\xa5'</t>
  </si>
  <si>
    <t>A method to minimize debt</t>
  </si>
  <si>
    <t>b'\xef+J\x84\x16\x8e.Z ^\xbf\r\xa4|\xb1\xf6\x15\xd6@\xe9\x93\xe8\x1e\x95$\x0f^ \xbf\x7fx\x07'</t>
  </si>
  <si>
    <t>b'41\xa7\xb4\x92\x9c{\x0e\x04\xbb\xbe\\g\xc6\x16\xe5n\xa9tq7\xad\xed\x08\xaa\xdaM\xb6\xa2\xa6\xc2\xb3'</t>
  </si>
  <si>
    <t>Credit Card Reduction</t>
  </si>
  <si>
    <t>b'\xfa0\xe1EL\x8d\xf4$S\x1f\xe9o\xe4\x12\x1f\xe1\xb0gE\xa3^\xe4\xc9\x84\x86\xa0\xba\xd4\xa4|M4'</t>
  </si>
  <si>
    <t>b'6\xa2\xe6\xc4\xf9\x8cu*\x1b\x0b\xbf^o\x87j\x97\xa2\xda\xd4\xb1\r\x8f`\xec\xc2\xfa\x91\xd7\xd6\x05Z\xd0'</t>
  </si>
  <si>
    <t>Debt free Machine</t>
  </si>
  <si>
    <t>b'9\xe0\x12\x104Q\x98\xbdM?\\e\x8eb\x8a\xc9.\x87\xf0N\xe0HT\xe5\xefs\x87vf&amp;\xacI'</t>
  </si>
  <si>
    <t>b'\xba\x86\x98\x08"X\x0eA\xf3\xd7\xa1\xd1\x9a\xf0\x0b\x06Q\xae\xc93\xa2M\xf0aY\x1f\xd0A\x8b\x15\xa0\x18'</t>
  </si>
  <si>
    <t>b'\x18\xc3\xbc\xedp\x1e7\xda\x8eOt\x1a?\xac\xe80@\xfb\xe1a\x9c\xfcx\xb6\x8d\xdev\x0b\xd9\xac\xae\xbc'</t>
  </si>
  <si>
    <t>567xx</t>
  </si>
  <si>
    <t>b'\x94\xc2\xe3\x8cD\xc6\xe6\xadMO_\xe9!\x9b\x87\xec\x10+\xba\x90\xb3_A\xdc\x90\xfc\xad\x0bm\xff1X'</t>
  </si>
  <si>
    <t>b'\x8a\x01\x87\xc2TC\xe5\xb5\xbf\xa4\x0c\xd9\xc8\xbc\xb3&gt;\x9d\xde\xabq\x0c&gt;&gt;41z\x17\xa79\xb49\xcf'</t>
  </si>
  <si>
    <t>HappyCamper</t>
  </si>
  <si>
    <t>b'\x9f\xc6\xacaS\x80\xd4`\xc8{\x1d\xcd\xf6\x9aS\xbb\xe8&gt;@p\xcb\x95\xadM\\\xe0D_\x9f&gt;\xab\xef'</t>
  </si>
  <si>
    <t>b';\xea\xe7\xa5\xdc\xcb~\x16\xbb7\xf4\xee\xda\xbd\xa4J\xf4Z\x11\x83\xc2\x8b\x86\x90dp\x7f\x00~#\x04\x83'</t>
  </si>
  <si>
    <t>b'\xab\xc0T|\xf1\x99F/d\xc6x\x85\x85N\x97\x8cITO\xfc\xc9\xe6&gt;\x8f\xb07k\x14\x94\xc8\xfd\xb3'</t>
  </si>
  <si>
    <t>b'\xa2V5N\x86X\xfa"o\x16\xe2-\x9b8\xf2\xd4\x11G\x1f\x8d\x8edt\xbf\x9c\xc9\x0e\x7fx\x08\xa4\xf4'</t>
  </si>
  <si>
    <t>b'\xf6\xe5\x10\xbc\x8eJF5M\xdd\x84W|\xd7\xf8\x91\xb3\xa5\xc2\xe45\xc8\x9a\xa9\xf25\x8b\\E+\x19~'</t>
  </si>
  <si>
    <t>I want to be debt free</t>
  </si>
  <si>
    <t>b'\xf3\xfcM\xd40}N\x03C\xf4M\x98\xeaz\x9a\x9a\xaa\x17\xa4P&lt;\xd6\xbaN\x1e\xf2\x8f\xb5#u]\x8f'</t>
  </si>
  <si>
    <t>b'H\x1c\x9f\x93j\x16~eQ4\x81qQ\xecy\xb6_W\xdb~\xaf\xda\x0c\xe59S\x0c\xf7\xecc@\x02'</t>
  </si>
  <si>
    <t>b'C6@\x87\xb8HO\xe4\x9d\xc1\xd1U\x0e\x1fO\x9bi\xd8e.\x8e\xb0\xd9\xe4:\x18f\xd7^\xb3\xeb\xa5'</t>
  </si>
  <si>
    <t>b'\x0f\rQ1\xe3\xbc_\x18\x12\x01\x88\xb8L\xab0\r\xb6\xd4y\xff\xd4!P\xe1\xedi\r\x9d\x93\xd0uo'</t>
  </si>
  <si>
    <t>b'Py9\xfb\xa1\xe8\xb5\xaa6\x0ca\x82]\xe4\xcf\xe8Z/ \x0b\xb7\x0ey\x08\x9b\xba\x90\x12\xd5\x0b\xa7\xc9'</t>
  </si>
  <si>
    <t>b'\x1aU\xe0\xa3~V\x08.\x07\xfa\xd7\xae\xf0\xa9y\r\xd7\x85\xb3\xe7\x04w3i\xc2\xc1v\xbc\x10{\x9a)'</t>
  </si>
  <si>
    <t>b'7e\x00\xc6v\xa4\xacj&lt;U\xa9dv\x04 \xa7\x83.\xee\xea\xd24\xe7\xdb\x16\xedr;:)\xe6\xc4'</t>
  </si>
  <si>
    <t>b'W\xa5oA\xcd1\xd8?0U\xe71o\xe4[\xb2\xf4\x17\xea-\xe3f\x8c\r\x95\n\xe0A\xd5\x07\xa9\xc3'</t>
  </si>
  <si>
    <t>b'\xe3\xbb\xb740\x0e\x15\x8e#\x8c\x9f\xd2++\x06\x9e\x8f\xcf\x89\xed|*W\xb5\xb59\x9f\x9e@\x97l$'</t>
  </si>
  <si>
    <t>DEBT CONSOLODATION</t>
  </si>
  <si>
    <t>b'~1\x81\x92A\x87!\x94\x17M\xc1\x9dW~%I\x0e\xc9\xde\x84\xc8\xfb\x19l9\xe2\xa4\x0c&gt;\x8c@\x8c'</t>
  </si>
  <si>
    <t>b"\xff\x8e'\xbakQK\xd8\xbaJ\x9d\xe1\xb7\x84\xf1#\xb3\x1e\x93$\xd0\t\xf2\\w5x\xe9\xea\xac\xc8\xbd"</t>
  </si>
  <si>
    <t>b"\xeb\x03Q4\xf0d\xd4\xd8\xae\x00\xc7\xdds\x10E\xe4\xb5\xb6\x16'\xb3RG\xef\x1a0\x89\xf7\xbe5\x0f\x8a"</t>
  </si>
  <si>
    <t>Credit Lending</t>
  </si>
  <si>
    <t>b'f\xdb\xbd\x91\xd9\x8d\xbd\x07\x13\xaa|\xcc\x0eaV\x93mn\x17\xb9\xfe\xdd\x16\xab\xd7\xda\xcbGI\x84\x04\x82'</t>
  </si>
  <si>
    <t>b'!\xf5?\x83\x06\x08\xcf\xd0\xe8\x11\xbc\xc9\xf7\xa0\xf5\xbf\x7f\x19aT\x92DD`\x94\xfa\x11\xf6\xeb\x14nS'</t>
  </si>
  <si>
    <t>b"\xcb\x0f\xc2\n\xac\xaa\x10&amp;\x9de\x83\x8b\x01DG\x99:X\xe3\xce\x91'\xef\xde\xd7s0\xa9\x91\xc1\xee\x99"</t>
  </si>
  <si>
    <t>b'\xcb\xe7\xf6\nAE\x19\x9e\xee\xc0\x83\x0bRQ\xf8\x98?-\x81#\\\xbe\x1bo2\xc0\xc07\xb4\xfaP%'</t>
  </si>
  <si>
    <t>b'\xcd\x1bbX\x86\x90\xaa\xac\x87Y#\xa0\xf4Bx\x07n\xdb\x1e\x8c\xaf\xcewHt\xb8sEW\x8a&lt;\x7f'</t>
  </si>
  <si>
    <t>DEBTCONSOL</t>
  </si>
  <si>
    <t>b'\xbc\xa3~\xfe\xbc\xf2s\x1f\x8c\xe5\xd5\xb9\xc6\x194\xc1\xc4\xa6\xefthj\xf5\xef\xbe\xf6\x81\xd3\td\xe3E'</t>
  </si>
  <si>
    <t>b"\xa6`\xfc\xaf\x993I\x9f\xe0\xef\x7f&gt;\xf6\x88\xbb\xe7\xc7R\xf3+`\xa3\x91\x08'\x1e\xa4\xe5\\(\xdf\x11"</t>
  </si>
  <si>
    <t>b'\x00-gpS\x8e$\x17\xe9k\x1f\x80/\x99\xe7\xd8\x8am\x0e\x84\x85\x1e~_MF\xb2\xef\xd0`;\x13'</t>
  </si>
  <si>
    <t>b'Q}\xad\x86\xf3\xe8\x18yI\x97\x8e\xfeD!\x08\x85\xbd\xa3!\x88qA\xf7\x1c^\x0f\x0bJ\\\x96_\x0f'</t>
  </si>
  <si>
    <t>Home improvement loan</t>
  </si>
  <si>
    <t>b'\x95i&lt;\xa6\xbds4\xf1\xf6\xc24\x1e\xcdH\xe6\x12A\x96\xffj\xa3|W\x8aF\xde\xacjm\xccb\x12'</t>
  </si>
  <si>
    <t>Debt Consolodation Lao</t>
  </si>
  <si>
    <t>b'\xe5\xa9\xdc\x7fH\xa5f+m\x8c\x8b\x92O \xed\x16oE\x94\x95++i\xcd1\xa3tX\x9e\xb0\xda]'</t>
  </si>
  <si>
    <t>b'h\xe7\x14\x1fb\xf5}\r\x90|\xc0\xdb\xe9\xdb~\x81\xc0/\x92\xb5\xbb\xe5]\r\xf9g\x94\xc2\xe7C4\xba'</t>
  </si>
  <si>
    <t>b'u4rOE8\xe7\x18- V\xbf\x12\xca\xc7g0a\xfb\xd8\xdb\x15\x1e\xae\x88\x8e\x8a\x1c\x82l~E'</t>
  </si>
  <si>
    <t>b"\xbe3V\xcc\x1aY'\xb8\xde\xa0H\x0f\xef\xea\x80P\xcc\x98\xd4\xa9\xb4\x13-\xa1\xe0\xbe\r\xdb\xae\x83OF"</t>
  </si>
  <si>
    <t>b'G\xd6\x83\x1c\xe7\x83,Y\xb6^\x9ax8\xdf\xb9\xff\xcb\xa8pyO\xba\xd4~+\xa7\x93\x9b\xbfW\xb4\x89'</t>
  </si>
  <si>
    <t>Auto Repairs</t>
  </si>
  <si>
    <t>b's\xd9\x1e@\x1eqDrI\x8cn\x99\xafi{\x0c\xe8V__}\x0c\x1fz]\xafw\xb0\xed\xa7(`'</t>
  </si>
  <si>
    <t>b'\xf1A[\xca8$4R\xf6{0=}\xe6\x83\xc9B\x0f\x92\xa1\xb3\x85|n\xf1\xe0E\xf46\xba\xf6\x08'</t>
  </si>
  <si>
    <t>b'\xaa\x1c\xd9#\x0e\x8e\xf9\x0c\xe4\xb0\x80\xca\x95\xe2_\xb3r\xbf(Q\xa2U[\x90Y\xc6\xb9\x0b\xb7\xae\x1f\x94'</t>
  </si>
  <si>
    <t>New air</t>
  </si>
  <si>
    <t>b'\xa4\xee\xa4W\xb2\xc3~;\x00\xfc\x8cD=\xd2|\x02\x87\xaa\xff)\rwM\xc0\r=\x95\x81\xc3\xd6\xc3\xc1'</t>
  </si>
  <si>
    <t>b'\x9f?\xa4=t\xa1\xd9\xb9\xe3\xe0)~\xad\x0fo\xc7\xd9\xbbK\x81\xdb\x9bH\x85L\x9c:\xd4VEO\x93'</t>
  </si>
  <si>
    <t>b"\xd4\xda\x01\x18\xf3\xc5\x1e\xdbe\xf5\xf2z\x12M\x1bt%\x14\xe00]\x1e\x8c\xd9']D2\x11\xcb\xda\xad"</t>
  </si>
  <si>
    <t>b'#0\xe4\xf67\xa8\x08\xca8\xc38u\xa3\x9b\xdc\xfd\xeb\n\x0fj\x8f\\\xea\xbd\xf5r\xd4o\x05\xe6F\xe7'</t>
  </si>
  <si>
    <t>Clearing the Slate</t>
  </si>
  <si>
    <t>b'\x9d\xbb\x07O\x0c!Z\x13\x89\xd8\xb8Ogp~\xb5\xaa\xaakp\xf1\xcf\xd1G)\xd7\xb2\x98\n\x95A\x05'</t>
  </si>
  <si>
    <t>b'\x86A\xb9\x16\xb3e\xbe[\x18\xce6\xc5Rq\xb0kKW&lt;\x8e#\x8c\x86\xf1\xc0\xf9\x0bl\xe4\xa4\xdd0'</t>
  </si>
  <si>
    <t>b'H\x10\xban\xee\xa4^\xf0\x9c\xae\x98\xc4\xb8\x90\xb8\xdd\xd8\xf29\x9cFO\xb2\x9fI\xe1\x9f\te.b\xea'</t>
  </si>
  <si>
    <t>Nov. 1, 2012</t>
  </si>
  <si>
    <t>b'h\\[\xcd}x\xb4\x0c\xf1k\xb5\xd1)t\x9aN\xd7\x85\xb4i\x9a\x95\x7f\xd7\xbe\x17]B\t/\xd7\xbe'</t>
  </si>
  <si>
    <t>pay off credit card</t>
  </si>
  <si>
    <t>b'\x1d\x1d\x06\x14e\xbd\x10\xd2\x89qQ\xbf\x9e\xf4\xd6)m\xb9h\x0f]\xfe*U\x8b\xd3\xf57\x8bP\x80?'</t>
  </si>
  <si>
    <t>pool liner</t>
  </si>
  <si>
    <t>b'q\xc6,S\xd3p\x9fh\xd3\x1d\x90\x8bL\x15\xe8 \xc4\xe5\xebR\x9f/R\x1d?\xbb\xc6\xda\xc4\x07\xcf\xf1'</t>
  </si>
  <si>
    <t>Oak Tree</t>
  </si>
  <si>
    <t>b"\x17\x82:\x9d\xd6[\x0c\x94\xe5Wvp\xfa*\xe7Z'\xedD!\x94H\xc2\xb1\xe5\x7f\x02Y\xa9\xd8'\xe0"</t>
  </si>
  <si>
    <t>improve my credit</t>
  </si>
  <si>
    <t>b'\xedD9\x16\xc3\xe5\x9b\x9fi\xe5!\xa0{T\xe1\xb9.\xbb\xa1H\x11\xf0j\x81h\x17\xfb\x10\xb3\x8c\xe4\xd3'</t>
  </si>
  <si>
    <t>b' \x96\xc3:\xb2\xe1rh\xa8\xc1\xb6bN\xc3\xd8\xe4Z\x18q/$\x8a\xe0\xca\x8fvw\xd7E\xc84\x04'</t>
  </si>
  <si>
    <t>b'/\x17-\xc8\xda\x1d\xbe\x11\xcd\r\x19\xc3\xc5\x8b\xb8o\x9d\x97\xb8\xbc\x1a\x9b\xb8\x8a\xf1\xf8*\t\xf8\xff\x0f\x02'</t>
  </si>
  <si>
    <t>b"\xac\xa3:\xb1;\t\xd6\x10\xda\xdd\x8eO\xd6\x19\xbe%\x97\x85'q(\x98'\xbe\xe0W\x9d\x8a\xa1UWY"</t>
  </si>
  <si>
    <t>b'N\xe6\x06b*\xa5\xcd\xc2\x0b\xbd\n\xff\xe5y\x92.\xf6\x1cy[\x0cv$\x947\xf3\xcdg\xc9\xb3b\x0f'</t>
  </si>
  <si>
    <t>Opportunity Knocks</t>
  </si>
  <si>
    <t>b"\x8fv8\x9e%\xed\x02\x07\x92\x8c\x8f\xd6\x1c\x06$'Q\x00\x9d\x91\xe1Xp\xa6R\x12Mt\x88\x1aG\xbd"</t>
  </si>
  <si>
    <t>b'\x8a\x8c\x86\xde\xf4\x1bp\xc0.\xcd9\x03\xbb\xce&amp;\x8f\xe9\xf4I\xe0\x1b\xc2\xd1\x84+\xcd\xf6\x97Vr\xd7\xcc'</t>
  </si>
  <si>
    <t>b'\xa6\x8e\x18;\xa3\xffm\xa1/\xb3\xb9T&amp;\x9e\x17I\xc1hZ\x95\xcen\xb4\x15\xc5\x1a\xab\xfem\x964\x9e'</t>
  </si>
  <si>
    <t>b"h\xf1\xb5|\xa9\x15w'Ks_\x88\x0b\x9c\xe6~\xd3\xb2}V%\x01\xd3:\xc4\xd8\x7f\xad\xcdN\xe9]"</t>
  </si>
  <si>
    <t>b'\xd1\x9b9\xc6~\xa0AC&amp;\xa3\xa7\xbcm\xd5\xd3\x011\x9c\x8clL\x0cVh\x1f\xa3\xaa#\xa0\xf1\xe9\xf1'</t>
  </si>
  <si>
    <t>Need a Pickup</t>
  </si>
  <si>
    <t>b'\xc9\xafN\x1d3:\xda\xc6?4\x12\xf15A\x8e\xbd9\x14\xf8Ev[zwS\x9f.E\xd3\xfe\xeaK'</t>
  </si>
  <si>
    <t>b'\xc7\xb5)\xa8\xca\xab\xdf\xcd\xb0\x00\xce\x88\xff\xdd}8\x14eV;\xe0)\xd9\xab[n\xad+\xac\xf1\x16q'</t>
  </si>
  <si>
    <t>b"y\x171\x06n\xbe\x15\xa6z\x89\x82n\x0c\x0b\xa0`\xd9\x99\xc3Mp\x8d\r*\x82+G\xfd8=&lt;'"</t>
  </si>
  <si>
    <t>Moving Fund &amp; Debt Consolidation</t>
  </si>
  <si>
    <t>b'\x0bc\x0f\xe2,\xe7\xe7\xf0%}\x13\xb0w\x8f\x06\xc9e\x9c\xdf!\x91\xb3\xf4\xd8%Q\x81\xe0\xb1\xd1=\xf2'</t>
  </si>
  <si>
    <t>b'\xac~kN]\xe6}\xb5\x17\xe3\xb8=\xe7\xcd4R\xceA8q\x8fw\xc3\x0bN\x90\xa0\xc7k\x93MU'</t>
  </si>
  <si>
    <t>family vacation</t>
  </si>
  <si>
    <t>b'\x10\x8a\xa5\xbe2\xd4gg\xa8\x82|\xf1O\x8f\x9f\xd1\xdc\xc4\xb1w\xb2AY\xf4\xa2\x0e\x839\xcd\xf2}\x7f'</t>
  </si>
  <si>
    <t>b'\xf9#\xb3P\xf1\xf8k\xafb\xc5h"\x8bF\xc5\xb8d\x1e\xa1\xe9\xabv\xddrWy\xa4\x97u\xcb~\x98'</t>
  </si>
  <si>
    <t>Cards</t>
  </si>
  <si>
    <t>b'\xb0SVz\xdd\x18\x02\xd5Y\xe4L}\xefD\xfa\xe8\xaf\xb0\x0f\xa2k\xaa\xee\xa0\x8f\x86\x9c\xcb"\xd0\x8dA'</t>
  </si>
  <si>
    <t>b'\xe8Ac\x8f.\xfa\xed\xe4Yz&lt;w\xd3\xcaX}[^f\x9ct6n\xd9n\xf1\x91\x9f\xc1\xa7\xcc!'</t>
  </si>
  <si>
    <t>b'\x10\x85{LS\'\x12@{\x9d\xf6@3~?\xc9\x81\xf0\xeb"\xb7\xe8\x0c\xaa\xb1s=\xf2j\xc1\xc2\x03'</t>
  </si>
  <si>
    <t>b'iU\xea\xab\xc4\x88\x10G\xf28\x98\n\x7f\xc9{\x89I\x00\xf0*\xf5ZG_\x1e\xce\x15\x15\x1a5\xe8\x06'</t>
  </si>
  <si>
    <t>bussiness start up</t>
  </si>
  <si>
    <t>b'\x1c[\xdb\xb5U\xb6., \r\xdf;\x00FJ\xf0\x03\xea\xe7\x0e\x9f\xc4e\xed`\xf3X\xb9\xaeF\xa3\x9b'</t>
  </si>
  <si>
    <t>Consolidate accrued credit card debt.</t>
  </si>
  <si>
    <t>b'v\x05\xf9\x13(\xdaF|-\xd7\xe7\x98\xc0\xee+\xff!\xc2\x97_?\xc2\xf8\x9ci\xcb\xa1\x82\x9b\x7f\xd0w'</t>
  </si>
  <si>
    <t>billloan</t>
  </si>
  <si>
    <t>b"'\x89c\xe0\xdb!\xb08\xedw!\xf1\x9b\xfe\xa8\xdc\xcd\x9e\x84)\x7f\xc6\x1cB\xeb\xcf{\xe7%\xb8E{"</t>
  </si>
  <si>
    <t>b'-d\\;\xab+\x10\xac\x94\x03HW\x852\xe6\xc2\xc7\xfe+]\xc4\x9c\xc4\x08\x95}\xf9\x84\xe0O\xb0\xd9'</t>
  </si>
  <si>
    <t>Mortgage Refinance Upfront Payment</t>
  </si>
  <si>
    <t>b'\x1e\xf9\\\x02\xf77\xab`9vi&lt;\x98\x99\x95\xf4\x89I\x83\x9e\n\xd9\xf7=\x04\xbd^\x9a\xaa@\x9f\xbe'</t>
  </si>
  <si>
    <t>b'7\xb7\xa0)\xb9\xae\xb5\xb5\xb6v\x17\xc0I\xc2#y\n\xb0\x17\x8c\xba\xf3\xd1p:\x8b}o+a\xb1G'</t>
  </si>
  <si>
    <t>Enough With Credit Cards</t>
  </si>
  <si>
    <t>b'\xdc\x93r\x1c\xaf!\xa9\xdb\xde&gt;\x1b \xac\x9d?2`\x8d\xa4\xc2R\x96\xed\xda\xed4\xde\xe7i@X\xdc'</t>
  </si>
  <si>
    <t>b'\x1c\xce\xae\xfc[y\x82\xd6\xb2\tL\x1eb\xed\xebi\x11\xc3\xb7\xbe\xfc\x0e\xb4\x9d\xd1D\xcek\xf4b!\x08'</t>
  </si>
  <si>
    <t>debt 2013</t>
  </si>
  <si>
    <t>b'*Y\x99\ri\xfd\xc6\xec\xea\x82\xd7\xc4\xdeh\xd8#4S\xb0\x17\xb6\xab\xcf\xe4\x82Lr\xcd]\xe3)-'</t>
  </si>
  <si>
    <t>b'z\xd9\x80\xb2\xa9\r\xa1\x07\x1cJ\x12\xc6\xfeS\x7f\xa7\xe6A\x95\xc3\x85\x06aZ\x14\xb4\xcf\xf0\x81 ?\x86'</t>
  </si>
  <si>
    <t>b'\x19\x00\xe0\xd6\xeey+C\xffK@\x0e\x16z\xa5\x0b\xaf\xbb\xfd*\xbb\xc1q\x0e\x01I\x95\n\xe9\r\xe1\x11'</t>
  </si>
  <si>
    <t>Wedding &amp; Debt Consolidation</t>
  </si>
  <si>
    <t>b' \x1e8"l\xd3\xaf\'yuRA\xa5\x06\x9b4\x15\xb0\x04\x0f\x8f\xc7{\xc2\x8f\x00\x1f\xce\x1cC|l'</t>
  </si>
  <si>
    <t xml:space="preserve">Credit Card Free  </t>
  </si>
  <si>
    <t>b'\xc21\xbc\xe6\x84*.\xcd/\xf8\x08_\x8a\xbd\xe1\x91\xfdf\xeb\xbb\x87w3q\xbcb\xeaR\x8dD\x96\xc8'</t>
  </si>
  <si>
    <t>back on track loan</t>
  </si>
  <si>
    <t>b'4D\x07\xdc\xc8\xd3O\x96?S\xb5\x14;.\x9a\x8d\x0ev\x07D\xd9\xd2O\xbf\x1fG\xfa\n\x1c\xb6_\x8e'</t>
  </si>
  <si>
    <t>Basement flood repair</t>
  </si>
  <si>
    <t>b'\xa2\x0e4\x82\xe8a\x8c\x11&gt;\x85\x1a\x9a\xbbv\xeaP\x19\xd8\xd5\xa3T\xa7)8.\xd3\xe0N\xa7i_?'</t>
  </si>
  <si>
    <t>b'\xf7\x0860&lt;]B\xfc\x90Ve@\xee\xcc%\x8a+\xdb"\x98f\xfb\xf3I\xdd6\xd7\xca.\x1e`?'</t>
  </si>
  <si>
    <t>b'3\xd3\x86\xd7\x8c\xc2`\xce\x87\x88\x81\xb7\x10\x83\x8a\xb10\x92\xa6\xe16 \xc33\xce\xd8EJ\xd5c\xe0\xe1'</t>
  </si>
  <si>
    <t>b'\xaaZ\xee\xdb\xaei\xc4\x99C\xe4\xc222\x1c!q\xa2\xcd\xf3\xf4j\xd0\xf0f\x98,,\xddUt,\xf9'</t>
  </si>
  <si>
    <t>b'\xe3\xa3M\xa4\xd6\x8ac\xff\x04\xb3\x15rc\xac\x11\x97\x14\xbeJ\x88\x1c!&lt;B\xe3\x1dC\xf0g\xeepi'</t>
  </si>
  <si>
    <t>644xx</t>
  </si>
  <si>
    <t>b'\x8ac\xd9\x13`\x89P\xc9\x1bc\xfc\xe1\x81\x97+\xaf\x15p\xb6\x16~?\x0b\x14\x04\xdb\xda__m\x82\x93'</t>
  </si>
  <si>
    <t>b'\xbe\xe2\x12\xf1\xc7\xbd&lt;\xee\xdb+\x17\xd2\x93GA\xbd\x0c+$:\x92\xd9\xe0\xde\xd6\xa6H[\x91\t\xa4c'</t>
  </si>
  <si>
    <t>b'\x1d\x89\x82\xca\xb5\xc7e*bF\xda~\x7f\xc1\x1c\x7f\xba(\xbd\xc0\xcd&lt;\x13O\x949,\xe5\xd9\xc1\xffq'</t>
  </si>
  <si>
    <t>b'\xda\xd4\xe6vp\x06]w\xb6\xbc0\xa7\xf4 N\x99\x820\xfb&lt;\x84\xaf&lt;Wd\x0f\xf8\x97+\x12\x08\xd2'</t>
  </si>
  <si>
    <t>b'YYVUq\xea\r^\xbb&gt;\xf8\x97\x8d\x98\xd3L0\x80\xe1P\xfd$\xd1\x1cW\xc5\xbcM\x9e\xeb{\x14'</t>
  </si>
  <si>
    <t>smart debt</t>
  </si>
  <si>
    <t>b'\xc6$\xd0\xf0e\xe7|\x8e\xe0\xe3\xa6\x04\x8d\x08$\x99\x8f\x01\xf0\xbe\x0fzl\xb1,?55_\xba\x9a_'</t>
  </si>
  <si>
    <t>Paying off a high interest credit card</t>
  </si>
  <si>
    <t>b'\xb1]\xd9\xf8/$\x02I\xe4i&lt;\xb5r\xf8o\xa5=2\xb9a\xcc\x06:\x98\x82\xa2"\xa4\x08\xd4\xdc\xe8'</t>
  </si>
  <si>
    <t>b'\xa0\xf0\xb2t\x1c\xc6,B\xf6n\xf8*X\xcaA\xb2i\xac)\xa3zN\xb7tDB\x8e\xdf6&gt;70'</t>
  </si>
  <si>
    <t>b'-\x95\ni&amp;\xd15\x17\xa1vR\xfe\xdb\x9e\x03\xf5\xf6\xf7\x97\xc2\xb8\xb0\xafS\xa6\xfb\xb5\xdcU\x03\xf3r'</t>
  </si>
  <si>
    <t>b'\xa1\xdcP\xa9\xf7fnm\x19[&lt;\x84\xb6\x10\xc5\xec\xbe\xc0\xc9X\xda\xfa\xe6zF\x91\xea\x8a"\xbaJ\xf9'</t>
  </si>
  <si>
    <t>b'\x00y\x01\x02\x8c\x9d\xda\\\x91\x13\xdetZ\xac9\xf6\xaa\x17\xa0\xf4\x9c4!\x86\x02G\x19\xcf\t\xccZ\xb5'</t>
  </si>
  <si>
    <t>b'\x17\x9e\xfd\xdd(| \x12\x92\xc2p\xb5\xb3|\x93Z\xe6\xc5&lt;?Lx\xfda\xa1h\xf9G\x8b}\xeeY'</t>
  </si>
  <si>
    <t>b'\xf8\x03\x99t\x16\xc3R\xf7\xd6rZ\xdcE|\t\xf3\xaab/\xbb\xbe\x08\xb4\x0cs\xe743\xc5\xcd\xbd%'</t>
  </si>
  <si>
    <t>Financial reconstruction</t>
  </si>
  <si>
    <t>b'z\xb9b\x1b\xb5\xa6b(\xe39\x87\xcc\xd9\xcboo\xcf\xce7v\xce+Q\xc1\xa2I\xb1\x01\xc8ok\x8e'</t>
  </si>
  <si>
    <t>b'\xde\xc7"\xdbb3\x94\xd9\xe4\x9f\xb9\xd1\x9f\\E\xb58\xd2f\x18\x8a=\xd6K\xe8\xda\x84k&amp;BW\x15'</t>
  </si>
  <si>
    <t>newlife</t>
  </si>
  <si>
    <t>b'b \x88\x1dX.\x1e\x11\xcd\x9e;}\xc0\x84\x1b)\xb0/\xd5\xd5Z\xa7\x87=z!\xac\x00@A\xd8n'</t>
  </si>
  <si>
    <t>b'\xa7\x98\xcc\xb9W\xbd\x19q\xe9VqrvW\xd3\xba\xc2\xd9\xdb)\xec\xb0\x84V\x05\x9c\xff,0\xfc\xef\xc7'</t>
  </si>
  <si>
    <t>b'QJmr]\x02p5-\xf9\xd2\xaf!f\xa7\xccQ&amp;\xd6t\n\xc8/\x1a\x91LOY\xd6\xbbF\x80'</t>
  </si>
  <si>
    <t>b'\x91!\xc3\x0cl6\xe7\x15\xeb\xbd\x9cu\xd6\x04\xc9\xb4jMUo\xd0\ne\xba\x01S\x1a\x93@O\xda\x12'</t>
  </si>
  <si>
    <t>b'p\xc7\xff\xfc\xfe&amp;IU\x80#FY,&amp;\x89@\xb6\xbbVA`\xb6\x10\xf0\x1c\xaf\xd4\x809P\x86X'</t>
  </si>
  <si>
    <t>b'\x08\xfd\x12\x1dI\x9c4s\x97\x82\xd0\xb7\xef\xe8\x88\xfdZ\xfe=\xca1\x19\x1d+\x87P\x8e\xc4i\xec\x90\x98'</t>
  </si>
  <si>
    <t>Credit Card re-finance</t>
  </si>
  <si>
    <t>b'\x8e\x19b\xe7\xe6(\x1fh\x98Ev\x94X\xb7"\x04e\xa1Y\xe3\x04\xda\xd2?\x9b\x19M\x07\xdd\xa4]y'</t>
  </si>
  <si>
    <t>b'\rpz\xb7\x1e\x15\x04\xf3\x13\xd4p\xa7\xae=\xd3W\x84\xe16\x90s\xb2TP\x07\xce\xca\x8e\x88cC\xef'</t>
  </si>
  <si>
    <t>b'E\xc9\x88\x90\xa3\xb3M(\xc6\xa8\xd0\x80\xab\x00Kc\x01p\xa6\xfdkT\x01z\x1de\x85=lX\xb3s'</t>
  </si>
  <si>
    <t>b'\x14\x8cr\x19\xc9\xf7G\xf18n\rc\xf8[\x18&lt;\xe3\x8dLh\xe6U\xd7@\xd0\xfa\xef_e\xfb}\xb4'</t>
  </si>
  <si>
    <t>b'\x0c\xbe\xbc\\\xb0\xa2&amp;\x7f\xe7o\x00\xef\xe6V0\x94\x0c\x84\xe2\x1ac,\x81\xbd\xf6\x15\x1bn\\G&lt;\xdc'</t>
  </si>
  <si>
    <t>b'\x1b\xca\xe4\xfd\xb7^x\xeaaK\x02\xf8\xbc\xf0\xadW\x7f\x86\xb5\x8c\x0e\xd2$N.\x82\x87\x9c\xd3\x8e@\xdc'</t>
  </si>
  <si>
    <t>b"\x17xO\n?\x1an\x92zs\x06'0\x8c\xff\xbb\xfau\x12&gt;\xa5\x1c\xcc\x90q&gt;}\xc9\xab\x91\xfe\x86"</t>
  </si>
  <si>
    <t>Credit Re-Fi</t>
  </si>
  <si>
    <t>b'\xdf\xf2\xc5&amp;\x05ll\xbe\x1a\x8f\x91\xe4\xe4\x02\xd58\xd3\xcfTGK\x185V}\x85\xf1\xab,k(\x9c'</t>
  </si>
  <si>
    <t>home improvements</t>
  </si>
  <si>
    <t>b'\x94S\xea*\x14\xd1/&lt;\n\x7f\x8e)\n\x12\xcd\x0e\xda\x1e\xd9\x93\x1e1_$\x03\x86\x86\x9b\x94[\x15q'</t>
  </si>
  <si>
    <t>b'Z\x8d\xff\x84_Y8\x0eL\xf4\x80\t\x85\x9bP;\x1de\x84\xc7\x1b\x19:v 1\xd2)r\xc9zz'</t>
  </si>
  <si>
    <t>Acting</t>
  </si>
  <si>
    <t>b'\xce\x9dd\xf0\x9e\xc6\xb9U?]NT\xc6\xa0\xe1G\xf0\xef\xcd[j@\x8b\xe3\xf9\x8ex\xff\xd9\x92\xfd\xb0'</t>
  </si>
  <si>
    <t>b"N\xe64\x0eE'r9\xd7Z\xc6\xb9\xf6\xed\xa6\xe8\xc0)\xda\xca\x84;\xdfb\x7f\x90,\xf9O\xf0g\xbe"</t>
  </si>
  <si>
    <t>helpnow</t>
  </si>
  <si>
    <t>b'\x05\x82z\xbe\x10\x84p\x15\xf8\xef\x0eD\xe3\x1c\x0eh\x1d\xbd\x87\n\xa8\xcf\x7f\tZ\xeb\xaa\x81\x9d\x7fv)'</t>
  </si>
  <si>
    <t>b'`\xfd\xdf% \xe3iuV{Te\x82\xa6\xba\xb1\xfd9\xdb\xca\xb2\x87\x07&lt;8\x13\x10\xa6\x13B\xbe\xc6'</t>
  </si>
  <si>
    <t>b"\x99;\x15\xbf\x14\x04\x13\x157\xd3\xf3\x17\xa6\t-e\xcc9\xc1d\x19\r'%\xab\x18\t\n)j,\xfb"</t>
  </si>
  <si>
    <t>b'2\x98OiUd\x88q\xd9\xee\x10,\xebJ\x97\x1b/\xd0\xc1\x85\x00\xa8A\xa6%\x82\xa3%\xc72\xe9s'</t>
  </si>
  <si>
    <t>b'!\x8c\x18\xa2\x84\x94F)\x84\xe0\xc8\x15\xea\x14.F\xacE\x83\xb4\xde\x1a\xd3O@\x91\xcc\xc0\xac\xac2\xe2'</t>
  </si>
  <si>
    <t>b'\xec\xcbU&amp;3\xc5\xb4\xf2\xef\x84wr\xc7-\x8b\xb7\xda\xd7\x96\xe7\xda\x99=\x9f~\x99`E:\xdb\x15\xe3'</t>
  </si>
  <si>
    <t>b'\xd6\xeb\xb8\x1a\xa9\xbcA\x80#jI\xf9\x9da&gt;\xf8\xd9\xae!\x9d\xd8\x99\xc1\x7fwo\xed\xb4z\xd41\xa9'</t>
  </si>
  <si>
    <t>b'\x9c_B+\xcf$\xd6\x05\xe7\xb5#\\\x0c\xb7W\xd3\xdf\xb7\x95h\x85\x9b\xcf\xbf\x1f\x7f\xa70\\\xa3\xedC'</t>
  </si>
  <si>
    <t>b'\xafn\xef\\\xa5\x8a_\x15\xe0?Tt\x1b\x9a\x15\x19^\xa8\x97\x02&amp;\x89\xc8\x11\xc0Yd\x07)\xc8\xa7\xe6'</t>
  </si>
  <si>
    <t>breathe again</t>
  </si>
  <si>
    <t>b'v`\x04\xfe\njD\xee\xac\xe0Eo\x111\x06\xb7\xfcP\xf3M\xb8\xafTb\t\xb6\x96\xf8\xf7Q0\x89'</t>
  </si>
  <si>
    <t>Debt free loan</t>
  </si>
  <si>
    <t>b'\t\x07\xc2J\x86\xac\x83\xd2\x8c1\x06\r\x00\xd0(n\r\xcc&gt;t\xb2\xfd\x9dJ\xf3\xcbj$ _\xf6\n'</t>
  </si>
  <si>
    <t>b'\x03\xe8\x04tc\x83\xec\xbc\x14\xdaXq\xa0o\xe4W\xe6\xdd~[\xc2\xe5\xbea\xe5V\xb6\xa2\x19\xaf\x86s'</t>
  </si>
  <si>
    <t>b'\x81\xa7K\xafv\x9dD\x13_\xd5\x1a\x14\x11\x08\xed\xf3\xb2\xf5G\xb9YP\xd3\x9e\xaa\x01hqF{\xe6\xb3'</t>
  </si>
  <si>
    <t>b'wl\xa6\x08\tP\xc3v\xe5*\r\x16\xb4C,\xac8A\xf4}\xf5\xf0\xf0\x0eB\x8c\xc5\xc7\xa3\xe3\x9d+'</t>
  </si>
  <si>
    <t>b'\xf7\x00\xcaX$\x14(s\xbd\xb4\x04&gt;z%\x96\x877\xff&amp;\x8a\xd5.3\x95\xda6\x19\xaaR\xd8\x9ek'</t>
  </si>
  <si>
    <t>b'\x12\xc6\xe6#\x08B\xc4\xbe\xf8\xd3J\xdc)V\xf4\x8fg_\xed\xc8 \xccu[\xeeBo\xbe\xbf\xa19B'</t>
  </si>
  <si>
    <t>Debt Consolidation/Honeymoon Help</t>
  </si>
  <si>
    <t>b'tD\xfft\x0eA\x7f\x03\x8d\xbe\x7f\xddc{\x92\x86\x80\x1fo\xa9Z:\xb5V\xe7\xc8\x06{C\x06/\xe1'</t>
  </si>
  <si>
    <t>Springleaf Payoff</t>
  </si>
  <si>
    <t>b';_\x06\x0bK1_\xe5Au\x03W\x1a\xa1%&amp;\xa3\xc6\x05\x0f~\x8d\x08M\xfaSU\xf1\xeb\x9b\xfa&lt;'</t>
  </si>
  <si>
    <t>b'\xf4Q\xa5\x00A\xcf\xfbc\r$\xc8\xce k\xb9\xad\xbf=\x16\xaa\xc0\x14~\x9c\x1e1\xa9\t\xf9\x9f\n\x8b'</t>
  </si>
  <si>
    <t>b'\x81\x89U\xe3f\raI\xc4\xe9\x18f\x95\xff\xf5\xb3\xfb\x0e8\xb1\xc4\xf4\xc0&gt;\x9b\xd3\xc3\x8e\xc1E\x05\x06'</t>
  </si>
  <si>
    <t>b'\x1em{\x96\x85\x89\xac?S\xd4\xe8X\xe6\xde\xa3&gt;\xfe\xe7"\xf8\'\rx1\xfb;WT\xb5.lt'</t>
  </si>
  <si>
    <t>Starting On The Path To Be Debt Free</t>
  </si>
  <si>
    <t>b'k\xfd\xf6F\xa0\xcf\xc7\xb4O\x1a\xa0\x18\xd9c\xf3\xcf\x9dO~\x10\x05\xa4sR\xfa\x05\x8a\xb5\x94\xa8\x8a-'</t>
  </si>
  <si>
    <t>b'\xac\x18g\x84\xaf\x9a\x162:~\xbc\xe1\xc6\xf9\xa4\x99\x87\x866\xb0\xf7\xf4s\x95\x13\xeb\xbam\xb2\xf1M\x14'</t>
  </si>
  <si>
    <t>consolidation better rate</t>
  </si>
  <si>
    <t>b'\xad\xfb+\xd7\xda3\x88\xac\xb9\xdb\xf2\n),\xd6\xb14\x07\xb2S\x1a\xf32\xcc\xb3nt\x96jt\xfa\x8b'</t>
  </si>
  <si>
    <t>b"\xc4\xc2\xfc\xa7%\xf6'\x8d\xdc\xcdZ\x13SR\r\xee:\xa7n\xa9BG\xbe8(\xd1\xbf\xa7\x15\xa8\xfa\x96"</t>
  </si>
  <si>
    <t>b"\xe1Ao\xa6\xd5\xde*'\x95\xbbKC\x0c\x8f\xb4\x97(\x0e\xf5\x07OB\x16\r\x96H\x93\xe1B\x08\xe42"</t>
  </si>
  <si>
    <t>b'\xb1\xc5\xf8\xe8\xaf\xd4a\x14(S\x8a\xbd\x12R8\xfb0\xfc\x88\xd5\xdb\x1fQ\xdc$\x01O\x9e\xce\xc3\x13\xa8'</t>
  </si>
  <si>
    <t>b'\xc0\xf0\x90\x07\x80\xb4V]\x84l\x87-\xddt\xf6q\xa8\x0ef@G\xdaR/N \xe6\xb6\x8b\xa9\x10\xf0'</t>
  </si>
  <si>
    <t>b"r\xe0\xce\xa9\xf2\xb1\xa3\xef\xb6\xc9\x82\x8cZX\xda)\x07&amp;\xcc\xaeS\x95\x8a\xa1\x05\xd1d\xe6|'\xe1\x9f"</t>
  </si>
  <si>
    <t>Income Tax Payoff</t>
  </si>
  <si>
    <t>b'\xd9\xf5\xda\xc8\xef\xd6y\xfb\x9e\xfb?SN\xfdrf\xf8\xf1\xad\x89\xc4\x88\x19\xd5q\xf8\x1aF\x86\xec\xbf\x0e'</t>
  </si>
  <si>
    <t>b'\xbeU\xf4\xf2y\xa3e\xc6$\r\xde\x9c\xa3|\xce!\x87\x13oZ\xff\x97[dSe\xee\x90-!=f'</t>
  </si>
  <si>
    <t>b'Pfk&amp;"\x90I\xec1\xd54\xa2no\x93\xe4:)k\x93\x12\x8a\xb0\x8ci\xd79q?\x0b\xb9\xf1'</t>
  </si>
  <si>
    <t>Credit cards Gone</t>
  </si>
  <si>
    <t>b'\x18,\xa9\x93c\xa9\xd4qV\xb6\xcb\t\x07\xe0|\xcbN8\xc3\xbco\xc5\xfa;U_K\xaf\xb3\xfdo\xca'</t>
  </si>
  <si>
    <t>Simplify</t>
  </si>
  <si>
    <t>b'=\xef\x03\xd8\xae}\x89pKf\xc3@w\xf5\x8f\xba\xeb\xbf\xe8\xcc}\xe9\xed\x00\xb4;\x81=\x10\x9ak\xf5'</t>
  </si>
  <si>
    <t>b'\xe7Y\xcc\xc1\xa4\xbe*\x03\xf4\x10O\x8d+E#8/\xbfN\x94\xc3\x99`\x1e\xcd\x91\xafO\xf0\xb6\x0eo'</t>
  </si>
  <si>
    <t>b';\xfeg\x9b\xe38\xad\xc6,\xf3\x18fJ\xfdW\xc6Lay7\xc3\xae\x868\x86\x16\xdb\xd1u\xd4\xb2\x9e'</t>
  </si>
  <si>
    <t>b'L\xd5\xdaY\xaaED*\xf2\x83\xf5\x9c\xb7\xe9\x1c\xba\x19%&lt;\xba\x8d\r^\x16,F\xf1r\x05F\xd7R'</t>
  </si>
  <si>
    <t>Loan help</t>
  </si>
  <si>
    <t>b"\xd1\xad\x8eW,\r\xdcM\xb1\xbd'.hRt\x1a\xdc\xdb&gt;\x92\xc96\xf5\xa8\xa7\x146&amp;\xc6\xd2\x01\xcf"</t>
  </si>
  <si>
    <t>b'\xc0o\xb4E\xb5)1\xfaPg^\xb5\x03|`\xa1\xab\xb2\xae\xb4Xd\xd3/\x84c\xe3\xe6{\xe1\xcb\xd5'</t>
  </si>
  <si>
    <t>b'\\o\xc9\xdc"\xd2%\xdfN\xa6Z\x82\x1c[?\xacl\xc5!\xda\xf0v\xd8\xe0h\xbd\n\x16\xa0\x89\x83k'</t>
  </si>
  <si>
    <t>b'4\x90\xe1]\xdd\xad\x86\xa87=\xbf\x15\xe0\xcb7\x14&amp;\x88\xf5Vy\xc5\x07\xdbZZ\x9f\x14\x88u\ti'</t>
  </si>
  <si>
    <t>CC consolidation loan</t>
  </si>
  <si>
    <t>b"\n\x8cm\xf1Y\xaa\xc9]\x83%R\xd5c\xe2\x97\xba'/\x8f\x11\xd0\x06\xd5\xfc\xde\xdch\xd8 p\xbd\xaf"</t>
  </si>
  <si>
    <t>b'#\xad\x98a\xc3j\xed\x96z\xe8\x91\xf8\x9d_d\xaa\xee\x90\xb3\xfa\x9di\xc8C\xfa\xa3\x12\xfdaM\xccL'</t>
  </si>
  <si>
    <t>Pay All Cards</t>
  </si>
  <si>
    <t>b'\xe8\xc7\x11\xd4\xf4H\x1d,\xbc@M\xe9IU\xa2\x83\xaf\x86F\x9c\x94\xae\xcf\xa0-&lt;\x1a1\x15\xd4W8'</t>
  </si>
  <si>
    <t>b'\xde\x9d\x19\xdayUv\x90\xf0\xa2o\xc4\x14V\x12\xdc\xf2*\x80"\t\xc0\xd8\xfa\x82\xc2]-\xc6\x0c\x1d\x17'</t>
  </si>
  <si>
    <t>b'\xab\xc8M\xfdm\xe3\xb2\xf1\x8e\xa5r\xb7zm\x97\x8f\x99.\xb0\xed:\xd6\xf7\x8e\xda{\xe0\xc5\x91\x00XP'</t>
  </si>
  <si>
    <t>b'\xf0\x08\xedw\xcb\x7f\xb4\xe2\xe0:\x9d4\x9a \xc2\xedtD\xb0L\xc3\x8e\xa7bK\xeb\x1d\xea\xda"@\xe9'</t>
  </si>
  <si>
    <t>CC_Loan</t>
  </si>
  <si>
    <t>b'_\x896E*\xd1\x1f\x9c\xc8\x9f\x00\xb3\xcf?*w\xe7\x05\xa8\xa9\xf5\xb5R\xba\xd9\xa5\xc7\x13\x92\xe8\xa3\x93'</t>
  </si>
  <si>
    <t>b'\xd3\xea\xdcV*&gt;\x06\x11\xa2C\x08\xb9\xdcQ\x80\x1d\xdb\xb9n\x87\xd5]\x14\xc2\xb0\x89\x19&amp;\x92R\x90\x00'</t>
  </si>
  <si>
    <t>b"\x91,s\xec&lt;w'\x0c\x03b\x88\x88\xebC\xbd\xbd\xac\xd6\x83\x05\xf2\xa2\xad\xc7\xf8\xa8B-\xe6Q;!"</t>
  </si>
  <si>
    <t>b"\xdf\xe8\x06'}\xe2\x00'\x13\xf8\xe9\x85n)h\x1e\x1a\xf4$tx\x90zi\x89xl\xbf\xabb\x94x"</t>
  </si>
  <si>
    <t>Wedding Bliss Preparation</t>
  </si>
  <si>
    <t>b'\x82M\xf6\x12\x180(\x07\x96M\xf3\xc1\xa0\x10"\x17,[\x96\xeb\x1e\xce\n\xb3L\x13\xf6\xc4&lt;\xdf\xa3\xb8'</t>
  </si>
  <si>
    <t>b"\x99GJ\xbera\xae\x08n\x04a\x00R\xb2\xcd4\x93\xb3\xff_\xfcya=Ee'''g\n\xf2"</t>
  </si>
  <si>
    <t>b'\xb4\x85\xfdR;\xa9\x00#G\xa1\xad@a\xef\x04\xe9\xf5-4e\xdbB\xc2\x96\xf7b\xd2[7\x86\x12\x8e'</t>
  </si>
  <si>
    <t>payoff for my credit cards</t>
  </si>
  <si>
    <t>b'\xe9\xef\xe6\x94{\x16\x9b:-\xe2+%\xf6\xc6\x83\x15TT}f_\x1b\xc9/D\xc2:j\xc3\xc1\xc6\x8f'</t>
  </si>
  <si>
    <t>b'\xf3Db\xd1\xa2\xb3\xba\x0c\x85\xf7\xa6T\xc8\xc8}E\xb6\xd5\xf0#\xad\x9e\x12\xc1\xf8\xc7q\xb0\xb4Fg%'</t>
  </si>
  <si>
    <t>b'5\x89\xc4\x1c\x9b+\xbfs\xbd\xfc\x08|5\xe2m\xa0\xea)\xbc\xe2\x1f\x02\x1c\xa7\xe6\x80f]\xc1:s\xae'</t>
  </si>
  <si>
    <t>Debt reduction and elimination</t>
  </si>
  <si>
    <t>b'\xe3h\x11\x1b\xd9\xb3p\xe3\xaa\x06M\xf1\x9b\x1c\xb2\xf8\xab\x1e\x8e\xca%\x8f\x8c\xe0\xe4\xe9\xf0\x18\xe7\x83,\x1b'</t>
  </si>
  <si>
    <t>b"\x1c\x07\xb7\x0eb\x02'\xc2F\x89e\x87\x92\xe9.\xf9\xf7 #\xc2}\x0eR|\xc8\x92\x9b\xf0\x02\x82Eg"</t>
  </si>
  <si>
    <t>b'\x86\x89e\xdf\x9d\xf8\xb6?\xf6Mi\xc8\xb7M\x93\xe1\xf6i\x17\xfb4\xaa\xd6 \xe8\x96X\x98\xdaa\xf6\xfc'</t>
  </si>
  <si>
    <t>b']\x9c&amp;\x8euF\x96\x10y\xa1\xcd\xd7\x85\x04D\x08\xa5\xaa^9\xaa.M\xb7\x13\xf7r\xa2\x85\xf3k\x9f'</t>
  </si>
  <si>
    <t xml:space="preserve">Need funds to abet apartment relocation </t>
  </si>
  <si>
    <t>b'%\x16;-\xe7\xf41\x9e\xf1.x\xe0H\x8fm\xcd\xae+\xaeZ\xb6(\xa17\xe4\xc8\xde`u\x88D\xcd'</t>
  </si>
  <si>
    <t>Billaway</t>
  </si>
  <si>
    <t>b'O\xd7\xd2\x15\xd4\x7f\xfa"\xa8\xba\xa1\xac\xd5MS,\xb3\xeb%l\xe9O\x1bi\x87\x16\xb7`|\xe4\xdef'</t>
  </si>
  <si>
    <t>b'\xda\xbf\xd8\xc2\x1dt\xef):!\xea(+x\x05m\xc4\xc5\xd8\x9e5|\xd5\xb7/\x9bq\x16*P\xd2\x99'</t>
  </si>
  <si>
    <t>b"\x8d\xbdl\xd2\x12Ev\xa04 b\x16X\xe3D|K,\xf8\x95\x15\x88\x0e:'\t\xb5\xbf~\xaf\xc1s"</t>
  </si>
  <si>
    <t>Credit cards debts</t>
  </si>
  <si>
    <t>b'\xb6\xbeW\xdb\xec\xcbX\xf0Y~\x07\xac\xc2\xa4\xe7\x9f,\x04\xc6uQ\\\x13v\xb1\\a\xb8\x86\x8aB\xbd'</t>
  </si>
  <si>
    <t>working to get out of debt</t>
  </si>
  <si>
    <t>b'\xe1\n\tc\x0e\xf6\xde\xa8\xc3:\x14\x8e\n\x93&amp;_\x15\x11\xb9u \xb9G\x9e\xc1\x9f\xbfY\x92\xfe\xe1f'</t>
  </si>
  <si>
    <t>CC CONSOL</t>
  </si>
  <si>
    <t>b'f\xef\xd6X\xfa\xfc\x8c\x0c\xdd\xcb=\xcf\x98e\x15\x026P\x15K=\xb9-\x9c4\xa2K\xaf\xe6R.\xc5'</t>
  </si>
  <si>
    <t>Knock Out Consumer Debt</t>
  </si>
  <si>
    <t>b"b'I\xaa\x8d\xfd\xd5\x88\x1a\x06 \xac\x93\xd2S\xf6\x08\xcaEL\xf6&gt;A\x85\xc3y\xef\xdb!\x8b\xd84"</t>
  </si>
  <si>
    <t>b'J\xde\xbf#\x17\x98\xc42\xff\xb0-\xfa"w&lt;\xb0hq\xbd\xc8\x15d\x0f\x12\xe7\x15\xf2 \x98\xd2y\xce'</t>
  </si>
  <si>
    <t>Debt Be Gone!</t>
  </si>
  <si>
    <t>b'z\xe9U\xce\xd4\xd1\xce\x07t\n\x962Nz\xcf\xfe#V\xa6i\xf1\x84\xee\xf5u\x98H\xd4\x85}G\xde'</t>
  </si>
  <si>
    <t>b'\xedT\x04l\x14\x9aq\x15\x8d\xf2\xe6\xbe4\ro\xed\xd9\xd01\xf6{\xe4\x99\x88\x93&lt;\xee.\x00xdy'</t>
  </si>
  <si>
    <t>264xx</t>
  </si>
  <si>
    <t>b'\xd3\xee\xebR\xf1q\xda\xa2\x9c\xdb\xfdJ\xd4\xa6\xca\xba\xa3\x85K\xd6\xe6\x9d\xc8q\xd9\xfeu\x8b\x0e{hj'</t>
  </si>
  <si>
    <t>Redfi CC</t>
  </si>
  <si>
    <t>b"\xd3\x02\xb6&amp;\xe4'\x08\xbe\xca\x87\xc0\xe6\xe8\xed\x87$\xd0I\x10\xd6\xba\xb9\x86\xbaH\xcbv \xff\x11}\x1b"</t>
  </si>
  <si>
    <t>b'#\xf3^t\x01\xa2\xd4rT\x9d\xda\x95)\xd88\x0eRZ@\xbd\x84V\xfdp\t\xa2BAn\xd4\xfd\x10'</t>
  </si>
  <si>
    <t>b'\xd0\xad\x1d\xd1\x9cWU\xaf\xd3?\xcf\xf7\x80~\x19\x11lz\\K\\zzx\xb2\xac8}\xe9\xdc\xca\x87'</t>
  </si>
  <si>
    <t>b'\xd3\xc3\x8f\x84\x08M&amp;7g\x90h\n&gt;j\x94\xdcE\xf8\xe5c\xc1\x17@\x18\x05\xd8W!H\x18\xd6\xa3'</t>
  </si>
  <si>
    <t>b'\xa5_\x15\xd4\xff\xaa\xde\xf0\xf6Vj\xd3H\xe2\\\x1c3Q\x83\xce\x18e\xec\xf7\xb4%\xfck\x81\x08\xd0u'</t>
  </si>
  <si>
    <t>b'-X\x98\xdd\x9d2\xd3\xc0\xddS\x16\xf3\x0f9!\xfb\xc8s\x88\xec\xf3\x8e\xd3\xdb\xc7\xd2~#dj\x16\xe4'</t>
  </si>
  <si>
    <t>Debt consoidation</t>
  </si>
  <si>
    <t>b'\x08\x07\xe0\x1e\xa0\xe9\xd5\xab\x1d@\xef\x15F*\x89S\xf2\xe0\xdf{7\xe4r\x80\xe9\x94\x1d\xaf\xfeb\xb4\xef'</t>
  </si>
  <si>
    <t>b'["\xbf\xe0\x1cl\xb9\xb7\xb9\xa6&gt;T|\xfa\xce\x98\x16\x17\xff\x19\xeb\x8fA?u*M\x99}\xbdHz'</t>
  </si>
  <si>
    <t>b',\x8a\xa1\xaf8\x1b\xee\x1d{:.\x96\x11\x83\xb9\xd9ZQ&amp;\r\xefy&gt;\xb4yWx\xdb\x19qx\x15'</t>
  </si>
  <si>
    <t>Start a business</t>
  </si>
  <si>
    <t>b'\x8bo\xc9\x8f\xa9\xf0KvW#\xf8\xb2\x1fI\x96\xdf\x18\x94n5\x00\x95\xab\xac\x11\x9f\x01\x8a\x17Dg+'</t>
  </si>
  <si>
    <t>b'\x9b\xef\xc1\x83Nl%\xda0#2\xf9\\\x0f\x9do\x1c \xc3\xc9\x86\xf0\xf3\xbf"\x81\xb8\xd9\xac}\xac\x98'</t>
  </si>
  <si>
    <t>b'\x93,Z#\x13\x98@\'\r\x1e\xe3"6\xcc\x05\xd1\xc7\x04F\xe9z\xcba\x02\xde\xb3\x19\x82\xef\xf1\xbf\xd9'</t>
  </si>
  <si>
    <t>b'\xb1\x93\xb9\x93\xcd\x93\xde\x88\xc0\x90\x89\xe4\xd1\xdb\xf4&amp;\xed\xd9\xeb\xc4\xc3\xef"\x88\xb6\xa8T\xf2C\x8b\x19\x94'</t>
  </si>
  <si>
    <t>Debt Free by 2016</t>
  </si>
  <si>
    <t>b'\xad[#\xc8F\xcbo\x97\xa6\n\xcd\xb0\xa7@`\xdf\xc9~P\xb1\xa8rT\x8e&lt;\x06\xadl\xa5\x08\x84\xae'</t>
  </si>
  <si>
    <t>b"\xc1Sf_\xee\x02\xbf\r\xe51\x0b\x96.\x92F\x9ds\xda\xa4\x1a\x16'i\x03\x19\xd8L\x1fFb\xf0\x9b"</t>
  </si>
  <si>
    <t>b'\xdfv\xde&lt;]7.E\x14\xb3\xbe\xb8\x93\xd2\x87\tc\xd4\xb1\xeb\xfb\xf3\xa7\x06\x98y\xcb\x19\xe4\xb9\xa5\x9e'</t>
  </si>
  <si>
    <t>b"p\xc8\xce\xd1\xc8\x0f\xe5\xbc\xff\x8a\xab$fHR\x07\x97p\xcaGG\x99%'iT\xf0q\xdb\xa1&amp;U"</t>
  </si>
  <si>
    <t>b'%b\xfe\t%5k\x1cx\xa0E\xe5\xb8\xb7\x97=f\x85\x9f\n\xb6&lt;9\x15\xf8Y\xa0\r\xdc\xfa\xf5\xfd'</t>
  </si>
  <si>
    <t>b'j\xffC\xa5\x0b\x0f \x95\xe4\x17\xfb\xbc,0\x84hm\x90\xed\xe9+0i\xc5\\|}\xb5c\xb8\xfe['</t>
  </si>
  <si>
    <t>b'\xaa&amp;&gt;\xb4\x0ba\x1c\x94\x95\xedw\xe7I\xc9$\xdc\xd9t\xa7\xcc\xc5\xfdpH\x83\x9fk\xa0zc\xa2S'</t>
  </si>
  <si>
    <t>Consolidated Plan</t>
  </si>
  <si>
    <t>b'Q\xc8\xa3\x15~O\xe2V\xe31#\xe4\xf5\xad\xfd\x94\xfe\x02\xc2=\xc2\x0e\x16\x11W\xccI\xd1\xa8J&gt;\x0b'</t>
  </si>
  <si>
    <t>b'\xcf\x1e\xc4\x10\xad-\xbdQC\x93\xc0tB\x00c\x12\x03\nr\x18\xcd7JT\x92\xac\x1c\x0c$\xfaK\xcc'</t>
  </si>
  <si>
    <t>b'\x82v\xfa\x0b.\xa4\xd8Q\xe7\x19Zri9+N\xc9\x95\xe1\n\xf4\xecV;\xac\xfab\xab;\xad"\x9d'</t>
  </si>
  <si>
    <t>for the future</t>
  </si>
  <si>
    <t>b't\xd7&amp;\xec\xdf\xfeh\xc3_#\x88R\x7f;\x1e\xcb\xb7db\x90\x06\xb8\xe7\x0c\r\x15\xa5@\x0eS\xe6\x91'</t>
  </si>
  <si>
    <t>b"\xaf\x1d\xa3c\r\xbd\x07\xc2\xb8C\xcc\xe3\x11\x8d]n\x13\xb0\xb0\xfb\x91\n\xbd\xb3\xa4r\xc2\xff'\xc3\x07e"</t>
  </si>
  <si>
    <t>b'\xe7\x1d\x11\x04\x86\xd2\xa7G\xc7\xab\x9e\xf7^\xe5a\xce\x13b)\xf6\xce@r\x12\xe9\xbb\xc4\xbb\xd7\xde\x01\xbb'</t>
  </si>
  <si>
    <t>b'\xe9\x93#O5T\x00\\\xc6\xfbtJ\xe2\x1b\xdb \xf1\x8d\xf2\xd5/\xa6c\x7f\xe9c\xa00\xc0\xbf)\x1c'</t>
  </si>
  <si>
    <t>b'A`\xabf\xfc\xb7\x8d\x0f\xe7\xa9~\x17;\xde\xda\x82\xd4LI\xd1\x12lL\x1dEU\xf9\xf9;Fk\r'</t>
  </si>
  <si>
    <t>b'\xa2\x04\x07bpk\xe9C\xa0w\xd1&lt;VP\xfb\x88\xf5\xb0\xbdAp\xd5,&lt;\x18\xd7\x8c\xdf\x93\x9d\xbf='</t>
  </si>
  <si>
    <t xml:space="preserve">Pay off bills and other needs. </t>
  </si>
  <si>
    <t>b'\x12\x89\xdb\xf8\xb4C\x902\xba\xc3\x18M@\xc8h\xfa\xe8\x1c\xc0\xe0\x8e &amp;\xc8P\x00$}\x03\xc9\xc19'</t>
  </si>
  <si>
    <t>b'{\n\xce\xbe\xaf\xd8\x86F\xf2u\xdd\x85lj\x06\x05\xe2\xef\xa6\x9e\x8e\xd7\x13\xc5\xf3\xed`\xd5%WdB'</t>
  </si>
  <si>
    <t>b'\xa0]\xcc\tZrU[sE\xc4\x18\xd7\xa1\xc1\r\xebq\x9f\x1e\x8c\xf4\xd2\xc6\xc6*=\r\xeb\x07Ov'</t>
  </si>
  <si>
    <t>b'v\x1d\xd7\xb0K.\x97\x10r\x9c\x98\xd3=p\xd8\xb7X\xc8\xa7p\xd83GU6\x1c\xd6D\x96\xb4"\xa9'</t>
  </si>
  <si>
    <t>b'\xfbx\xd5rg\x9bR\xc2\x17\xa5\x1f+\x89\xb3\xf7r\xa5\xe92\t\x1eXp\xde(P\xd6\x97w\x84\x05\x9b'</t>
  </si>
  <si>
    <t>b'\x1a*\x89\x1ch\x92\xeb\xcb&amp;V\xf0\x16\x02\x02\xba\xa5\x1c\xc5\x08\x1cz\xe5&lt;@)c\xb4\x12\xcb\xdf\xb1\r'</t>
  </si>
  <si>
    <t>b'{\x0cG\x82\xa6&lt;O\x9b\xf8\xb5\xd6\x8f\xedF\x00\xf6\x0b\x03}\xc6\xcd0/\x05\xa5\xce]9Z\xf8V\xbc'</t>
  </si>
  <si>
    <t>b'+;0\x17Wm\xd52\xd8\xa8\x17\xf7\x88\x04\x9dmj\n\x95\xe6@\x04%F\x10\x98l.U\xa8"\''</t>
  </si>
  <si>
    <t>b'#C\x81\xec\xec\xa4\xe8\x07\x92!3\x1a\x13\xa7\x17\xa1aw\xc2Xj\x1cR\x03mN2\x8f\x7f|+\xec'</t>
  </si>
  <si>
    <t>b'b\xe8K;j\xa1FI\xca\x06q\xa7E\xfd\xd3\x06@#\xb6\x82\xcd\xa7A\xa8\x87\x9a\x86\xb19\xb8\xbd7'</t>
  </si>
  <si>
    <t>b'\xf8\xb6#\x05\xd0\x14Y\x1b5\n\x99,\x11\x01\x8f\xf0g\x9f\xf8s\xe3\x0b\xaa\x1b\x0c\xf1e\xee\xd3\x04\x1fn'</t>
  </si>
  <si>
    <t>b'A~\r\xbe@96\xa7?\xe4h8K\xa0n\x00\x1b\xdb\xaa\x06-jD\x88\xeb\x0b\xd5\xc3\x8f*\xd4*'</t>
  </si>
  <si>
    <t>b'\xb7+\x7f\xd9r\x99\x97Q)\xdf1.\x11\xa6\xfb\xd8\xa1d\x9c[\xff\x9a\xa2F\xdb\n\xaf\x08\xa9[B}'</t>
  </si>
  <si>
    <t>b"M/%V\x05\xa9\xe2\x19~\xa8v\x9c\x99\x1d\x08N\x94\x104\x8f'/\xd3\x86jg5Mm\xad2y"</t>
  </si>
  <si>
    <t>b"\xa4WQ\xdd\x18x\xed\xe0\x14b\x89B\xd8\xa2m,\x1b'\x0e;\x15\x12\xe2[\xe1chY3\x92\xc7\xa9"</t>
  </si>
  <si>
    <t>b"\xb4\xd5%\x8d\xf8Ib\xfd\x90\xdb\x9a\xb2L\xd8\x18\xca\xd6\x03\xd7\x93\x9c',l\xe4zz)\xf8a\x95/"</t>
  </si>
  <si>
    <t>b'\xf2\x8e\x02\xfa\xa4\x97\xd1\xe0\xd0\xc2\x16s\xcf\xde*\xa2\x07zuR1\t\xd2\x9c;\x0b&amp;\xe7\n\xaa\xc3\x01'</t>
  </si>
  <si>
    <t>b'v\xc9\x94\x1f\xd9\xcc\xd8_\xd8\x9aJ\xb2L\xa3\xae/\\\x05MI\xff^\x18{\x88\xc2\x19\x88\x8f)*\x1a'</t>
  </si>
  <si>
    <t>b"bh\xf9H'w+?o!=\x01\xebp\x98&lt;\x05\x929\n\xe3{~1\xee\xfb\x95\xa0\xee6\x88\x95"</t>
  </si>
  <si>
    <t>b'\xf6\x01\x99@\x90\xbc}\xf6R\xa3\x80\x9e\xaf\x8e\xf5\xf6\xae\x02y\xf6\x10\xa4\x97]hu\xeeP\xe7\x10S\x83'</t>
  </si>
  <si>
    <t>Credit cards loan</t>
  </si>
  <si>
    <t>b'\xef\xca.\xfd\xf8\xd7\x87&gt;\xd6\x8f\x80&lt;\xf1\x0c\xf2\xdd+\x0e\xc0\x95\x9a\xb2G\xf5\x148\xc4\xd5\xe2\xde\xff\xa2'</t>
  </si>
  <si>
    <t>b"\xce\xcc{\x18b$&gt;N\xff5\x85\xa8i\xe2g\xefB\x96\xcd\x90'\x1ar)\x82i\xb4\xa1\xadL&lt;\xa1"</t>
  </si>
  <si>
    <t>Looking to grow!</t>
  </si>
  <si>
    <t>b'z\x01\x00c\x03\x11&lt;.\xe2\xe15\xc1C\xb61&lt;\x97g=\xea\x04Lr\xfe\xd7W&gt;*\xb2\xf3\x99\xca'</t>
  </si>
  <si>
    <t>b'\x95\x17$c\xee\xb7\x1c\x10\xce\xd2nR\xad\xb8H\xa2\xec\xa2\xff\n\xaa\x9c\x84EZ\x95dr\xdbaF\xcb'</t>
  </si>
  <si>
    <t>b'\xf0}\xe9r\xd8@\x04\xc9\xc8\x08\x19\xe9\xeb\x7fh\xdf\x0e\xfds\x81\xc4\xd2\x158\xce\xe9\xcd\xe3\xf6\xa6\xde\xbd'</t>
  </si>
  <si>
    <t>b'A\xa4/[a\xa8\xdd\x17\xb1\xf0\xd9b\xc8\x94\x05\xba\xdeQ\x1fb\xb9\xc2p^\xba\xfeB\xb3\xf3\x90r\xf4'</t>
  </si>
  <si>
    <t>Credit Card debit</t>
  </si>
  <si>
    <t>b'\x98s0\xd3\x7f\xa9\xd7 \x17\xdf)\xaa\x95__\xdd\xce0i\n\xb2\xd2\x82|\x1e\xaaRM\xf5\x83\xd8\xdc'</t>
  </si>
  <si>
    <t>Need lower rate to consolidate some card</t>
  </si>
  <si>
    <t>b'\xe6\xc5\x99\n\xa2\x90\x9c|\xb9\xf5\x0f\x08\r\xa4E-\x8a\xbb\xa2\xcc\xa6\x06\xcd\xdc#\x10\x96\x1a\xab\xf7\x7f\xe7'</t>
  </si>
  <si>
    <t>b'w\xcc.W-{\x0e\x83A\xfb\xb4K3\xcc\xd9@\xc0\xfbZ\x1b\xbd\xc7&lt;\x9a\x83\xab\x89\xd4\x95vq_'</t>
  </si>
  <si>
    <t>b'\xf53\xed\xb6_\xa5\x1f\xc3_\xc3\xfe\x8d\x19\xf2N&amp;\x97d\x84\xe0\xf4\xc8\xdc\x07a\x84\xe3YSR\x9b#'</t>
  </si>
  <si>
    <t>Home Improve and Credit Crd</t>
  </si>
  <si>
    <t>b'\xb5*\x08T\x16Q\xba\x0e\xd7\x06\xa0\xb9\xa4\x8e\n\x8c\xc4\x16\xa1\xe7\xa9\xc58\xf8\x9c\x84\x046\x12\xfd;\xb1'</t>
  </si>
  <si>
    <t>b'\xf7\xb2n\x7fa\x02b\x08\xee\x1bK\xf7&amp;\xb3\x0e\x9e\x05\xd9X\x84\x1a?K\x99\x8f"\xe5\xc2\x88\x15\xf17'</t>
  </si>
  <si>
    <t>freedomloan</t>
  </si>
  <si>
    <t>b'\xd0nx^\x9f\x0b\xed\x0e\x00)r(\xe2lsX\x93\xa1#\xab1k\xf2\xeeT\x06\x87!\x99\xf8Q\xe3'</t>
  </si>
  <si>
    <t>b'_\xb2H\x99#\xce\t$"\xcc(\xb3EB&gt;=\x95\x01\xa06\xa9\xb2(\x13/&amp;T1\xba\x0eR#'</t>
  </si>
  <si>
    <t>b'5\xce\x98i\xb7\xf1n\x9ap\xaf\xc0\x1e\xe5\xf9\xf1\\:\xa0\xcd&gt;\x94?\x9a\x14,\xc7\x1eg8j\x0c\x05'</t>
  </si>
  <si>
    <t>b'pXOK\xc2&amp;\x82\xba\x86\xa0\x06\xf9\xab/\xde\x0b\xb6\x93\xf2"\xf2\xa8\x9f\xda`\\:\xa7\xb7\xab\xe0\xdb'</t>
  </si>
  <si>
    <t>Debt Consolution</t>
  </si>
  <si>
    <t>b'\x85\x9b\x98\xf5\xfdk\x91\xd9\x84GG\x04"g\x86=R Q\xf7\xf1&amp;\xf5\x16:@5M\xfe\xb3\x83\xf0'</t>
  </si>
  <si>
    <t>b'Tt\xa9\xcb\xb7\xb0\xbb\xc7\xf8\xc9\x00\xd3\xdf\xeb\x14?\xd9w+\xf3\xf1\x9fa\xda\x0eh\xcc\x04\x02P\xb5\x01'</t>
  </si>
  <si>
    <t>b'\x7f\xfb\x8cY\xab\xda\x0f\x89\xa0A\x8290\x18\xf3\x8e\x07\xa5Af\x85G\xc3\xc1\xc66\xaa.\x01\x8dN\xa8'</t>
  </si>
  <si>
    <t>b'T[\xff\xad\x00\xff2\x9d#\xbe\xd3\xb2\xd5\xbbRG\xfa\x0e\x96\xa0\xf6U\xf2\x13\xcb\xb6\x00\xf6X\xfbz`'</t>
  </si>
  <si>
    <t>b'E\xc0\xee\x80Y7\xb4i\xd9e&gt;\xf9\xe3\xf5\xdd\xc1z\x97\x99\xd1\x1c\xe5\xf4\xd6\xad\xe7r\x86\xa7 \xb2/'</t>
  </si>
  <si>
    <t>b'T[\xc5 w\x81\x19\xd4\xdb\x1e\x1a\xbe\xd1+"y\x06\xa53[E\'\x8e\xd6\xe570\x9b\xd6_\x9c\xf6'</t>
  </si>
  <si>
    <t>b"\xf3\xa2KKB\x95\x18\xefv\xc7\x9d\xba$'\xa4P.\xf2\xbd\x7f7{\x89\xb7\x83\xe0\xaa\xbc&gt;a_\xa8"</t>
  </si>
  <si>
    <t>b'\xc3\x08&amp;#"_\\\x13\x81(6\r\xab\xbfYmo\xde{\xae\td\xab\x9d\x9c\x84Cm\x1fp|B'</t>
  </si>
  <si>
    <t>Credit Card debt reduction</t>
  </si>
  <si>
    <t>b'_\xactv\xbbj\x18g\xed\xbf\xa74E\xdf\xfdi\x8b%Y\x0c\x98B\xef\n\\%\x84\x8eRrrL'</t>
  </si>
  <si>
    <t>b'\x1eU\xd0{sS4\x1cb?Xi\r\xd4\xa0K\xeb\xfb\x90w&gt;\x0f$\xd2\xa8\xbe\xab\x8e\x9b\x91\xe8\x88'</t>
  </si>
  <si>
    <t>b'\xa8\xc9\x9aK\x9dk\x13\x10\xa4Z\x8aCo\x90J\x1b\x88\xbf\xbd(\x06KZ\xc3\x80e\xcd\x0c\x84\xde\xeeg'</t>
  </si>
  <si>
    <t>b'\x86\xb9r\xce\xd0\xfc\xc5TU}\xec@v\xf3\xf6x\x06\xfa\x1c\xea\x04\x0b\x84\xee\xf1\n\xa3\xb5\xe0]aX'</t>
  </si>
  <si>
    <t>b'\x92VK!)\xbb\x9a\xe7\xf2\xf7\x91\xc7#\xae\xd60J\x1cQ\xa6\xab\x12\xfd\n\xd7H\xfb\x95:}\xc6\xbb'</t>
  </si>
  <si>
    <t>b'\xb7v\xc9\xf3k\xe5\\\xc8/e.alu\x08\xa4(\xc3;\x98\xcc\x946\x01"\x8f\x05\x06+\xb2\xc1k'</t>
  </si>
  <si>
    <t>b'\x8cQ\x08\x9d\x8e\x90\x891\xa5\xc2\xb7\x17ZN\x17m\xee\x18"\xee?#~ \t\x1e\x8e\x9e\x92\xcfO\x86'</t>
  </si>
  <si>
    <t>My Vacation</t>
  </si>
  <si>
    <t>b'L\x9e!\x1a\x97_Y{\rvV\x17\x8a8g\xe3\xb4 \xc2\xad\xa2\xfcu\xcd\xb6\r\xa4\xbb4Na;'</t>
  </si>
  <si>
    <t>b'\xfc$r\xe83\xbe~\xd3\xbd,\x95\xc8\x81\xbe\xc3\xda\xd7`\x83\xac\r\xf0\xaf\x04\x9e\xba\xbb\xa2\x809\r\xd2'</t>
  </si>
  <si>
    <t>b'E\xd7j6\xe0*\xb0\x7f$\xd1\xf4O\x89\x13\xae\xc9\xd78i3\x8cNY\xce\x13\x17\xf5\x850\xf1c\xcf'</t>
  </si>
  <si>
    <t>b'\xb89\xb7\xb5P*ECZ\xbe\x83%\x84\x12\x12b\xdf\x80@\xf3X~y\xc8mD\x89u\x84\xcc\xa4"'</t>
  </si>
  <si>
    <t>Lending club</t>
  </si>
  <si>
    <t>b'\x8bsG\xdf\xafN\xa2\x89\x99\x8f\xd6\xb7\xb17\x93\x84\x0526\x02\xe2qo\x8f\xcb+Z\xeb\xca\x15\xc1\x9c'</t>
  </si>
  <si>
    <t>b'\xa6?\x19\x96\xe0\x91L\xdb\x86r\xea\xd1!\xffx\x8f/b.\xd6%+\xbfF\xcb\x0e:\xea^\x1e\x94\xba'</t>
  </si>
  <si>
    <t>b'\x05&gt;\x12x\x16HEW\xce\x07\xae\xe8=\xc2L\x956\x1c3o3}\x7f[P\xcb\x11\x87\x14c\x95,'</t>
  </si>
  <si>
    <t>HOLIDAYS</t>
  </si>
  <si>
    <t>b'H\x04\xbc\x9cUQ\x1dE\x143*\xfb\xae\xe4\xcb=\xae_|\xd7\x8e\xb4\xb6\x1c"\xa5i\xc7C\x1fs\x9a'</t>
  </si>
  <si>
    <t>Tax payment</t>
  </si>
  <si>
    <t>b"1_\xbfR6\xd4\x046\x85\x0e\x8a\x11\xeb\x1a'\xa0\x8b\x83\xaf\x86&gt;%U\x1e\xc4\x1d\x9bK\x1bR_\x03"</t>
  </si>
  <si>
    <t>b'\x9fq\x81}tuG\x89\xf5\t 3\xe5\x1d\x08xX=\x04\x81X\xc6\xbb\xa3\xc7\xfe-\xa3\xab\xb9\xed\xe9'</t>
  </si>
  <si>
    <t>b'U\xf0\xb7q7vcX*YY\xad\xbd\x1e\xd5$X\xf7q?|\xa5\xb8\xe0\x84\xefl\xa9d\t"y'</t>
  </si>
  <si>
    <t>b"\xb4\xc7_&lt;\xb1J\xf3\xd7\xa0\xe1\x17\x83\x10\x9c\xa5\x87\xd75\xe1W\xb3\x0e'\x05\xec\x15\xaa\x9eF1M\xb1"</t>
  </si>
  <si>
    <t>For the home</t>
  </si>
  <si>
    <t>b'.\xc6\xf4Z5\xda\x05\xa4\xce\xcf\xaf\xe3~\xe0\xab\x07\x85\xb9f\x8f\xff\x1bm\xddY`A:\x17\xb6$g'</t>
  </si>
  <si>
    <t>life saver loan</t>
  </si>
  <si>
    <t>b'\xe1\x066yw\xe9w\xd5\x14\xff\x86]1\xfc^\x85V\x02_\xd8h\xaf\xf5fAN?\xaa&lt;\xf9\xcd\xe8'</t>
  </si>
  <si>
    <t>b'\x01m\xf8\xe5\xd1\x93E\xea\xc5\xcd\x88\x83\xa8\x14)\xc5\xdd\xfa\x05-\x9d`f;D\xf4\x0f\x91;\xb0\x11\xbc'</t>
  </si>
  <si>
    <t>b'Z\xa7gI\xa1\xad\xbe\xa2\xef\x8b\x06&lt;\xa3\xd2\x8b\xf88\xab\xafQ&lt;&amp;\xe1\xaf\x95g\xc0w\x9eQ\xd2\xbb'</t>
  </si>
  <si>
    <t>b'Bm\x9fu\xa6\xa8\x04P\xa9xE,\xff\xd7\xf5f~\x87,\xc1\xa7GT\xf4\xfa\x8c\xe8\xe1\xe8\xc4\xfc\x99'</t>
  </si>
  <si>
    <t>b'\xc9MD\x0c\xd1\xbbj\x89\x18\x1d\xad\xfd\xfd\xa3\x82e\x93\xd3?\x14q\xb5\x84F\x86\xf7\x95\xf4\xebX\x14\x96'</t>
  </si>
  <si>
    <t>b'\x92-\x08\x8b\xfa\xa5\x04\n\xebSw\x9bi_\xd95q5\xf2\x15\xfc\xb4\xf2z\xae\xb6\xc0?\x8ee\xdc\xf7'</t>
  </si>
  <si>
    <t>b'\x0f\xf0SN1\xe3P\x8c\xe9\xecm)72\x15\x0e\\\xbc0\xf0m\xd9\xc7\xcc\x91Q\x96\xbd\xd3\xb6\xb0\x93'</t>
  </si>
  <si>
    <t>Help with debt</t>
  </si>
  <si>
    <t>b'E\xe3\xbd\x80\x98\x92\xf7\xa5ez\xdb\t\xafu\xeb\xad\xd1&amp;S\xc4\x1e\xb13=\x88\x98\xe5\xbeS\xc3a1'</t>
  </si>
  <si>
    <t>Garage FIx-Up Loan!</t>
  </si>
  <si>
    <t>b'\xf8\x96G\xce\xbc_&gt;\x08\x9b\xd3T:1\xefi\x8a\x1a\x7f\x1a\x05v\xf8U\xa2\xf7\xcb\xde4\x11%N\xc9'</t>
  </si>
  <si>
    <t>b'=]\xa8\xd9\xe0\xe5\n\x7f\x85\xe5Zv\xda\x95\xcab\x1d\xb8\x0eJ9^\xa6:^\xe1\xbc\xa6_\xd81\x01'</t>
  </si>
  <si>
    <t>b'\xa0(db\xe4K_\xf6\xc0\x9f\x82\xb8\xb0\xe7\x9b)\xa6\xa5\x0b\xad\x96AP_\x9d\xbd@\x87\xd4&amp;Y\x19'</t>
  </si>
  <si>
    <t>fresh start</t>
  </si>
  <si>
    <t>b'\xc1\x07\x15\x9a\xac\x9a\xf4\x10\xbd\xdd\xc5m\xff\xd0Y\x8a\x1dD\x17\xa9)\xe5\xf6J47\xbe\x95\xa7\x1d\x8dI'</t>
  </si>
  <si>
    <t>Consolidation of Debt</t>
  </si>
  <si>
    <t>b'\xd1T.\xcbj\x19x\x85\x8a\x07\x10(k\x96\xdf%x\xb1\xb7\x14\x1a\x87C$\xf9\xffa\xc3\xe5\x8dr?'</t>
  </si>
  <si>
    <t>b'\xfe\x96\x93\x80K\xc5op\xf3M\x18\xfc\x1f\xd0~Nui\xff\xc5\x85*IR\xd3X*\xc4\xdc5|\xbd'</t>
  </si>
  <si>
    <t>b'\xbb\xb7\x91 lm\xb0\xa3G3\xcaX0\x10B\x98\xfb\x0fxC\xa9\xfd`\xdd}\xf8\xdcc\xf6\xb0w"'</t>
  </si>
  <si>
    <t>b'6\x0f\xf6t\x1b\x15\xee%\x95\x9d+$\xa3R\x9cc*\xb8\xef\x94\x92\x1c\x7fD\x92,W\xb3\xaf\xc0\xe2\xf2'</t>
  </si>
  <si>
    <t>b'\x94K\x18D\n\xf2\xb8G\x99S\x90\x9f~qcYU6ZjAE&gt;%\xe5\x80\xf0\xa5\\n\x9b\x00'</t>
  </si>
  <si>
    <t>b'\x192\xe6\xe0&lt;\x07\xdbb\x8fG\x8fv\xdfT\xe4g\x85\xb2d\xdb\x93v\xb8\xc9\xd2\xf3GxBY\xc6\x00'</t>
  </si>
  <si>
    <t>Paying off credit card debt</t>
  </si>
  <si>
    <t>b'x\xcb\x04$%K"\x94\xbb\xc5\xb1\x88\x1b\x12\x1c\xbe$\xe1U\xb1C\x80\x87\x0c\xfe\n\x0e\x02\xe0\xa3i\xb4'</t>
  </si>
  <si>
    <t>b'\xc4\x00\xae\r{\xc0\xe6\xad\x80\x1f\xd7&gt;tBt2Z\xd4\x9a;\xf0\xa2\xec\xfa\xed\xbe$\xd5@\xcaH\xb3'</t>
  </si>
  <si>
    <t>b"\x03'\xf2\x18\x91\xd6\xad\x1b\xf9\x1c\x9b\xb8@\xd8\xf4\xbc{\xe5\r]\xcaH\xf4O_j\xa8\xf2\xef$\x1a\x84"</t>
  </si>
  <si>
    <t>b'&lt;\xe0I\x0e\xec\x13B\xb0\xb4\xdc\xbbl(\xed\xfbt\x05j7\x8d\x16\x1d\x1a``\xf1T\x13s\xe4\xa4\x9c'</t>
  </si>
  <si>
    <t>b'\xd4\xcf\xb7ZD\xf9\xfd\x98qj\x01\xf3\x90\x8f\xbem\xd6@\x9aw*\xe8S\x82\x16\x7f\x82\x88\xf2\x9a\xb9\x8a'</t>
  </si>
  <si>
    <t>b'\xe0\xc7\xd8\xed[\xbd[\xaaA\xb5\xd6\xa7w\xfd\xdd\x97\x8a .\xcd\x8c\x9bwo*\x08\x03;h\x1f\x8dZ'</t>
  </si>
  <si>
    <t>Pay down my debt</t>
  </si>
  <si>
    <t>b'\xe5U\xfe\x16\xc8-2*Z\x89\xb45\x87\x81\xf6fFk+\x008Wg\xddW1JZg\x15g$'</t>
  </si>
  <si>
    <t>installment loan raises credit score</t>
  </si>
  <si>
    <t>b'\xf8%\x14x9\xe1,5"\t\x19\xf0\xe1\x93\xcea\x8f\xae\x84\xb7t\'\xac\xe3\x0b\xaf\xf2\xb4\x02\xa7+\xb7'</t>
  </si>
  <si>
    <t>b'\xfa\xa4\xca\x8e\xce\\\xb7\xfc\x1a\x88[\xd4\xe7\x0f\x0c\xf3\x91\xe6\xb5x\xa2)y\x10\x0f\xee2Z(k\xcf\xb4'</t>
  </si>
  <si>
    <t>Debt Decrease</t>
  </si>
  <si>
    <t>b'\xfa\xc2\x9eP\x10\xfb\x05\xe8\xd4T\xc2\xab\xc6\x83\x17\xab/@\xc3\xfa\xc0\x83\xdbe\x91\x98Yh\xb4\x82\xbf\xec'</t>
  </si>
  <si>
    <t>Fast(er) way to payoff my debt!</t>
  </si>
  <si>
    <t>b']\xce\xc6\x9a\xe8Sq0\xe3\x86\x12\xc1\xcd\xcc\x91\xab\xcbQ\xafc\xcf\x9a\x9bt\xd3\x16\xb2\xbd\xaf\xdc\xb7\x02'</t>
  </si>
  <si>
    <t>Debt Consolidate/CC Refi</t>
  </si>
  <si>
    <t>b'\xfc%o\x94\xb5\xcb9\n\xb4\x03\x9bO\xc4\n\xc6\xde*Cao\xbcV;I\xda\x0fV\xa9\xff\xa8\xae\xa0'</t>
  </si>
  <si>
    <t>Spring Loan</t>
  </si>
  <si>
    <t>b'\x80\xf1]\x13~C\xca\x98\xd9\x942Q\xbd\xbf\xc8b\x9a|\xdc\xe2\xf5\x9f\xea\x87T\xda0N\x8ch\xd7\x17'</t>
  </si>
  <si>
    <t>payoff credit</t>
  </si>
  <si>
    <t>b'\xe4\xfc\x98\xdd\x9c\xe2\xd6\x10\xbe&amp;\xea\xe0\xe7[\x0c\x1b\xd2\x84\xf1!A\xa46\xfb\x8dz\xaah\x95Ud\x89'</t>
  </si>
  <si>
    <t>b'\xf0|\xc4d\x11U\xb3\xcd[\x90\xdc\x0fC\xca\xc0m\xb7\xed\x0f~)\x8c\xa1\xec|+\xb7_\xcc\xc1\xc5\xd6'</t>
  </si>
  <si>
    <t>b'\xdb\xe6\x04\xd6\xb0\xa5\xddp\x81Gr\x862;\x9b%\xb4p%\x8bl\xd0\x18qymzw\x13p\xacF'</t>
  </si>
  <si>
    <t>b'\x80\x8eUS\x88v\x14\xf7`byc3\xf9n\xacC\xc22{5\x1ft\x91\xc4\xb1\x0f?\x0f\xaf\x16x'</t>
  </si>
  <si>
    <t>Floors</t>
  </si>
  <si>
    <t>b';V\xba`ZB\n\x1e%])~\x00\xfa\xb5\xed\x91\xc2\x8a\xfe\xf4\x89\xdbglh\xf11|\x9a\xfa\xad'</t>
  </si>
  <si>
    <t>b'\x92$\xc1\xd1\xe8\xacCY\x80\xea\x1dk\xd3\x0e\xf9\xadY\xcd\x18"\x04g\xb2Q\xbb9%l1\x81\x02\xd2'</t>
  </si>
  <si>
    <t>b'\xaf\x15-\xcbER\xd3g\xdb\x1e\xe2\xf5\x11\x19\xff\xda\xf5\x7fp\x183%\x112\xfdn\xa0\x067\xb6\x17*'</t>
  </si>
  <si>
    <t>b'\x979`{\xc9\xd8FR\x85l\xfe\x1d\x1bo&gt;\xc3\xd1\xa4\x94]k\x95\x0e\xedu[\x87\x9a Q\xfe\x92'</t>
  </si>
  <si>
    <t>b'\xe6\x8d\xb55\x13\x9f\x95\x91m6\xdb\xa4\\\x8fd\x1d\xec\xcf;\xa5\xae\x8acB\xfc9S\xff\xc4&lt;\xa7\x9e'</t>
  </si>
  <si>
    <t>b'\x1c\xbfNL6V\x87aKw&lt;y\xd3\xbd\xb5\xe3\xf6$jz?aZN\xf7\x9f]\xf8\x1f\x7f\xbcQ'</t>
  </si>
  <si>
    <t>b'0yl\x83\xe7{\xcf\xe710\xf3\xc0N\xe5\xe7\x81\xf8\xbak\x81$X\xee\xf8\xa1\xe0\x97\x87\xda\xbd\r\x85'</t>
  </si>
  <si>
    <t>consolidation and personal loan</t>
  </si>
  <si>
    <t>b'\xed\xf8pd\xb6\x1b\xe1\xb7\xbcY\x8b\xca\xf0\xb7wir\xdf\x98\x13\t\xe0\xb9\x01\xa7\xf6p\x92=\x8f\xba\xe9'</t>
  </si>
  <si>
    <t>b'\xa4\xac\xa5+\xea\x81u\x9b\x00\x0c\xc6\xb3\xe8\xeef\xb9[\xeb@\x1a&lt;2\xb7\xf3\xa2y\x1c\xcb\x0c\x9f\x12M'</t>
  </si>
  <si>
    <t>b"\x0b\x19\xf0\x1dv\xe0M|\xdd\xbc\x85\xa7\xf0\xc0\x82'\x83j\xf7\xbfk\xdd\x1f&gt;NbU]\xdb\xda\xf7\x98"</t>
  </si>
  <si>
    <t>b'h0&amp;Y\xcc\xdf"#]@\x1a\xcb\xc54{Z\x17\xa6%]\x855\xf3\xddZ\xc4}B\xe3\x8e\r\x92'</t>
  </si>
  <si>
    <t>b'Q\x08\x97\x84\xbcV\xe9\xfd\x82Tp\xbf}\x84\xdd\xae\x865=\x87Z\x185\xe3xG\x96\x83\xa00\x03\x96'</t>
  </si>
  <si>
    <t>Bad CC's Gone</t>
  </si>
  <si>
    <t>b'ItM\xa32\xa2\x00\xd5&gt;\xbc\x16\xbed\xa7\xff\x86\xc6\xbaI\xfbN\x04\xaa\xc9\x16\xa9\xc0\t\x01\x19\x0fR'</t>
  </si>
  <si>
    <t>b'!\xa9\x07\x18\xab\x17\x8d\xd6\xd1\x81\xc0]\xdd=\x16-&amp;"8\xfbB}Kc\x10\xcf2\x89\xc8dKO'</t>
  </si>
  <si>
    <t>starting over</t>
  </si>
  <si>
    <t>b'\xc9~\x9e\x0c\xa2\xc0K\xeb\x896\x0eD\xac\x1d\x97z\xfbc\xebx(\xd5\x12-g\xac\xb6)\xaf/\xfb\x9b'</t>
  </si>
  <si>
    <t>b'\xaa\xa5\xda\xef\x17\xc7\xec\xa5\x1a\x05\x83\x0f\xc4\xed\xc3f\x97\x05\x87\x15\x16\xb0\x13\x1c\xf9\xce \xbd\xea&lt;\x84\x16'</t>
  </si>
  <si>
    <t>b'\xd1b\x19GmM=&amp;S\xbb\xb6\x84J?\xc9\xd4\xe6y\xc4\xc3\x9d\xb4y\x1c\xbap\xaf\xb9\xf8I\xf6+'</t>
  </si>
  <si>
    <t>246xx</t>
  </si>
  <si>
    <t>b")\xf9\xe2Z\x895\x1f\x7fh\xfd\x9frK8\xd3';&lt;k\xef\x00\xf9\xd7w\xda\x12n\xf1G:\xca\xcb"</t>
  </si>
  <si>
    <t>b'\x1a(\xdco\x93\xa9\x01b\xbc\x85\xbb\x0e\x86@?j\x86Q\x0bF\xce\t\xdbP\xa6\x92\x98\xcc\x92Y\xb6\x95'</t>
  </si>
  <si>
    <t>CC pay off</t>
  </si>
  <si>
    <t>b'\xa0\xe9m\xd2y\xea\xa9\x00X\x90\x11\xa0\xff\x00\x06\xf3%\x84\xd5\xcb\x94\xd3\x8fy=\x9eh\xb1\x05[X\xe2'</t>
  </si>
  <si>
    <t>176xx</t>
  </si>
  <si>
    <t>b'\x88\x9f\xb7\xfd\xbdw\xb1\xffE\xb6\xd2\xc1\x1f\xe6"\xb1e\xaaf5\\\x97g\xe8\x82\x00\x1b\xad\xdb\xf8]\xb5'</t>
  </si>
  <si>
    <t>b"\xe3\xb7'YG\xec1r\xb4\x0b\xb0\xa2}\x9dv\xb1ve\x08\xa2g\xcf\xe2\xab\xbe\xd2\xc0\xd0\xb1\x8ca^"</t>
  </si>
  <si>
    <t>b'}\xe8\xc9\xa8\r9\x08\x80\xf0\x08Aq\xec\xff\x07P\xcax\n\x9dw\xc0\xa1\xfe;C6?\xa6\x00j\xd9'</t>
  </si>
  <si>
    <t>b'\x03\xcb\xfcgQ\x17\x08\xe7#;\x1f\xe95\x1a\xb2wJ\xb9\x93\xaa\xcc\x92yM7C\x13\x80:\xaf\xf9\x04'</t>
  </si>
  <si>
    <t>b'\xfc\xaex;\x83\xac\xff\xa3@\xe4^\xb9`k(\x8b\xf2#\x9bR\xa0w\x1ew!k\xa7\x81x!\x95j'</t>
  </si>
  <si>
    <t>b'${B\xdf\xf9W\xb5Q&amp;\x91\xdf\xb0\x84y\xd97\xdb\xc7\xa2\xd6\xa8/\xb8\x81\xa2\xf5\xe9\xa0\xd9\xf1\x05\x06'</t>
  </si>
  <si>
    <t>b'\xdd^0\xfb6\x93\x03.\xf9\xa3\xe8\x9a\x12\xbd\xc1 \xd4\x975\x91\xe1\xf8\x8a\xaf\xb6dT1\xc7j\xe6 '</t>
  </si>
  <si>
    <t>get out of debt....</t>
  </si>
  <si>
    <t>b'\xe4\xf1*m\x84D\x86\xd89V\xd8\x86L\xb93\x1f&gt;I(\x979\x1c\xbdV\x00\xf2H~L\x94\xa0\xb5'</t>
  </si>
  <si>
    <t>Discovery Pay Off</t>
  </si>
  <si>
    <t>b'o\x0b\xe3\xa4\xa1\xb9\xa1\x94\xfb\xa1u}\xc2:I\xfej\xb5\xf8y\x05\xa2\xa2p\xb4\xbf\xce\xc69TR\x12'</t>
  </si>
  <si>
    <t>b'~\x95Y\xa2X\x01\xeb\x1f\xd2\xe6\x14\x80\x86\x93\x13\x8c\r;V\x12\xe2\xe4\\\xa8v\x01\xa3\xdf6\x17\xe3\x7f'</t>
  </si>
  <si>
    <t>Streamlining my finances</t>
  </si>
  <si>
    <t>b'I\xe7)wZ\xc8\xfa\\\x92\x00\xd0F\xf9\xcf\xa00\xfa1r\xa2\xff\xd3\xaa2\xe6G1\xd4r!\xda\xae'</t>
  </si>
  <si>
    <t>b'\xb8\x95\xb5L\r:\x03\x96Ln\xeb$\xf5\xfc]\xad\xd4\xfbo\x91\xa5F\x1f\xcc\xc6\t\xec\x1b\xbd\xb9\xb8\x13'</t>
  </si>
  <si>
    <t>My Debt Loan</t>
  </si>
  <si>
    <t>b'@\x023\xa4\xea\xd3\x99\x03\x1c@\xce\xbcV\x94\xd5J\xe4\xc96\xf2\xe0\xe1z\xc6O`\x9c\xfe%\xd4Y\\'</t>
  </si>
  <si>
    <t>b'@J\xd6K\xd4y\x1ek\xd1\xbb?\xf0[_\x83I\x17\x01)?\xe6\x00\x8c\xa6h"\xd2V\xf1\x9f\xfa6'</t>
  </si>
  <si>
    <t>b'*\x90U\xe0\xc8r@v\x8al\x88\x9bP!\xa4\xbc\x95\x14\xde\xf6\xb2\xc9\x82\xb1\x18\xa9\xb3\xaa\xb4\x91\xe3\x11'</t>
  </si>
  <si>
    <t>b'X\xd9\xe9|k\xc3\xb1\xb6\x82k7e\xdc!0\x8b"\xcdy\x10\x17#\xe8\x0c,#\x89\x14&lt;\xf4%\\'</t>
  </si>
  <si>
    <t>b'\xa3\x8b\x85P\xc4\xbe\\\xffXg\xd6p\xfeZ~L\\i~\x9e\x1d\xd4\x9c?\xbe\xbf\x98\xe2r\x8c_\xf8'</t>
  </si>
  <si>
    <t>Card Away</t>
  </si>
  <si>
    <t>b'*\xddO\xdc\x0bf\xd7b\x1f\xa7\xeea\xf7&lt;\x9e\xe5\x92\x07\xdc\xd3\x0c\x94+\x8a\x1f\xd6\xc7&gt;gE\x0fF'</t>
  </si>
  <si>
    <t>469xx</t>
  </si>
  <si>
    <t>b'(\xec\x16m\xd1\x00u\xde(?q\xe1\x8em\xae\xf3n$H\xaf\xd3\xb6\xdf)^\xb7\xa8\xe3pm\x11\xab'</t>
  </si>
  <si>
    <t>b'\xb8:{-\xa5;H\x9c\xe8\xfc\xe3\xb0\xa5\xcd(\x14\xa7\x97\x11@B\x1b\x82E`\xd7b\xb5\xdf\xfa\xa1\xb5'</t>
  </si>
  <si>
    <t>b":y\xcc\xcf\xf3\x12]\x028;\xb7\xe9\xc8\x89\x93\xb5\xda-}\x82\xe7\xa7\x03\x83\xa6j\x96\xe8\xde\xd9'\x9d"</t>
  </si>
  <si>
    <t>b'K\xadg\x9bU\x07]1\xa9\xf8;\x0c\x1az\xd4,2\x07y[\xfe\x11\xa7\xb2\x02G\xe5\xbb[[\xbd\xc3'</t>
  </si>
  <si>
    <t>b'\xf5\x83\xd7\xf3v\xf2\xe0\xd6\xa3\xe9\xc1\xe3\xcc\xab\x9f\xd6\xbe\x1d\xcc!\xf4\xf9\xa0\x8f\xb3i!\xccS\xa8\x99\xab'</t>
  </si>
  <si>
    <t>Billpay</t>
  </si>
  <si>
    <t>b'\xb1\x85B&lt;Dc\xb9\xd5\x02\xa4\xc9\x95\x9e,w\x06.Ml\x99T\xe1\xc7\x99\xd7\xf5;\x11\x9f\x98/\xef'</t>
  </si>
  <si>
    <t>bathroom renovation for mom</t>
  </si>
  <si>
    <t>b"\x00\xd5Lm\x99\xf2\xcb\xcf\x94\xdd\xe7\xa8l\xd7\x96\xcd'\xce\x13o\x99\xbe\x94\xd2(\xab\xab2\xb1\x13\x93\xd1"</t>
  </si>
  <si>
    <t>b'\xd3aH#\x9d\x95\x06\xcf\x17\n\x9a4\xf8\xacw\x0ba\x94\xfd\\\xa3\xbd\xb6|r\x8e\x15\x15\xc0\x88c\x85'</t>
  </si>
  <si>
    <t>b'\xc0\x1b\x00&lt;\xb56\xee\xe8"KZ\xdf\x90\xc9\xfc\xef\x14\xe8w\x82[?lm(\xafHH\xa0\x97W\xca'</t>
  </si>
  <si>
    <t>b'\xaea\xf7\xbfI\xfd\x99\xb8;\xcb\x9d\x18]\x05Xz\xef\xe3\x1c\xde\x9d\xf6\xb9\x8e\x06\nAF\x00\xc2\x89A'</t>
  </si>
  <si>
    <t>b'3[\x9bc\x1fJ\x0b8\xc9\xd3\xef?\xe49\xc2\xb7#\xbc\xceh\xd4\x0c^\xb29kM\x0e\xfc\xa6cI'</t>
  </si>
  <si>
    <t>b'\x00}\x0b\x85\xcb\x00\xa3\xa5#\xd81\x90?TTT\x08\x08\xa0\xc7\xda\xa8\x16\xe4\xa95\xb4\xc1\xe9U\xaa\x89'</t>
  </si>
  <si>
    <t>b'\xf4\xfdeufH\xb0\x85\x10\x03K_d\xb8n\x9d\xcb\x10B\xea(\x8d L\xfcg\xaat\x08\xfdj\x15'</t>
  </si>
  <si>
    <t>Car loan</t>
  </si>
  <si>
    <t>b'\xd0tE9r-k\x07\xe7vq\x06sr\xc1\xf0+1r\xee(\xa8\x7f~\xd1\xee\x10t\xb6\x7f\xc5\xd7'</t>
  </si>
  <si>
    <t>b'\x1f\xeeB\xa4\xb6\t\xdd3\xfe;\x0b\xff*\x12k(\x8b\xd1\xfb\x9f\x15\xc2\xa1&lt;rp\xf7i\xd0x\xdc\xf1'</t>
  </si>
  <si>
    <t>626xx</t>
  </si>
  <si>
    <t>b"Bl\xb4\xd1?\xd2=\xe0b\x0e\xef\xe3\x86)\xf1tVP\xa9m]\xd1\xac'\x94\x8b\x1c)\x9c\x1e\xd7;"</t>
  </si>
  <si>
    <t>b'\x9fk\x92\xe82\x99\xd9&gt;Kt\xd7D\xd0\x1c\xac\x01\x8d`\x16\x81~d\x8d(\xb2B\x07 \x9e\xaa\x99\xff'</t>
  </si>
  <si>
    <t>BOA/Chase/MSUFCU</t>
  </si>
  <si>
    <t>b',\xf1\x07.@\x7f\x12\x1a\xc0\x03\xd7\xd4\xe9;+U\x04\x0e\x0b\xa7L\xe4\xa9\xbeX\x92Zdk\xee\t\x90'</t>
  </si>
  <si>
    <t>b'R\xfe\xbc\xff\x85XM\x82\xb3\xcc\xe5\x11\x9f5\xc0\xfb\x89\xee5\xfe*\xa6v-?\xa0#\xda\x0cdf\xf2'</t>
  </si>
  <si>
    <t>b"\t\xa5\xdb\xdb\x13\xeen/\x9bs_\xea\xcc\x01\xb30\x04j;P5\x1d\n'\x8f\xc0\xa9\xab\x02\x8cM\x1c"</t>
  </si>
  <si>
    <t>b"c\x9d'\x0f\xc2\xec+3\x9f-,\xbc\x83i\xa4\x99\xb5\x9d./\xfeF&amp;\x85c\x05,}\xa3\x17j\xe0"</t>
  </si>
  <si>
    <t>Credit debt</t>
  </si>
  <si>
    <t>b'\xda\x05\x8e\xb5\xa5*E\xa9d\x9eT\xe0&lt;\xcbL\x02\r\xdc\x9b8a\x17$1\x08\x13$\x80\xb5\x88ha'</t>
  </si>
  <si>
    <t>b"\x85\xb4\xf8'\x9c\xd1Qe\xc0\xf0H\xacH\xdeC\x1b:m:r\xe7\x85\x16\xa9\xf2w\x9bq&lt;\xdf!\xe3"</t>
  </si>
  <si>
    <t>b'i\xf6~\xe0\xa2.\xb0\xcb\xb3\xf4r\x9c\xfa\x19 \x95:\xb5\x13\xbf+\x1e\xef\xd4\xbc&amp;\xafm\xa6\x95\xcb$'</t>
  </si>
  <si>
    <t>384xx</t>
  </si>
  <si>
    <t>b'\x8c\xaa=\xc0\x14\xc1\xb7\x874\xbd\xf2$O2\x91QBS)\xff\x7f\xe7P\x84\xbe\x8eM+\xeaT\xca\xc2'</t>
  </si>
  <si>
    <t>Loan to Consolidate High-Interest Debt</t>
  </si>
  <si>
    <t>b'\xc4W\x96&gt;4!_\xdf+-\x1b\x80\xa1\xed&lt;\xd1\x9f\xf1{\x03\xd3\x13\xce\xb2\x16\x1c\x138\x93"\xe24'</t>
  </si>
  <si>
    <t>b'm\x029\x86N\x91r@\xfc=\x14\xf7P\x0f80G{oo\x03\xe4\xe9k\xdd-\x88\xbb\x9c\x86\x87\x1d'</t>
  </si>
  <si>
    <t>b'\x9e\x83\xack\xda\xdc\x1dY)\xf5\xda\xc3=]lT\x84;\x928\xbc\xba&amp;\x8cM\xc67\xbb\x95d\x1e\x10'</t>
  </si>
  <si>
    <t>b'%C`\xf9\xb5\n\xc25`\xb1\x06\x03\xc6,\x7f\x88\xd9\xbb\xfc\xd4\xd8\xcd\x8b\x06\x8bJ\x0f\xab\x19\x96\x0e\x12'</t>
  </si>
  <si>
    <t>b'2\xce\rG&amp;\xde\xd5\xc5\x08`\x97\xdf8\xefS\r\xd0\xbd*A\xd5\xabI@\x1e\xf1\xd4oI\xc6xG'</t>
  </si>
  <si>
    <t>b'\xeaZ\xe0\xf7\xdf)\x08\xed\xd9q\x0cH\x11\xbfM\xc0\xc5\t4\x99g\x9e\xaf\xae\xc1\x0f\xa9\xf0\xab\x1bIk'</t>
  </si>
  <si>
    <t>b'\x01\xd1\x15\x8e?+\x17y0\x02\x0ek\xd7%y\xf3b\x13\xb7\xed\xe3\xd2*\x1e\x81TU\x83zw\xb2J'</t>
  </si>
  <si>
    <t>b'I\x00\xdc\x021\xfaF\x18\xa9\xea\rj\x17\x17\x0c\xed\x1a\xa0\xee\xc1\x88\xa5\xf9\x11\xb4T}S&gt;\xb6\x17o'</t>
  </si>
  <si>
    <t>b'\xaal\x1f\x10\xc4?&lt;Qv\t\xeb\xc4?\xd6^\xc2\xe8\xe7&lt;\x05q\x15_\xda\xd3\xdf\xfe\xc4\xde\xd2K\x16'</t>
  </si>
  <si>
    <t>dollars</t>
  </si>
  <si>
    <t>b'\xafyE\xac\xed\xa4\xf0\xd5$\xdb\x16\x8f\x1c\xa8\xd3N`\x11\x81aJ\xed\xf2c\x0f\xaf\x94\xd7\x11\xea8\xdd'</t>
  </si>
  <si>
    <t>My Debt Consolidation Loan</t>
  </si>
  <si>
    <t>b'\x13\xffm\xe1\xddKd\xef\x96W\xd3d\x02\xa5J7\x95\xf8\x9a\x7f\xcc (V\xd8$\xda\xae6\xad-T'</t>
  </si>
  <si>
    <t>b'\xcc\xc5\xf0\x15\xaa\x93\x84\xc7\xca\xb1R\xe3\xa1\x04/\xc1SD\xbb\xce\xdb\x03\xdc\xf5\x7f\x97\xb7-\xd1C~\xd4'</t>
  </si>
  <si>
    <t>Credit Card Debts</t>
  </si>
  <si>
    <t>b'\xfa\xc7\x93i.\r\xd2\xf5\x01\xe9X\xe7+\x1f\xce|\x9dX8\xc6J;\x9c\x0b\xd7\x9a\x8at\x9a\x9d\xc6%'</t>
  </si>
  <si>
    <t>b'{S\xe9\xe1\x05J\xf5\xcf2k\xa9\xbe\xe6\xabH\x15\xa1Uj3\x87\xe3&gt;\xf5\xb0\xdc\xc0\x08\x12\xedf\xa9'</t>
  </si>
  <si>
    <t>b"\xe6\x91\xbc\x1eg\xda\xb6\x86\x95?'{\xf8\xbf\x1b6nx\\6\xea*\x84\x83\xe5\xee\xba\x8e\xa1#\xd5x"</t>
  </si>
  <si>
    <t>b'\xc62d\xac\x85\xc0\xc4\x90*\x12\x03Xq\xfd\x10\x1f&amp;\xa7\xc7k\xc6Hkl5:\xa3\x07^\xa1\\,'</t>
  </si>
  <si>
    <t>car repair finish home improvement</t>
  </si>
  <si>
    <t>b'\xa4\xc7\xd2\x11\x86\xe7K\xda\x9c\x92\xddx\xb7\x80Y\xd1\x89\xf7[(\x02\xce\xba\xb4z\xc4\xc8_O\x05\x82K'</t>
  </si>
  <si>
    <t>b'12\x0f\x9d\x7f)\xfc\\2\xec\xb1\x14\xb9?\xb4IC\xfd-\xc3"\xbb\x19\xe3\xb1e96o\x88\x9c\xc9'</t>
  </si>
  <si>
    <t>b'\x95%(I\x8dD\xe7t\xf2\x9c\x13P\x80\x03#\xb9\x1d\xc1\xc8\x84eg\xd1F\x15\xcb\xc9\x02x\x89@\x99'</t>
  </si>
  <si>
    <t>BUSINESS</t>
  </si>
  <si>
    <t>b':9\x12I|\x93\x08\xa06 \xc6;k~\x10\xcb\xab\xc9"cN{\xb1&lt;\x08\xd2\xce\xeb\r\xc2\xe8\x96'</t>
  </si>
  <si>
    <t>b'&gt;\xd9=\x06\xc4\xa49\xd1\xe5\xe3\xe7H{W\x0c\x83\xdf\xdb\xf4\xfc\x99a\x86\xd9r;\xf1\xcf\x18x\xfb\xb0'</t>
  </si>
  <si>
    <t>Consolidation 2013</t>
  </si>
  <si>
    <t>b'\xbb\xafF*e\x16\xe5!`\xa7.\xfb\xdc\x08\x93$Rn\x9b\x9ev}j\x0e\x03\x0c\x96\x0c\x82\\v\x89'</t>
  </si>
  <si>
    <t>b'TUF\x93{\xc8L\xe1\x89\xc9I;\x86\x9a&gt;\xd4\x17\x1a\xca\xde\xb4\x15\xb8#]s\x1e\xe5r\x0f\x871'</t>
  </si>
  <si>
    <t>b'\xd77\x94\xbea\x87}Yr\xb27\x85y\xf2\xc4\xd5a\x80O\xc6\x1a$omv\x9b\xdd\xb5;\x07=\xd4'</t>
  </si>
  <si>
    <t>b'\xdd\x06\x16\x05\x0c\xe2\xbb\xa4\x7f\xc0\xb5.\xc9O\xa6\x84(Ap\xeei\x94~\x88\x98\xab\x04n\xdf\x05\xdf\x1f'</t>
  </si>
  <si>
    <t>b'\x9dh\x00\xf6\x171RK\x9b\x8aL\x0eg\x8d\x99\x10b\xa2!\xc8p^@\xe30k\xe8\x8a\xa3\xaf~\xf5'</t>
  </si>
  <si>
    <t>RefiCreditCards</t>
  </si>
  <si>
    <t>b'Mn\xcfb\x08\t\xafBb\xd1\xf2\x1e\xbf?F?T\x1ac\x8e{\x18\xcd\xbc\xca{~==\xdc}k'</t>
  </si>
  <si>
    <t>b'\xbcl\xef~\x08\xba(\x9e\xc5e\x01\xa5E(A\x89\xd4\xfa\x02@\x8c&lt;\\#\x9d^\xf1\x89\xfc="\x81'</t>
  </si>
  <si>
    <t>b"+\\\xdc\xd4\xe8\xe0\xda\xa8\xfd\xce\xe0\x0f\xeb\xc6o\x1f\xb2\xef\x0f\x9b\x1da2'h\xb0\x9f\xd8a6\xcb\xd8"</t>
  </si>
  <si>
    <t>b'\x13j\x8fj\xbdL\xb0\xdez\nZ&gt;\n\x82\x89\x14\x92D\x86~\xc2\x9dPI\x00\xf9\xe9\x8e\x8e\xdeI\x8a'</t>
  </si>
  <si>
    <t>b'XZr\xb4N \xf6\x0e\xcbp\xe8\xf7#^\xc3\xcd\x10\x16\xdd\xcd\x1f\xd9X[\x9b\xb3\x13\xd1\xbe\x8d\xac\x84'</t>
  </si>
  <si>
    <t>b'\xbb\xb1\x9c\xa2\x1f\x85\xd0;u\xed\xc8G\x16\xe0\xe6\xa9u\x85Hj\x95Z\x90\xe3.]~\x8f&gt;\xedOV'</t>
  </si>
  <si>
    <t>b'\x84\x8e\x91\xb7\xef\x9b\x9f(\x12\xac\xeb*\xb4sH\x828f\x1d\x83\xa3\xe6\xc9\x195\xa9\xca\xbb\x1b&lt;g\xa3'</t>
  </si>
  <si>
    <t>b'\x9c\xb9\x0b\x0c\xe7\x95a\xf7U\xa4_\xadLY\xfd\xd8P~\xcf\x98dFh(K\xd6\xdbE\xac\x1f\x9f\xd2'</t>
  </si>
  <si>
    <t>b'\xa8\xcbIz\x92m\xb7Wb\xf7\x91\xd7\xb8\xd9E\x17\xdfy\x0e\xba\xb1u\xf43\x02\xa1\x03\xa5\xf8z\xb9%'</t>
  </si>
  <si>
    <t>b'\x0f\xa0\xa3\xc3kpz2\xf3\xdc\xec\xbf\xccV\xdb\x15\x12\xab\xca\xd4C\xb4\x0e\xa7\x8b\xc9a\xe0\xd8\x02\x189'</t>
  </si>
  <si>
    <t>b"\xa0^\xca\xb8\x89\xee\xc9\xcd\x07\xff\x1b+\xca\t'\xa0EzD&lt;\x04mZ\x03q?\xbd\xbc_\xe8\x03\x02"</t>
  </si>
  <si>
    <t>b'm@\xd5\xf2l\xa16!%\xb0\xba\xfb\x93\xa9\x14\x9eD\xc8\x7fH\x81\xdc\xe4\x1e\xdf\xe9\xd9^\r\xd0I['</t>
  </si>
  <si>
    <t>get rid of debt</t>
  </si>
  <si>
    <t>b'\x03\x8e\xec\x06\x8d#aC3\xa4\xaf\x96\xce-\x92\xbbW+]\x06\x8a\xb6\x88\xd4js\xc5)\x99u|\xfc'</t>
  </si>
  <si>
    <t>b'1\xcbV\xd4\xd1K\xce\x1b"\xe5\xe3Y\x95\xa6\x19\x11\xc9-\xd3\xa5[\xa0\xabq\x16\x19\xb3|\x05\xebC\x16'</t>
  </si>
  <si>
    <t>b'\xb0\xef\xe6\xcb\xbe*&gt;\x1a\xb6f{K&lt;o\xa9\xf4\xb4INX-%d\xd2\xa8\xde\xedb;\x1d\xa6)'</t>
  </si>
  <si>
    <t>Payoff Credit Card and Car</t>
  </si>
  <si>
    <t>b'$\x0e\xe2K\xe0\xca\x0f4\x9b\xd1\xc3\xff\xcc\x0feH5\xde\x17\xa7\xe18\xe0Z\x9fj\xd8\xf8%:M\xc0'</t>
  </si>
  <si>
    <t>b's\xce\xb0\xef\xf61g\xd3_\x81\xa8K\x15Q\xe8\x98\xce-\xc0\x9c\xbc:\x96\xd6\xa48YV\xac\xdf\xb5\x0f'</t>
  </si>
  <si>
    <t>b'\x14*\xd5X\x9d,h\xe5\xefn/\t\xb8\xf4E\x1cihS\xe1M\xc9\x8d\xd3\n\xa5\xff\xaa\xc8\xe3\xdb\x87'</t>
  </si>
  <si>
    <t>ThreeYearPayoffPlan</t>
  </si>
  <si>
    <t>b"\x9f\xa0\xeeHh\x9d\x16\xbc\xf3\xda\x1b\x83m\xb5.8@\x0f\x1b\x88@\x92H\xc7\xb2\xe1\t'}\xa3\xb3\xa9"</t>
  </si>
  <si>
    <t>b'|4J+gl\xa3\xdd;\xa2\x15\x80l\xca\xfd,b\xd8\x0e\x9a\x1a\xd9?\xb4\xce\xf0e\nb\xc0?\xa6'</t>
  </si>
  <si>
    <t>b'p\xab\x05\x90D\xe7f \xac{\xe0\x92\x02+\xe4S\xaf\x12\x18\xba5\x89\x0b\xa4\xc41O\xbf\x83\xa8\x90e'</t>
  </si>
  <si>
    <t>b'\xd4\xcd\x94\xd3\x90\x94\xd9G\x10F}\x84W\xa4o\xf9\xbcC\xa6\xd7nd\x89\xb7|\xcd\xbc\x91h\xc2&lt;\xbc'</t>
  </si>
  <si>
    <t>b'\x89]$\x87k\xf2\xab6\xe8\x1d\x19\xa7\xff\x1d\xfe\xd4\x7f\xd4\xb0\xcb\xed\xb4\xd1\xb7\xb7w\x9aGil1\xdf'</t>
  </si>
  <si>
    <t>b'\x9a\x81\x16L\xd7\xad\xb99\xb8\xcb_\x91\x8eJW\xf2\x16\xe3W\xe1\xb8\x84l\xd0\x86\x05\xe7\xe9,$\xb4o'</t>
  </si>
  <si>
    <t>b'\x16\xc3\x9a\xd4\x14tQ\x9eid&gt;\xbb\xae\xd4\xd6J\xa1\x07/\xa9rH\x1e\xfao\xab\r\xb9f\x91$\t'</t>
  </si>
  <si>
    <t>loaner</t>
  </si>
  <si>
    <t>b'\n\xfb\x83\xe8\xe9\xe6\xe6\nh{i\x10\x91\xaf\xcc\xe3Q\xba\x06\x19\xf4\xcd\x1d\x10\t\x93dI\x0b\xe9$\xc5'</t>
  </si>
  <si>
    <t>b"\xc2\xb10\x8d\x92\xa2\xf9\x80\xee\x03\xbaw\r'\xff\xcf+\x9cP\xd9\x80\xf6U\x01\xb4\x01m\x9d\x18J\xb9\xab"</t>
  </si>
  <si>
    <t>b'\xf6w\xd07\xaey!\x88[\xb0\xb6\xf2W\x89\t)w\xfb\x07\x00\xd5\x89tpIE\xf4\x9a\x1a&amp;\x82\x85'</t>
  </si>
  <si>
    <t>865xx</t>
  </si>
  <si>
    <t>b"\xc4F\x03\x8d\x021\x84\xa0\xd9~\x8b\xf01)\x11\xa5u\xd0I\xbe\x16\xa6\xa2'\x9aafE\xa1\xc4r\xfe"</t>
  </si>
  <si>
    <t xml:space="preserve">My new loan </t>
  </si>
  <si>
    <t>b'E\x80\x05I"\xf1\xc4\xfeoo1$\x8eQu\xdc\x9f\x9aKh\xe4mfq\x14\xf2al93\xf05'</t>
  </si>
  <si>
    <t>395xx</t>
  </si>
  <si>
    <t>b'\x84\xc1\xd4\xa5\x90\xc5\x9f\xa8\xd1\r\xce^\xe3\xd8[Q\xd2\x94\x0e\xd4\x84\x88\x87J\x98]\xe9\x8d\xf7\x7f\x82\x1b'</t>
  </si>
  <si>
    <t>Business Restart</t>
  </si>
  <si>
    <t>b'}4\xf1\x167\x9fN\x1f\xce\xc4q?\xdaH\xd5R\x15\xed\x820\x1d\xde4\xb2e\xb5\xa7/\xd9\x8ds\xbc'</t>
  </si>
  <si>
    <t>Consolidate and clear</t>
  </si>
  <si>
    <t>b'\xf1z3*~O&gt;j\xdb\x9e^\x03\x11\xaf\xa6\xa5\xce\x05\xb9\x84.\xd4\x80\xbcPf\xe11\xcf\x9e\x81\x81'</t>
  </si>
  <si>
    <t>b'\x80\xd7\x14\x04l\xf7`\xe6Cu\xf3\xff+\xf0\xd6\x855\x93=\x88\xb8.\x9d\xbc7\x12\xc3\x8e\xf5\x86\x93a'</t>
  </si>
  <si>
    <t>b'G\x9a\xba\x06\x988o\x11\xb5a\x96`\xd3\x03\x12\x0f\x95^3\xc06\xef\x1a\xf2\x11\xb8\xe7\x1a\xd3\xa9\x8d\n'</t>
  </si>
  <si>
    <t>Security</t>
  </si>
  <si>
    <t>b'p}\xd2i\xc7MKpq\xc7\xe8\x00\x02n|\xe3a\x03\xd7J\x18\xe00\xd4\n\\&lt;\xca\x93/\xa8\x00'</t>
  </si>
  <si>
    <t>b'U\x06}\x80\x91\x1a\x1a\x8a\xb8!\x9d\xee\x1eF\xd3\xb8P\xb4\xf3&lt;MG\xc8\xddQ{\x93\xb1\x92\xd1\x94\xc9'</t>
  </si>
  <si>
    <t>b'\xf7,\x00\xc8\x12\x7f\x8d\xafV\xbew\x8f\xa6\xe3\xe8\xf4d\xee\x144\x80~d\x13\x129"\xdf!;L\xb7'</t>
  </si>
  <si>
    <t>b'\xc1\xc0\xc6\x8f\xb0:@\x88\x88\xe8\xc6VY\xebk\x03#\xf9\x9f\xd5\x0ePK\xa6\x17q\xf3\xa9-\xb0\x92\xa3'</t>
  </si>
  <si>
    <t>b"\x8be\x1f'I\xbbCP\xe5\xdaS\xd8\x10\x08F&gt;\xecS\x9co\x8b\xb1\xc7\x8f&lt;\x14&amp;\x8bf\x119\\"</t>
  </si>
  <si>
    <t>b"\xd0\xdf'\x902\x01\x04tz\x94\xaf\xa1\xfa\x07\xf3\xf3\xc9)\xf1\x9b\x0c$Uc\x94ia\xf0\\\x1dA\xc5"</t>
  </si>
  <si>
    <t>b'.\xc5\x06\x8f\x86\xbf\x9e\xdc\xbf\xe4\xeb\x13\xc6C\xcf\xcf&gt;p\xa4\x084\xce\xe0\xe2`b\xe5\xd9N\xe8\xd8O'</t>
  </si>
  <si>
    <t>b'\x15\\\x94\x06\xe6\x82\xd5\x8a\x8c\x07\x07\x8d7.\xb3O\xc2p$]86ch\xc6\xd1\xa3\np?*\xd1'</t>
  </si>
  <si>
    <t>Consolidate Attorney Fees</t>
  </si>
  <si>
    <t>b'\xaf\xb5\xef\x1a\xfd\x90,\xef\xcaJ\xf8\xab1\x8d]\xfeW\xef\xda\xe4\xb3\xc5\xc4\x991\x8a\xfc\xb3\xb7X\xaey'</t>
  </si>
  <si>
    <t>b'(\xae\xad\x95\x1a|\x99\x99a\x03\xe1\xee\xe7\xa4&amp;\xb9~1\xc9[e\x19yX\xeb+\x1e\x12\x0e(\xb8H'</t>
  </si>
  <si>
    <t>b'\xe3vb\x89H\xb8\x08\x8b\xc6\xde\x0fO\xd9\x18,x6\xe0V\xcd\xf7\xbf\xd7.J\x14\xeft\xdd\xb9\x19@'</t>
  </si>
  <si>
    <t>propertyInvestmentOverseas</t>
  </si>
  <si>
    <t>b'\x8b\xdf\xdb;n\xdd7GL\xfdl-\xe6&gt;pS\x1f\xfb\r\xe6\x90!U\xa8\xc9\x17\x11\x9aF\x16\xac\xd4'</t>
  </si>
  <si>
    <t>b'\x83\x1bbX\x82nXn\xcbF+\x01\x1d\x97\x0b\xde\x94\xb7Ga]\x1f\xcb\x8f\xac6\xf88\xf9\xa4Bf'</t>
  </si>
  <si>
    <t>b'\xf4XA\xb6\xb9xw6\xeeAVR\xf9}\x0fY\xec\x05\xccb\x18|n\xd3\xbbK\xfa\xe5x\xcf\xb2K'</t>
  </si>
  <si>
    <t>b'\xc4\x85\x8e\xd0y%\x01\x86?\xc7\x91\xd65\xa6\xe2D?\xa9\x8cAFRL/\xd8 \xe1\x97\x0c\xad\xa4\xcc'</t>
  </si>
  <si>
    <t>Debt Free in 3!</t>
  </si>
  <si>
    <t>b'\xf96\xd2\x08\xc8C\xca:\xef\x0e\xb1\xf9\xb7!\xb9\xf7r\x8cQ\xd5\x18#8U\xe3V\xb1\\\t\xfd\x17\xe1'</t>
  </si>
  <si>
    <t>stable</t>
  </si>
  <si>
    <t>b'\x97B\x83\xf6`\xda\xaf\x82\x9c`QjL\xc98E\x01\xcc\xce\xf3\x02\x0fl\xe06\x161O\xdb\x01r\x00'</t>
  </si>
  <si>
    <t>b'\xc5[\x11_\xd3\xc2\xcdI\x90\xfd\x83@rfcR \xb5\xbd,\x05\x9bU\x1e\x81=(\x93\xefG\x86\xbe'</t>
  </si>
  <si>
    <t>Pay off all remaining credit cards</t>
  </si>
  <si>
    <t>b'\xab\xa7\xceP? Ri\xcaD\x9a\xab=\xc4P\xdd_0w\x15}3\x93\xd36\xf2\x05g\x07\xb1\x1f{'</t>
  </si>
  <si>
    <t>b'\xd2}?\xc6\xc0\xe2~\xcf\xd9\n\xcf\xcc&gt;\xdeU\xf8\xde\xf47V\xc0\x95\xea\xd8a\xdb\x91\x80\x05&lt;~V'</t>
  </si>
  <si>
    <t>b'\xe7\xed\xfa\xc9\xb3\x92\xad\xfep\x0e\x12\x03\x99]\x1b\xb4\x93&gt;\x7f\x91x\x8b\x1f\xae\xcd\xb2\x98\xc3\x05\xb4v\x00'</t>
  </si>
  <si>
    <t>b'\xb4\xb7(\xb1\x8e\x14\xc2\xd6\xc5\xed\xb7,N"\xbfA\xf2&amp;\x9d\xee\x0c\x87A\xc0\xdaY\xa2\xe0\xf5\xb84@'</t>
  </si>
  <si>
    <t>3yrDebtFree</t>
  </si>
  <si>
    <t>b'\x16\xba"Z\xc1\xdcT\xcf\x0fI\'\xe5uw\xe3[\xb3\xd6\xed\xb7{W\xc2U\xde)\xcaC\xef7\x80"'</t>
  </si>
  <si>
    <t>b'I_\xc2k\xd5q\x90\xe8\xa7\xbb:{\x91R\xa5\x07\x10\x16\xbf;T\x97U,{mN\x8aEZe\x08'</t>
  </si>
  <si>
    <t>b"\x9b;\xca_q\xd5\xbc\xb7\xd5;M'\x00cR5K\xef\xf6\x9d\xeb7\x07\x0b\xcb\xab\x9a\xf0\x8a8A\xae"</t>
  </si>
  <si>
    <t>b'\xcd\x1e\xeb\xf6\x92S\xe7\xec\x01Y\x9a\xc2\x84\x15\xbd\xdd\xdd1\xf8\xb1+\x91\xea@3\xd6\x0f\x92\xd2\x19)E'</t>
  </si>
  <si>
    <t>b'v\xc7\xbbcF\xbfH\x9e\x9b\r\x80\x0ev\x0f\xbe\rS\xf7\x92iw\xc5\x1c\x1da\\\xe6\xdb\x08\x92&amp;)'</t>
  </si>
  <si>
    <t>b'{\xb0+d\x02\xabU\x97\x0bCQ\x08\x8eR|\xb3\xeb4\xa3\xbcu\x08#\x98\xf7&gt;\xc0\xe29\xb7\x0c\x19'</t>
  </si>
  <si>
    <t>b'U0*0\xad&amp;\xc7_\xd0\xf8\x893\xc8\xc6\xbb\x0eC\xce,\xec[\x91\xc7s\x81~\x94(1\xdd\xaa\xc1'</t>
  </si>
  <si>
    <t>b'\xd8\xde\xdbq\xb9\x07lQ\x05\xb3\x12\xa1\xe7\xd8\xc1\xa0\xedS\xd9\xff\xb8\xc5Cu\xa4\xd1\xda\x99qud5'</t>
  </si>
  <si>
    <t>I would like to consolidate my debt</t>
  </si>
  <si>
    <t>b'x&gt;-\x0f\xecM\xcf\x1f\xa4B=\x1e\xf2\xcd\xd9\xec&gt;\x8e\xb6N\x0e\xa9\t\x86\x13k\xe8$\x1f%rj'</t>
  </si>
  <si>
    <t>On Track Loan</t>
  </si>
  <si>
    <t>b'\xc4_9F\xf1\xb1\x02\x8c\x87K\xc4\xfd\xafSzU\xd3\n\x00\xd2w [\xf7\xad\x8d\xfd2rtr\xaf'</t>
  </si>
  <si>
    <t>next level</t>
  </si>
  <si>
    <t>b'\xa1\xdf8\xf8\xab\xf3Vdk\xee\xb3\xe4_\xc1\x81\xab\x0cj\x9d\xe2\x14\x87\xd3(\xa9\x944\xb7\\\x05*\x06'</t>
  </si>
  <si>
    <t>breathing room</t>
  </si>
  <si>
    <t>b'H^\xc5H3\x0e\xc8\xeeN\x90U\xdaz/\xaf\xedi\xa7\x9e\xcbn\xa3\xcb}\x16cY\x12\xaaga\x1a'</t>
  </si>
  <si>
    <t>Debt Refinance Loan</t>
  </si>
  <si>
    <t>b'+;)\xe3j`/\xf2y\x9a\xdbBU{0i\xdf3\x0b3\xde\xaf\xcf\x8da\xc7\x99[1\nC\xfc'</t>
  </si>
  <si>
    <t>Help me consolidate my credit</t>
  </si>
  <si>
    <t>b'z\x96,\x07\\\xae&gt;\x85\xd5\xa4\x91D_\xe7\xe5\xf3H\x9foI\xe5\xad\x984\x85\x8e(\xb9*\x19\xf8\x13'</t>
  </si>
  <si>
    <t>debts consoladation</t>
  </si>
  <si>
    <t>b'8O\x04V:\n\x83\x02!\xdf\x0c0\xf2\xc392\xfd\x9c\x1e\x98\xd2tC\xc9`DJ(\xa7\x84\x82\xde'</t>
  </si>
  <si>
    <t>Refinance credit car debt</t>
  </si>
  <si>
    <t>b'\xfc\xbf\xd8~\xe8\x83\x9b\xbf[\x0f\x88\x15\x1c\xefV\xccN\nA/:\x8f\xfdk\x85\xa7L}\x04c\xa8t'</t>
  </si>
  <si>
    <t>b'\xb3v&amp;l\xaa\xee:\xd0\x8d\xa7\xbc\xd5\xcf\x95\xe5J\x82\x04fB\xa5,\xc2x\xc4f\x0eq\xf4\xe6Km'</t>
  </si>
  <si>
    <t>b'Y"\x91\xdae\x85K-7\xb5\xbf\xdf\xc5Q\x18Sv,\xb3\xee\xf8\xafTu\xb8\xcc\xa9\xcau\xb3\x03n'</t>
  </si>
  <si>
    <t>b'x\xeb\xaf\xff\xd9\x12f\xaa\x14\xd3\x01&gt;\x10\xfc\x08\xdaHU\xe0\xe8\x82E\xa56+;Y?\xb8\xe5\xf6^'</t>
  </si>
  <si>
    <t>b'\t\x81H\x12m\x89c\x1b0v\x99\xfe=\xf5.x7"\xb0\xe3&lt;\x93\x04\x82[\xcb\xacA\xeb\x03|\xac'</t>
  </si>
  <si>
    <t>b';\xcf#y\x9f\xfa\xbd\x1b\xcf\xec\x0c\xf6j?\x92\x8f\xb6E%\xa3\n\xd2\xf7\x97"V\xfb~\tX\xadW'</t>
  </si>
  <si>
    <t>b'\x8b\xa9\xab_\x85 \xa1u\x19\x13t\xa7\xd79\xcaU\x1b\xf7\xe2\xc2\xff:J\xf4\xc0F\x1c\xb9\x91\x04\xd3('</t>
  </si>
  <si>
    <t>b'\xb8\xeb\r"\x9b\x11\x1e\x8f2\xd1\xbaz\x19C{\x93.\xbb\x1b(\xa9\xa0\t\xedZ\x97\xa9P\x01\xf7\xd3\xa6'</t>
  </si>
  <si>
    <t>b'\xbe\x0fO\x80\x84\xf8l!)^76&gt;Q\xb5\x88\xf9y\xd7l2=\xe3,\xe6,\xef*\xf3\x83\xabQ'</t>
  </si>
  <si>
    <t>Getting ahead credit card consolidation</t>
  </si>
  <si>
    <t>b'C\xa4\x1a\xda\r\x03\xef\xd3\xed\xbe\x80\xc3y\xba\x8b\x9c\xb7\xc5\x99\x7ffO\xbb}:\x8e\x10\x8ch\x90\x00\x86'</t>
  </si>
  <si>
    <t>bill consolidate</t>
  </si>
  <si>
    <t>b'\xca\xc8\xc87\x12\x9b81V\x92;\x11&gt;\x9b]\xdd\x9fK\x03#\x0c\xa6K\xec\x85D\xd0w\x9f\xf3\xa0\xb5'</t>
  </si>
  <si>
    <t>b'\xd8\xd5\xd0\x95^_9OJ\xa3\x84%\xe0o\xfa\x98#\x97\x9ca\x1c\x05ePvO\x90\xd0\xc4\x05\xa7\x8a'</t>
  </si>
  <si>
    <t>b'G\xa0\x9a:\xd1\x1eUK\xcc\xbcF*\xd6`\xb6\xef\xe8\xf4\xf5`\x8c\\I\xebi\xeb\x12O\xe5\x87F\xad'</t>
  </si>
  <si>
    <t>b'\x84\xea\xbf\xbfH\x94\xe9\x1f\xa3\x15\xe7\xf1\x07\xcf\xb9\xa2A\xf6\x96R\xec=J\xdfn\xc6\xe4\x93\xe0|\xfav'</t>
  </si>
  <si>
    <t>b'I*\xb4!\x03\xa7\x04\xc4"\x906\xf0\xe4\xd0\xb5\x10\x88\xf8\x94b\x16\xfc\xb6\xbf\x12\xecX\xb7hO\x84\x90'</t>
  </si>
  <si>
    <t>b'\x7f\xcf\xc1\xa75K/#Q\xaf\xe0\xdd\xbe\xac\x1ay\x99"\xd8\xe8\xba_I\x87\xd4w\x9d+\xd1\xaa\xdc\x97'</t>
  </si>
  <si>
    <t>b'\xa0\xa5~\xcb\xaf\x9e}Td\x8d\x12F3\xect=\xa9*\xbb\xc6e\xc0\xbe\xa1\xd5%7i\x8cW\xda\xf1'</t>
  </si>
  <si>
    <t>b'\\\x1e\x1b\xd8\xfaF\xc0\x8d\xe4\xe9L\x8b\x8bQ\xdc\xfe\xd3\xe9V\xba\xa7\x93\xb7\x0c(x\xc8\xfd2.\xdc\xe8'</t>
  </si>
  <si>
    <t>b'\x90\xa3\x8f]j\x0e\xd2\xbcE\xaa\x95\xb5\xad\xa7\xdf\r\x08\x91\x1d\x19\x8e\xed\xba\xec\x863nov]-\xcc'</t>
  </si>
  <si>
    <t>b'\xf1\xef5\x10\xa3\xfc\xe8+\x8e\x9d\xcc\xb3\x99\xc0d)-\xf9\xff\x90c\xf7\xb4~\x85\x87\x03\xfd\xfa\xbc3{'</t>
  </si>
  <si>
    <t>b"'X\x81\xe4\xc0r\xa3\xf3\xd5\x13\x9eTjLIPa\x9d$\x0b\x86\xf9\x0b?\xe3^)*\xd1X\x15\x10"</t>
  </si>
  <si>
    <t>b'\xd26i\x12\xe4\x1f\x1a\x80\xec\xfeq\xe8~\x01\x0f\x13w\xcd\xe5KD\x1b\xe5\x7f\xdf\xd3\xf8\x10\x11K\xa8\xc0'</t>
  </si>
  <si>
    <t>b'G\xd3\x16t\xe3[MG8I(^\x92MS\x18 K\xb9d\x19\x82\x10\x95T\x16\xc2_\x1eKR2'</t>
  </si>
  <si>
    <t>consolidation and home imprubment</t>
  </si>
  <si>
    <t>b'2\xce\x7fn^y\xe7\xd0R\xa6\xb7\x0b\xd3{\x86K\xa6z\xf2\x01\x89\xce\xcb\xb9t\x93\x9fu\xd0\x94\xa1\xc6'</t>
  </si>
  <si>
    <t>b'\x9f?\xe68\x9e;] \xaeV3\xeb\x15\xcf\n\x8du\xc6"\x1f\xbb\xe7\xb9\x8b\x904&lt;\x7fCl_\xc8'</t>
  </si>
  <si>
    <t>b'\xfe\xaf"\xae\xcf\x95\x12\x8f8\x04Xk\xccOw\xb7\xae*U\x1e\xd6\x8004e\xdfZ\x96)?\xfe\x06'</t>
  </si>
  <si>
    <t>consolidation/home improvements</t>
  </si>
  <si>
    <t>b'\xc9\xcf\x83\xc6CR\x8d\x7f\xa3\xa6b\xd3?V\xfau\xce\xb4\x87tNH\x88\x05\x835\x8c\x05\xce\xf4\xfce'</t>
  </si>
  <si>
    <t>My Relief</t>
  </si>
  <si>
    <t>b'b,\xeb\x97\xb8\x02i\x9eX/O\xbf\x05U\xc6\xb7\xcf\xc9\x87ew\xeeWA\n\xb7\x8fCw9X\x1e'</t>
  </si>
  <si>
    <t>b'\x9c\xef\x11.\xe8\xad\x1c\xc3\xaf&amp;\xe4_\xe7\xf2\x12\x9a\x9f\xb6\xf2\x08\x15\x9e\xb4\x90\xf8\xda\x13&gt;#\x11\xdb\xdd'</t>
  </si>
  <si>
    <t>b't\xcb\x91m\xb6d2!\nC\xb6\xbcH\x84\xf0L\xed\xa5\x80\xd6\xae\xdfs\x1e\x0cE&gt;i+\xb76\xc9'</t>
  </si>
  <si>
    <t>b'\x03o:l3\x9foi\xac\x10{\xa8\x84T\xa9\xa1&gt;0\x0f\xcbs\xb8\xaa\xc1\x90@\xd0z\x1d\x13\x86;'</t>
  </si>
  <si>
    <t>b'\x04\xbaR\xd7@\xc5MQ\xc6\x13\xb4\x1bp\xaf}\xfaf\xf5\x1f@\x9b\xf3\xb2\x11|#;\x94i\x1c\xb6\xe8'</t>
  </si>
  <si>
    <t>b'v|\x84\x84895\x11-I3M\xd5b\xfa\x93\x11\xc1\x88M\xf2\x89A\xff`\x16p*i\x97\xeeY'</t>
  </si>
  <si>
    <t>b'\x94\xef\xa3\x05\xb7\xd4\x16\x9b&lt;\xa9\x86\xadZ_S\x8f\xb9\xd6A\x02\xc6\xfaZ\xba\x0e\xe4I\xa3\xb3\xc4\x995'</t>
  </si>
  <si>
    <t>b'\x83\x14\xcb\xa7\x0c\x8a\xafw,o^\xad\xf8f\xc4l\x93+P\xa9\xbb\x89\x08\x85\\h\x91\xeaoB\x11\x0b'</t>
  </si>
  <si>
    <t>Purchase Furniture</t>
  </si>
  <si>
    <t>b'-\x9a\x82\xf2\xab\xe2\xbc\x9c\x9c#\xcb\xfdY\xc3Ji\xf7cS/\xb5EN\x8b\xf0 \x93r\xe380\x96'</t>
  </si>
  <si>
    <t>b"j\x9d\xdc\x97\x9d\xd5i'\xc2\x1b$\xa3\x1d\x03\x8am'\x01\xac\x0c.e\xf9Z\xf1\xc8,\xff'\x03N\xab"</t>
  </si>
  <si>
    <t>Payoff Chase Credit Card</t>
  </si>
  <si>
    <t>b'#\x02g&amp;\xb0&lt;3\xee\xb4\x1f\x0b\x91{\x81\x1d\xa9\xb6g\x0c\xfa\xa3\xd3\xb3\x9aO&gt;\x9b\x96\xd8\x7f\xb3\xbe'</t>
  </si>
  <si>
    <t>b'\xabv\x19~\xb2\xf4$@\xbb\xb92\x87\x02\xbe\xbdD\xba\x95\xf5\x044\xfax\n!dQ\x12\xd0\x8b\x08-'</t>
  </si>
  <si>
    <t>b'J\x10e\xd7R`7G\xc0\xf0\x17y\xa0\xbb=?\xd1=\xd9o\x9d=\x05$\xf2_\xe6\xf5\xaa\x96hO'</t>
  </si>
  <si>
    <t>b'\xc1\x8a&lt;\xae\xe8\xc6[\x82 \xbf\x04!v\x85\x076l\x1frG\x93\x84\x08a^\xca\xd9\xe9\x9c\xf3z\xe0'</t>
  </si>
  <si>
    <t>MedLn1</t>
  </si>
  <si>
    <t>b'F{{O\xe3\xbb\xd3\xb5h\x1e@X\xef7\xbf\xb0\x83!\x8f\x15\xa7b\xf0\xc1\x08\xfe\xef6[M+\x03'</t>
  </si>
  <si>
    <t>b'\xc2b\xe3\xa8&gt;\xbb3\xed\xee\x91\xb8\xdez\xec\x05;\x1bKlu\xab\x1d|\xa6\x8c\xc2\\\xd1U\xf3\t,'</t>
  </si>
  <si>
    <t>b'D\xb2\x08\xa8\xab\x11\x8dL\xc9\xd1^p&amp;\x8f\xf7a\rL\xbf/t\xb8\x86)\xaa!\xc2$J\x9a\xae\xac'</t>
  </si>
  <si>
    <t>b'j\xca\xd2\x9c\xdd\xe5Vmu\x07\x84\x07\x8c#\xectRG\xe8\xe4\x0cd\x90&amp;\xb53\xa8\xb7D\xf8\x18\x88'</t>
  </si>
  <si>
    <t>car help</t>
  </si>
  <si>
    <t>b'\xb3h\xcf\x8au\xbb\xda\xd4\xe8m\xbbf\x04\xbf\xd8Z]\xedG\x02\x01\x94\xb1Y\xacQ\x83]+\x9a\x88\x89'</t>
  </si>
  <si>
    <t>b'\xb2\xbbQ 5W\xd63\x05\x0b\x91\xba\xe5N\x03H\xddT2\x91\x12\xf4\x96[w\x9d\xad\xd4\xd5"$\xe0'</t>
  </si>
  <si>
    <t>b'\xb8%\xd8(\x88T\x03\x9c\x116\x02q\x8b\xd0\xa3\x8b\x00SbL\xfd*[\x80\x85\xac\xbc\xcc8N\xd21'</t>
  </si>
  <si>
    <t>b'\xf7 \xa3\x83\xce\x84\x1c\xc9\xeek\x13\xeb\x18\xb8]x=\x91z\x1d\xa3\x04\xca\xe4\xca\xdcik\xb11\x08\xbd'</t>
  </si>
  <si>
    <t>b'\xac|N\x1b\x11D\xbe\xf9K\x9c(u\xa3\xe2\x9fd\xf1\xdeW\x85\xfeq;\xb9j\xc8]X\x96\xc7*8'</t>
  </si>
  <si>
    <t>paymeoff</t>
  </si>
  <si>
    <t>b'\xfa\x08\xf1\t\xc7h\x13\xb6h&amp;\xbe\x04\xe3\xd6\xc0O\xe86\x84\xc0\xd8\xf3\xe5r8\xab5\x1b\x07\x06\x9a\xe8'</t>
  </si>
  <si>
    <t>b'\xe2?\xe2\x9d\xa9\xf9Y)\xf4&gt;w\xddf\x85&amp;\x86s\x0eU\xcf{[\xe8S!P\x1c\x19\xcb#\xb5\x0f'</t>
  </si>
  <si>
    <t>b'\x1e\xb8\xce\xdc\x15&lt;\x8b\xa9\xfc\xab(\xdd\x14\xfez\x96\x92\x0f\x0bP\x02\x815m\xf4b\xb7\xe8v\x02\x90\x85'</t>
  </si>
  <si>
    <t>New Apartment</t>
  </si>
  <si>
    <t>b"|\x82\x1a\x10r~}f\xcd}wS5\x13\x07'\xbf\xefM\xda\xbf(\xab\xac\xbc\xab\xb2\x07\x19\xf6s\xdb"</t>
  </si>
  <si>
    <t>cc consolidation</t>
  </si>
  <si>
    <t>b'\xfe\xb1c$\\\x9b\xc8l\x14\xe2_UA\xbd\xae\x05Ey\x12\x85z\x8e\xc0\x856\x9c\x912\xf6\xf4\xb6\x82'</t>
  </si>
  <si>
    <t>End in Sight</t>
  </si>
  <si>
    <t>b'\xed~\x0e~\x8cv\xac\t\x1aA\xeciw\xa0\x02Hb$\x1cA\xe7\xfd@\x98\x1d\x9a\x8d\x1a\x02\xb4s\xd0'</t>
  </si>
  <si>
    <t>b'\xfa\xde\x84i\xe0)&lt;k\xd6\x06\xdac\xd5\xb2\x86\xc8b\xc5\xa7\xab9C\xaaM|}0\xbcV\x00xD'</t>
  </si>
  <si>
    <t>b'.60\x96\x13\xab\xe3\x05\xcb\x96I\x0e\x1c{\xc9\xdcT\xbb\xf8\xfd\x8a\x8a\xedAd\rU\xb8\xbf\xfb6\xa7'</t>
  </si>
  <si>
    <t>b'\xc7\x19)\x98a,\xb2\x8c\xb1\xde\\\xe5\xcd\xaa\xa0\x99r\xf5\x07\xe2z\xe8\x14#\xe2\xbePzR\xb1\xe5\xba'</t>
  </si>
  <si>
    <t>b'\x02\xb3!\x88\x081\xd7zU?\xa8\x9f\xc9n\xb97Y\x99\xedL\x91\xcf\x14\xa1\x11\xc6w\xc2\xff,\x89\x81'</t>
  </si>
  <si>
    <t>b':|\xfa\xdayw\x9b\xdd\xfe\xc6\xa9_\xc4W\xac\xf4v\xbe\x14\n\xae\x82\x85\x83\x9fHsxq\xa5\xb3{'</t>
  </si>
  <si>
    <t>b'\x1dUp\xd82VX}\xc9\x84\xa7bX\xd9S\xaf0c\xae\x9bk"X\xdcu\xf0\xba=\xe0\x10k\x0c'</t>
  </si>
  <si>
    <t>b'\xacO[\x8b\xd2\x00\x91o\x1b\x06\xdbZ4\xea\x0eSza\x96\x0fE(\xae\x82\xa7F"\x90d\xe23\xdd'</t>
  </si>
  <si>
    <t>b"R\xf4\xa2w\x00\xcdX\x06\x81\xca\xcaYgG\xee\x14,\xc0\xdc&amp;mr\x89;'\xb4m\xb0c\xb56\xa1"</t>
  </si>
  <si>
    <t>b'\na\xbb\xeeWa\xa6\xf3\x07\xaf\xb1\xa8\xc1:\xde*\x05D@!\xb0\x90\xd6l8?\x85\x190&lt;\x8d\xa8'</t>
  </si>
  <si>
    <t>b'2O\xa0;\xa9\t\xc3\x08\xff\xed5\x97\x11\x975\xadIl\xb8\x98\x01&gt;#\x8f\xfc\xa7b\xf7\x87\x8d_\xff'</t>
  </si>
  <si>
    <t>PayOff Loan</t>
  </si>
  <si>
    <t>b'*U\xe3C\x019L\x9f\xaa\x821\xcf\x95\xc0B\xaf\xfb\xb8\x99l1\xc8\x85Xxj\xd5\x04pA\x83\x8b'</t>
  </si>
  <si>
    <t>Pay It Down</t>
  </si>
  <si>
    <t>b'P\xbf\xd8H/m\x94\xb7:\xd9H;z\x88\xd1\x1d\xffrI{K\x7fe\x94\xb2\xbdb\xf4\xba\x94\xb5\xb1'</t>
  </si>
  <si>
    <t>b'\xd9?}\x97U\xdcL&lt;\xba&gt;T\x80U\xad"2\xc6\xdb\x89\xa5!\x9f\x91\xf3&amp;d\xeb\xe1\xe6\x9f!Z'</t>
  </si>
  <si>
    <t>b'\x86\xa9G\x93\xe4\x05\xab\xc1\xec\xf7\x9b\x07&lt;p\xfa93\xa9\xf7\x0f\xeb\\\xe2\x85\x1e\xb1\x00g5\xab\xc5)'</t>
  </si>
  <si>
    <t>b'\xdc~\xb1w\x81m\x92\xa8\xb0t\x01`V\x08\x10\x10\xf9%5Z\x7f@h\xadF\xfah\x92\xbd\xf5\xd1W'</t>
  </si>
  <si>
    <t>b'\xb5\x9f\xe9Z\xee^k\x80\xfbc1\x08\xfb\xe6wd\xa0\xcf?\xa1@\xc8H\x94M\xeaH\x8d\xef)&lt;&amp;'</t>
  </si>
  <si>
    <t>b'G\xfd\x0b\x99\r\xf1a_\xe3\x94F\x15W\x00l\x1e\xe0c\xcd\xcc6I\r\x06\xd0\x10$\xcb\x0e\xcc&gt;p'</t>
  </si>
  <si>
    <t>CC debt consolidation - perfect pay hist</t>
  </si>
  <si>
    <t>b'\xef\x85\xec\xe6\xf8\x05\x1do\x1d\x15\xca\xd3&gt;]\xfc\x05\x9d\x94\x95\xbcc\x14 \x0c\xa9|\x07\x95\x98\x1bFP'</t>
  </si>
  <si>
    <t>b'\xaf;\xec\x1d\x07\xf3j\xa8\x04*\x1f\xe2M\xe5\x97,ic\xa3\xa3\xbcJ\n|\xa8-$1\xc2\xf5\xcb\x88'</t>
  </si>
  <si>
    <t>b'E8\xd0`%\xf7I\xed\x9c@\xa2T\xaa\xa4\xdfk\xdc\xa0N\xfcc\xbbQ\x1eW\x84 \xe2\x0ci\xf22'</t>
  </si>
  <si>
    <t>b'-\xef\r\xba\xa9\xb1\x17H\xee\x02L[\xe2\x06\xe8"\x97=*\x85\xa0l\x0c\x1c\xbb\x05#@\xe9\xd5\\\x8a'</t>
  </si>
  <si>
    <t>b'\x0eo#F%\xce\xdeEu\xf4\\V\xbe\x00\xf4\xbb\xc9\xe7\x97z\xe1\xb35\x16\xbbb\x0c\xfa\x8f\xdb g'</t>
  </si>
  <si>
    <t>b'\x86+RA\xce\xb3v\xaa\xe9\xe0\xe8\xbb\x1fY\x1d\xfeM|\xec\xc6\t.\xa07\xe7\xe2\xc4\xb7\n\x84u\xf0'</t>
  </si>
  <si>
    <t>b'\xb5h\xbf\xf1c\x0b?\xaf\xa2\xd5\xd6\x14`\r\x99\xc9\xa3\xa2\\\xca\xd9\xa5?\xfb\xec\xf4\x87\xbb\xc4g\xbe\x8c'</t>
  </si>
  <si>
    <t>C/C refinance</t>
  </si>
  <si>
    <t>b"\x11']#\xd8(\xd1-~E\xaa\x1f\x19\xd9sT\xd6yS\x937\x13\xf9\xbcd\x81\xecn\x05\xee?\x95"</t>
  </si>
  <si>
    <t>b'\xcb?\xde\xbc[\xc4\x01\x9f\xc4\xea\xfctoG\x07,Fu\x8e\x05\x13=)\xfd\x15\x94=\xc4d\xdb\xce\xf6'</t>
  </si>
  <si>
    <t>b'\x89p\xb1\x94\xb3:xK\xb71\xddF^$\x1e\xc7-\xb5\xee\x92\x8e(W\x85\xdc\x19\x15\x9b.3S\xa9'</t>
  </si>
  <si>
    <t>Debt Consolidation and title payoff</t>
  </si>
  <si>
    <t>b'\xf1\x1c2%jY \xa3\x90\x06l\xd0\x1eR\xe3;\xed\x8c\x98ty!&gt;\xb2\xcfBE;z\xd5\xab\xc0'</t>
  </si>
  <si>
    <t>b'\x11\x1a\xba[\xce\xbb\xd6\xc2.\xec[/Bs\x00\x90\x11P\x0f)|\xcd\xa2c\xd7\xe5C\xa3\x19\x90=\x90'</t>
  </si>
  <si>
    <t>b'\xdf\xde5\xa4\xc1\xc2\x8b]\n\x14}$4\x100q\x8d\xc0A]\x8f+\x97\xd6\xd3@\xb6\xb3{\xe2\xb0\x1b'</t>
  </si>
  <si>
    <t>b"\x1c\x97v\xb9\x1eG&amp;%\xc2\xf2\xa31\xe9\xb4`'\xfbV\x87b\xc8\xe9\xf8aY\x06\xec\x8a\xcf\x1am!"</t>
  </si>
  <si>
    <t>b"\x19J\xf12\x91}V\xf3\xfd%\xb6w\xde{\x80\xc8lzc\xaeM\xae'\xc1\xe2Q\x95\x0e\xc2\xea\x81!"</t>
  </si>
  <si>
    <t>b'O\x12\xbe\xcf\xe4\x13K\xb3\xb7|g\x9e|\x1d\x80_\xc3Q\x1e\x8bl\xe1\x086z_#\xba\x9c\x00\x14\xc2'</t>
  </si>
  <si>
    <t>b'\x15\x1f\x80\xcb\xc5o6\xf0PZ\xfd\xach\x8a}HR\xfa\xc9\xebFZ\xd7C\x15r\x89\x03\xb80^\x9e'</t>
  </si>
  <si>
    <t>b'=\xe9v\xedo\x0b\xeddULm:S\x9d\x07e\xa1\x84\x04\xa7\x89)\xcd\xeb\x0fS\xd9.\x91\xe6\xe1"'</t>
  </si>
  <si>
    <t>b'\x80\xba\x9f\xf8\xcdH\x80\xec\x93g\xed\xa2\xbem6\xe0M\x16\x84\x15\xdf\xfc.\xa4\xe8\xf6h\xee,o*z'</t>
  </si>
  <si>
    <t>b'\x9e\xed4\xed\xcb\xbc\xb3L\t\xbc\x9c([\xd0\x07\xabh\x95[\xa6\xe7\xa2\xf1`\xa3\x85\xfak\xd0\xdf\xc3\x92'</t>
  </si>
  <si>
    <t>b'~\x84\xb5\xa5\x07w\xd7m&amp;L\xbc\xe5\t\n\x8br\x15\xe0\xce;\x9c`\xb4\xef\xe8\x94\xe1\xd1\xac^\xb9V'</t>
  </si>
  <si>
    <t>b'D\xa4Q3\x0c\xfe\xee"[\x9b\xcb\xcfL\xf0\xf8\x81\xd8\x01\x00\x80\xc9\xa2\xd3E%\xdf\xe4d\xf6k\xf6\x13'</t>
  </si>
  <si>
    <t>b'\x93@\xbd\x04(\xf5&amp;L|\xdc\xa2\xb9\xd1\x05Y\x1dV\x00m\x9a\xf7\x08\xfc\xfa\xac2V\xd7l\x81M\xd1'</t>
  </si>
  <si>
    <t>905xx</t>
  </si>
  <si>
    <t>b'\x7f\xa2\xb8)\xb8Yw4\xa4i\x1f\x12Y\xe0/\xd9\xb7O\x16&lt;\xbf/\x00K\x0c)\xff\xe1\xac\x86\x05\xfc'</t>
  </si>
  <si>
    <t>b'\x85\x83\xcb1\x88!\x915cp\xd1\xe5\xb7s\x89aq\xe3=\x17\xd7aP,&lt;o\x15O\x1a4\xa0]'</t>
  </si>
  <si>
    <t>b'\xe5=E\xc6\xa1\xcaA\xc7\x9b/\x1b\x93M}\xa1\xa0{{\xb8 \xf5?3\x11\x02\xe2\xe4\xdc@\x96a\xba'</t>
  </si>
  <si>
    <t>b'\xc6FRh\x9d"\x98\x85\x16f\xcf\x06\x1d.\x98\x92\xf1vc\x04\x04\xc6|O\xe6h\t%FpB\xce'</t>
  </si>
  <si>
    <t>b'a\xed\x1a\x18\x0e\xd2\xc1m\xeaI\x1a\x16\xda\xc7\xbd`\xca\xf9\xb3\xf1}\xc8\x8f"03\x988Oa\xa0\x9b'</t>
  </si>
  <si>
    <t>b'K\xfcR\xdbf"5\xda\x8c\xa0s\xa9\n\xb1\n\xe5\x05\x86\x0b\xca*|\xcf\xbf#P\x996\xea\x8b\x7f\x19'</t>
  </si>
  <si>
    <t>b'z\xf8\x1d\xd3ut\xc7\x89KE*\xca\xd4\x90f\xa6yf]m\xe1\x92.Vh\xb9Xx\x8e\xe9gX'</t>
  </si>
  <si>
    <t>b'\x9f\x057\xc1\x9a\x10\xec\x9a\xbbJAG_H\x16\xb9%\x02\x19\x17\xfe\xcb\x95*k\xa1\xe4\xd5\xadZx\xf4'</t>
  </si>
  <si>
    <t>b':K\x05\x80R!z \xe4{\x02\x9cM\x1c\xff\xeeu\r\xc0\x89\xd6w\xf5\xb5\xfe&lt;K\xb8AX\xf7\xd7'</t>
  </si>
  <si>
    <t>b'r(&lt;\xa1N\xee\xd7\xff\xdc\xaa\xca\xf3sT\xab\xee\x8d\x11\x15kZ\xa3\x00\x0fz\x98)(f%\xa1\xd5'</t>
  </si>
  <si>
    <t>b'\x86\xd8r\xc8\xb4\xfc(\xd3R\xdb\x0b\x10\x1b\x88\xe7h\x00x b\xc3\xbf&amp;\x8c,NE\xf5\xad\x07\xd3\x86'</t>
  </si>
  <si>
    <t>b'\xa1"\xeax\xc65\xc3\x0b/\xd1\x18\'\xaag\xacq1\xd6\x9cQ%\xbf\xe2\x18\xcf;J\xdaon\xb1\x8b'</t>
  </si>
  <si>
    <t>cleanup</t>
  </si>
  <si>
    <t>b'\xb67i\x18\xe8\xc92\xc4\xd4q\xc6jgfe\xb2\x90\xc8g\x89\xe8\xd9\x87\x0f@\xaa\xba\n\xb7\xf3\xa5\xef'</t>
  </si>
  <si>
    <t>bill payer</t>
  </si>
  <si>
    <t>b':\xcc\x07\xc6*\x17%\xd4\x8e4\xf3\xcb\x1e\x81\xbe\xf6\x9fM\x0c\x8c8\xab\xf14\xbc\x06\xffE\xe9\r\x8b\x13'</t>
  </si>
  <si>
    <t>b'\xfd\xd7\xd3\xde\xf9Z\x15G\x90 \x0fRw\r\x14)\xec&amp;\xc0)E\xb0\xaf]\x9e40w\x7f\x8a\x8e]'</t>
  </si>
  <si>
    <t>b'M\xfd\xf9\x026\x9c\xab\xb6\x19\xf8A\xc4\xb4/a2[\xda\x02R\xc4+\x8as+\xd2\xe8YBM\xef\x9c'</t>
  </si>
  <si>
    <t>b'm|\x8d\\\t\xd3\x07\xa9\xc3*\xd8h\xd78\x0c\x03@prp\x8eo\xbf\xd1\xe9W\xf5.\x0fM._'</t>
  </si>
  <si>
    <t>b'-\x13\x89R\xae\x03\xcaX\x81\nv]\x0b\xd1\xab\xfb\x85"\xc9t\xafn\xc8\xa8UGk\xd6\xc9ej\x16'</t>
  </si>
  <si>
    <t>b'8}.\xa9~/\x90\x00\x8b\x17&lt;\x00knr\xd1&amp;f\xf4UC\xeeZA&lt;i0\xb7\xd7\xfaC\xa0'</t>
  </si>
  <si>
    <t>b'o\xe0\x9aHDEj\x84\xab\x14i"BG1\xb9\x9c\x08T@\xe5\xa3\x8e\xb8\x17\xec\xa8cRa\xc2\xe2'</t>
  </si>
  <si>
    <t>b'\xa4\xe5\xb8\x0b\xe8;\xa6\xd8k\xf5uq\xd1\xd8\xe3\x87\xc8\xa6\x08;,\x87\xb1Z\x8b\xd08~\xc1{\xc6k'</t>
  </si>
  <si>
    <t>b'\xf4V:\x8evt$ow\xd8G\xfa\x9f&gt;\x9a\x1e0\xf4.\xb4\xe7\xb3Q6\xde\x1eSt\x94\xd0\xb9\r'</t>
  </si>
  <si>
    <t>payoffs</t>
  </si>
  <si>
    <t>b'\xb0\x99\x87\xd6\xba\x19\r\xaa\x12$!\xdd\xcd\x9e`\x18j\xec\xbeO\xa1H\x1a\x9ch\xe9\xec\xda\xfb\xcdY\xb1'</t>
  </si>
  <si>
    <t>payment</t>
  </si>
  <si>
    <t>b'\xe6\xebFl\xfe\x87\r\x12\xe9n\xfe\xf0M\x83\x9e\xe6\x07\x102\xf2W\xd5W\xe4\xda\xa3\xaci9\x1a\xfa\x87'</t>
  </si>
  <si>
    <t>PayCards</t>
  </si>
  <si>
    <t>b'\xf5\x8a\xba\x8c\xf63\xa7{h4\x96\xb5\xbb\xbe\xdd\xbf\xbdB\x0c\x97\xe9g\x13\xb4\xd0L\xbfi\x16\xe6\x12\xb3'</t>
  </si>
  <si>
    <t>b'\x06\x16(\xce\xf9\x82\x96\x16\xf2K\x19\xe1\x14\rh^\xee\xb8\xfb\x1cZX^\xb1\xa4\x0c\xbb\r\xb8\x04\xbc&amp;'</t>
  </si>
  <si>
    <t>b'\xcb\x92\xa8\xf5\ra\xd8j\x91\r\xcaW\xea\xcaF\xd1\xe1i\x13\xeb\x8a!+\x99\xbc\xbfL\x91S\x03t\x91'</t>
  </si>
  <si>
    <t>Credit Card Refiance/Consolidation</t>
  </si>
  <si>
    <t>b'\x03\x1a\xf7\xec\xc8&lt;\x9d\x88\x06\x18\xf0\x81\xee\xb8\xcca\xf8\x97z\x1b\x1c\x9dDX\xfcn\x8f\xfdL\x12\x19\xd6'</t>
  </si>
  <si>
    <t>b'\xb04,\xfa\xd4c\xe5\x8f \xd4\xe9\x19\x806Gdh5\x98\x95#\xd3\xe3\xdd\x9d\xccS\x1f\xce\xbf\xd4\x86'</t>
  </si>
  <si>
    <t>b'G\xf4\xdf\xf6\xb6\x9d\xa3\x15\xf0\xa2\x90\xb6|\x91&gt;\x8a\xca\xab\xf3\xc6\xaaj\xb8y\x14\xd5q5{\xdc\xfcX'</t>
  </si>
  <si>
    <t>debt cons</t>
  </si>
  <si>
    <t>b'4\x8a\xa1\x87\xecD\xf4\x851\\\x85\x01\x12\x17\x06\xb3\x0b0p\x9c%\x9e\xa0phW\xa7/+\x9388'</t>
  </si>
  <si>
    <t>b'z\x9e\x1b0\xb5\xa0\x1c\rY\xb86\xdem\xc5\xad+\xf2#y\x83\x14~\x06\xc8@t\tR \x90\xe2\x0e'</t>
  </si>
  <si>
    <t>b"\x05\x1e\xff&gt;\xfe\xef\r_\xe3\xa8+\xfb\x80#0'|\xe9\x8d\x9aPX\xd7J\xf9|\x94q\x02\x05\xbb\r"</t>
  </si>
  <si>
    <t>CC Repayment</t>
  </si>
  <si>
    <t>b'\xdf6\xb5s\x10\xd4\xbb\x8b\x7f@\x04\xb3\x14\xd7o\x8f\xdb\x86\xa35\xb1&lt;\xd6G\xea\xe2V\xb2\xd3\x00\x0f\xcc'</t>
  </si>
  <si>
    <t>b'\r~O\xdf&gt;\xf8\xf8\x10x\x83J\x93\x99\xc9\xc4\x99\xdf\x1cCB\xdaZ5\xaeE\xccNy\x10\xb07*'</t>
  </si>
  <si>
    <t>b"\xe4\x11\x9c\xaf&amp;\x92@\xa10'\x8f6\x06\xda\xf0G\xc2 \x8f\x91&gt;\xba-\x92\xf9\xb0\xcb\x95Yu\xe0("</t>
  </si>
  <si>
    <t>b"kM\x86\x80q\t\xc3B[\x06\x02\x9b\xa7\xcaq\xde'\xe7JB\xa6QSW\x15\xf94X\xa2\xc3\x0b\xf6"</t>
  </si>
  <si>
    <t>b'uk\xa0M\x87\r\x91\x8a\xa92\xf7\x96\x86y\xc8\x03\xac|G\xb6s\xb2Z\xbd&lt;\xa2s\x14\xfb|\xa3\x05'</t>
  </si>
  <si>
    <t>b'f\xaaK\xa0Y\xca\x87{\x97\x91\x14\xfe\x97xt\x07Q\xa5h\x92ddz!x#\xe3v\xb1\xbd\x83e'</t>
  </si>
  <si>
    <t>b'\xbfK\x01\xb4&amp;\x9e\xcfa:v\x1c7\x11\xfd\x02\x1b\xdb\xf1\x01\xeb\xc3\x19b=`\xf6\xbb[\n\x1f\xdbD'</t>
  </si>
  <si>
    <t>b'\xe5\x1a\xed\x8em-EY\xe2j\xb05\xce\xd5\x7f\xe9\xf7\x10\xd4\xb5d\x01}\x0ck\x9d\xcf\x1a\x18\xb68\x1f'</t>
  </si>
  <si>
    <t>b'\xd2-^{\xa0\xdd\xbe\xd5\xfa\x95\xd8"(\xee\xa0\x16X\xdf\x9d\x92\x9eQ\x1e]\xb0\x19/b\xdb\xf3a\x0f'</t>
  </si>
  <si>
    <t>wedding party expenses</t>
  </si>
  <si>
    <t>b"\xa7T#'\xb3\x9fMP\xb2\x1e\x99b\x8b\x9a\xd1\x11@yHZ\xbd}\xd7\x90\xd2J\xd5\xee\x1eg \xf5"</t>
  </si>
  <si>
    <t>b'\xc6\xd6\x80\xbdJ\x1a&amp;#\x95Z\xa4\xa7\x90\xd1\xa6\r\x03\x0eR\xb2\x92\xbd\x96\x8d\xa8\xaaE\x8fR\x16dK'</t>
  </si>
  <si>
    <t>b'\xc1\xaff=\xa3\'\x9c\xa2\x95?E\xdckp\x03\x87M[{\xb2\x83\xe8+i\x05\xcf\xf3\xa4\xed\xf7&amp;"'</t>
  </si>
  <si>
    <t>b'\x0c\xb31\xdc\xfb+T^^\x1d\xaf\xc8B7\xcb\xfb\x1d\x80L\xfb5\x1djW\xa9\x93\x8fp\x84;\xbe\xa6'</t>
  </si>
  <si>
    <t>b'v\x87)\xbfL\xad\x08s\xcad&lt;\x0e\x8e\x95\x14[p\x94"\x81\x81\xe1\xca\xee(\xaeJ\xf1b\xc7\xfe\x85'</t>
  </si>
  <si>
    <t>Debt Consolidation, Temporary</t>
  </si>
  <si>
    <t>b'Q&lt;V\x0cu\xb7\xd8%RuL\xd9\xd1\xd6\x875\xd5\xbau\x06\x7f\xcd\xae\xec\x8a!\xf1\xdb\xb1R\xe9\x83'</t>
  </si>
  <si>
    <t>b"KS\xc0\xf3\xf1\xed\xa7T!\x9f\x96\x12\x14\xc7l\xb6\x87^\xf9\xb8Szp\xd9DH4\xba8\xfe'\x1c"</t>
  </si>
  <si>
    <t>b'\x0c\x9di\xe8h\x03\xde\xc0M?S&lt;\x08&amp;K\xd2\x87of\x82\xc6Tb\x93\xbd\x1e\xcf&gt;\xca\x90\x9c\x94'</t>
  </si>
  <si>
    <t>C C Consolidation</t>
  </si>
  <si>
    <t>b'J+\xad\xfa\xb0\x0b\x7f\x984\xf0\xfc\x9a\xeb\xf7d\xfaz\x01\x06\xc25*\x8am\x884\xe6\xde\x8c6r^'</t>
  </si>
  <si>
    <t>Three to free</t>
  </si>
  <si>
    <t>b'~F\xaai\xd4T!?\x01]\x12\x05e75:nw\x97\xbf&amp;\x08\x18\xed\x99\x04\xa4NXI\xc1\xd0'</t>
  </si>
  <si>
    <t>b'k8]\xcb\x9a\xde\xb8\xf79$\x86\xaeg6u\x94\xe5\xb8\x9a\xc9\x9d\xbb\xffz\xff)V\x87\x12"\xd2\xc8'</t>
  </si>
  <si>
    <t>My Fresh Start</t>
  </si>
  <si>
    <t>b'G\x88\xd9\xaa\xbc*\xb51Cv\x08\x1a6\xc7E\xae\xc6\x0f\xd8\xc9]\x08\xc9\xc0\x1b\xf6@\x9d/\x8dY\x97'</t>
  </si>
  <si>
    <t>b'4\xfe#&gt;\xcbL4\xebh\x99B9\x9f\x9b\xba\x89\x89\x14\x8a\x13\xc6\xa8\r\xcb|\x18V\xa0\xfa@OS'</t>
  </si>
  <si>
    <t>b"\xfe\xee3H\xb9\x15\xe0]'Yi\x0e\xb0\xfcpF\xdf\x0b#\xd3UX\x12@\xe5\x90ll\xd5\x16\x17\xa8"</t>
  </si>
  <si>
    <t>Mortgage Payoff</t>
  </si>
  <si>
    <t>b'\xe5&lt;\t\xd4\x8b\xde\xf1\xce\x07\xfd\xb2f!\x97X[\xbd\x98Q]\x1eN\x1etV\xab\xdbv\t]]Z'</t>
  </si>
  <si>
    <t>b'\x84\xbb\xd2{\xa4U\x11/\xe3\xf1\xa4Q(\x8d\xcb\xdd\xf5\x8b"\xac?P3C\x04\xc4\t\xf0\xad\x17\xdef'</t>
  </si>
  <si>
    <t>Loan Refinance/Cards</t>
  </si>
  <si>
    <t>b'\x19\xe8\x18\x86\xf2\x03\x8ah^\x14\\\x087P\xdc\x9d\xe1G)\x15\xc3\xe6$\xb6\xe0\xac5\x97\xb54\xa1q'</t>
  </si>
  <si>
    <t>loan debt</t>
  </si>
  <si>
    <t>b"\xc7\xc9\x9a\x81\xee.'\xdd\xb9\xb4K5PZ\x8d\xe2J&gt;\x08\xec\xfa`\x08\xcd\xfb\x05\xbc\xcc\xc9Abj"</t>
  </si>
  <si>
    <t>b'o\x10\x1b\x05\x0b:hP\x8d\xadj"\xb0\x90\xc7|\xfa\xdc|\x83\xfbdu\xf7\xd0\x06\xda\x80\xd6\xc9"&gt;'</t>
  </si>
  <si>
    <t>b'\x1e#\xde\xc5#\xf2\xbd\xc7g\'\r\x99XF"\xc4#\xf7\x11\x1c\xcb9\xc5"-mQ\xbeOE\xeaZ'</t>
  </si>
  <si>
    <t>Cadillac Escalade</t>
  </si>
  <si>
    <t>b'Ec\xadYx1i\xc1\x86\xcf%\xeea\xd4\x1a\x1b\xf9w\xc4\xf4\xb0\x14\xaf\xd5\xad4\xad\x15#\xb9\xf4\xfe'</t>
  </si>
  <si>
    <t>788xx</t>
  </si>
  <si>
    <t>b'\xfa\x0e{\x1f \x83\x15O\xcf\x1bs\x88b4\xf1R/\xa0|S\xc5\xd3\x8d\x81\xb1\xdf\xbb\x10@~3N'</t>
  </si>
  <si>
    <t>b'*#\r\xf1R6\x179\xfb\x16i\x9b\xda]\xbe\xfe\xaa\x9a\xb0\x8c\xb0~\\\xddE%\xcf\xa6\xd7Y\x0b\x90'</t>
  </si>
  <si>
    <t>b'\x0b)\x17\xe9\x8al\xe8\x99\x91\'l\x94c\xa1\x16fA\xd5#\x1b:\xe5\xb2\x96\xd7\xf1\x14\x95"\xbd\x03!'</t>
  </si>
  <si>
    <t>b"g\x8e/X\xca\x16I(\x7fN\xee\x1f\x1b\xc0\x18\xce\xd5\xe8\x0c\xf6\x8d\x17\x94#\xf4t'J\x18\xb8\xca\xf3"</t>
  </si>
  <si>
    <t>b'\xed\xf5\xd6\x17]\x98\xddm\x08\x8a}\xcaa\x12E?\xa5\x92S\xc3\x06\xf6\xc1\x02\x11&gt;\xefn5nR/'</t>
  </si>
  <si>
    <t>b'[ S\x1b N\xc0\xc7\xdb5y\xa2\x14TQ&amp;\x16\xf8O#\xb7\x0f\x95\xb0\x10\x1f,\x19\xa3uB\x84'</t>
  </si>
  <si>
    <t>b'Bl\xe8[\xa1+\x1e\x88S\xb24\xc8\x92\xd3\x10\x8d\xec\x0b\xd2\r\xd4&amp;&amp;\x94\x9c\x85o\xc9\x16\xd2\xa43'</t>
  </si>
  <si>
    <t>Kitchen Remodeling</t>
  </si>
  <si>
    <t>b'\xe1\x04\xd0\x91\xcbU\x8c\x89Z\xe9\xc6\xbb\x07I\x8f\xfb9\\\xcc\x04\xf0\xdbp;\xf1\xff\xcf\x9a\xe7\x86\xb2\x7f'</t>
  </si>
  <si>
    <t>Improveitnow</t>
  </si>
  <si>
    <t>b'L\xd91\x91\x8e)\xcd\xf5\x95FP\xf4\xa0\xf8\x8f\xc5\xf3xAH/\r\xd2\x1ay\xf9\xef\x15\x12\xd2\xff\xd9'</t>
  </si>
  <si>
    <t>b'\xe2\xc7.[\xb1\xe9z\xbb?H\x14\xdc\x00q\n\x0e\xc4f\x83\xbe\xdfl\xb2\xcb_\xb4\xb6vS\xed\x80g'</t>
  </si>
  <si>
    <t>b'^v\xa17\xb2\xaf\x15osS\xbc\x16O\xd5D\xbc\xd9\x124_\xea\xd3\xb4\xd7\xb6*s\x9f\x11\x03/V'</t>
  </si>
  <si>
    <t>b'\xd1}\x1f\xb7\x9b\x8c\xa1\xc5hf\x8dl|*p\xb4\xd5\\n\x8b\xbb=\x9e;o\x01\x9d\x9c\xd144\x17'</t>
  </si>
  <si>
    <t>b"e\xa7g'\x1eR\x13\xf5\xa6\xcb\xd1\xcc\xf3=\xe3\xaa\x92C\xe6\xb6\x12E\xbfR\xed\x1e\xd0\x9d\r\x01\xea\x81"</t>
  </si>
  <si>
    <t>Home improvement, Up grading</t>
  </si>
  <si>
    <t>b"\xde\xad\x18\xfff.\x9bsDHd\x1bW\xf2\x1d\xfe*u'\x10\xb1D\xfcJM\xea\xc8\xaf\x1c\xc0(\xb1"</t>
  </si>
  <si>
    <t>b'\xf5\xa8\x17i4\x16\x0f\xc1W[\x7f&gt;\x88=\x1d\xf3\xc9\xaa\xd6\xca\xaf\xc2\xb3U\xba\xcb\xd5\xf4\xb9+\x80\xcd'</t>
  </si>
  <si>
    <t>b'\x1a\xae\x11\xc5b\x94\x14\xb7F\xc4\x84\xeeg\x7f\xe3\x03@3S\x87\xe8\xa3\x81\xcd\xfb\x95\x80\xf0\xfdv\xf0\xa2'</t>
  </si>
  <si>
    <t>b"\x17w\xee@\xb6V\xb8\x9bDn\xe6\xdcY\xac@\xc2w23\x06p\x05'\xd0\x194d\xb09\xb6\x06\xf9"</t>
  </si>
  <si>
    <t>HELP ME</t>
  </si>
  <si>
    <t>b'\xc1\x8e\xb5\xdd\x9a6\xd94\x06\xa6)\xe1\x91u\xb8%okp\xb8w+\x7f\xab\x84H\xe0Og\xb1j\x85'</t>
  </si>
  <si>
    <t>b'\x0b\xae\r\x0f\xd7\xbc\x9e\xf3P\xa9\xfc\tX\xc8\x86A.\x03\xe0\xcd\xf8\x99*V\x854L2\x9b:y\x18'</t>
  </si>
  <si>
    <t>b' Zr_jX!\xe1R]\x92\xcb\xe0\x02\xc1\xfe\x98"y,\xc9\xdd\x85yF\xe4\xd8J\xb3Z\x18\xe4'</t>
  </si>
  <si>
    <t>debt con</t>
  </si>
  <si>
    <t>b'\xbc}a\xf0\xad\x95G\x0e\xc0\xfa{\x95\xf3-\x91\x150\x91\xfb\xe3/\xe8s\xc1%\xd9\xc7d-\x8c\xf6\x8d'</t>
  </si>
  <si>
    <t>Heritage Springer</t>
  </si>
  <si>
    <t>b'YG&lt;R\rb4\xa3\xf9g\xde\x96\x83\xf5g\xe5\x8ah\xd6\x15\x0f\xe5\x13\xf0g\x05\x81\xabr@|k'</t>
  </si>
  <si>
    <t>b'tc\xa3o+\x13LK\xe4\x9d3$\xda\x10)\x9b\x0e[\xff\x13wGNh\x05\xf3\xbc\x1a1\xb7\x861'</t>
  </si>
  <si>
    <t>b'\x7f|0%\x89|\x04\xf7`\xae\xed\x8c%\x07\xee\xfc\xc4\xf84\x194\x0f\xc7\xda\xfdU\xc6I&lt;q:\xf9'</t>
  </si>
  <si>
    <t>debit consolid</t>
  </si>
  <si>
    <t>b'\x86i:/\xe0\xce\x93\xfa\xab\x06L\xab@\xf5\x06G\xda\xee\xed\x8f:\x8a\xa1=[\x85\x90w\xb9.V\xd1'</t>
  </si>
  <si>
    <t>b'\xff\x83\xed]~EL\x15\xdfM\x9b\xd4\x8e#\x93S\x01\xc5\xfd\xd7r\xbc\x19i\xd9i&amp;\r\xfcK\x7f\x11'</t>
  </si>
  <si>
    <t>Bring monthy payment down!</t>
  </si>
  <si>
    <t>b'\x9c\xe9e|\xd1BP\xf0\x14\xe4\xec\xa5\x1a\xe3\xdc\xec\x1bu\xc58\xc1\xe6\xbe\xe7l\x8aT2\x89\xc24&lt;'</t>
  </si>
  <si>
    <t>new home</t>
  </si>
  <si>
    <t>b'\x8a\xeaD\x05\xd2;\xe4G\xc5;K\xde"\xd9=\xfd\x8d\xef6\xcf\x8fo#\xaaR\xbby\xbdH\xfb(\xbf'</t>
  </si>
  <si>
    <t>CheapLoan</t>
  </si>
  <si>
    <t>b"[\x17\xd3\xa6A\xe5\xc3*\\\x1b\xa1\xf7\x88\x9f'\x14\x8f\x01v\x1a\xedRa\xb2\x13\xfc\xf9\x12\x02\xeaH`"</t>
  </si>
  <si>
    <t>pay my credit cards</t>
  </si>
  <si>
    <t>b'\xaa\xb9o\xce\xa7D\xd5\xfa\xbf1\x13]\xff\xdeC\x8b\xcb\xb8\xcb\xee\xf4\x9f\xc0\x04\x9e{!\xc3\x84.iV'</t>
  </si>
  <si>
    <t>b'\x8d\x88\xab\xe2s&amp;hl\xf6\xec\x99\xfe\x89y\xd4\xcc\xc1\xa8\x11t\x91\xc8\x92\xa6\xf4\x9b\x7f\xff\xb9\xae\xcd\xcd'</t>
  </si>
  <si>
    <t>b'U\xdb\x05F\xa7\xea/.\xcbb\xf8h0\x8a:R$u\x90\xcdU}\xaf`qd\x831\xb4q4m'</t>
  </si>
  <si>
    <t>b'\xf6\x97\xd3\xfaa\x10^\x07#y\x7f5\x8aM[\xc8\x05\xbd\xd5j\xb9\xeb\xc6\x9e\xf7i\x0cV\xb4H\x98\xcc'</t>
  </si>
  <si>
    <t>b'C\x91\xcc%\xcfe\x0c\xca\x1aX\x13\xb4\x0cO\xec"\xd5q\xb5\x12\xf5\xc3\x95\x90\xbfp9Mf\xdc\x88t'</t>
  </si>
  <si>
    <t>b'%\xe5r\xad\xb1:UY\n\x94ge\xd8!\xea\xa4\x16\xa7b\x15\xa9r\xb6\x83\xaf\xc6\xefr\xfe\xed\xdb\xff'</t>
  </si>
  <si>
    <t>b'X\xd6\r\xae\xf4l,\xf6\xd9\xfb\xad\xc9\x1ayB\x8c*K\x7f\xa1,tmn\x12\x04J\xe5\xa5\xbc\x0c\x9d'</t>
  </si>
  <si>
    <t>b' \r\xaa\xff\x95\xd6\x05\x00n\x00\xe0\xba\xaa\x8e&amp;\xaf1\xad\x13\xdb\tm\x97W\xae\xd8\x87,\xa2\xb8\x9eh'</t>
  </si>
  <si>
    <t>b"\xb9}\x92\x13/\xd6E\x167^\xab}9\xe7.\xc4\x97\xb9\x8a|\xf3\xe7%&gt;\x91m'j.\x05\xeb\xd9"</t>
  </si>
  <si>
    <t>b'\xf8\xcc\x038\xef3\x0c\xeb\xfaq\xa5\x9dlZ\xf4_\x89\x03[.3\xd8\xa1Q\xe1\x1c[U\x94\xccLJ'</t>
  </si>
  <si>
    <t>b"p_\xaaG\xc7\xfa\x1b\xf5\x93\xd9'\x84\xf2-\xc2/!\xbdve\xc0\x0b;\x8a\xec?Y\xbd\xf5^\xc5\xbe"</t>
  </si>
  <si>
    <t>b'\x8e\xb3\x16\x0e\xb4\x9c\xd8\xb0\xa2\xa5=S\xd2\xcdm\x8a\x8e\xc9\x8b\x82\x1c\xde\x7ff\xab\xfb}f\x1b?5\xfd'</t>
  </si>
  <si>
    <t>b'\xaa\x9d\x94\x0cg\x91\xf9\x89S\xd8&amp;\xc3\xf0\xb2\xad\xf3\xc1\xb4\x1dy\x873\x06{\t\x8cq4 \x95\xfe\xc0'</t>
  </si>
  <si>
    <t>GoalDeptFree</t>
  </si>
  <si>
    <t>b'&lt;\x8c\x85*\x89%L\x90\xf9\x10\x0c\xe9G\xc0\x87]?N\xa3\x16\xeb\x82/\xe5I&gt;ut8\n\xd5{'</t>
  </si>
  <si>
    <t>b'\xc7.p\xcb\x8c`\xdbo`T\xf0\xab\x08l\xe4\x15{R.\xa5|T\x11\xd2E#\x19\xb5Y\xd5\x89\xe7'</t>
  </si>
  <si>
    <t>b'e7\xc7\xd6I\xa1\xa6\xc6\xd12&amp;O\xaa\xb8\x7fh\\y\xd4=&amp;\xdf\xf5\x81y\xca\xba\xbc\xe0\xcaP\xc6'</t>
  </si>
  <si>
    <t>b'\x9a!\x8dY-\x8a\x17\xd3\\\xd7yF[\x11\xfa[\xc8\xcc\r\xeb-\xd8\x80\x0cc\x8dN_\xebd\x85\xe0'</t>
  </si>
  <si>
    <t>b'\\\x00\xd2&amp;1\xe4)\x90F\xe7\x0e9\xba\xf2\r\xc4\x80\xeb/\xfa\xaffqO\x18`49p\x92\xf0\xe8'</t>
  </si>
  <si>
    <t>b'\xce\x05g\x0ej\xeb\xe1`{T\xb1\xf6\x9b&gt;\r\x8e?\t\x10\x0c0\xe8\xba\x82r\x99\xfe\xd34\xea\xa2I'</t>
  </si>
  <si>
    <t>b'OX\xc7\xda\x82O\xf1\xd8*!\xf8\xc2\xa0\xcc\xa4\xc7d\xc1\xbc/}\xb0\\\x95\xb9UQY\xea\xc6\xb3n'</t>
  </si>
  <si>
    <t>b'\x83\xd7]!\xe4 \x91\x82\xb1#\xff\xd3A\xc7\x1a\x8e%\xc4\x17\x97\xedO\xf6A\x929O\xdbr\x15d\x96'</t>
  </si>
  <si>
    <t>debt consultation</t>
  </si>
  <si>
    <t>455xx</t>
  </si>
  <si>
    <t>b'V\xc1K\xfb\x17\xc1\xb9\xc0\x0f\x0b\x1c\x16~\xb0\xe3\x84\x07\x93\t\x0ct\xb7n\x1d\xd8\x11T\r3\x95\xd4\x9f'</t>
  </si>
  <si>
    <t>b'l\xb3:=\xe5!6\xb5\xa1\xdbT\xe6\xd9\xbc\xd5\xbc\x088\x15\x1c\x13\xa1\xfb\xaf\xc9W\xe1\x9c\xf6_=_'</t>
  </si>
  <si>
    <t>Loan A</t>
  </si>
  <si>
    <t>b"\xd3\xd1\xf9\x8b4\x07\x1f\xbf\x86\xa4\xf0\x7f\xf1\x806u'+\x1c{5\x905%WK\xbc\xc2=\x89\x86!"</t>
  </si>
  <si>
    <t>b'*{5\r\xfe\xb7\xd74\xdavSP,i\xaf@\xcf\xaa\xe1k^\xdb\x0c\xed\xb9L\xefxlx\xad\xf4'</t>
  </si>
  <si>
    <t>b'V\x8e\x05\xe0\xc2\xb3\x03Q^\xb9\xc6h\x94y\xc0\xfb\x1a\x91\xcb\x0c\x0f\xdf\xf5h\xdf&amp;\x10\xb4,r\xf9\x1b'</t>
  </si>
  <si>
    <t>b'/i\x1c\x87\xf7?\xca\xa9PZs\x1cS"\xcf\x86ZA\x99\xf8 \xebr:\xa0/|\xbd\xccL\xe8\xa1'</t>
  </si>
  <si>
    <t>Medical Expense Loan</t>
  </si>
  <si>
    <t>b'\xe5\\\xac+\xc3\xa8Q\xbbj\xc95\x1d\x05p\xf0\x8d\xb2f\xb7_\x05e\x91"\xf7\xe8W\x0fs\xfb&amp;\x07'</t>
  </si>
  <si>
    <t>all in one</t>
  </si>
  <si>
    <t>b'\x96\xd0s-\xa0yF7\xf9vC\x1fw\x7f4w#*\x11)\xf5363l\xa5\x95X\x94\xdb\x86}'</t>
  </si>
  <si>
    <t>b'\xb4\xf8\xfc\x1b\xb4\x83\x8dkU*\x0f\xd3C\xe0\x0b\xb2\x9c3/$b\xa52\x13\xa4\xe6\xc9\xbfe\xd3#\t'</t>
  </si>
  <si>
    <t>b'\xf7\xba~SW\x8f\x8a#4\x03`\x80\x9a\x8c\x98I\x90DX\xf3\x98\xd4\x1d\xbd\xd9 Z%\x1d\x1c\xd5\xcd'</t>
  </si>
  <si>
    <t>b'\xd1\xdc\xa7I\xaf\x95\xe5\x1as\x0b\xce\xa2\x0c\xed\xb3yv\xeaO\xec\x8f\xdb\xb8\xae\xfe!\xe6\xe9wP\x16\xa1'</t>
  </si>
  <si>
    <t>b"\xf41|\xffG7\xad\xab=\x92\xb9'\x0f\x7f\x82\xa8\xaf\x1d+\xe2\x92\xa3\x19\nY=`M\x17\x1c\xe1\x17"</t>
  </si>
  <si>
    <t>b'O\xa4\x05D\x8a]W,\x91\t\x17)C\x91\xba\xda\x90d\xf7\x99\x99#\xca\xe2\x12J\xf4\xc1/\xbb}='</t>
  </si>
  <si>
    <t>b'\xdd\x9a\x84\xfa\xc0M2\xfc\r:\xbc|~\x04\xa85\xde\xc32\x13\xb18\x8a0\x88\xf4\xd2\xd1\xc0\xa2\x1e\xb2'</t>
  </si>
  <si>
    <t>b'\x8bO\xa4k$\xca\xfed\x99\xdf\xc9=\xde\xaa\t\xbd\xdf\x94\x7f\x9b\x0e\xd6D^h\xc8\xe6\x87\xe1\xc2.\x0e'</t>
  </si>
  <si>
    <t>Get this finished</t>
  </si>
  <si>
    <t>b'TEG~\xf2\xc5s\x99\x05\x1d\x8e\xcb\xde\xb0E.|\xb8\xab \xfc\xad&amp;\x0el\xe1\x18nYY\xfcB'</t>
  </si>
  <si>
    <t>b'd\xc7C*\x16\xed\x98x\xabytM\xff\x15N_\xb0\xf3Y\x02\xb2\xd4\xb44k\xe8(\xb6C\x9c\xa5!'</t>
  </si>
  <si>
    <t>Get it done</t>
  </si>
  <si>
    <t>b'\x8b[\t\x89z\x02\xee\xd3\x1f\x10\xb1\xa1\xda\xc8+\x80\x11\x0e\x0e\x07E\n%\xe8\xbd\xb6\x05`\x16k&gt;\x8f'</t>
  </si>
  <si>
    <t>b'\xee\x17\xa5\x81b]\xac\xd3\x81\xdd\xf5\xf2\xa6L)\x8f\xc0\x9e\xbc\xd5\x91\x02=Gc\xa5\x06\xe0\xe0\x08I\xf2'</t>
  </si>
  <si>
    <t>b'\x03\x08\x10\x82(\xbc\x9am0\x1d\xfa\xb6\xc9\x0f\x1f\x13\xae\xccJ\x85\xbe\xd1\x95w\xec\xaa\xc12\xfcq\x8bc'</t>
  </si>
  <si>
    <t>b'\xb9\xa7\xd1\xf6\xd8\xf3\nA\xcd\xe7o\xdc\xd1\x04"\xf1\xc6\npg\x19\xeay\x13.\xf4@&gt;+\x1b!l'</t>
  </si>
  <si>
    <t>b'\x9aj6\x92\x05\x83\x9db\\s\x99\xc6\xfb\xdf;7x\x92\xae\xbd\xe5z\x88\xc1\xe6\x98\x91\xd4,\x9f\x94\t'</t>
  </si>
  <si>
    <t>b'hK\x8e1\x959q\xc7\xddtM\xceV\x02\x9b)\xaaZ\xccF\x9aR\x0b~\xdd=wd\x8e\xd4$)'</t>
  </si>
  <si>
    <t>b'\xab\xa6\x03\xa6_\x17t@H[\x91\xefS;\x14T\xb1\x89\xc7[M\xf1&lt;\xfe%^\xe9Go\xc1\xb7\xab'</t>
  </si>
  <si>
    <t>b'\xcczw }H\xaa\xa6\xbbz\xc3\x17\x1f\x1c\x80\x9b\x8c\x83\xfe\xc0\xa5\xb5k\x99\x03\xf1\xf6\x8f\x1b \x8e\xe4'</t>
  </si>
  <si>
    <t>b'\x10\xf9\xdb\x9ea\x9b\x07\xe2\x0e)R\x1a\x93O\x7f\x07h%\xe0\x8fB\xa1 \x96$(j\xd2\xb5od\xdf'</t>
  </si>
  <si>
    <t>b'|\xef$\xeb\xcd\x00#9\xb1\xba\x9f\x0bkH\x1e\xb3\x93\xbbE-)\xab$T3b`\x81\x01\xda$S'</t>
  </si>
  <si>
    <t>b"\x81H\xdd\r\xe2\xf77\xbd\x86\x08\xae\x94\xb5s\xdd#\x0b\x9aT2\x08',\xc5\xc4\x05\xd1O$\x82\xe9\xf8"</t>
  </si>
  <si>
    <t>b'\xce\\\xc7\x18\x80\x08\xda;\xa0n9\xd7S\x8c\x7f\xf1X\xbc\xf38h\xd3\xfah\xadp]\xdd@1\xd5)'</t>
  </si>
  <si>
    <t>b'B\xd9\x7f}\x90\xa5\xbc\xf7\xed\xa4\xd5\xccU \xe0\xfe#\xd8i-&amp;E\x0f\xf8:\x97\\D\xe1N\xcdR'</t>
  </si>
  <si>
    <t>b'\x9cl\xe1\x91\x16\x11:+\xc5!\xf5*\x80\xe3IIN\xda\xb0bX!L\x16\xbdg\xe1~\x0c&lt;\n\x9b'</t>
  </si>
  <si>
    <t>b'\xeb\x87\n\xb4f\x89\x00\x97:\xc8+\xeaf\xea\x19wW\xee\xfe\xe3\x8c\xf29+EW\xd2\xab\xca\x87\x89D'</t>
  </si>
  <si>
    <t>b"\xa4\xa2K\xcb6\xbd\xd7T9;&amp;\x87\xba\x0e:\x12\xc3\x05\x1ft6`\x0et\xf9\xfa\xf8\x92'\xee\x83 "</t>
  </si>
  <si>
    <t>stop the madness</t>
  </si>
  <si>
    <t>b'o\x87$\x1b\xc0\xdcv\xe1f\x8e\x1c\xbb\xae\xef\x85\xe5\x0c\x917\xc4\xe2\xd3 8\x06\x1e\xd8.\x87\xa6\xa7G'</t>
  </si>
  <si>
    <t>Succesful Consolidation</t>
  </si>
  <si>
    <t>b'\xc7\x81\x08\xdfhN\xb5\x98\x9f\xe6\x95\xc1E\xfe\xad\x98\xa1\xcc\xb1\x056\\GK53\xb7\x89\x01\xba\r\n'</t>
  </si>
  <si>
    <t>Getting Rid of those credit cards</t>
  </si>
  <si>
    <t>b'y\x1d\xe5\xb4\xbf\xbf\xd3\xe8\xc4-\xcdNj}e\x8e\xaf\x98\xfa\x91n\x9e\xdc\xc5\xcf8\xa7\x83p|pO'</t>
  </si>
  <si>
    <t>b'G \xba\x8b\x16\xb6\xf6\xd0\xd9x[\xc0\x95y6K\xa9\xd5\x83\x98\x1d\xb9\xe4QT\xb5\xb9\xaf\xf4\x0e\n\xa7'</t>
  </si>
  <si>
    <t>Credit card debt consolidation</t>
  </si>
  <si>
    <t>b'x\xc1nN\x00\xe8\x07\x10&lt;_\xf1\xf2\xec\x00IDc$*E\xae\xaep\x99\x0erx\x13o\xd51\xf6'</t>
  </si>
  <si>
    <t>Credit Cards &amp; landscape</t>
  </si>
  <si>
    <t>b'+\\\xf1&lt;\x9f\xf4\xf58\x1c2\xb5\x8ft\xb3\xfe\xb3\x14\x18\x97D\x98\x1d\xaeT\x9agu\xf6\x7f\x85\x1d\x1c'</t>
  </si>
  <si>
    <t>b'\xbd\x93\x9e\xabk\x90\xd8\xa9P\xacD\xf6\xe2w\xfd\xb8K\xfc\x97\x0f\xfdk\xa7\xdd\x9a\xd6d&amp;o )\x93'</t>
  </si>
  <si>
    <t>consolidated</t>
  </si>
  <si>
    <t>b'\x9ff\xff\xde-wn\x03}\x89|\xe6D\xd0\x11u\xa62\x0eX\xf5l)\xe7\xc0\x80hZ&lt;\t\xcaJ'</t>
  </si>
  <si>
    <t>Breathe</t>
  </si>
  <si>
    <t>b'\x97\x80\xff\xff0\xa2t:"-\xa3\x80\xd78\xf0\x15ruNg\xde\xe6\x02z\xc6\xd7\x04.\xa5\x97K\xe4'</t>
  </si>
  <si>
    <t>b'I\xf3\xbfC\xa6q\n\x98\x8b!\xf6\xf2\x835Y\x0e\xc7\x1792a\xbfD\x17ON8m\xf0\xf5\xdb@'</t>
  </si>
  <si>
    <t>b"\xba\xb1\x8f\x1c\x99\xb3\x97\xaf\xadM:W'\x92]\xc6|\xba\xec\xcc\xb4\xc7\x9aqy\xf1lI4\xb1x\x08"</t>
  </si>
  <si>
    <t>b'\xe3\x96\x00\xcb|\xed^E\r\x9b\xb8\xc8\x12\x04\x8e\xbf?\xed\xc6\xdd&gt;c\xf1\xd7\xe6\x8f\xdf\xed\xaa2\x84\x0f'</t>
  </si>
  <si>
    <t>helping people</t>
  </si>
  <si>
    <t>b'\x85\xbe\xc4?LMjQ\xdb\xfch\x12 U\xac\xeahT\xe1:\x1fx\xcdTI\x99\xfd\x046,\xca\xa0'</t>
  </si>
  <si>
    <t>b'&amp;J\x1dG\x90(&amp;\x07S(\x07\x05\x99&lt;^@\x1c\xfc\xdc\xfeI\\\x80\x94Tg\xf8\x81\xac\r\xacJ'</t>
  </si>
  <si>
    <t>367xx</t>
  </si>
  <si>
    <t>b'"\xf1j\xda\x06Z\xf1\xce\xab\x98\x9ddgP\x88c\x8eA5\x90m\x91\x07[F^\xb1\x15\xbczRC'</t>
  </si>
  <si>
    <t>b'\x97? \xb6\xb2\x0f\xc5\x00\xa6\xd0\xce\xa1 \x16\xd7\x1e\xe3k\x83\xe9D*\x12\xe6\xe7+t\xf95v\x8a\xf6'</t>
  </si>
  <si>
    <t>b'\xf8T\xef\x81\xcbk\x8e\x9cha\xcb\xe1\x103\xeb\x92&gt;\xbe\xe7\xe6I/\xfb\x03\x14\x85\xcf\x85\x1e\x99v\xa6'</t>
  </si>
  <si>
    <t>debt restructure</t>
  </si>
  <si>
    <t>b'0\xbaNd\xe1%?\x19\x1ek\x9f\xee\xd8b6\xa0\x7f\xce\xc1:\x0e\x16\x19\x0fM\x9a\xf7"\x99\xf6u\x80'</t>
  </si>
  <si>
    <t>b'\x8b\xf5]\x10\xad\x88H\xa6]\x8b\xc1\xb9Q\xe6\xc9\xc3\xd924\xb9\xc5\xe7p\\\x1b\x1e\x9e\x9a\x0f\xae\x1b.'</t>
  </si>
  <si>
    <t>Bus Start Up</t>
  </si>
  <si>
    <t>b'\xb5\x8b\x1a\x0f5\x7fz\xb7\xfa\xb7\x1dX)\x17\x05\xd4\xeb\x82\xb8\x19S\xf2\x84\xfa\xd6\xcc\xd9t\xcb\x8e\xcd\\'</t>
  </si>
  <si>
    <t xml:space="preserve">Quickly Consolidate in 3 years! </t>
  </si>
  <si>
    <t>b'\xa9\xcf\x06[\xa5\xc4%\x98Fjl$\x87\xe2\x9eZgu\xd9\xc0\xeb\xd6\xaf\x8e\xa3"\xe1S\xb4\xe3\x95\xb3'</t>
  </si>
  <si>
    <t>Credit Cards Payoff</t>
  </si>
  <si>
    <t>b"3\x8dT\xdb\x8c\xf8\xe8\x11U\xa1\x16\xa0\xc8\xac\xa20u\xe2\x00\xa3V\xd2*[eYi\xdc'\xc8\xca\x11"</t>
  </si>
  <si>
    <t>Consolidate credit card debt</t>
  </si>
  <si>
    <t>b'T\xd8O\x9ew}!#\xb0\xc3\xe9\xbd\xcc/-29\xa7\x03\x144DW%\xacX\x97-\xfb\x0ft\xa4'</t>
  </si>
  <si>
    <t>credit p/o</t>
  </si>
  <si>
    <t>b"\xb3\xce\xef\r\xc4\xd6\xa96t)\xf1\xcdv&gt;\\v\xc3\xd4)\xac\xb9^\x0c\xe2\xec'[N\x122\xb0 "</t>
  </si>
  <si>
    <t>b' ?)Ct\x10\x1e\xff\x84I\x81\x0f\x0e4\xe6\x0cd\xe9M\xc2`{_\x0brF\x1b\xfa\xde\xe2\xe4\x01'</t>
  </si>
  <si>
    <t>Make it happen</t>
  </si>
  <si>
    <t>b'8\x1a\x9e`\x05\xd7Q\x8cJ/PV?\xa8\xa9k3\xdaK\x104\xba\x94\x08\xebH\xa9V\x81\x9b\xf2\x90'</t>
  </si>
  <si>
    <t>b'\x17\xc2\x88F\xcbSH\xf8\xa6\xbd{:\x14Gb.\x0b&amp;OJ\x9dm\x00W\x8d\xde\x02T\xf1{2\xd0'</t>
  </si>
  <si>
    <t>b'\x94\x18M\x9b\x94S{L\xd3&lt;\xfb\xe1\xd3\xd4\xd9T\xa8y\xac\xf1j\x1c|\xc7\x1f\xdf\xc3\x97-L\xda\xd1'</t>
  </si>
  <si>
    <t>b'\xfb\x04\xf1\xb4q7F\x8f\xabL\xc2\x98~\x11jL5\x8dq\xe7\xa9\x14E\x14|#q\x84\xa0\x9d\xd9\x14'</t>
  </si>
  <si>
    <t>Personal Debt Consolidation</t>
  </si>
  <si>
    <t>b'\xb1zO\x98[\xb8\xd1|6\xcb\xf8\xcc\x98\xf7\xde\x1d\xbc\xb2\x03\x93\xf1k\xa1\x06\xe0U\x90\xa6*\xcb\xb4\x1a'</t>
  </si>
  <si>
    <t xml:space="preserve">Consolidating Credit Card Debt </t>
  </si>
  <si>
    <t>b'\xe4\xa9\x02GR\xb4\'\x19\xb8\x9e\xee\xaeJ\xf6\x1fEt\xd3\xb0\x16\x88\x02y\xcc\xd2\x14\xcf\xfb"5jQ'</t>
  </si>
  <si>
    <t>b'\x81\xf7#1\x0e\xd3\x8d\x918\xa2\x88\x05y\xee\xaaqU*\xea\xe0\x1ba3\xfaI\x16!q\x04C\xa3v'</t>
  </si>
  <si>
    <t>b'\\l\xc0x\xfb\x9b\x97bY\xfax(U&gt;wUr\x87\xeb0\x1aM\r9\xe6,\x15\xd8*\x8f\xc7\x00'</t>
  </si>
  <si>
    <t>b'\xe1d\xb7?\xc1\xb7p\x8bF\xbd\xc4j\x8f\xc5\xf6&amp;l,V\xe7\xc9Y\xb6I\x9a\x8e^\x02\x08P^\xb9'</t>
  </si>
  <si>
    <t>Peace of mind</t>
  </si>
  <si>
    <t>b'\x0c\xe6&gt;\xa9:\xd4?V\xfcJ\x00\xd3\x04$o}\xec\xf6\xbdo\xc1\xce\xc8M$#\xed&amp;\xc5`\x13\x14'</t>
  </si>
  <si>
    <t>2013 Beginning</t>
  </si>
  <si>
    <t>b'\xecs\xc9&gt;"\xde\xa5\xb3\x15\x06\x9ep~`\x00\xdd\xb8#;\xd9\xfc\xd1\x0e\xbe\xb3\x17J\x1e1sHE'</t>
  </si>
  <si>
    <t>great rate loan</t>
  </si>
  <si>
    <t>b'G\x177|\r\r0\r\x98\xb3_\xce\x8d[\xed\xb6\xf9\\t\xe1\x15\xc9a\xea.\xba]\x8c\xd8\x8b\x83\x81'</t>
  </si>
  <si>
    <t>b'`7\x17A\x0f\x85\t[\xdf\xce\n2\xacu\x8a^\xb0[\xd3\xc3\xa0\x91h\xd2\xd9\x9c\xa3\xb4F\xf6`\xd6'</t>
  </si>
  <si>
    <t>b'\xab\xaf\xb63w\xad\xb00\xb8x\x7f*\xb7\xbd\x94\xbe\xe0pD\xe6\x90\x93M@\x86\xed\x89\xecP\xd7\x1a\x98'</t>
  </si>
  <si>
    <t>b'\x1d\xdam\xfeE\xb4\x02Fu\xcax\x8c^\xeb\xf3c\xc6\x16\x0b\x98z-\xe8fc7\xd24_\x82K\xa2'</t>
  </si>
  <si>
    <t>b"\x13,\x87\xa7\xdf\x05\t\x96\x94\x0b\xd1\xa1/\xb5\x8ag'\x7ft\x07\xe9\xf0w, U\xb0\x93&gt;\x98\x1e\x0f"</t>
  </si>
  <si>
    <t>b'\x9c\x006\x9fo\xa1N\xe9\x10\x89mE\xf5\xf5\xfd$\x87\x829\x86\xd3\xd6\xbe\xcd\xbb\x8ed\x81\xda!e\xc1'</t>
  </si>
  <si>
    <t>b'\xfd\xe1\x08,\x86\x10D\x1ac~8\xe2\xc9\xc757(\xf0}3Y\x1e\xb0\x84\xac7\x978\x05\xd0x\x01'</t>
  </si>
  <si>
    <t>b'\xcbF\xd9Wx\xd9\xc9m\xc6\xee\x8a\x7f1\x05\x8a\xac\x16\x84\xf5\xf6\xcc\x00I\x89\xc2&lt;\x01\xe7B\x15&lt;c'</t>
  </si>
  <si>
    <t>b'\xd8A\x7f\x02&gt;}\xba\x06h\xcd\xb3\xa4\xaccGX\xf0\xfcm\x8b\xd2\xfb\xec\x8cX\x9b\x81\xe2w\xb0#\xad'</t>
  </si>
  <si>
    <t>debt relief</t>
  </si>
  <si>
    <t>b'\xc7\x93\x88\xea\x94\x90\x12\xd7]}\xf3Lv\x1e\xc0M\x90\x11\x87\xcb\xb3\x0e/\x9dN\xd8\xb6H^\x95\xf5\x99'</t>
  </si>
  <si>
    <t>b'\x1e\xa9Rv\x8b\xa0\xba\x19uK\xbc\xd9\xba|\xa9\x94\xc3\x89\xf8\x96C?\x90\xc0\x8e\xf7\x9bb\xab\x01\xa9J'</t>
  </si>
  <si>
    <t>b'\\\x0eE2\x15\xfb\xc4\x06\x93q8TR\x8d\xc1\xb8,0 \xe1t]\xce\x0b\x93\xb0\x96\xd2\xd2\xb6X\r'</t>
  </si>
  <si>
    <t>vacation trip</t>
  </si>
  <si>
    <t>b'\xfa\x95y\x84\x15@"Rd\x84\x9c\xc0\xdf\xfdj\xd6\x97A\x8d\xe1\xc8\xb0\xe5\xba\xce\x17\xd4\xa1\x98\xfdY\x08'</t>
  </si>
  <si>
    <t>b'\x9e\x99\x8e\xc3.\x15Np\xb3\xb7\xd6\x19\\S\xfe$,\xe7\xbf\xc1\xf7\xa36\xc3\x84\n"\x82\xac\xf6\xcaf'</t>
  </si>
  <si>
    <t>Farm</t>
  </si>
  <si>
    <t>b'\xdaHb\xa9/\xad!`V\xd57\xc7wf\xc4\xe6?\xbe\xa8}\xefa\xdc!\xc1\x9eoQ\xf5Xc8'</t>
  </si>
  <si>
    <t xml:space="preserve">Credit consolidation </t>
  </si>
  <si>
    <t>b';iWD\xf3\xdfD\x10\xf4\xdc\xd8\xc6\x83U\x8b\xe2f\xd9\x80\xc8\x89y$uy&gt;A\xb7t?s\xc5'</t>
  </si>
  <si>
    <t>b'9\\\xce\x9ev\x18\x13\xb2\xf7\x18\xa0]\x01\xb8\x0f\xee\x1aL!\xaeV-\xff\xf2/\xd2\x8dY\x91 \x89\x9d'</t>
  </si>
  <si>
    <t>b'#z|[\x13\xf4_&gt;x=F\x93n`\x05\x11bc\xf6\xd3\x96\xbai{K}\x97\xd3IG\x1c)'</t>
  </si>
  <si>
    <t>b'\xe5\xe1\xa2\t\xba\x95k\x0b\x12U\xea\x12k\x05g\xce\x0f\x16\xe0\xf6\xd5\xc3\xad\xa0\xbe\xb3\xb7|\xb0\xbd_z'</t>
  </si>
  <si>
    <t>b'\x87\xaa\x94?\x00\n\xc0\xd9\xd2\xa5\x1cN\xe2\x8b\x90W\x89glT\xcb\xc6\x1d\xd9wV\xbb\x91\xceo\xb2\x8e'</t>
  </si>
  <si>
    <t>Need Help</t>
  </si>
  <si>
    <t>b'\x1a\xa4ZN"K\x97`HO=tz\xeb\xf4\xa2\x1d+\x86.?\x97y\xef{\xfe\x9b\xde7F\xb7\xeb'</t>
  </si>
  <si>
    <t>b'\x8b&gt;\x94\x18\xb7\xdc\xf0\xe3\xb2\x9b\xf7@\xe3Y)]5\xe1hi\xec\x9c\xa5\xac\\\x7fJE$\x92\x07\xee'</t>
  </si>
  <si>
    <t>New Motorcycle</t>
  </si>
  <si>
    <t>b'\x07\x14\x99\xbd\xa9\x84{F\xea\x9dsM\xd1G\x84w\x16&gt;\xe4@\x8c\xf4F\xed\xf8\xc9r\xcf\xb6\xbe\xf5\xe3'</t>
  </si>
  <si>
    <t>b'\x8f$\x8e\x0f5\xac23\x01\xde\x0b\x17\x98dA\xec\x88Y\x0b#&lt;\xc38YLVd\x9f\x11\xeb|\xdc'</t>
  </si>
  <si>
    <t>bed</t>
  </si>
  <si>
    <t>b'\xe88\x04\xd9P\x1f\xce~:\x01LJP\xb9\xe1\xd5\x0f]u\xf9\x04\x96\xddT\xe1\x04\x1eO\xacW\x93\x11'</t>
  </si>
  <si>
    <t>b'(]\x8c c\xec\t(\xc36\xd1\x14G\xbeK\xf4V\xe4\xa4\x9d.\xe8\xf1Bzg9\x13KQ\xdcg'</t>
  </si>
  <si>
    <t>b'-r]}\xda\x8d\xc4\x9fd\xa6\xec&amp;u\xc4\xff\xc8\xf6\x83\x10!+&amp;nSj\x99\x81\xdb\xb9\x8an\xe0'</t>
  </si>
  <si>
    <t>b'&lt;K\xaa!\x15\xddw\x88x\x8b\xfe\x026\x98\xe5f|\x8c\x87\xf6\xbd\xf1f\x03J\xd6\xdcL\x8f\x8a\xbe\xd1'</t>
  </si>
  <si>
    <t>b'\x87\x0bc\xc69\xd7\xaf\xff\x12\xe2\x8fC\xed\xad\xb5&lt;\x0bi\x1fRc\x82\xf8\xfc;\xab\x13\xa0\xb7\x7f3T'</t>
  </si>
  <si>
    <t>Loan#2</t>
  </si>
  <si>
    <t>b'\x92\xb2\xe5\x7fm~\x1eJ\t\xbd\x84\xe4\x05w\x82\x9b[\x01H\xbcg\xb9\x08\x89M\x0c\xf0Y\xcc\x12p?'</t>
  </si>
  <si>
    <t>b"\x85\xa3\xccR\xcf\xccL\xc74\xb5\xb2\x92\xae\xc1\xd2\xe8Z\x92\xfb'\xb51\x84\x1c\x04H\x05~\xfd\xfe\x92R"</t>
  </si>
  <si>
    <t>b'\xc0/\x87\xb7\xaa\xe6\x14\xcf\xaa\xf4e\xc2t\xd0\x03UM8\\\x80\xb2\xf5g\xd3\xe6\xe2]\xdf\xb9\x1e\x15\xfc'</t>
  </si>
  <si>
    <t>b'\xf1\xca;\xe8\xdd\xd3&lt;\x05*=[-C\xe9\x1f\xe8h\xee\xebo%\xa9\x7f\xf1\xb9|g\xd1\xdbh\x0b\x90'</t>
  </si>
  <si>
    <t>b'\xd7\xd3\x14e\x1b:,q\xa7\xa9\x07n\xa7"\xe0\xc9\xdd\x1dfg\x99_E\x80\xb3\xcfi\xfc;\xe72|'</t>
  </si>
  <si>
    <t>2002 Sea Doo</t>
  </si>
  <si>
    <t>b"\xc9\xc1\xe3'\x8f\xfe~Lj\xb5\xf7\xe8\x97\xdc\xaa\x93\xd4\x89\x04&gt;X&lt;\xba\x9aj\xa9\xeeH\x96\xda\x99\xf9"</t>
  </si>
  <si>
    <t>b',\x01\xd1\x8d\xe2\xbdMa\xb0\xb8h\xa1\xf2\x81\xc6{\xb6Y\xd9\x1bS{\xc1\xe4C\x8a\\\xe7Tt\xbe['</t>
  </si>
  <si>
    <t>b'\xe5\xc3\xfe\x9c\xbc\n^\xfa\x1a\xdb\xe6\x15\xe0;\xcdL#\x85\xffE\x93\xa4\x8f\x93\x15\x97\xda\x8d\xe2\xe6:\x83'</t>
  </si>
  <si>
    <t>b'n)v\x93\xae\x87\xd4\xba\xdb\xa7\xfd \xed?\x9cL(\xf7\xb5\x0f,\xb1t2\xcc\xdae.\xa6\xc0\r\xcf'</t>
  </si>
  <si>
    <t>Free</t>
  </si>
  <si>
    <t>b'\xb4\xa3\x8f\x86\xd0\xd5\x89\x04\x01\x13i\xb9\x8a\x944\x07\x10\x95\xe2.\xef\xfe\x13w x\xd7\xc9\x94yiS'</t>
  </si>
  <si>
    <t>Fixing my Life</t>
  </si>
  <si>
    <t>b"\x9e\xff\xadR\xa9 \xd2+u\x868\x90~\xc6\x06,J5\x03U'\xbbl\xa5\x9bm\x16S\x92\xee\xa1e"</t>
  </si>
  <si>
    <t>b'\xf4\x1f\xab\xf6\xc47K\xb0\xf3 \xbf\x1a\xac\xd02H&lt;b\xfe\xf6\xc0!\xf8\x8f\x9b\x9cK\xf6t4\x1aX'</t>
  </si>
  <si>
    <t>b"\xef\x80\x96\x12',\x02!\x1a\x06:\xb2l\xf5\xc9\xf2\x83\x17R\xaa\xbf#b#\xa7g\xac\x13\x9b\xa12\xe0"</t>
  </si>
  <si>
    <t>Pay Off my Student Credit Card Debt</t>
  </si>
  <si>
    <t>b'\xdf\xado_\x04\xd1s\xb4\x1b\xeb\xe9\xd2\x1a[\xd8\x91\x00\x1a\x1f7\xd0\x08\x02\xd9\xb2\xf7a\x98\xd1\x88\xe1\xaf'</t>
  </si>
  <si>
    <t>b'\xa5H\x9e\xeb\x9do\xd9\x93m\x96OU]\xe8\xf0}\xd6\x06o\xeb\x1e\xd7\xa6e\x9d\x82\xb8\xdb\xdb\xddB\x00'</t>
  </si>
  <si>
    <t>b'\xd1S\x87\xf8\xa1\x8d&amp;\x9e\x7f\xca\xef\xc5^\xed)\x0bY\x8b\xd7\xb5@li\xaa\xe8\x9a\xce\x99\xda\xc0\x8e^'</t>
  </si>
  <si>
    <t>b'\xaee\x00M\x83\xebL\xd4H?\xc9\xf5tz\x1b\x1e\xeaqV\xc9\x13\x80\xeb\xb4\xaa\x9b\xdf\x11\xb3\xa9\xa0\x06'</t>
  </si>
  <si>
    <t>b"O\xc5\xedw0\xb7\x8b'\xfc\x9f\xb7.\x08\xf2\x13\x14\xa1v[\xd3\x97\xa3g\xa0?\x8fuX}2\xa3\xc7"</t>
  </si>
  <si>
    <t>b'\xdb\xd8sY\xab\xd9\xfa\xda\xe0\x8a\x89\x97\x0c\x83ZM\xa0J7\x11z\x0e\xb0*8l\x0e\x86\xe4\xa4\xd9\xab'</t>
  </si>
  <si>
    <t>2nd Lending Club Refinance Loan</t>
  </si>
  <si>
    <t>b'\x1cO\x8a\xb7\xd0\x7f8\xd0\xb4\xd5\xfd\xab7\xd4\xc5L\xa1@u\x08\x0fT\x94v\x15I\x95\x16\x7f\xae\xa6\xcf'</t>
  </si>
  <si>
    <t>b'\xf1:t\xcf\x16\xa0.\xb7LX\xecv\x9c]\xa23\x83\xe5\xd5\xb6\xc7&amp;\xd4Znq\xcc\xf9\x0e\xb1\x10`'</t>
  </si>
  <si>
    <t>on target</t>
  </si>
  <si>
    <t>b'V;\xfbW\xa0\xfds\xb6\xbaqx\xa27\x80\x07D0}\x1b\xe51\x0b\xce~Z\xa2\x89|\x00N\xf4\xdb'</t>
  </si>
  <si>
    <t>b'\xe0\xaa&lt;\xd7!&lt;G9\xc6\xac)&gt;\x91\x84\x91\xc5\x88\xfd\x003\xe8\xa0*\x9d\xcb\xae\xca\x1fj\xef\x9f{'</t>
  </si>
  <si>
    <t>b'x\xea\xa4l\x88\xae,s\xad\xbf\xfc\xbd\x93\xa1\xc9\x8bN\xd3\x15\xbb\xd8\x17\x82D\xb0\xd1\xbf\xb3\xad\xb4N\x80'</t>
  </si>
  <si>
    <t>Down payment &amp; closing</t>
  </si>
  <si>
    <t>b',\x9cp\xe2\xf8\xf0\xa5\xb1A\xf9\x05!\xdf{\x18\xc7\xff\xa7\x05}t\x07\xe6\xa0B\xf3\x11\xd0\xa8}k;'</t>
  </si>
  <si>
    <t>Goal- Financially Free</t>
  </si>
  <si>
    <t>b'\xf1\xfcU7`\xd1Y\xd1(ouh\xb2\\\xecC\xe1\xad{{\x86\xe8(\x05J\xeb_)\x97\xf8\x93Q'</t>
  </si>
  <si>
    <t>Pathway to debt freedom</t>
  </si>
  <si>
    <t>b'\xaa\x8e\xbe\x1b0P\xb9\xacfLI\xb1Y\xfcN\xceM\xf5\xdf\x95\xdd\x00kL\xca\xfa\x1e+QbHs'</t>
  </si>
  <si>
    <t>b'\x05\x15\x12\xf5&amp;\xf6\xe5gN\xbc\x18\xd6\xf7\x96U\xe7\xf17\xe3\xbaK\xa3\xa0jE\xa3\x1a\x9eX[\xbd*'</t>
  </si>
  <si>
    <t>b'\x11\xb1\xe8\xbdcj\x0c\xe8\x85\xb2\xc9\x10\x85K\xb4\xd9\x96%\x85\xbd^\xdb\x85X\xbdc\x15tL\xb1\x18P'</t>
  </si>
  <si>
    <t>pontiac gto</t>
  </si>
  <si>
    <t>b'\x15\x00O\t\xc7\x9b\xfc\xe4D&gt;\x01\xe3\x11hh\n\xab0n\xd8\xb5`\xe5\xe90_\xd6\x0f\x86\x0bj\x0f'</t>
  </si>
  <si>
    <t>b'\xe5\xcfb\xc8\x0e\xfe\x06\xde\xabg[\x13\xc8Z&gt;\xa8\x92\xaeH\xcc3\x8a\x1a!-\x05\x1a\xce?C&amp;n'</t>
  </si>
  <si>
    <t>b"\x81\xf4'\x1bt\xae\x0c\x90\n#_\x87\xf7\xfb\xb4\xb5\xe9\x85\xf3\xd6\x15pj\xe8+\xd6\xc4\x9d\x9d\x9e\xbai"</t>
  </si>
  <si>
    <t>WeddingPot</t>
  </si>
  <si>
    <t>b'\x7fQS\xcdD\x8a\x834\x84\xe6\x84\x14\xa36\xf2.\xc7\x1a^\xed\xc5\xa7\xbc\xc7\xf7\xf9\x9251:\xadw'</t>
  </si>
  <si>
    <t>CreditFreedom!!</t>
  </si>
  <si>
    <t>b"v'L\x0e\xc7\xfd\x86\xb3=@\x9b\xba\x12\xe3Mx\x80\xe6\xec\x1fy\xf5\x96DH\xd2\xf6\xd3X\r\r\xcd"</t>
  </si>
  <si>
    <t>Northeast Christian Academy</t>
  </si>
  <si>
    <t>b'\xf6X\x0b\x87\xbe\x9c&lt;\\\xc6\x18M!;\xb6\x80\x83\xbf\x86\xa65\xdc\xcd\xbf\x01j\x8ed\xa7\x96-\x90E'</t>
  </si>
  <si>
    <t>DEBT CONTROL</t>
  </si>
  <si>
    <t>b'\xce\x05\xcc]/5\xeb\x82\x00z\xbc\'"\xa8A\xa0\xf1\xafK\xf0_\xf3P\x99\xb4\x89\xc5\x05p\xbbk\xf9'</t>
  </si>
  <si>
    <t>b'\x8d\xa0\x88%\x88_\xa9\xeb\xe3}\xc1\x13\xb7\xcak/\xe77\xd1E\xa5\x00\xc3\x0fx\x1b\xe0\xf1UW\xfba'</t>
  </si>
  <si>
    <t>DeptControl</t>
  </si>
  <si>
    <t>b'~&amp;?+Oe{\xe7x\x91\x13\x92\x15\xc5\xc0\xa7j"\x00\x80\x0fo\xed\xf7\x12\xa2$\xb4\xf0qt~'</t>
  </si>
  <si>
    <t>Relocation/Debt Consolidation</t>
  </si>
  <si>
    <t>b'\x1e\xf5&gt;:UW\x90\x8c\x19\xcfl\x95\xe5\xd4v\xf1\x96;!\x99Wn\xe7\xb5\r\xac\x07\xcf\xd9\xf9\xd3\xc7'</t>
  </si>
  <si>
    <t>credit card free</t>
  </si>
  <si>
    <t>b'\xe4f\xa1U\xa5\xe1z\x1c&gt;\xca#\x12\xb2\xa1X\xbb\xbax9\xf7\x0f2a&lt;E?\xb9\x0bA\xa5_\x89'</t>
  </si>
  <si>
    <t>b'\xd6v\x06\x14.sEa\xbaVLL\xdejk\xf9\xcd\xdf\x8b]D\xa6\xbb\x16\xdeT\x06\xf0\x03\xb0s+'</t>
  </si>
  <si>
    <t>b'\xd1g\x82Q\xb6\xe4\x1dnV\xb0\xcb\xd9\xca\x11\xf4\x92\xec\xa4\n\xcc\xf7F{\x08r\xc7\xbf\x8c\xf2\xd1\x9f\x8e'</t>
  </si>
  <si>
    <t>b'G\x18\x12\xc77\x82\x9f*\xd6\xe6\xf6\x81\xb0Nq\xa2C\xedse\xe9*I\x80\xc4R\xc5.\x9d&gt;\xc5#'</t>
  </si>
  <si>
    <t>financial security</t>
  </si>
  <si>
    <t>638xx</t>
  </si>
  <si>
    <t>b'\x07\xadq\x1fO\xe8~\xd8rh=\xab\xc3"\xc1^\xd1\x14\x05\xd3\x07\x0eG\xa5W#\xecB\xe7\x07T\x16'</t>
  </si>
  <si>
    <t>b'\xe6H\xc8\xbfGSo\xfb\x93H\xf1\xcc\xcf\x8c\xb4W\x87\x7f\x19\xa1.\x91\xa4\x1e\\\xdd\xbc\xb5\xb2\xd1k\xc3'</t>
  </si>
  <si>
    <t>b'\xe6\x91\xe1\xed\x04i\xef\xe8\xb4;\xc0\xed\x8d%\xb6\xdf\x08t\xfb\x0b\xe0rxCu\xbb\xec\xcd\xdde\xd3N'</t>
  </si>
  <si>
    <t>b'\xdd\x0e\x9b\xb5\xa2I\xbf\x04p\xa4\n\xfb\xda`\x1b\x9a=.\x08p\x9d5\x12O\xc8\x16\xf1\xf14\xed"\x8b'</t>
  </si>
  <si>
    <t>b'9)b\x9a\xbd&amp;\xcdj\x95\x1d\x0c\x03\x95\xe5tF\xc7+4Y\xacn\x9d\xff\x0enXP\x11(\x00\x96'</t>
  </si>
  <si>
    <t>lower the interest loan rate</t>
  </si>
  <si>
    <t>b"394\x14O\x00\xad\x13'\x10\xb8\x84\x89\x0f\x18\x1cY\x8c\xa2@uK1\xbbzn\xcah\x99\xd2U\x94"</t>
  </si>
  <si>
    <t>b'\x80i@w\x12L\x00\x86\x85\x9a\xb6z\x7f\xbdUM\xc5]\xc6\xf6m\xda\x17\xe6\xc1\xb1kv\xc7@\xc8g'</t>
  </si>
  <si>
    <t>b'(\x8b\x8a\xdc\x94\x05\xea\xfb=+\x1e\x06\xfd\xef%9k\x8f\xe8\xfe\xbfH[\x01\x1b\x01s\x85#w\t\xb5'</t>
  </si>
  <si>
    <t>b'\x07\x1f_\xf0\xcd\x8b1\x92rN\xe2"Th\xc3*.\t\xeca\xe7w\xea\xd5wL\x00\'\n0\xee\xb0'</t>
  </si>
  <si>
    <t>b'\xfas\xf7\x80\xadv\xa6Z\x1d\xc9z\xaf\\\x08\xb8\xce\x08\xa8\x9f8\xcd\xe9\x86\xd9P\xc0G\xab=p\xfc/'</t>
  </si>
  <si>
    <t>b'\xf0 Lqc\xa1\xaa^\x0e\x8c\xf9\x0b\t\n\xb7\xad\xa6\xfb\xed\xde\xee6\x82\x96\xfb\xce;7\xaf\xe8\xcd8'</t>
  </si>
  <si>
    <t>b'\n\xee\x1f\xf7O\x96\x1a\xbc\xba\xdd\x99\xe2\xc7%=\xd6G\x08\x0f\xaf\x81\xcb\xe8\xee@\x10x\x8f\xf6oF)'</t>
  </si>
  <si>
    <t>b'\xfbFE\xb3a\x16\xbd\x89\xf4\xf2\x8d\xe99p\xb4xq\x9b\xdf\xe5\x1f\xdd\x95yk\xae=\xa1f\xcd\x05\xd9'</t>
  </si>
  <si>
    <t>b'@q\xa9\x881V\x10%z:m\xba\x01\x0b\x15\xe3\x99D\x0b\xd8\xe5\xd9^\xda\xc7\x80\xa4M&gt;\xe37\xd7'</t>
  </si>
  <si>
    <t>Backyard Improvement</t>
  </si>
  <si>
    <t>b'\x08\xc7\x8e\xa9n\xb3\xf8\x06\x94\xf1fh\x92\xfc(7\x1b\xbcH\xa0\xc8\xc3\xcby\xb1\xa2\xed\xed[\x1dy\xa2'</t>
  </si>
  <si>
    <t>b'\t\x00[\x07\xf5d!\x9bK\xd4\xd8\xcfvV?Zp\xa9W\xa3\xcfu\xae\xb2\xacn?\xc0]\xe2\x03\xb2'</t>
  </si>
  <si>
    <t>Final loan</t>
  </si>
  <si>
    <t>b'\x91\xe4sc\x80\x7f\xb5\xf4GB&lt;\xd3o\x85@\xe9\xd2|\xefBR^\x07%SE+y\xa1&lt;5\x92'</t>
  </si>
  <si>
    <t>b'+\xc7\xf0\x88\xaa\x0f\xbaX#\xf4Wr\xa6\xd4\xa4\xd0\xbfS\xdf;\x11(G\x1aWqh\xb3\xfb\xb1\x16\x1a'</t>
  </si>
  <si>
    <t xml:space="preserve">medical payment </t>
  </si>
  <si>
    <t>084xx</t>
  </si>
  <si>
    <t>b'\x1b\x15\x17\xc2\xf6\x04r\x19\x1d(z\r\xf8\x10\xe6\x9b\x8aq\x84(\x8dG\xc7\xc0H\xe3\x18[\xb6E\x85\xc7'</t>
  </si>
  <si>
    <t>Pay off truck balance and Lowes card</t>
  </si>
  <si>
    <t>b'P\x8a&lt;\xdd4\x81\xc5%\xe3\x98a\xec\x03\xcf\r\xc4\xdc\xb3\xaf\xf1\xea\xa9d\xff\xc5\x12c`\xe6^\x18e'</t>
  </si>
  <si>
    <t>b'\xcb\xef&amp;x.\xbd\xae\xbf\xd1\xf3\xbaE*\x03\x14(\xe7\xe1x\xe5\xec\xa0\xb8\x88z\x81\x1f\xef&gt;\x14a\xb0'</t>
  </si>
  <si>
    <t>b'\xfd;V\x94C\x82\xfd\xbb`Y\xf0*_\x824\x8b\xf0\xd0~\xb5\xc3weIy\x0bG\xcd\x82_6\xec'</t>
  </si>
  <si>
    <t>b"\x03\x92a`[`\xe0 '-\x1d\xc1\xb2\xa8|\xae8\xe4\x9d\xdb\x07|\x1e\xcb\x99l\x8e&lt;&lt;\xeb\xd7}"</t>
  </si>
  <si>
    <t>b'N\xf5\xf7\xd1\xcb\x86\x9c\x1c&lt;dO\xaf\xb0\xf7\xf5\x1bvk\xe8\xd8\xa1\xbe\x04f)\xa6\xbc\x1d1\xb2X*'</t>
  </si>
  <si>
    <t>b'Bf2\xbf\xe3\x9b\xe3\x1b\xfezl{\x16\xe5q\x86\xf2\xa3\t\x0b=h@\x0b\x04S\x8a\x0b\x02u\xa6\x19'</t>
  </si>
  <si>
    <t>b'\xa2\x0c\xccw\xb9\xf0\x1ajUW\x08C\rde\x9c\xcb,l\xe5 \x82m\xd96\xf2\x1cM^\x9e\x00v'</t>
  </si>
  <si>
    <t>b'2\x0f\xea\x8eI\x9f\xff\xad\xb6\xfa~\xd7\xc2\xa4\x9e\xeb\x9b\x91\x9f\xc4\xd0\x98\xf0\x0e\x83\xed\x87\xe3\xcf\xe9k\xb0'</t>
  </si>
  <si>
    <t>buy more land</t>
  </si>
  <si>
    <t>b'`;\x7f\n\xb3P\x01p~;\x9aL\x96\x9e\x03\r\x172\x99\xf8\xb5\xe1\x89mt\xb9:\x91\x8fN\xb9J'</t>
  </si>
  <si>
    <t xml:space="preserve">MY LOAN </t>
  </si>
  <si>
    <t>b'\x11r\x0e/w\xcbL\xd31\x10\x12\xab\xb9`\na\xde\xd7\x8bY\xb2m\xc8\x8d\xde\xed\x94\xf9\xed\xfb\xd2\x8b'</t>
  </si>
  <si>
    <t>Credit Debt Freedom</t>
  </si>
  <si>
    <t>b'\x11$W\xf3\xa38u*3\xe0\x81\xc9\x1c\xf6\xec\xbb\xf7\xdc[3\xa4\x12q\xd5\xba\xc8\xa0\xdf;\xcb@['</t>
  </si>
  <si>
    <t>Loan for Major Purchase</t>
  </si>
  <si>
    <t>b'\xc5\x8c\x0b\xc9\x1c\x0f\xd5@\xed\x8a\xa3[\xa5|/(\xe8;\x08\xdf_\xd1\x93\xa5\xd6g\x90\xbe\xffk\xd6\x82'</t>
  </si>
  <si>
    <t>Working Towards Becoming Debt Free</t>
  </si>
  <si>
    <t>b'\xf0\xee\xe1#!\xba %$\xa1\xa9-\x9b\\\x12k\xc9\xb3Z3\xa4Z\xd9\x89xU\x85\xd0\xdf1\xadM'</t>
  </si>
  <si>
    <t>b'\xe8\x9f\xd6\x9c~Z&gt;\xbb\xcb\x1a2\xaa\xb9\x8c\x88\x87\x8a\xf9R\xf8\x93\x1d\x9b9&lt;7\xcbr\xd6syy'</t>
  </si>
  <si>
    <t>b'&gt;\x14\xacST\x9a\x15\xaa\xde\x93=T\xf3\xcc|\xb05N\x96k\x19;\xeaL\x9a\xebj\xc1R\x0bY\x0e'</t>
  </si>
  <si>
    <t>b'\xb8\x80A\xa69%\xb8\xc3\xff\xe5R\x98eU_\x981\xa8\x81\xeaL7\xabj\xae\x1b\xd9\xdf#\x17\xb6/'</t>
  </si>
  <si>
    <t>b"\x8b\x11\xe23\xc8F\x86\xb2 \xc3\x81&lt;\x9d\x06'e_\xac\x111&gt;\x07XU\xbc\xce\xc3\x83\xa8\xde\x96\x87"</t>
  </si>
  <si>
    <t>b'e\xc0\xf5\xb7+/\x1c!\xf9\x9c\xa0\xbau\xf4fO\x81T\x1d\xd1a\xfb\xac#\x90\xd7\xc2\xa8\xf2\x8a\x83\xcb'</t>
  </si>
  <si>
    <t>b'\xe0\xb5\xdf\x84\xbd{P\x13p\x99,\xec\x16\xec\x8fT\nk\xfe\xdbQW\x03\x9cc\xd2X\x94\xe3\x1b\xaaZ'</t>
  </si>
  <si>
    <t>b'\x91#]{R\x95:\r\x8d\x1d\xec\xd7\xd4-\x89\xbd\xc3Za\x92\x9ck\xd8\xad\x92\x87\xba\xd8\x16\x03\x87?'</t>
  </si>
  <si>
    <t>Future Finance</t>
  </si>
  <si>
    <t>b'M-\xa2h\x16\x02.\xaa\xa4\xae\xb4\xd0G\xa3\x01\xf5o\x18\xea\x91\xa8\xf8H\xed.\xa57\xf2\x88u\xc8\x91'</t>
  </si>
  <si>
    <t>b'\xd4\xed\xd9\x89\xa3\x8b\xa1\x84\xc5\x1c\x7fe\x9d\xac\x1d\xbc\xf9\xfa\xe0\x14p\x80\x87\xec!\xa1b\xf2\xcd\xce:\x1f'</t>
  </si>
  <si>
    <t>CCloan</t>
  </si>
  <si>
    <t>b'\xf8x\xef\xd6RhCy\r\xee\x814\xd8D\xf4m\x0c_\xd9\x81\x9c~\\\x15\x02\r%:\x95\x94\xed\x92'</t>
  </si>
  <si>
    <t>Personal Loan for House Improvement</t>
  </si>
  <si>
    <t>b'W6\xe6p\xa0c\xf67\xef\x83\r \x8e\xba\xfe\xd5\x8f\x87\xdf\xe8\x0c\x0b\x88\xd8\x06\xc6AsodU\xc2'</t>
  </si>
  <si>
    <t>b'x\xeb\x89o\xb7Q\x93\xd7\xe6\xbett\xe3x{\x8aB\xef_\x99N+\xfb2w\x17\x97\x8aV\x84\xc4\xed'</t>
  </si>
  <si>
    <t>b'\xd6\x19\xa7N\xea\x023g\xf7s\tS\xa8@\x98\xdc\x05\x0bp\xc0\xcf[\x0eY_E\x15\x89T\xcf8O'</t>
  </si>
  <si>
    <t>Consolidate two Prosper loans</t>
  </si>
  <si>
    <t>b':\x98B\x89\x07\xa4\xd1M\xab\x12\xd2\xb7\xf7\xeaR\xbf\xfe"{9h\x7f\xfaf\xcc%\xd3\xae\xd7\xe5\xe7\x02'</t>
  </si>
  <si>
    <t>b'm\xd0\xc6\xe6\xc8\x805u\xa2\xc6\xa9\x87\x9f.\xda\x0b\xb1o\xb1\xc7M\x17=h)s\x0e\x9b\xfc.\x16\xbb'</t>
  </si>
  <si>
    <t>debt free help</t>
  </si>
  <si>
    <t>b'\xf4\x05#\xd6\xc3I\xb7\xf4\xc3\xaahC\xab\xf8\xb5\xa1\xe9\xe5\x13\xcfN\xcd\xdd\xfb\x98\xbe\xfa\xb8;\xe1\xbf\xc1'</t>
  </si>
  <si>
    <t>b'd9(\x14\xb8\x0c\xb4\x02\xa5kH\x9e\xfd|\x13\xdc\x81\x93\x86\xf1*\xb4T\xc0\xd2\xe6\xbb\x86\xf1\xa0\xf1\xa9'</t>
  </si>
  <si>
    <t>b'}\xabFKr\xde\x99\xa8\x90\xd9\xa1\xca[\xfe\x81\x1d\xa3]\xe8i\xeb\xe7\xc8P\xeb\xe3r+$\xaax\x02'</t>
  </si>
  <si>
    <t>b'\xb4\xe6yIG\xe9\xaaV7F\x07\x97[@WH\xb1tH\xca\xdc\xd6\xb2\xd0R\xc9\xd9\xd1\x8e\xfeAc'</t>
  </si>
  <si>
    <t>b"#=\xb5\xab3\x7f\xc4'\x88Fh\xd0\xa2\xc7j\x12\xf6\x98:\xeaD_+\xe8\x1dqop\x0b\xbe\x90="</t>
  </si>
  <si>
    <t>b'}/\x9db8\x00\x94\xd9}o\xfe\xed\xf9\x14r\xdcL\xa5W81\x89\xe3a\xeci\xdd\x8c\x19\xc6h\x05'</t>
  </si>
  <si>
    <t xml:space="preserve">Help Me Get Out of  Credit Card Hell </t>
  </si>
  <si>
    <t>b'\xf6\xe2\xfd\xdbMl\x80\x8d&lt;\x15\x13\x06\xd1\xe1D`aQK:\xca\x0cG\x0e\xa8\x85\xcf]\xd7,A\xde'</t>
  </si>
  <si>
    <t>b'\xbe\x10\xf0\x14\x86\xe6\xa6\xf7\x9e2\xb1\xc9OC\xdbe\xc6\x8cte\xcdk\xe3\xa1\x9e\xf1\xe0\xf0\xd2\x9a?\x11'</t>
  </si>
  <si>
    <t>b'\x0f\x87M\xf4\xb6\x82\x10\xeeUbD\xce"\xae\xec\'\xfa\x83\xb3\xa9\x97z\xba\x18\xdc\x1e(%\xb5\xd3H\xbf'</t>
  </si>
  <si>
    <t>Payoff cards, pay for wedding</t>
  </si>
  <si>
    <t>b'\xf2\xd9]\xfd-\xbd\x818\xd1\x85\xc9K\xc8t\xbbm\r\xd6S\xcaW\xee!\x15)Z\xccl\x1a\xc1=^'</t>
  </si>
  <si>
    <t>b'\xc0}4\x11\xe0\x0f\t\xf8&amp;\xdf\xdabEp\xe71\xa6\xe66L_:\xf1f\r\x01md\x9b\x7f\x1fH'</t>
  </si>
  <si>
    <t>Financial freedom to be debt free</t>
  </si>
  <si>
    <t>b'\r\x92K\x14\x81\x15d\xc2B\xe0\x04%/\x1f\xb9\xfc\xf7\x84:\x9a\xc9\xc3\x89`U\xb2\xb7\x1a\x9dp=\x8b'</t>
  </si>
  <si>
    <t>credit card recovery</t>
  </si>
  <si>
    <t>b'\xed\xa2|q\xd3h\xa9Q\x83R\xfb\xb4Ju\xb0\xc1\xb7\xee\xe5\x03\x0b\x1e\x89W\xae\x9e]0\xc1[\xd3\xb5'</t>
  </si>
  <si>
    <t>Debt Consolidation On My Own</t>
  </si>
  <si>
    <t>b'K\xa6\x9b\x86\xc6\x91.4\x01\xdf\x1a\xd5\x0b\xbb\xde\xe3\xe8\xc5\xa8\xc1%\xd3um/\n\x12\x16\xc6\x7f)\xb2'</t>
  </si>
  <si>
    <t>b"\xef\xc0\xbb\x19D~\xbc\xd8\xf3F\xb4\xb8~\xd2\xdd]\xe20'\x95U\xbd\n\xc6#3uZ\xad\xbf\x11\x9e"</t>
  </si>
  <si>
    <t>b'\x1b\xfb8\x95:\xdc\xc7#w\xfe\xb5Y\x93/(\xa5k\xbcn\xdd{L,\x16-+A\xe5\xd1M\n3'</t>
  </si>
  <si>
    <t>b'S\x92R\xe5k\xb4\x91\xe0\x10\xb7%\x19\x1cY\xdf,\xfd\xe9\xad\x81\x93N\\2\nt\xb3\xf4\xc1\xcb\xb2r'</t>
  </si>
  <si>
    <t>b'*\x18\xcf\xe0\xa2D\xa2\xbas\x00"=\x1a\xe7K\xd0\xc3~\xd4.zU\x8f\x90\xfe\xc8G\xeb\xc0\xd5\xb3$'</t>
  </si>
  <si>
    <t>b'`\xe6\xd2\xf3E\xa4\xa2_\xa2\xe0.R\xa8\xb9\xb0_B9\xbd \xdc\xe5\x0f\x9b\xd0\x9c/9av\x9d\xe5'</t>
  </si>
  <si>
    <t>Determined to be Debt Free</t>
  </si>
  <si>
    <t>b'&amp;"\xc6(Ip\x82)\xb4XUQ4O\xcb\xac\xf7%\xdd\x19n\x8e\x0b\xb5W360\xb7\x81\xe0\\'</t>
  </si>
  <si>
    <t>b'\x8c\xdb\xdd@*l+%\xce\xde\x11\xc4@\xba\x11\rM\x08\xe3\xae4\x80t\xbf$\xbd\x85\xb7/\xdb\xa9\x1b'</t>
  </si>
  <si>
    <t>Help to pay debt down faster</t>
  </si>
  <si>
    <t>b'\xfa?Y=\x07\x04"u\x1ct\xd6z\x1e\x95\xacMon\xc3\x0f\xf6C\xedY\xe4\x02\x15\xecT\x1a\xca\xd1'</t>
  </si>
  <si>
    <t>b'\xcbYG\xe3\xfa\x95h\xc9I\x81\xb4x\x0cm\x88\x97~\x9a\xca\x82\xdc\xc52\xb3q\xfa\x08\x8f/\xa9\x0e\xf1'</t>
  </si>
  <si>
    <t>b'\xb9\xb1\x00`.H\x0c\xd7\x7f\xe4\xa2\x19\xfdrO\xa6\x9b\x89\x03@e\xab\xbcjV\x93F\xeb\x8cE\xbdE'</t>
  </si>
  <si>
    <t>Get Rid Of The Rip-off</t>
  </si>
  <si>
    <t>b'\x046\xb4v\xa4\xc2\x04N\xfd\x84Y2\xf5\xc2\xd3\xbe\xe2c\xfaz\xc0\xe0\x85\x80\x98+\xda\x1f\x16FT\xb6'</t>
  </si>
  <si>
    <t>b'\xdba\x8b\x02\x12xm\xd6\xc3\xe8\r\x8a\x99\xba[;\x87aW@\x1cV\xediZ\xc0\xf3*\xeeZ7('</t>
  </si>
  <si>
    <t>b'\xf8@\xb8\xd1\x81\xe8i\\\r\xba\xdd}\xb7k\xb8T\xac\xe3\xec\x1e\x8f~\xdf\x8cg\xb6\xf0a\x12\xe7D1'</t>
  </si>
  <si>
    <t>b'\rmuC_\x0e\x97.\xbf\xd5\xbda: \xf3m\xf8\x8bu5!JS\xc1\x82\xb4\x06\xa9\xfb\x97\xe6\xa6'</t>
  </si>
  <si>
    <t>b'\xa41\xe5\xc1\x1fi\x96\xe8("\x93\xa1\x82\x955\xb7\xde\x04**\xe2\xef\x90\xd1R~\x9a"\xe9\x8a\xee2'</t>
  </si>
  <si>
    <t>b'c\xb8MaF\xf2C\xef\xff\xa0\xfc\x95\r\x94K\xa3\xe8~:l\xe6\x98\x86O\x81`"\xd0zY&lt;\xbe'</t>
  </si>
  <si>
    <t>b'\xb2\xa4\xd8qDh\xca\x85j\x95\xff7\xbbNa\x8bQ\xc0\x7f\xe4\xd0r\xf8\x17U\xbb\x82\xf2\xaa\x1d\x99O'</t>
  </si>
  <si>
    <t>b'\xe2$T\x1a\xd8\xe4h\xfb\xbd\xf9\xc1\x1cW\x9c5\xa2\xc4\x19j\xe90\xdc|t\xf9_\xc8\xde\x80\xcc\x84f'</t>
  </si>
  <si>
    <t>b'Y;,\xf0t\x96\xe5\xe7\xef\xe5\x84M\x0fC\x80\x17p%`\xb5n\x99\xb3yb\xea\xe7JA2K\xdf'</t>
  </si>
  <si>
    <t>b'\x05\xae\xf8]\x02\xc2\xb4\xa3G}\x16\xebR\xef\xb5\x9fi\x8b\xa6O\x0b\xa3=\xa1\x81c\xdf-\xd7\xcdG*'</t>
  </si>
  <si>
    <t>Thank you for your consideration</t>
  </si>
  <si>
    <t>b'\xc2I\xe3Ovo\x04\xc6\xa9\xd9\\\xb6\x08\xee\xe2\x8e\xc5|6\xa0\xed\xbcA\x8e$MQ\x12\x0f\xecd\xf0'</t>
  </si>
  <si>
    <t>b"\x0e'\r\xde\xf4\xa2s+\t\x84\xa7-]\xee@\xe5\x84%:\xa83\xd7\xf8\x1f\x11\x0b\x96\xc7\xb1\xf6\x04\xd1"</t>
  </si>
  <si>
    <t xml:space="preserve">Debt free </t>
  </si>
  <si>
    <t>b'\x87"\x08B\x8a%\x133\x8e\x08\x05\xdb9@jK\x1d\x7f\xe6\x999\xdd`I;\xde\x11\x87\xe6\x8a[\x14'</t>
  </si>
  <si>
    <t>My attempt to finally get it right</t>
  </si>
  <si>
    <t>b'D\x10\xcc\xb0\xd78\xe5\x08\xb4\xfb\xc1\xf1^\x8b%\xe4\xf0\xd3P\x88\x842\xca=\xbf\xedu\xb4\xf0\xc2\x18i'</t>
  </si>
  <si>
    <t>b'\x95\xd9s&amp;J\xcb\x9c\xb0\x8c\xeb\xb6a\xa2P\x14Vl\xd0\xbd\x1d\xa5w\xc3\xd2i\x1af\x0fqVc_'</t>
  </si>
  <si>
    <t>b':]x\x9al\xd0d\xae\x8ea\x12\x85\x8e5\xd3[\x0f\x83\xc2\xccK\xbcL"[\xfe\xe8\x975\xa4\x8bF'</t>
  </si>
  <si>
    <t>b')P\xb1J\x98\x8e\xfaL{\x157B\x9a)\t\xd4\xdc\xaf\x10\xdf\tB\x1f^\x04\x7f\xc8\xd7\xc5\xfd\xc8h'</t>
  </si>
  <si>
    <t>clean up</t>
  </si>
  <si>
    <t>b'u\xf0\xbb:\xf0\x1a\xd9\x93,?q\x9d\xc5\xa7b\xbf\xa0\xbc\x96\xa9\xe4\xc3`\x06@Y\xf2e\xd6\xcc\x9a\xb0'</t>
  </si>
  <si>
    <t>b"\xa3\xc0\x97-]~\xb3\xac\x16\xee\x0cz\xb5\xe9h'\x86\xf0F\xd8\xc57u\x8e\xc5\xbe|N\xf6\x94\n,"</t>
  </si>
  <si>
    <t>b'\x81\xc3\xa9\x07\x8e|e&gt;b\x12\xdc \xb4V\x82\xab\xaaN\x88xn\xc1\x86\xa0\xc3\x83\xe9;8\x11\x9d\xac'</t>
  </si>
  <si>
    <t>b'\xea&gt;A\x08\x15\x8a\x91\x02D+u9\xf2\x14\xcf\x0e\xb8\xe1\xf2\xaf\x94\x92M\n\x1e\xc4\xa0^\xcb\xb7(\xc1'</t>
  </si>
  <si>
    <t>b'\x9e\x1d.\x9dS\x04\xb8&amp;!\xe6qf\x1d\xba\xb4\x03\xd3\x17\xe0\xaa\xa6\xbfIX\xc9l&lt;p0\x10\xef\x92'</t>
  </si>
  <si>
    <t>Consolidation of Debts</t>
  </si>
  <si>
    <t>b'\xed[M\x9c\xd8\x8b\x13\xddvK\xf6&amp;\x8d\xbc\x89Hio\xed\x90\x83\r\xbc\x08\xf5=*\x91\xe9\xc8M\xc7'</t>
  </si>
  <si>
    <t>Organizational Loan</t>
  </si>
  <si>
    <t>b'\xde\xb0\x10\x15\x87!\x02\xef\xe8\xee\xec\xf1s(\xfc\x0f\xd0*\xe5\xf24cI\x85Z\xba4`\xfa8Hv'</t>
  </si>
  <si>
    <t>b'\xbc(\x80\x17&amp;,?s\xcb)\xbe\x94\x02a9\x0c\x87\xfa\xc4\x8e\xdb\xd1Uwl/{"\xa1v~-'</t>
  </si>
  <si>
    <t>b'\xf5\xe2I\x15JPUz7fb\xb3\xe8\x89\xa8\xec\x9d!oeta\xe2{L\x8e\xf1Tln\xd8\x01'</t>
  </si>
  <si>
    <t>b'\xaf\xdd\xdeCxW\n\x87\x02\x84\xea\x7f`z\\u\xce\xe0&lt;X(QV\xaf\x8a\x13\xb0B&lt;\x01\xb2\x8d'</t>
  </si>
  <si>
    <t>b'\xa5[\x1a\xb4\x878d\x1cQR|.\xf62:b\xccy\x00\x90\xebu\x1c\x9f\x93\xf2\xa4\xbb\x9b\xe8\x01\xb1'</t>
  </si>
  <si>
    <t>Credit Card Refinance/Consolidation</t>
  </si>
  <si>
    <t>b'r#\x9d\xaf\xc7\x08\x0e\xdc\x94\x8f&gt;\x86\xffoS\xfc\t\xbf\x8c\xecwt\x19/\x98Q\xec\xb52\n\xfdT'</t>
  </si>
  <si>
    <t>Debt Consolidation for Servicemember</t>
  </si>
  <si>
    <t>b"\x99G\x89\xb9m\xafGU\xf0z\xa4\xd3\xf78\xcf\xed+$\xf3k!qme\x84\xbb''\xb1\xc8\xb2t"</t>
  </si>
  <si>
    <t>Office Loan 2013</t>
  </si>
  <si>
    <t>b'^t\xc3M\xa4jy\x9bP2\x9c\x89\xfa\xef(\xa4\xb0\xa0\x1e}\xc9/\xd7\xca\x07If\xba\x96\x1e\x85\xc4'</t>
  </si>
  <si>
    <t>b't\xb2m\xcfT\xb6\xc6\xf6!\xf3\xa8Ig\xdc&lt;\xa1\x85\xc0\x1bO\xf5&gt;\xc2\xeeF\xbf\x1e\xb4u\xbaR('</t>
  </si>
  <si>
    <t>b'BX\xe6\xe6/\x0f\x03v\x9a\xa5f\xea)\xd7\xb7\x19\x01\x15\xec\x1ev\x84\x12\xaa\x008\x03\xa1\x032\x87I'</t>
  </si>
  <si>
    <t>debt consolidate</t>
  </si>
  <si>
    <t>b'\x81w.hag\xc7\xa3\x1fz\x9cP\xb1\x11T\x19\xd8\xcb4v\x95\xc6k~\xda\xc1\xb1\xcc\xc7\r\x98\xd1'</t>
  </si>
  <si>
    <t>b"\x89\\\xfe\xaf'\xf4\xc9\xb96\xdfK\xdc$2O\x80y\xfd.l\xabS\xb81I\x86\x92\x81\x89Db\xaf"</t>
  </si>
  <si>
    <t>pay off cc</t>
  </si>
  <si>
    <t>b'#\xbd\x0b\xeewj\xd7\xcf\xaa\xc0\x92*\xcdbT\xa7R;F\xc2\xe1\xdat\xcf\x11\xe7\x18k\xbe7\x9a\x0c'</t>
  </si>
  <si>
    <t>b'\xfer&lt;\xf7\xa7u\xe9kS@\x12I)\xd0\x18O\x92\x1f\n\xfb\x9d%0@X\xd45\xaaDa\x9a\xa2'</t>
  </si>
  <si>
    <t>b'&amp;\xe2i\x1c\x13\xf39\x08I!W\n\xb3\xe1\xf5\xd6_\xfc6\xf7\xae\xa2\x919\xbbC~\xe2\xad\xb5\xee\x97'</t>
  </si>
  <si>
    <t>b"~\x95\xab-\x19'D\x93'\xe4m\xefU\xf3\xb8p`\x88P\x9c\x1d/\x8e\xb6\xaf\xda\x8e\xa1m\xa6\xa28"</t>
  </si>
  <si>
    <t>b'\xd9\xc1\xec\x96\x89\xab\xad\xe0\nc\xd9\xac\xfd+3\xb2\xb3\x9c\xaf\xe1\xfeue\xd0\xfa\x9e\xbd\xee\xbf\xcd\xd6\xcd'</t>
  </si>
  <si>
    <t>start a businnes</t>
  </si>
  <si>
    <t>b'\xc0f\t\xb2\x00\xf5\x0b\x97\x88\xc8\xf3\xa154\xa8\xee\x13\xba\xc6N\x96\xc9Df)c\xd2=w\xa7\x10\xbd'</t>
  </si>
  <si>
    <t>b'\x85\xd0\xb6W5\x1bc\xce\xf3\xa0\x0fx\xb1*3\x07E\xd4\xcd;]\x02v\xb1ZV\xc3\xe8\x19\xad\xaf\xb7'</t>
  </si>
  <si>
    <t>b'N\xbf^\xaa\xach\xb8\x1b\xe7\xc8\x85\x94m\r\xb3\xc5P\xcdX\xf3\x13\xd0\x815\x12\x1d\xa0\x14\x91\x8d0\xe4'</t>
  </si>
  <si>
    <t>b"\xc6\x02\\\xfa\x1cX\x84\x7f\xa6\xa2m4;1\xf4\xe9\xc1\x1f\x84'[\x17\xb3@\x83s\x8cA\x9e\xee9\xf6"</t>
  </si>
  <si>
    <t>b'\x15\xa3\xe8\xda(\xed(\xd3\x9d-ib\x95\xcf\t\xe2\xc9o\xe1\xf0\xe4\xfa\xf5\xc7\x83PV]\xd5\x83$\xd5'</t>
  </si>
  <si>
    <t>Freedom of Debt Loan</t>
  </si>
  <si>
    <t>b'\xc8\x96\x95\x8d\x03\x85\x11\x9e\x08\xd8]\x87\x977\x8f_\xb4A\xf1E\xbb\xef,\xc6K\xcb]\x10\xef}Xb'</t>
  </si>
  <si>
    <t>b"\xdeB\x0c\x07D\x13\n\x10\xb1\xd4s(pu\x15L\xea\x83\xe2\x03\xf8C\xfe\x98x\xd9\t'\x05\x97\x9b\x98"</t>
  </si>
  <si>
    <t>b'\xbfa^\x07\xfa,\xab\xe9\x16\x0b\xb7\xb9&lt;JE\xaa\xff\xd2@Z&amp;&amp;\xd1\xec{\x98?\xb0$\xc6\xb0\xc8'</t>
  </si>
  <si>
    <t xml:space="preserve">Business Reconsolidating </t>
  </si>
  <si>
    <t>b'3\xf9|ejID`\xc1\xcc\x1aH?\xef{\xda\xa9\x8cK\xa4\xec\xf8G\x08Rk\xde\x03WK$\x9b'</t>
  </si>
  <si>
    <t>b'\x9a\xce2\xd8\r5\nY\x01\x08\xc4l\x96\xacB\x043\xab\x03S\xc9;H\x88\xe5MR\xf7n\xa0\x1eh'</t>
  </si>
  <si>
    <t>b's\xb1\xde,|\x8de\x7f\xf3\xdc\xa56\x91\x15\xa9\x1c\x95!\x9dR\xa5T\xed\xbfU="\xcd\x0b\xde\xc3\xa7'</t>
  </si>
  <si>
    <t>CC Consolidate</t>
  </si>
  <si>
    <t>b'\xec\xcf\x05\x07&gt;\xd2\xec\x9e\x1c\xc5\xd1\xf2\x16\x7f\x82\x02Q\xed\x1f\xcc&amp;_\xd5\xcf\x8b\xa16\x87\xbd\xa4\x11z'</t>
  </si>
  <si>
    <t>b"\xef@eS\xb0\x17d\xa8'4\xf3\xd1\x1d*\xeb\xa6\xec\xd9\xa7\x15V{\xa0%\nN\n2\x96n\xc7\xdf"</t>
  </si>
  <si>
    <t>pass-it-forward :-)</t>
  </si>
  <si>
    <t>b'\xacz\x89S\x00\xe5\x86\xf7\x05\xbc\xd7\xfdT=\xd2??\xdf\xca,\xa7+&amp;F\xbfo\x0e\x01\xc9mk\xf7'</t>
  </si>
  <si>
    <t>freeom</t>
  </si>
  <si>
    <t>b'n\xabJ\x80A\x0c^\xa9\xb6\xe6\x00\x19\x8a)\xc2\x97\x87\x7f\xa2\xba\xe3\x11\xc4n{Z\xec\xb7m\xfa\xa0\x0b'</t>
  </si>
  <si>
    <t>Goodbyedebt2016</t>
  </si>
  <si>
    <t>b"5\xf8N\x1d\xa4\xd1\xb5p~\xcc\xd7\x16Sllt\x1a\xb3\xb8\x1ea2'gpT\xb8\x12\x7f\xbe\x7f\x94"</t>
  </si>
  <si>
    <t>b'\x8f\xec\x9a\xe8{a\xfe\xa0\x9c\xa2\xdb`\xe7\x12\xd2\x06f\xf4\xf7\xbbJ\xe8!(\x051.S\xb8\x19\xc8P'</t>
  </si>
  <si>
    <t>b'\x9c\xb7\x84z P\x02-8\xd8X\x0f\xe9;\xb9C\xf7\x8bf\xda\xcdK\xb3\x06\xf5\xa2\x94\x0e\x93+\xb2_'</t>
  </si>
  <si>
    <t>b'9\xe7\x15.\xde\x04\x189\x98e\x85\x1f|X\xe8|+\xed0\x19\xce\xc5\xb9\x0b\xa79\x1b!\x1eRv\n'</t>
  </si>
  <si>
    <t>b'\x8c\x9b\xafP\xd7*\x1e\xe5\xb9\xd3\x95\xc7\x98\xdb\xe6\xcc\xfd\x83;\r\x9ef\x16\n\x94\xa7\x04\xad8&lt;\xa4\x93'</t>
  </si>
  <si>
    <t>home remodel</t>
  </si>
  <si>
    <t>b'\xd8Wn,"G\x18\xa95;\xceF\xa0\xf4\x08\xd2z\'\x89D\xcc\xcd\xddEj/\xd7\xf8\x81=\x8a\x0f'</t>
  </si>
  <si>
    <t>b'\x99\x11\xf7\x11\x1e\xc0\x82\x14V\x1f[p\x18\x9a\x1b\xcd\xd0KQ~\t\x92F\x10(\x99u\xf5hp\x97\x98'</t>
  </si>
  <si>
    <t>b'\x8c\x99v69R\xe8WW\xe3;\x97e[\x83U\xf9\x01a:\xf1\x1c\xc8\xed(\xb5\xfcH3`\xb3\x0e'</t>
  </si>
  <si>
    <t>b'\x8cIh\xea\xfc\xff\x05\xe3\xf8\xab\xe1\x88Q!,~\xd4\x02d\x1a\xa9R\x1b\x81k\x9d\xc9\xb5\xe8d\xc2:'</t>
  </si>
  <si>
    <t>Consolidate 101</t>
  </si>
  <si>
    <t>b'$!asA\xd3S\xc0m\x00u\xcc\xd5o\xd7\xc8\xf7\x9di\xb5K\x93\xd3\x87\xed*\xd0\x01\xf1\x85i\x9b'</t>
  </si>
  <si>
    <t>NewStart</t>
  </si>
  <si>
    <t>b"\xeb#j|Y\xf5\x94\x88\xc4\x819~\x11\x90\xc1g\xdf\xa3''C\x9f\t|\xeb\x1e\x86b)j\xccy"</t>
  </si>
  <si>
    <t>b'\x12\xbcy\x8fL\xd2\xb6k\x96\x05O\xc7E\xe7\x17\xd99J6\x15\xeeZS\xe3\x173\xd0\xa8\xff\x88\x08@'</t>
  </si>
  <si>
    <t>debt consoloation</t>
  </si>
  <si>
    <t>b'yR\x07\xd4\x88\x81\x82/h\x87\x03\x91\xd6\x06k\xfd\xd2\x8c\x16\xbf%\xd8$3C\x9d\xd4|%\xee\xe6['</t>
  </si>
  <si>
    <t>b'[s\x1c?e\x84\n\x12H3\x8b{\xbf\x05t\xd8\xb9\x07\x8e-\xcf\xe5Oid\xa6\x85\xec\xf1^\xe0\xc0'</t>
  </si>
  <si>
    <t>b'u\xf0\xf2i5\x91;yI\xb3\xf7\x12MU\x94\xff\x19\x18\xb8\x0f\x1a &lt;7S\x0e\xb2/\xc5\x00\x08\x97'</t>
  </si>
  <si>
    <t>b'"5\xe9\x8f\xd4\x8a-f\x9d\xcaWL\xd3^\xf2"\x84\xe3\x07\xa0p\xfd\xb2!k\xd1\x80\x80\x1d\xd1\xc1r'</t>
  </si>
  <si>
    <t>CC refi</t>
  </si>
  <si>
    <t>b'B@\x14\xe6J\x83v./I\xf7\x80\x16\xf4\xd7\x93\x9dU\xa5\xdb\xdd\x1d\xea\xf4\x01"?\xb6\x81\xa1D\x87'</t>
  </si>
  <si>
    <t>b"\x99u'\xd8\x13T\x0e\xc9\x96\xe96W\x15ui\x98\xc6\xdd\xb0\x8b\xca\x00l\xb8C\x03\x950*\xa0{\xba"</t>
  </si>
  <si>
    <t>nursery plants</t>
  </si>
  <si>
    <t>b'\xf8\xecw\x10\xab\xb5\x8b1\xb3k\xf8\xe6`!P0\x84\xeb\xf0\xb8&amp;\x00\x00\x87v\x010/Q\xa6\xe5a'</t>
  </si>
  <si>
    <t>b'\x14KWf\x1f\xe9gB\x8c\xd2\x83R\x00\xfc\x13W\x96\xa5\x81\x83\xfe\x95/\x98E\x86\x99\x98\x80yT\x8a'</t>
  </si>
  <si>
    <t>b'\x05\xac+\xbe\x1f@\xd3R=\xca\x93\xaa\x1f\x0eIW\xe6\xe6\xe4\xb5\xf5/\\\x19\xaa\xd0\x9bf\xedK^V'</t>
  </si>
  <si>
    <t>b"g\xdb\xc3\xd0\x95\xcc\xa4\t\xf0Z1i'\x8d\xec\xd9\x8a\xee\xa3X\xdf|K\xea\x1b\x1e\x98\xfe\xea\xe5\xc5\x95"</t>
  </si>
  <si>
    <t>No debt better future</t>
  </si>
  <si>
    <t>b'G\xea$~U\x16\x90\xcd\x998R\xb1\x00\xd2\xf94\xa2Q\x8a%J\x01\x80\xa94\xa1?\xb7\x9f\xe1e\x86'</t>
  </si>
  <si>
    <t>MyLoanOffer-1</t>
  </si>
  <si>
    <t>b'|\x04\xdd\x97\xfd\xe8*\x11\x9bQ\x1b\xbc\xd5\\\x07\x1a\x8d\xcf\x89\x87\xcf\xa6\xf1\xe7 */B\xe7I-m'</t>
  </si>
  <si>
    <t>b'\x07!\xa1X\xd5\xae\xce\xdcQ&gt;\xb2{\xdb1\x04\x1d\x0f\xcf%\xf2wys\xc3z\x08l\xbc4h\x8b\x16'</t>
  </si>
  <si>
    <t>b'\x0fl\x92\xfem\\\x89q\x19\xf4\xe0\xba\x945u&amp;\xaf\t,&amp;\xa49\x17\xb0N\x08\x97b/\x03\xe5&lt;'</t>
  </si>
  <si>
    <t>b'\x9e\xb2S\x81\xbc1H\xa9\x01\xd2.{G\xbaW-\xe7^\x04(\xf7\xbb}0\xa0i\xaf\x8d\xf0\xa2\xb9\xd5'</t>
  </si>
  <si>
    <t>HomeFloors</t>
  </si>
  <si>
    <t>b'\xc4+\xe7\xefS\xaf\xcbv\xc9"#C\xc3%\xbe\xab\xf3\xa9\xa2oq\x1e4\xc2\x84\x8f9/%\xf9L\xea'</t>
  </si>
  <si>
    <t>b'\xe8O9\xaf\x85\x19J\xe5\xf3\xc9\xbb\xa4\xf6uw\x08\xa3Z\x82\xb7G\xc3\xd4\x08\xdd\x02\xb4.#\x928b'</t>
  </si>
  <si>
    <t>Debt Free Graduation</t>
  </si>
  <si>
    <t>b'\xb8\xf2\xfc\x16r\xf0\xc4\xcbs\x11\x17\xc7\xf5\t!\x17\x17\xeb\xff\xf9\t\x04\xf6\xac\xbc\x10\x0c8\xfa\xde\xe4n'</t>
  </si>
  <si>
    <t>b';r\xfd\x97YUD\xcb\xb7nO\xf8\xf0?\x9eL#\x116\xbe`h\x99\xef\xe66\xaa\x85\x1fm\xccd'</t>
  </si>
  <si>
    <t>b'\x85\xace\xbbV\xee\xe1\xc5Pju\xa2\xe5N{\xed*g\xb9\xeb\xd0\xd5$\xe6\x14\xec\xe9d\xd8\xc1Q\x01'</t>
  </si>
  <si>
    <t>b'\x0e\x9f\x877\x1c\x02\x9e\x93\xb8\n\xf3\x01M\x99\xf6\xf35^\x7fg:\xe9t\x88&gt;\xc7\xb1%\xc5z@\x85'</t>
  </si>
  <si>
    <t>b'\x80\x89\xa2~\x18A\x8c\x1d\x96\xc4\xfe\xf1\x12\x0f?0 $\x98\xe2\xc1\x07 \x8f&lt;\x0f\x02\xf6\xefk\nd'</t>
  </si>
  <si>
    <t>b'\x83!\\f\xbb\x1c\xa1\xc08Q\x11\\\x8d)oDV\x0f\x7f\x97\xdfa\xc2%U\x13\xb7\xd1\xbd\x89\x82\xc8'</t>
  </si>
  <si>
    <t>b'*=\xc1\xaenLK\xe59\xae\r\x1cp\xcd\xb6\x1e\x9dW\x00\xde9\xf8\x02Jln\x8b\xe2yA\x0b\xea'</t>
  </si>
  <si>
    <t>b'\xeb\x85\xdf\x0e\x1a\xa6\x10UCh\xb3a\xdb\x8b\x14\x96\x19\xc9v.\xdb\x07\xc5\xf6OS@\xfd\x83J\x03\xd1'</t>
  </si>
  <si>
    <t>Used Car</t>
  </si>
  <si>
    <t>b'h\xe0\xce\x8e\xc1^3c\x17\x90\x9f\xbe\r\xe0\x8fU\x14h\xdf\xea\xc7\xac\xb3\xca\x90\x0b\x8a\xd4\xac\xa1\xaaA'</t>
  </si>
  <si>
    <t>Med1</t>
  </si>
  <si>
    <t>b"Q\x9d\xa0\x0e\xa4X\x83\xc2D\xdc\xc2\xf2G\xabA(w\xf4i\x1d'\x95\x05\x1c$I\xd92\xb0\x94\xdcc"</t>
  </si>
  <si>
    <t>b'\xbf4d\x8d\xaeEz\x8e\x18z\x1d\xa2Z\x1f\x18\x04\xe2&amp;\x1f\xd2\xcdd\x85\x01\x97\x83k/\x86t\x94\x00'</t>
  </si>
  <si>
    <t>b'x\xb3.*\xb5\xd5\xf9=A\x11\x9b\xeb\xc1%Q#p\xc4\x9cNP=4\xa5\x94\xf3\x98\xc1\xd2\xf2\x18\xa0'</t>
  </si>
  <si>
    <t>debt cocsolitation</t>
  </si>
  <si>
    <t>b'a\x16\x83\xbb\n:\x19\x0f\xde\x0eXK\x1a\x02\xdd\xfe\xf1{\xd0\xdb\x91)R\xfc\x87\x9b\xca\xaf7\xb68\xa8'</t>
  </si>
  <si>
    <t xml:space="preserve">business </t>
  </si>
  <si>
    <t>b"p'\xcd8\xc1z\xc1&amp;Mg\x1b$\xeb|\xbeW8\xa4\x84%*\x13\xc8y\xe5*\x9e\xb9\xaaB\x8a\xfc"</t>
  </si>
  <si>
    <t>FIX MY CAR</t>
  </si>
  <si>
    <t>b'\xea\xd3\xb8\x06\x06Sz\xb2\xbe\xd2\xa4\x1b\x95RN\xd8Vw\xb4\xa4\x84,\x18\xb1(\xae\xff\x97\xf3\x8a\x97\xa2'</t>
  </si>
  <si>
    <t>b"\xb7\x0b\xb4\xb9. \x8c%\x10e\xe0VS\x19\xaeV\xc2\x99\xb9\x89OD\x82?\xda\x89\x15\xce'\xc0\xe2M"</t>
  </si>
  <si>
    <t>b'\xc1\x9a\x8a\xb2\xd2\xa3\x1c\xa8L\xe8Fx[5\xd2\x8a#\x93\xc3\xee_\xa5\xf7\xa1\x18\xc6\xa8\x97eV\xe1m'</t>
  </si>
  <si>
    <t>b'\x17\x85\xd0AU\xba\x88\xcd\xea\x868\xf1\xf4rU\x05\xf4\t\x90\xe9(\x87P_=I,\x94rg\xcb\x83'</t>
  </si>
  <si>
    <t>MY LOAN</t>
  </si>
  <si>
    <t>b'g\x80\xc7D\x97\x03\xdf\x9f\xc39S\xc1\xab\xc7X\x9e\xe3\xd7\xa6\xb4zCy\xdb\x07\xc6k\x8cb\xca\xb2\xda'</t>
  </si>
  <si>
    <t>b'\xf8\x9d\xe4\xc5\xd5s#\x05\x15\xe8\xe5\xb8\x14\xf3g\xd7&lt;I+X#\xd53]mk_\xf6\xb0;\x90%'</t>
  </si>
  <si>
    <t>CONSOLIDATE</t>
  </si>
  <si>
    <t>b'\x14\xd137\x9ae|\xfa\x8a\x84\xb6\xbdu\x04\r\xf74\xaa\x9eH\x91t;\xd2i+&gt;\xbf]\x18\xb7\x03'</t>
  </si>
  <si>
    <t>401k</t>
  </si>
  <si>
    <t>b'R\xe5\x95F\xab\x918/A\xf8\\\x1a\xe6w\x92\xa6\xcd\xa3DU\xe0\xbd\xe1Yy\x94\x85\xd1\x1e&amp;\xb0F'</t>
  </si>
  <si>
    <t>b'\xc0\x1b{\xdc?\x8f\x07w\xdaYi\r\x9f\x13\xdaU\x06\x9c\x19j\x9f\xc5\xe5d%\x92SU\xbf\x14\xb4#'</t>
  </si>
  <si>
    <t>Lower Interest Rate Loan</t>
  </si>
  <si>
    <t>b'\x1f\xfe\x0fT\x18\xc1\x13[\xa0\xbb\xe3\xa0)e\xb6\xd1\xac~\x87n\xb8@\x9er\x8f\xa5[:\x04k\x1fw'</t>
  </si>
  <si>
    <t>Consolidate Jan 2013</t>
  </si>
  <si>
    <t>b'\x81=(}I\xdc~\x8c&lt;\xddc\xb0\xdc\xb9.\x93\\)\x01\xf8\xd8\x95\x94K\x87+{&gt;\xfb\x98\xdb\x84'</t>
  </si>
  <si>
    <t>b'\x88&lt;\x90/\xd6\x99\x07\xa0EwA\x9d\x8fZXf\xa5\xcc\x1d\xf5ZYN\x9c\x8d)\x93t\xc7\x8a\xf9\xfd'</t>
  </si>
  <si>
    <t>b"\x8b\x90\xc9\xf1\xfe\xcc\xbb\x02\x07H)\xd9\xe6\xb1g\xc8]\xb6\n`\x06\x02}\t\xc34\x94u\xf6\x8f'\xdb"</t>
  </si>
  <si>
    <t>Debit card</t>
  </si>
  <si>
    <t>b'\xd4&amp;\xfa\x10\xbd+u\xa3S\xab\xf9u\xbd*$\t6J\xa6\xfa\xa2h\xa54sX\xf4\x85\xa8\x96i-'</t>
  </si>
  <si>
    <t>b'\xde\x88\xfd6\x94&amp;\xefN\x94{\x92H\xb9W\xd36.\x13\xa9\x9e\xa0\x1d\xb77D\xb1\x13)\xfc\xa5\xf5f'</t>
  </si>
  <si>
    <t xml:space="preserve">To replace gutters and re build deck </t>
  </si>
  <si>
    <t>b'\t\xe5\x04\rya\x87\x7f\xb4.9\x84r\x06\xbd\xfb\xcbk\xddJ\xe8\xa0I\x19M\x8c&amp;G6)\x7f\xfa'</t>
  </si>
  <si>
    <t>b'$l\xd3B\x1eF\xbd\xa0\x04\x8cyK\x94M\x1b\xe3=\xeb\x1f\xc9Q.T\xd3\x1eSG\xc1!C\xdbj'</t>
  </si>
  <si>
    <t>b'\xd7}\x9a\x04&lt;B\xe1\x13R\xb1\xc6\x8e\x13\xee\xfaa&amp;\xf5h\x1erM\x1c\xbf\xaf\x82\xcd:\xe5f\xae@'</t>
  </si>
  <si>
    <t>b'\xadX\xc00L\x8b\xac\xc0\xf8]\x9b\xdb\xbe\x1e\xd1C\rte\xd5\xde\xa65#\xc4%Fq\xda\xdatH'</t>
  </si>
  <si>
    <t>b'\x88A\xe0b\xc5\xd4@\xc0|"\xc8+\xeaVL\xfc\xf8\x93\x1a\xd3\xc9\xa3\xe8\x83\x9e\x05j\xc6-\x9d\xe2\xe7'</t>
  </si>
  <si>
    <t>b'\xcd\x83w\xfb4M\xc740Ul\xa4\xc1\x1f.)\xc8\xad\x8d\xc7\xf1;MQ\x9d\x86d\xcf\x95\xb4\xd3e'</t>
  </si>
  <si>
    <t>b'rHxx,\x11\x95\x9a\x91\x1a\xae\x1bp\xbc,z\x88A\x02\xfdy\xa82\xbbe\xff\xdc\xc2\xf7\x13R\x8d'</t>
  </si>
  <si>
    <t>b"F\x8e\x8e\xe5\n\xe0\x07\xe9\xc3\x82\x8dH\xce\xa0\xb0M\xd4\x886&lt;\xf9_'\xe9]aO\xb1\xee\xa28T"</t>
  </si>
  <si>
    <t>b'\xb9\xe6h\xd1)\xf6\x893\xd6w\x84).c\xfb\xeb\x9b\t5V#\xf0b\xac8\xb4\xfa\xef\xd4O\xdbt'</t>
  </si>
  <si>
    <t>Changes</t>
  </si>
  <si>
    <t>b'\xff\x9228\x85\x91p\x8e\xfc*\xc4\xec\x88,h\xe5Vx\x07[\xd3p5\x82\x8d\x0f\xd5\xd6R\xf4Z\xb9'</t>
  </si>
  <si>
    <t>No Mo Cards</t>
  </si>
  <si>
    <t>b'\xf0\xc1\xac\xcbIWA\xf4\xe1\x9dm\x98\xc2&lt;\xf1\xe81\x98\xd6f\x94(f\x97\x95FN\xc3\xccS@?'</t>
  </si>
  <si>
    <t>b'a\x9e2\xfa\xc0W\xd3[c\x9e\xa4\xd4q\xe7=\x17\x9cT\xde\xb5\xf6\xe8\xb2v\xd8\x19E\xba\xbez\xe2\x9a'</t>
  </si>
  <si>
    <t>b'\x86\x99\xcb\x03ks\xae|A\xa8~\x8by*\xc2\x7f\xf1\xc1\x93\xbf\xb3\xa0\x1cr\x9dR\x8f-U$\x8d\x19'</t>
  </si>
  <si>
    <t>b'\xa0\xd9ES\xa8\xcd\xf3V\xefEY~xZ\xfeCIy\xac\xb669\x80\x91\xd6\xa1\x8dS&gt;\x16\xef\xcc'</t>
  </si>
  <si>
    <t>b'\x1b\x89\x8b\xe0\xff\xa5\xa7`\x94\x04\x96\xdcF\xd1#\xb28\xb6Gcm\xf7Gn\xda\x97\xe8\xb0B\x90W('</t>
  </si>
  <si>
    <t>Long term debt</t>
  </si>
  <si>
    <t>b'K\xc0o\x10\xee\x7f\xdd\xaa&amp;\xbe\x8d\x7f\x93\xee\x96\xfa\xa77\x85\xfc\x07\xba-\xd0h5\x9d\xb7\x84H6\xae'</t>
  </si>
  <si>
    <t>b'Z\xf1\x1e\xa1\x02\x97~\x1b\x9b2R|\xc0K\x0b(C\xd1\x0b\xd0\r\x96\xfd8\xf0\x98\xb1\xd0\x96ud\x90'</t>
  </si>
  <si>
    <t>Consolidated debit</t>
  </si>
  <si>
    <t>b"\x87\xd9|\xe0+\x94\x96\x1b@\xa7\xb7\xcf\x0c\xe35\xe6n\xa4`U\xb0\xfd'\xc6h\x8bN\x13\xbd\xd8\xf6O"</t>
  </si>
  <si>
    <t>new car</t>
  </si>
  <si>
    <t>b'\xb0rS\xb0(\xd7\xe5ac\x00`\x92!:\x9f\xd6\xda\x9dWt\x80\xaf\x8f\x82\x17\xb7\x8e\x17\n\xc3V\xdb'</t>
  </si>
  <si>
    <t>b"\x96IU\xaa\xc6M\xf0s\x05\xda\xbd\x08^\xf2\xc9\x86!y\xe4\x12\xfcy'\xda*BZ\\\xde\x06\xcc)"</t>
  </si>
  <si>
    <t>credit card and car repair loan</t>
  </si>
  <si>
    <t>b'\x10\x87\x18\x13\xb5\xb2\xd3\x8am\x8f3w\x8c\x08\xe6\x0f9.\xe5\xc8$\xf0\x0c\xd2ZW\xf6~\xa1N\x08\x99'</t>
  </si>
  <si>
    <t>Thankyou</t>
  </si>
  <si>
    <t>b'\xf0\x9f\x0e\x9bi\xf7\xdd\x8e\x0f\xf3\xf8\xa1GGU\x94\xd6q\xdc\r]\xa60\x0bNv\x02\xbb\x0e\x15o('</t>
  </si>
  <si>
    <t>b'\x935\xff\\\x02\x10\xfc\xd5\xc0\x9f\xb7\xab\x8d7\xe8Wj\xda\xdc\xa6\xc8\xf7\x9e\xe8\nhM\x0c\xa0\xde\xb2Z'</t>
  </si>
  <si>
    <t>b'\x84w\xde\xdf;!\n!,Rk,\x80\xab\xad\xcf_oZ+\x02\xbdy\x8e C\xf2\x06\xe6\xc8`/'</t>
  </si>
  <si>
    <t>b'\xfd0\xfdr\xaah\xcc\xb2-(\xbc=\xc0\xdet\xd3\xc6/\x9d\x91k\rx\x95F\x923\x9e)\x8f\x0e\x93'</t>
  </si>
  <si>
    <t>Leaving Wells Fargo</t>
  </si>
  <si>
    <t>b'\x91\xbf|H\xfbJ\xcd\xd6\x18Lu\xf3\xdf\xacoe\xc2Mf\x8a\x82\xf8"\x8f#\x84\x83\nY\x91$n'</t>
  </si>
  <si>
    <t>b'Ln\xd4!\xe4\x11\xa2(\x14W\xbay\xea\xe8o\x0bu\xd1d\xb2\xc2\xa8\xf0\x15\xd4N\xbaw\xf8\xbd\xf9P'</t>
  </si>
  <si>
    <t>b'k\x1cAF\x90\t\xa2&lt;\xdfi\xd5e\x8d\xa1\xf8\x832\xd8\xff\xf91\x03fJ0 vNZ\x05?\x1f'</t>
  </si>
  <si>
    <t>Debtsgone</t>
  </si>
  <si>
    <t>744xx</t>
  </si>
  <si>
    <t>b"\x8b\xf9\xa3\x8f\xc6\xc0\xcfmZ\xb7Dc1\x07\x88\x03\x15\xc7WmC\x9eJ3\xa5\t\xe6H~'H\xdb"</t>
  </si>
  <si>
    <t>b'\x80\xee_H\x8d\x0b\xae\x1e\\\x87\xf0\r#y\xfe\xbe\xce\x11Q\xf7\xf9\xc5\x98\xf3E\x0c]\xd7U\xe0\x1a&amp;'</t>
  </si>
  <si>
    <t>b'gE\xf4\xf3\xbf\x99\x87\xb9\xc06\xae4T\x81@.\xd7\x8f~\x10\x17W\xf4!O\x1a\x82\xd6_\n\xf1\x1b'</t>
  </si>
  <si>
    <t>b'\xe3\xe5]\xd3\xfa\x0e\r\x03\x14i\x89\x91\x81\x08\xac\x851\xe8zui\xa2 k\xab\x94\xbd\x89,\xf2]\x0c'</t>
  </si>
  <si>
    <t>looking up</t>
  </si>
  <si>
    <t>b"V^\x16\xbe\xaa\xf7\xa4\x80\xa4_\x95h\x07\xec\xe0S\xdd\xfe\xca\xd0/\x01An'\x1et\x1c\x14\xd6l\xf5"</t>
  </si>
  <si>
    <t>hope loan</t>
  </si>
  <si>
    <t>b'\xfa\x8cA\xc5\xba\xd8\xc9\xc7\xaa\x9ddo\xeb \x81\xc7\x86)\x96\x1bR\xf6]D\xe0\x18\xdc\xc7\xbf(\xfbU'</t>
  </si>
  <si>
    <t>Loan for debt consolidation</t>
  </si>
  <si>
    <t>b'\x13\x92`\xdf\x0b*\x97\x81K\xa5\xf0\xb1A\xff\xde4o\xb5\xef\xcaC\t\x1f\xc2\x1d\xb32~V\x98OJ'</t>
  </si>
  <si>
    <t>b'\x8a&amp;\x02I\x1ak\x85\x7f\x04:\x81\x16\xcd\xf7\xa2-N\xe9\xed\xb11\xd5OY~\xb7al\xa38\x06\x0e'</t>
  </si>
  <si>
    <t>b't+\xb9\xb4\x02\xa0?c\xb0\x05\x0e\x08v\xd5x\x0e\xa1\xa3\x99\x1e/Q\xa1\xb4\xb5\xcdLi\xb1\x96\x9e\x8c'</t>
  </si>
  <si>
    <t>Data consolidation</t>
  </si>
  <si>
    <t>b'2X\xf5q\x92\xbbm\x0b\x00\xbb\x8f\x80\x02\xbct\xd33\xf7\xb0g\xd4\x9a\\-\x0b\xba\x16&lt;\x01\xa5\xcbh'</t>
  </si>
  <si>
    <t xml:space="preserve">Better  Rates Consolidation/Personal  </t>
  </si>
  <si>
    <t>b'9\xce\xae\x88q#\xce$O3o\xb5\x18*k\x0bj\xaf\x05RP\xce\x04w\xfc5\xb2\xae&amp;\x1ab;'</t>
  </si>
  <si>
    <t>SUCCESSFULLY MANAGED DEBT W/ LENDING CLB</t>
  </si>
  <si>
    <t>b'\x0c\x16\xe3\xd2?\xfd\xc8\x06\xf7;\x8b\xef\xb4\x7f7\xb7\xb5\xc3\n\x8f\n\xce\x95\xac\x05\xbfi\xf6]b\xa0P'</t>
  </si>
  <si>
    <t>b'R\xaa\xc3`\x12 R/\x84H1y&gt;Rv\xd96\x1a\xcaU\x1f~\xa4q\x82x\xbb\xf9$\xb6\xcf\x03'</t>
  </si>
  <si>
    <t>b'p\xd2\x16\x96w\x87\x92g\xc2\x9e\xbb\xb4\xec\xeb\xbc\xbe\xf0\xa5s\xf3\x05B@\xd2b\xf2\xfb\x9d!f\xf4I'</t>
  </si>
  <si>
    <t>b"\x8d)%\x1e\xfd\xbc\xbbN'Q\xa2\x1c\xd3:T\xba\rv7\xde\xa4|\xf8z\tG\xe5d] L\x14"</t>
  </si>
  <si>
    <t>b'\x0f \x05`Q\xe6\xe8\x96\xca\xe7%\x08C{\xdf\x7f\xe4q\x12=\xd0\x86\x80\xb0]\tcU\x83\xcb2\xca'</t>
  </si>
  <si>
    <t>b'\xf0j\x0f\xb6\x1c\xe2b\xb9&amp;\xca)\x8ca"\xde\xef\xbe\xe6\x88)\x91\x97\xe2\xc0\x14\x11\xed\xfc\xaa{qX'</t>
  </si>
  <si>
    <t>Big Loan</t>
  </si>
  <si>
    <t>b'\xafN\xe2\xf06\xde\xe7km\x9e,*\x90&amp;x=\x17.Q\xc3\x86\xc3\xbf#\x96\xea\xa5\x19y\xdds\xb4'</t>
  </si>
  <si>
    <t>Console Pmt.</t>
  </si>
  <si>
    <t>b'\xddO\x8f\x1baq9\xb9\xe5\xad\x03\xc4\xbcS\x08\x1a\xe0\x91\x15p\xfb\\\xd3\x03\xb0\xdf\xfa\xa9H&amp;\xac\n'</t>
  </si>
  <si>
    <t>b'\xbc\xb2\x9b\x15\xaf\x1b?\x0c\xdf\x12\x87\xd8h9\x9b\xf5h\x18\x06\xeei9t\xa8#\xcb\xc4\xad\x01lGw'</t>
  </si>
  <si>
    <t>b'ZD*\xfd\x99u9\x9e(\xcf\xc3H\xfa\xb62\xa3KG\x9eN]\xb6\xed\xc5\xc1H\xd5H\x9d\xb6y\xe4'</t>
  </si>
  <si>
    <t>b"\xad#\x19\xa1\xf4\xd8:Hmi4\x89}B\x0eo&amp;M~\xd4\xaf\xb2\x99'\x95\x17\x06\x10&amp;\xe3&gt;\x85"</t>
  </si>
  <si>
    <t>debtpayment</t>
  </si>
  <si>
    <t>b'\xeb\x8eUK0\\\xd3x\x85+\n\xb9\xb0\xe2\x05_2Q\x13\x9b\x00\xect\n\xeak\xfd\xc7S\x00\x13\xca'</t>
  </si>
  <si>
    <t>Good Year</t>
  </si>
  <si>
    <t>b'\xcf\xf4Q\xfa\x8a\xa1=\xfa\xeeD=\xf04\xbc\x87\xbf\xa4\x94\x7f\xf3j\xb6\xae:}\x01}L\xa65\xbf\xfc'</t>
  </si>
  <si>
    <t>b'\x91-(=\xfcw\xdff\x11\x7f\xb0uZ\xad\xc3\xf2b\x9d\xf0oO\x1f\xe2\xf1\xe8\xf2*\xc44\xc0\x05\x08'</t>
  </si>
  <si>
    <t>b'Cg,t!\x000r\x13\x12dX_\t^\x9c\x0c\x95\xd9l\xf1\x02\xe0\xb9\xf3\x1fz\x04\xfd2\x03\x0e'</t>
  </si>
  <si>
    <t>b'\xa6\xfb\xea\xe0\xfe\xf00\x98\xaf\x0c9\xa8\xb5\x98\xbd\x01a\x9f\x05!a\xe3\x8fE\x8bq|\x89\x00\x00\xfc\xa8'</t>
  </si>
  <si>
    <t>766xx</t>
  </si>
  <si>
    <t>b'\xaa|\x8d\xd3\xba"6\xb9\x87K\xc2\xa53\x89\xf29\xc0!y\xb25P\xd2\x13\xbdD\xf3R\xda\xb6\t\xbe'</t>
  </si>
  <si>
    <t>b'\xf85\xd0S\xe5\xcc\xaf\xb53\xe1\xb4\x06D&gt;JP\x1a4\x96\xe3^t\x85\xb5\x85U\xb2G\x85\xe3v\xd5'</t>
  </si>
  <si>
    <t>636xx</t>
  </si>
  <si>
    <t>b'\xf7\x1c\x86\x13\xc8\xe6\x8a\xa6+\xd9\xf4\x98\x8b\xe7Q! e\x02\xef\x04\xd0\xf4[\xf5\x7f\xc7f9L\xbe\xf1'</t>
  </si>
  <si>
    <t>Lowermybills</t>
  </si>
  <si>
    <t>b'\x8c\xc8=m{bq\xeb8\x08\xfe\xd2\xfd\xcd\xed\x92\xb3\xedK\xc9$G\xa0\x1e\xf7\xac\xea\x08\xa7\xfcV\x14'</t>
  </si>
  <si>
    <t xml:space="preserve">To consolidate my bills to one bill </t>
  </si>
  <si>
    <t>b'\tP\x16*"\x1d!&amp;\x0e\xb7\xb0\xff\xae\xc4h\x9f\xd78\x06\x89\x8b\xf2\x1e\xac\xc3\x1c\xcc\xae\x02\x95\xc6O'</t>
  </si>
  <si>
    <t>credit card cut</t>
  </si>
  <si>
    <t>b'\xe1b\x97\xd2B,)#u\xdb\xb6\x1a\x07\xd7\xda\xbe\x8fq%\x94\xab\xb5\xf2E\x94\xff\xdb\xeb\xa8Qf\xf4'</t>
  </si>
  <si>
    <t>b'\x07\xc0\xbfg}G\xd4\x84\x8c\x0c,\xf1\x9bP\xac8\xcc\x9a#\x7f\x88\x1e 1O\x9bQ\xbd\xf4\x96\x92\xe9'</t>
  </si>
  <si>
    <t>b'\xf4.\xf7\xc3\xbe\t\xb9\x89\x9b2\xd2]\x97\x8c\xd4\xe5\x0e\xffG&amp;\x91\x1cRU\xd5"\xb1\xd3\x193\xc4\x11'</t>
  </si>
  <si>
    <t>b'\xe3\xbc8\xceo\x84\xce\x80h\xa5\xf5\x87\x11\xf1\xfc|\x1a\x13\xb3\x1c\xd9\xc7\xc9\x0b\x14;b\xc2\xd3\xf7\xc2l'</t>
  </si>
  <si>
    <t>Credit Card Payoff Consolidation</t>
  </si>
  <si>
    <t>b"*q\xd2\xdc\xeb\xa0\xa2&amp;9\xb7\xf4\x9e\xd9 \x94\xbf\xf6T\r~P\xb7\xe0t\xce\xef\xc4'B\xd8\xb8-"</t>
  </si>
  <si>
    <t>b'n`&amp;\xc3b\xe0\xa0\x03\xe6\xdbJ\xf1\xdfr\xd9N&amp;\x0f2\x04VjD\x8f1I\xb7d"\xc7\x06D'</t>
  </si>
  <si>
    <t>All in one</t>
  </si>
  <si>
    <t>b'\xcd\xe8\xc31\xb5\x83\x0bQ\x1f\xb5"3\xf5\xf0\x07\x95\x110\xeb\xa9W\x11\xa0\xfb\xe8yk\xd3:\xa7\xb1\xff'</t>
  </si>
  <si>
    <t>b'\xa789\xb7\xd8\xc5mm,\x9c3K\x11U\x17\xb7\x89\x07{\xe4\\\xf1AN\xbfYj\x8e\x95\xcdt\xd5'</t>
  </si>
  <si>
    <t>b'\x00&gt;s^Qu\\;]\x9e\x1bO\x94(\xf1\xbd\xe5\xc6\xf8z\xaa\xf2O&amp;\xf9!\xe7I\xdf\x88\xba\xb0'</t>
  </si>
  <si>
    <t>b'\xaf\xdb\xe30Gz\x87\x99\xcb\x13]f\x1b\x7f\xe7ks\x97\x91\xb2\xd9\xfb\xbb\xbb?\xf1H%\x9e"P\xdd'</t>
  </si>
  <si>
    <t>b"\x16\xf1F\xe7=\xdb\x05\x13\xfee\x0b\xa7.\xea-\xcb\xe8'\xc0\x90k[F\xde\x15\x8bz8q\x9f\xe6\xef"</t>
  </si>
  <si>
    <t>b'\xc4\x16\rg\xc3\x18\xc8\x07\xbf5|\xb4\xcb~]\xd2\x8e?./\x99\xbfS\xbc\xca\x8b\x0f\x99/\xd9\xb6@'</t>
  </si>
  <si>
    <t>b'\x1f|\xd6\x14\x84\x9d\xc7\xc5\x91/\x1epJ\x92\xac\xf8\x14h\xb7T.7J\xee\xe1e\xaeC\xf9\x0c\xb5*'</t>
  </si>
  <si>
    <t>b'\xb5\xb5\xd5S\x9fY\x11d\x16wAp\xa8c\xae&lt;\xc9\x8f_\xad\xe5\xda\x0e\xb0\xd9L\x05_3l\xd6\xae'</t>
  </si>
  <si>
    <t>Business Loan for a Start-up</t>
  </si>
  <si>
    <t>b'\xccE\x9a\xb9\xca?\x1f\xb48Zo\xbcz\x92&lt;\x9cY\x91\xc8;[\x9e\x1f\xfb\xd0\xe3*\xdfx8\xe79'</t>
  </si>
  <si>
    <t>b'8\xad\xf1\xd6k\x8a\xd8\xcf\xedT\x11\x0b\x10B\xdc9\x97\xbe&gt;\xb7\x17\xcd\xbc\x16\x08\x81e\xeb\x16l\xe1L'</t>
  </si>
  <si>
    <t>b'c/S\xa6t\xd3\xda\xac\xce\xeel\x04D\xd1\xcae\xca\xc5\xb8\x10\x86\xeaX^\xd8&amp;\xf8\xae\xdf\xb5\xd6\x96'</t>
  </si>
  <si>
    <t>b'\xf1\xbb\x88\x07-0R\x92\xee\x03\xd8\xc7\x1e\xce\xda\xd7\xffh\x91\xc4&lt;k\x9e\xe9\x8a-\xabl3,\x9b:'</t>
  </si>
  <si>
    <t>b'\xb3\x08k2J\xa8\xc9\x925\xd6\xa1\x8d\x80\x02\xff\xfd;\xdf\xe0\xf8qK1~\x89Y/ve\xa4\x12)'</t>
  </si>
  <si>
    <t xml:space="preserve">Credit Card Interest Reduction </t>
  </si>
  <si>
    <t>b'!\xd6\xeb\x01\xd4\xb7\xdeKV\xf6\xd3\xc5\xa2`\x95G.\xd4x\x10\x14\x917\x1f\xb2P\xb2\x9aC+p.'</t>
  </si>
  <si>
    <t>b'~\xc5\xc3\xce-\xa2\xb0\xed\x18\x9c\xfc\xa8\xddb\xbe:7\xdb\xaf\xe4\xc7\xc5@P\xf1(\x87\xf0\xb1\x07\xcf\xc9'</t>
  </si>
  <si>
    <t>b'\x8b\x14$f\xbe\xce\x1f\x0e\x1c\x82\xe1\r\xf05\xd7\x06\xc2\x13]\x02DL\x02\xb2\x8e\xd2,\x85S\xf0\xe6C'</t>
  </si>
  <si>
    <t>forward I go!</t>
  </si>
  <si>
    <t>575xx</t>
  </si>
  <si>
    <t>b"\xdd\xb0\xa7w\x0c\xdd\xed\xd7z'\xa3\xb9\xd2Z\xc5b.\x1a\xfc\t\x14\xdai-\xe5\x19dbow\xfc\xca"</t>
  </si>
  <si>
    <t>678xx</t>
  </si>
  <si>
    <t>b'J\xcd(\x8a\xbf\xc3\xf9V\xeaP\xc8\xdd\\\xe4\x0f\xb7\xe6\x82\x04\xdf\x90\xb4\x10\xdbF\xe7O\xa2*:w)'</t>
  </si>
  <si>
    <t>b'\xe1\xeb\xb99\xd7k\x96p;n\t?\xc4\xaf\xcf\t\x14\xc2\xbe\x03\xcb\xc9\x98a4H\x8cr\xca\xcdv\xe5'</t>
  </si>
  <si>
    <t>Debt/Credit Card Consolidation</t>
  </si>
  <si>
    <t>b";\xabR#D\x89'k\xea.\xbe\xe2\x85\xe2\xae\xd8\x9d\x0c@j[f\x87\xfd?\xe85\xa4\xe8\x9e[6"</t>
  </si>
  <si>
    <t>b'\x0e\\q\x06w\x03\xa1\x86KVB\x9bj!\xac\x0bT\x8a}\xaf\x13\x80B\xb9\xd3_\x81\xd5*\xae\n '</t>
  </si>
  <si>
    <t>b'4\x96\xdaD\x1d\x8cp\x8d\x04\x9bo+\xa4-o\xb3-+\xb3 \xa1)\x02\x90\xc4\x1c\xaf\xd7\x16\xfb\xaf\xf7'</t>
  </si>
  <si>
    <t>b'U\x8a\xd7\xd7,p#\xc9)\x7f\x9b\xd4f\x89\xcc\xf7\xe9\x8f\x0cf\xb8MW\x81\xb9XW\x13\xb4\xcb\xeb\xec'</t>
  </si>
  <si>
    <t>b'\x16\xb22\xf0\x96\xc7\xb0\x11\x83\xf6\xb3\xed)\x0cWSH\xb2{\xce\xdc\xac\x05\xd8\n\x8e\xb7\xc9\x0cw\x94;'</t>
  </si>
  <si>
    <t>b'A,\xab\x04\x1fl\xd1Y\xfe\xc0[\xc3\xe68N\x99\xfc\xa0\x8do\x08\xd1P\xb6\x93&lt;\xe1&amp;\x93\xcd"\xec'</t>
  </si>
  <si>
    <t>b'\xe8\x8c\xb6\x8bM\x99L\x1b iI\x05c\x00?\xe2\x0c\xe00\x15q\xd3\xa50{\x17&amp;\xd9\xcf\x94\x8bq'</t>
  </si>
  <si>
    <t>Cred Loan</t>
  </si>
  <si>
    <t>b'E\xaf~\xe3\xa2\xd1*\xed\xca}3\x7fY\xee\xa9?\xc3)\xe2C.P\xe0\xb56\xa2\xc1w=\x06i`'</t>
  </si>
  <si>
    <t>b'\xcd\x9e\xc29\x90\xcb\xcfE\x8c\xd7\xa0\x02\x12\x0e\x8dN-\xe7\xc2a\xb4\xaeb`ut\xb8\xa2\x8cl~\t'</t>
  </si>
  <si>
    <t>b'&gt;R\xed\xd5QW5\x96\x18{I\xb1\x14SbFj\xe9"\x95\x8c9\x9f\xcbZ\x16\xf7\xa6\x86F\xfdg'</t>
  </si>
  <si>
    <t>b'\xdey\xce\t\xb1\xa7\x9c\xbd~\xde~-\xaa4E\xa9\xa7\xab\x98\xf6\x1cE\xbet\xcf,\xda\xcb\xcct\x99\xeb'</t>
  </si>
  <si>
    <t>b'\x05&gt;\xa6\xe5hz\x15\x94\xbc\xc5)^\x93\xc1:#\xf0m\xeaar\x82\xf1\x04^k\xa73\x89\x1e\xdb-'</t>
  </si>
  <si>
    <t>b'\xd5,\x04z\x04E\xfd\xe8|)\r\xb037\x9b7&gt;)\x80=|;\xb4=\xfb\x81\xe4\xdc;\xdc\x1c\xe0'</t>
  </si>
  <si>
    <t>b"yz\xc0\x19h\xa3'\xf9\xd2_0\x83\xe4D\xc3\xbb\xcb]\xd5f\xe2\x9a\xd1\xd8\x18\xec\xa6\xca\xa4\x930+"</t>
  </si>
  <si>
    <t>Car and credit card</t>
  </si>
  <si>
    <t>b'+\xfb=\xb4:\x14ct\xd3\x0c\xee\xfe3b\xe3\x83\xc2\xcd\xbft\xc1f\xdf\x99s\x02\xa0\xa6J.1['</t>
  </si>
  <si>
    <t>b"\x1b\xd37\x19/X\xb6\xa8\n]%\xb5\x1b\x1e\xb4\xc9*\xcf\x1b\xfek\xed\xf4'\xffV\x114\xc9\xe9\xbd\xc3"</t>
  </si>
  <si>
    <t>b'\xb9\x1d\x9eu\xa8\x12\xd0\xc9 \xb75o\xb5.\x18N\x9d\xae\xad`\x98\xba]%\x82\x00\x8e}c%\n\x81'</t>
  </si>
  <si>
    <t>b'5,\r\xe1/\xe7\x00\x1e\xc1\x1f\xe5\x98m\xab{\x05\xe3\xf4*\x04\x13\xdf\xd0&lt;\x01U"\xdf\xa2k\xc6W'</t>
  </si>
  <si>
    <t>newloan</t>
  </si>
  <si>
    <t>b'\x108\xe3\x94\xb6t\x07Yv\xdc\x15o[\x15\xd25\xadCd\x16\x11\xea\x1d{t\xb0\x8a~$\x92\xadc'</t>
  </si>
  <si>
    <t>b'.\xf5\x9fW\xfda\x90X\xa9\xae\x10\xe2~5\xec\x8b|"\xc1\xf2\xa3\xfa\x03\x17\x82x\x1av\x89&amp;&lt;\xf4'</t>
  </si>
  <si>
    <t>creditcard</t>
  </si>
  <si>
    <t>b'\x17\xca\xdeO\xe9\xd1\xa05\x1b\xa9\nY\xce~\xe5\x83\x96iQ\x99o&gt;\x0e\xef\xfd\x11Tr|\xaa\xe8\xf6'</t>
  </si>
  <si>
    <t>b'VH \n\xcbG\x15=\xb4\xc4\x07\xb9x@\x0cZ\x85xX\x9e\xa2~\xa8~;\n\xdf\xaa{(\x96\x8d'</t>
  </si>
  <si>
    <t>b":o]\xbd\xf5\xcb\x1b\xfd'\xceX\x86\xd5\xd2\x19\xe1\x02\xa8Sx\xc4n\xd6\x92\xd6g\x1c|\xf2\x95\xdc\x9b"</t>
  </si>
  <si>
    <t>b'\xc5\xa0\xff{\xd8R\xa9\xdcHU\xce\\\x8eg*b\xd5\x99\xe5k\x8c\xe5\x8a\x93\xa5\x06\xc8m"`[C'</t>
  </si>
  <si>
    <t>b'f\xfa\xe1[\xac\xec\xaa\x80N\xad#F\x8d\x0fr\x81q&gt;\xca\xca\xe2\x8a.R\xa6,_\xb0u\x88\xca\xa3'</t>
  </si>
  <si>
    <t>b' \x87\xe4\xcf\x87t\xe1\x08\xd9\xab$\xd0\t\xbd\x02W-\xe8F\xc8B\x89\x91\x8b}b\x8bC\x17\xdep^'</t>
  </si>
  <si>
    <t>b'\x8e\x15\x0fSh\xa0\xcens\x05PzE\xa8\xbd[\xae\xea\xd8\x93\x0b\x83\xa0\x02&gt;\x13\xfe\x06\xbc\xd626'</t>
  </si>
  <si>
    <t>b'\xa2\xe0\xda\xe3j\x12\xd4*\x96=\x19\xab\x86\nH(3&amp;\xd4n{\x18I\x02C\xda(\x146\xf3:\xa0'</t>
  </si>
  <si>
    <t>b'\x9e\xd8\xc3\xa5\x98\x8bd0{N\x7fu\xd3q\xa8(f!\xb5\xb2d\xf8[V\x0e\x1c\xdc3\xccE\xc8\x84'</t>
  </si>
  <si>
    <t>Backyard</t>
  </si>
  <si>
    <t>b'\x0b\xfc\xf8\x06]\x10\x8e\xc2\x15\xbe-sAQ\xe7\x19\xbc\xea\x0eH"\x8a\x88\xad\x03o}\xa9\xaf\xf1\x19"'</t>
  </si>
  <si>
    <t>Clear Me</t>
  </si>
  <si>
    <t>b'yGH\xd5^\xb6\x8dN\xce\xb0\x0c"X\x16\x02\xf7\xeb,=\x85\xa3X$\xa1y\x96\xc4\xbdu;fI'</t>
  </si>
  <si>
    <t>pay off my credit cards</t>
  </si>
  <si>
    <t>b'\xc6\x0b\x9e\x85q\x0b]\x05\xf5\xa9\xf3~\xea \x05}\xe4`\x99\xfc2k\x01&amp;\xeff\x1f\xde\xc8ori'</t>
  </si>
  <si>
    <t>b'\xf9$U\xc7\x9d\xa8H7\x93m\xf6\xae\xdc\x9a]\xd3\xaa\xa8W\xaa\x06umm\x15\x93\x87\x89\x01\xffF\xd2'</t>
  </si>
  <si>
    <t>b'\x14\xca\x91l\x85D`\xdda\x95\x01\xa2\xa7\x87\x0b\x86\xea\xe1\x80F8\xfa(\x15A\x9d\x83+R\x91f\x84'</t>
  </si>
  <si>
    <t>b'!\xf2\x1b\xa1I\xd5\x8c\xdb\xe4L\x95\xad\xa9\x10\r=\x94&amp;\x98\xbd*L\nh\xc4\x98\xed4\xc8\x0f\xc0\xa2'</t>
  </si>
  <si>
    <t>b"[\xb94V\xb5\x1a(U4\xce\xb7\xd14Z\x8e\xea\xc1\xd1'R\xdd\xd6\xa8\xd9\xe8\x97\x0eL\xcb\x86}\x0c"</t>
  </si>
  <si>
    <t>b"\xc1_\x93\x1f@fg\x15\x9c\xd6V\x07~\x9d\xa9z\xd2H\xb1s&lt;N\x12\x15s'\xb8J\xe1\xa2a\xd1"</t>
  </si>
  <si>
    <t>b'fD\x05\x84B\xe7\x8e\x16 \xd8D\x9b:\x1ft\xa5\x1c\xd9\xc8\x82RO\x85\xcdW\xb5r\x99\x93\x1d0,'</t>
  </si>
  <si>
    <t>b"\xc6\xa3\xf1\xd6\x93\xeaFC\xec\x8d\x15\xbe\x12 \xaf6\xf9\xe1sj\xe0\xa7\xad6\xbc'M\x93-\xdf\x0e}"</t>
  </si>
  <si>
    <t>b'm@.\xf0w\xf4\x98i\xe4\x83\x01,&gt;\xbfV2\x82?S\x83\xb3:8\xef\xe3\xa0\xc3\xdaGGF\x1c'</t>
  </si>
  <si>
    <t>Reduce my debt</t>
  </si>
  <si>
    <t>b'O\xe4\xc8\x81\x81\xc6\x98b\x17\xcf\x1a\xa9\xe3Iu\x0c5^*&gt;\x1b\x80\xaa@J\xc7\x01u\x03)H\x1d'</t>
  </si>
  <si>
    <t>Debt Consolidatio Loan</t>
  </si>
  <si>
    <t>b"\x9f\x10\xac\xd9\xad\nD\xc7Y\xd5\xac9\xd7\r\xefvBIp\xb3\x1f'\xcb\xa8R\x7f\xe5\x814\x98y\n"</t>
  </si>
  <si>
    <t xml:space="preserve">Independence </t>
  </si>
  <si>
    <t>b'\x98-\xba\x01\xa5\x19\t1b~\xa7\xc3N)\xa0\xe5KG\xad\x81`]\xe0\xc9\xb6"\xe3\xab\x0f\xbc\x13\xc5'</t>
  </si>
  <si>
    <t>b"&gt;\x1f\xc2=\x18\xec\xb7\x14\x04\xb6#ES\xd8\xbf|\xdf\xfe\x9e\xb4&amp;&lt;\x08=\x9f\xc24\xe7\x16\xcc'/"</t>
  </si>
  <si>
    <t>b'\xc7\xdc\xaf"(o\x00\x91\x84Z\x05\xdd@Ci\xbc \xed\xc7y\x0e\xa8\xf7\xc546@\xa2\x82D\x85\xca'</t>
  </si>
  <si>
    <t>b'r^${B=\xd5\xa4\xceX\x906-\xdf\x86~Jf\xce}2.\xcc&amp;\x00m\x87\x8b\xad\x12\xfe '</t>
  </si>
  <si>
    <t>b'\x1e\\\x97\x80erH\x82\x9f\xfd\xab?\xbbIf\x1e\xb4^@\x9f\x8al\xda\xeb\xd8vi\xf5S\xb8\x95\x86'</t>
  </si>
  <si>
    <t>Bill Consolidation loan</t>
  </si>
  <si>
    <t>b'[P\x06\xc0J.\xd5\xe2\x87\xae\x85\xa9\x99,\xad\xc8\xecm\x94l\xc3\xe1rN\x10\x0e\xd7\x90\x8b\x1d\xa2/'</t>
  </si>
  <si>
    <t>business loan</t>
  </si>
  <si>
    <t>b'$-(Q\xb9\x96\x10\xb6+yJ\xcc\xc8\xae\xcc\xd1\xa2\x9a\xc3\xfb\xec\x9b\xe0g{\x1b\x9e4y\xb6I_'</t>
  </si>
  <si>
    <t>Smartchoice</t>
  </si>
  <si>
    <t>b'\x01i\xc2\xf0wK\x8c6\xc6\xf4\x9bB\xd5\xe8\xa5\xd8\xad\x04G#\xe2w\x81~\xd0\xc9\x8f\x9f\x82\x87\x8b"'</t>
  </si>
  <si>
    <t>Crunch</t>
  </si>
  <si>
    <t>b'\xf7\xfb\x89kb\xc4\xb3\xae\xd28\xe2\x8b\xccF\xdaM\x92\x06:\x86\x94\xcb\x9c\x9e[&gt;\xdeji\xb5\x86='</t>
  </si>
  <si>
    <t>capital one</t>
  </si>
  <si>
    <t>b'\rSoX\x16\x05\x07G$@\x85\xc4ln\x83\xfe\xaa\xe8\x1f\xb4q){\xe3\xdc9\xac\xfe\x06\xc6\xeb\xf8'</t>
  </si>
  <si>
    <t>b'\xca\x80\x9c\x1b\xbb\xd8)\xd8\x18`\xe4\x9e*\xe5.\xefZ]\xe0Xc\xf1\x08/-\xa2@~x\x04#\xca'</t>
  </si>
  <si>
    <t>b'\xdbh\x1c\xfa\xa5\xddD*]\x8d\xd4;\xaa6X\x1cu\xf4\xd8\xc1\xd9\xad\xc5\xb5\x11\x01~\xfb[\xb5\xd5\xef'</t>
  </si>
  <si>
    <t>b"\xf3\xef\x89'\xc6\x8a\xd4\xbb\xc6\xfe\xab\xcc\xbcpP\xfeI\xec%\x15\xc1\x93\xff\xf7\xcb\xca\xc0\xc4\\Kd\x0e"</t>
  </si>
  <si>
    <t>b"\x15\xb2\xe1\xd4-SD\x8b'7Q\xcd\xf4\xcd\x90\xf6\xf3D\x95\xc4\xd3\x00\x03\x97\xca^\xe5[\xdb\xb0b\xf6"</t>
  </si>
  <si>
    <t>doitnow</t>
  </si>
  <si>
    <t>b'\x05\\^\xb2\x03L\xcbK\x85yN\xc5\n\xb5\\\xc1t\x1e\xaf\xa3F-y\xa6\x16\x98\xa8\x12\xd8\x1d\xce;'</t>
  </si>
  <si>
    <t>b'\xaa\xf7{\xe3z\x05\xe6\xe8!?\x1a\x1f\xa6P\xd5\xfe\xb9\xa2v#\xc3\x99\x04\xb1\xcc\xf7I\xb7\x1cG\x9b\xc4'</t>
  </si>
  <si>
    <t>b"\xf2UN\x0b\xc4\xd2\x19\xdbS\xe0m]}\xf4\xf6F\xff\xd4\xaa\xab'\xf8i#\xaa\x88\x14ga\x9f\xe1E"</t>
  </si>
  <si>
    <t>b"\x10\xfc\xa1\xb1\x14\x943\xa3\x81\xc5\xaf'\xe6E\xd4\xe7\xa8\xef\x0e\x07K\xd3l\xe8\x0f\xc0;8?*/h"</t>
  </si>
  <si>
    <t>b'\x1c\xae~\xf2i\n\xde\x91&gt;\x0b\xeb}EQ\xb36%\x7fb"\xed\x92\x05\xad"\xbcp\xc6\'\xcc-\xf5'</t>
  </si>
  <si>
    <t>b'\x8e1v\xd2R`\x1e/\x10G\xfd\xe6\xd8\xe9\xef\xca\xb5*\xfc\xae\xbd\xf5 \x82\x17|\xe3\tR\xf47p'</t>
  </si>
  <si>
    <t>b'\xae\x88o\xf7rVH\x12\x91\x97\xdb\x0b$\xfe\xffM*[_\x00p0\xcb\x17L0\x87\xca\x12AM%'</t>
  </si>
  <si>
    <t>b'A\x05v\x14{\x01\x0c\x8c[\x0e \xee\n\x96x\xea\xd6\x18\xad\xe7\xba\xd8D7~\xd6\x8c\xfd\xcfWN\xc4'</t>
  </si>
  <si>
    <t>get out of the whole</t>
  </si>
  <si>
    <t>b'\xedJ\x84A|\x11\xa2\x16\x8c\x88;!\xe4|E\x94\x1aF\xbds\x80+\xda\xeaff\xb1\x1e~q\x06L'</t>
  </si>
  <si>
    <t>Fix Things</t>
  </si>
  <si>
    <t>383xx</t>
  </si>
  <si>
    <t>b'\xe3\xe3\x9f1B\xea9\xeeG\xaa\xca\x7f\xc5\xd0\x8b\xbd\xc3\xad\xb9]\xb5\x84\xda \x92U\xd5\x07\x94\\\x0f\x1f'</t>
  </si>
  <si>
    <t>b'\xbdq\x91#\xdb.F\xfc\x0c\xba\xf2\xc3v\x83\x06\xe0\n\x9c|\xf2\xe1\x1dkZ=\xe2\xe9\xa9\xb1\xd4gy'</t>
  </si>
  <si>
    <t>House Down Payment</t>
  </si>
  <si>
    <t>b';\xeb\xb4\x9f\xe6\xb5\x96\x07\t\xfcD\t0F\xa2tf\xb6\xe0/\xb6U\x9bs\xb9\x067%\xd4\xd700'</t>
  </si>
  <si>
    <t>b"#\x9c\x9aQy\tD@\x88\x905i\xb0\x18\xe5\xb6\xd5\x16TL\xf2'\xcc.\xfeW\xc9\xa8\x94\xf3\xda]"</t>
  </si>
  <si>
    <t>b'E0Z.&amp;cq~P{\t\x9eT\x1d\xc1li\xbe\xd2}B\xd0\xd4\xa5H\x1d\x9f3R3\xb4\x91'</t>
  </si>
  <si>
    <t>home buying</t>
  </si>
  <si>
    <t>b'r\xf6\x07\xa2\x8cr8&amp;\xabx\n\x164\x92$P\x8f\x02\xd2\xfb\xb3\xf0]kTt[\xa0\x8ctqR'</t>
  </si>
  <si>
    <t>b"\xdb$\x94\x8bT\x83;*\xe5\xf57\xbd\xd0\xc2g&amp;\x80gI\xca\xc7\xc1\t\r\x04'\x08\x8a\x06\xec\x19\x93"</t>
  </si>
  <si>
    <t>b'&amp;T\x89\x87E0"-\xbb\xf1k\xd8\xa7\xe0\r\xd4+\x96P\xc8\x90\xc1\xf5r\x06\x8d\xaf\x02*6.m'</t>
  </si>
  <si>
    <t>b'h\x07\xcdp\xc37i/G\xc9\xa2E\xfd\xc7\xa0N\x8d\x9b\x8e\xcf\xedB;\xb0\x1d\xa9c\x92\x9c\xa0^\xe6'</t>
  </si>
  <si>
    <t>b'\xa3,/\xa3\x9e\x91\xed\xc9L\xef\xc8u@\xbd7\xea:\x97\xff\xef\x1bQ\xb7(:\xa8\x1d\xdf!\x81\xff\x82'</t>
  </si>
  <si>
    <t>b'T\xaf\xb7J\xbc8\xc1\x0f\x83\x95\x03\nu\xa2\x9bU\xf1\xad9tb\x8e\xb2\xe7_KL\xf0\x187%\xe7'</t>
  </si>
  <si>
    <t>b'ET\xf0\x95\xec\x95\xa45\x8e\xef\xb47\x03\xf28\xb7\xcf\xa8\xa5I\x86?\xde\xc5\x1fB\x87\x89\xf9\xb4K\x82'</t>
  </si>
  <si>
    <t>b'@%\xe32d$\xc0\xcb\xcb\xba\xdb\xc6Q@Kg&gt;\xb4\x95mo\xdc*\x9eU\xe4\xd1\x85\x05\xd4\x9b\xa7'</t>
  </si>
  <si>
    <t>b'\xc6\xa5\x90\xf3Xd\xf6U\xef~&amp;sc\x06.\xf0\x1f{\n\xfc.i\xb7\n\xd5\xf8V\x9a9\x89\xfe)'</t>
  </si>
  <si>
    <t>wedding expenses</t>
  </si>
  <si>
    <t>b'&gt;)\xccz\xf0\xa4\xa9\xe3\xd3\x10k\x02\xfd\xf6\t\xf6r\xc0\xd5\x15h\xac=\xe34\xe5\r\xc5B8\xc5\xdc'</t>
  </si>
  <si>
    <t>b'*\xeb\x15\xc71\xd8\xf1\x10W-5\xfa\x1e\x11\x82\xa3\xfe\xc5\xff\xbe\xad\x90\x1e\x17\x97;\x9b/\xa2m\xa0s'</t>
  </si>
  <si>
    <t>b'\xdac\xe3g\x8b\xbd\xa6[\x0e|\x8bjiv&lt;\x8a\xa6n\xda\xb8\xe8\xf5S\x89\x1d&gt;C\xcb\xb7)\x93\xbe'</t>
  </si>
  <si>
    <t>PUTTING ALL DEBTS TOGETHER</t>
  </si>
  <si>
    <t>b'\xd3H\x05\xcf.\x10hG\x1f\x04wJ\xc8Nl\x04\x15$\x13\xd0b\xc1}VPG\x05\xf3\xa1\xc5G\xf1'</t>
  </si>
  <si>
    <t>b'#\xc9\xebti.\xa6%\xab?\x12\xa4\x10\xbd\xf0\x04?\x0c\x01\xa9]\xd5]\xbfK\x9a_D=\xd5\x8b\x19'</t>
  </si>
  <si>
    <t>Goodlender</t>
  </si>
  <si>
    <t>b'K\t\xc7M\xc6\xca\x8b|\xd6q\xef_\xcf;\xf6\x96\x87\xd9\x9c\x87\xa7J\xff\xac\xe7\x10\xef\xcd\x88!+\xcb'</t>
  </si>
  <si>
    <t>Freedom loan</t>
  </si>
  <si>
    <t>b'\xbdn\x7f\xde3\xfc\x156\x88\x1d;\xf9F\x1b!Zy5\xa8\xe0u\xcbw)\x1a+\xb45`\xd1\xf8V'</t>
  </si>
  <si>
    <t>b'\xe7\x9au\xd2\xbd\x1b,K\x06\xc6\x08g.(\x1cX\x97\x81m\xd4/\x06\x1f\x06C\x82\xcb\x92\x1d}\r;'</t>
  </si>
  <si>
    <t>b'\xe8\xd9t\xac\xf9\xe4Lu\x95\xeb\x86^(\xde\xb9\xc4\xe3\xd6\xca\xe2\x05\x11\xc7\x7fjk\x0b\xfeh\xa9EA'</t>
  </si>
  <si>
    <t>b'\x9a\xd5\x14Y\xe2\x05]\xb9\xe9(\x06\xe6f\xe2\x87~\x112\xf3.\xf3\xb55\xe5\xa5"7&amp;U\x0b\xf9:'</t>
  </si>
  <si>
    <t>b'%\xf2-\xa4\xa5\xbcAf\xb0\xe9".\xde\xeb\x90{\x1d\xa9\xfd\x08DP\xc5\xa5g\x04;\xa7\x87\x84\x9b\xb5'</t>
  </si>
  <si>
    <t>Reset</t>
  </si>
  <si>
    <t>b'\xa8~\xe2\xfe\xf0n\xcey41\x9d\x0f%\xa509\x05\xbb#w\xcf\xd2\x98O\x93\x89\xe7\xd4\xba\x1es@'</t>
  </si>
  <si>
    <t>b'8F4\xdcZO`\xce\xb0&gt;S-\xa5\x08s\x8c\xe2\x836\xcd5\xc2)L\x1c\x87u\xda\xba\xf7\x80\xef'</t>
  </si>
  <si>
    <t>b'h+Pa\xf3\x1cx;Z\x9f\x11s\xdc&gt;\xa4\x9eP\x0f#ij\xf3\x98\x0c\xde\xaaA\x04}\x94\xc5I'</t>
  </si>
  <si>
    <t>b'\xde\x89\xe4E\xae\x90\n\x07%\xd5Ye$\x99\xe9\xbal)\x0eqk\xb1\xd33\x08^D\x86\x8c\xf0\xcb\t'</t>
  </si>
  <si>
    <t>Medical Consolidation</t>
  </si>
  <si>
    <t>b"\xd9\x9f\xc9\xc0\x03\xb5\x83\xa7\xd62 7\x94\x91\x8cE\x19U\xa3\x04y\xf90\xd8\x8f'\t]\xfe\x8f\xaab"</t>
  </si>
  <si>
    <t>Student Loan/Credit Card Consolidation</t>
  </si>
  <si>
    <t>b'\x1d\xcc\xf6\x82\xe8{%\x9a\x9aA@\x91\xfb\xc1/\xfc\x01%\xdf\x00/\x1a\xe9Ge\x97\xe1\x86T\x00fn'</t>
  </si>
  <si>
    <t>Diggin out</t>
  </si>
  <si>
    <t>b'\xd4\xfa\xfc,6\xde:\x87\xe62/\x02\xdb9#\xc2*\xe9\x165\x14S\xceTU\xd3\x8fZ\x8e\xad\xf9}'</t>
  </si>
  <si>
    <t>DEBT BALL</t>
  </si>
  <si>
    <t>b'K\x11\t\x8b\xe8\x98\xfc\x9e\xdf\xe9\xd7\xe4uJ\x7f3]\x83\xe5\xd2\xb6\xe9(\xc6U\xb3X5xX\x11n'</t>
  </si>
  <si>
    <t>Loan for Debt Consolidation</t>
  </si>
  <si>
    <t>b'\x11\na|*\xb7`\x02\xbd\x8a#\xdd\x0f\xf5\xdf\xee\xee\xe7\xb8\xd1\tA\xeb\xa9\x1a\xb2\xe4\x89W\x14\xe3\xf7'</t>
  </si>
  <si>
    <t>b'\xc9J\xbb\\\x1c0\x91\t\xea\xa1\x1dK`m\xd0o\x1b{0\xfb\xdc\xde\xf6b|Q\xae\xd4b?\xc4z'</t>
  </si>
  <si>
    <t>b'\xd1\xc8\xf5B\x1a4\xed\x17\x0b5X\x86mH\x05F\x82\x0b\x8f\x97v\xc4\x0bG\x0f\x84\x9c\x87v\xf5\xbd\xa4'</t>
  </si>
  <si>
    <t>b"\xb9\xbc)p\xd9\xa2\xb6\xc7\x8d\xbdW\xa9\xca\xa0\xbb\xe9I\xc7\xbc\xe0\r\xa3%'3[\xf3\xb6\x8a*\xb1\xbe"</t>
  </si>
  <si>
    <t>payoof cards</t>
  </si>
  <si>
    <t>b';\xf4\xa2\xa4\x9b^\x033\x95\x99\x91\xfb\xe9\xa9\x86\x06PA\xdb\xe0\xb8b\x93\xa2\xa1\xe2\x17k\x9bF\xa8\x9d'</t>
  </si>
  <si>
    <t>b'qo\x1c_;\xaaa?"\x89\xca\xd7u\x02\x7f\xff\x16G\xc1\x06\x88\xe7\r\r,$\x1a\x12\xa4j\xcbP'</t>
  </si>
  <si>
    <t>b'\xeb\x8eG\x8d\x92I\xf1\x11*\xc7\xb2\xaf\x87\xa2\x15\x00\x84)\xc7\xa3\\u\xe9o\x90\xc6\xc42\xe4\x15\xff\x1d'</t>
  </si>
  <si>
    <t>b'\xb0\xc6A3/O\xa4\xe8L\x924hw\xe1\x91\xe3$\x11`\xcd\xd5G\xaa\xdc\x9b\r\xa0\xe7\xb2\xb7T\xb9'</t>
  </si>
  <si>
    <t>b'\x9c\x93\xea\x7fSY\x05\xc8-=\x8d\xd1@\xb7\xe9f\xf2\x97\xec\xf5\xb4\x1a\xfbx\xa9v\xa1r\x0ca\x10\x90'</t>
  </si>
  <si>
    <t xml:space="preserve">Refinance </t>
  </si>
  <si>
    <t>b'\xd9\xff\x02$Q\x84\x82\x9b\xfb[:c=\xa6\xd2\x81{4\n\xa4\xe5=\xaf\x8d\xb1w\xab\xfa)q\x16\xa4'</t>
  </si>
  <si>
    <t>b'\x8b \x83\x94=\x1e\x80\xf6\xb1l3\xa3\xaa\x9c\xd4KSr\xa4\xcde\xaf%r\x1eQ\xcb\x8e\xdb\xf8\xf8\xfc'</t>
  </si>
  <si>
    <t>b"\x11\x00\xb0\xf7\xc6\x96\xaay\x1f\xcd\xaa'\x0fs5\xed[\xca\xd2\x1e\x8e\xca\xce](\x8e\x07D\xa0H\x1c\xde"</t>
  </si>
  <si>
    <t>b'\x9e/+\x1f:\x84\x12\xb9\x00Yb\x7f\xc5\x83\xb7O\xf0G\xf3\xfe\xa2_\xf4sH^$y\x82OK\xf1'</t>
  </si>
  <si>
    <t>b'\x01\xf1\x84\x8e%q\xa0\xe6\xfc\xd9\x14\xadK\xd38\xe3\xa2\x02\xa2E\xe6,\x12\xaa\xf9\x11\x87)=\xac&amp;R'</t>
  </si>
  <si>
    <t>b'}\x97\xc4\x84\x7f\x96i\x148\xd1\xa2\xce\x9e\xb6\xb9\xbdL05E\xa2\xa2\xf2\x94\x9e@\xc8\x1b_D\x97@'</t>
  </si>
  <si>
    <t>credit card and home improvement</t>
  </si>
  <si>
    <t>b'd\xdc\xd42\x14-,Y]\xeb\xd6\x9e\x10Y\x92a\x96f}\xa9\xaa\x9e\xcd\xfd\xa59\xadE\xad\x03\xc9\xd7'</t>
  </si>
  <si>
    <t>b'\xac\x83\xc3\x8e\x91\xa5f\x1b:\x99\xf7\x0b\x8b(Hz\xb1\xe5\xbf\xc7|\x95w\xa2&lt;\xc4T2\x9b\x80\xee\x07'</t>
  </si>
  <si>
    <t>b'p\xe1\xf8\xf0\xb5\x89\xc0\xfa\x18\xef\xc9Y\x87\x92F\xf9d&gt;FM\x1c\x9a\xf9\x9f\xcc~\x1d\x12\xe4\xab\xf2\xe2'</t>
  </si>
  <si>
    <t>b'\xc9\x0f\x1b^V\xbdj.\xd7\xe3!\x90l\x8c\xf3MOzm\xc5O\x07T\xff\xd7\xa2\x8b\x85\xb4\x82\x1d\x81'</t>
  </si>
  <si>
    <t>b'\xa0\x13\x81h\xa8\xb7\xe1\x03\xe5y\xc2\x0bLu\xf1\x12\x8e7\xbe\xde{\x0e\x13\xa2\x94!\xd5\xfb=\xc3\xc8\x07'</t>
  </si>
  <si>
    <t>b'\xd4\x8a\x95vB\xd2|i~\x1dx\xe0\x9e\xa5@\x0b\xd8w!5\x1esB\x83\x1b\xe0\x83\xe5\xe3\xdd\x0cv'</t>
  </si>
  <si>
    <t>169xx</t>
  </si>
  <si>
    <t>b'\xe4\xf0+\xdaO\x1cp&amp;\xd5\xa7\xd7x\x01i/uE%\xbc*y7C\xd4\xab\x0cX\xc3q4ON'</t>
  </si>
  <si>
    <t>Pay bills</t>
  </si>
  <si>
    <t>b'\xee\x8ew\xcf\xef\xdb\xb4#\x08}\xee\x03\xed&lt;\x02\xc9\xd0\xe1\xe4"\xbe\xbb[@-85\x80)0\x8b\x04'</t>
  </si>
  <si>
    <t>Pay-Off-Debt</t>
  </si>
  <si>
    <t>b'&amp;e\x84%\x13\xfb\xc0$\xae?\xd9\xf9eQ\x06\x9be\xf7\x00\xdf\xb37&gt;\x91]Gq0s\x16g\x00'</t>
  </si>
  <si>
    <t>b'&gt;\xb4[\x81dj=\x04\xf2\xc6\x18\x90\xd4\xd1\x9e\xdeIP1\xd4\x9f\x18\xf8\xbe\xc6\xbd\xe4\xf4\xc2/y.'</t>
  </si>
  <si>
    <t>164xx</t>
  </si>
  <si>
    <t>b'u-B|y\xf4\xd6j\x92!\xec\x9b.7U\xe7$\xf8eu\xe3x^\x1f\xb6\x869\x14\xc8\xb9\xac\x0f'</t>
  </si>
  <si>
    <t>b'\xcd\xff\xc7=\x82E2\xd5,\x16\x8c\x95\xa7\x92\x93F\x88\x96\x90 \xff\xfa\xb3\x87YK\x03)\xee\x96\x85?'</t>
  </si>
  <si>
    <t>b'W\x1d\x04\t\x04\xb8\xda/l\xdb\xbe\xac\xa6mP\x8c\x9e\x97r\xff\xa2^&amp;\xc3\xf2\xbe\x7f\xb9\x93\x94\x07\x84'</t>
  </si>
  <si>
    <t>b'kq\x06 W\x1c4\x1c\x85+\x89!\xe0\x83\x9c\xc4\xbf\xd3\x99\xcf\xf2\x00\xecGs&lt;\x17\xb5\x1b\xf6J\xdb'</t>
  </si>
  <si>
    <t>b'\xf3\x83.M\xae\xb2\xc6\x98\x19\x9c\x02\xe3L\x85\xab\xd6\xa0Z\xb0\xdf\xb7NKKa\x81\x96\t\xf4\xfcQg'</t>
  </si>
  <si>
    <t>b's\x92\x99`;\x1c\x00\xba\xa9\xfb\xea\x87\xbef&amp;\xf9\x10V\xb4\xb0\xb5\xca\x15\x1a\xf3y\t\xd5\xa0O\xfd\xaf'</t>
  </si>
  <si>
    <t>b'\x13Y\xd3!Nb\xcf\x18\xec\xa2\r5\xb5\xae\xde\xb4\xd8\xaa~&lt;\xa1\x89\xd4\x8b\xd5\x9f\xf3ankY\xa9'</t>
  </si>
  <si>
    <t>help is on the way</t>
  </si>
  <si>
    <t>b'R\xa5l\x8e\xef\xb3\x91\xb8Nk~\xbbF\xf5Z\xed\xb8\xf2\xd0\xdf\xa0a\xf9Y\x9cU\xb9\x02\xd3\xbcc '</t>
  </si>
  <si>
    <t>b'&amp;VGx\xdeZ\xb9\xe0\xff\x0e\xf8\xc5T\xe3^\x13\xb3(\xfbTTQ\x96\xc5Hln!\xc6cd\xb8'</t>
  </si>
  <si>
    <t>Consolidate and Start Anew</t>
  </si>
  <si>
    <t>b'\xbe\x92\xcdB\x7f\xfb\xeb\x8c\xa77^\xf4\x98\xef\x1e4z#\xd6\xe2]\x9f6\xba\xe8\x8c\x1e\x91\xeet\x86\xa6'</t>
  </si>
  <si>
    <t>b'\xa2\xee\x1de\x19\x13\x0f\x1e\x19\xf5r\x9d/\x8a*}\xb5\xf3\xe9ib\x8c.Ww\xeaHa\xb7s\xb7\xf0'</t>
  </si>
  <si>
    <t>b')sC\xec\x8f\x1b\xa5j\xd1\xbbi\x115\xc4B;\x14%\xb4\x8c\x18\x11k\x00K\x03\x81\xd2\x85\xc8\xd4C'</t>
  </si>
  <si>
    <t>Money can't buy happines</t>
  </si>
  <si>
    <t>b'un\x1e\x9f[\xe0\x13\x90J5\xc8\xa3\xfa\x93\x0b/\xf8\xf8\xb5)\x85\x17\x1d\xf6\xc0\x7f\x0bDx\xac&gt;\x81'</t>
  </si>
  <si>
    <t>b'E!\xac~\x12\xa5\xea7rV\xe4\xb0\xfc\xdfq\xd0\xdd8\x92}\x97\x11\x01\x8a\x1d\xde\x81-\xaeO\x91"'</t>
  </si>
  <si>
    <t>b'%\xfa\xefD!\xfan\xff*\x15\xb8\xaa\xa3&gt;{\xd1\xb2\x0c&gt;\xbf\xe3]\x82n\x9a\xb70i(-@('</t>
  </si>
  <si>
    <t>b'\xafqcQ\x94F\x8a\xd8\xe1\xc2\xe3@`f\x96}\xd9f\xc2K\xae\x07\x18\xe1T\xfex$ \xc6&lt;!'</t>
  </si>
  <si>
    <t>Re-FI Loan</t>
  </si>
  <si>
    <t>b'\x16\x9f\'\x06\xf7\xa5#d"\xeaF\x94wY6\xd67\xe3}\xdc\x83\xb2\x9d\x13\xd2;#\xcenU\x14?'</t>
  </si>
  <si>
    <t>Rifle</t>
  </si>
  <si>
    <t>b'\x01\xbd\xa7A\x03Uv\xd0\xa3\x1c\xb5\xaba_\x95\xb7\x87C\xfdK|kf\x19\x1a\xa6y\xc6\x977wz'</t>
  </si>
  <si>
    <t>b'~ w~\x85"\xffm\xc6{G\x91\xd6\xdco\xb0\xed\x8c8\x04=\x0c\xb5\xfc&amp;\xed\xff\x89\x98O\xdc\xa4'</t>
  </si>
  <si>
    <t>Medical Expenses</t>
  </si>
  <si>
    <t>b'\xe7I\x84E.\xb4\xe5f\xdcL\xaf\xad/\xc3s\xa8\xd0\xf6\x1d\xd4\xe7\x9fP\x8c\xae\xff\x8e+\xbf\x11\xadY'</t>
  </si>
  <si>
    <t>oregon</t>
  </si>
  <si>
    <t>b'\x99\xaa-\x02|]\xb6\x88\xa7\x83\xd1\xc3\xca\xe5\x01\n\x94r\xd7\x82j\x8e\xba\xf1l\xea&lt;\x05R\xbbL4'</t>
  </si>
  <si>
    <t>b'\x9b\xe9e\xedV\xd0\xe4\xae\xd8\x941\xdf&lt;\x9f\x15\xf6\xa6zt\x87\xc9\xc2d\x06\xdfT\xd9\x1fo\xc5gd'</t>
  </si>
  <si>
    <t>b'\x98\xa6\xca\x1f\xdc&gt;mY`\x1aj-\xf9\x12\xc4\x92MC\x95W\xac\x82\x9d"\x9fk~\xa9\x87%=\xa1'</t>
  </si>
  <si>
    <t>b"\xcf\xb3\\\xfdV\x80j/\xe0#\xa8\xaer\xc5\xbc\xa8\xee\xe8\xae\xcb\xf3\xf78\xf3\xb5'\xe2\x11\xf8I\xe6\x86"</t>
  </si>
  <si>
    <t>b'\x8f\x02\xafD\xf3\xe7\xabQr\x06S\xb7Y\xde\x01C\x82(\xa1\xbf*A\x98\xad\x06Mr\x0b\xd3\x04\xfe\x18'</t>
  </si>
  <si>
    <t>Hard worker seeking lower interest rate</t>
  </si>
  <si>
    <t>b'h\xa8uS&lt;\xd4\x84\xb2\x17\xef\xf4\xfe\x87C\x92\x8c4,\x16\x9d\xc02\x05{6\xaf\x89\x15vmK\x17'</t>
  </si>
  <si>
    <t>b's5\x13\xed:E\xbdp_/\xe8!y\xcd\xa4\xa8\xa2\x03\x106\x02p\x9f\n\x81\xf7\\Aw\xfc$\x99'</t>
  </si>
  <si>
    <t>b'\x02 \xfd@\xbf\xd3\xea9\x9ax\xd8E\x0fd\xccT~nM}#\x8f \xe8\xdb\xc1X\xf9x\x8a_\xba'</t>
  </si>
  <si>
    <t>2013 Move</t>
  </si>
  <si>
    <t>b'\xab\xf3GM\xb9-\xaa$iR\xcf\xffP\xcaE&lt;\x99j#\x8b\xda\xf6{\x8e\xd5\xb3\x00\xd8\xb7F\x9e\x1f'</t>
  </si>
  <si>
    <t>Lifesaver</t>
  </si>
  <si>
    <t>b'F{\xfc\xb8\x0c7\xa2\x01\xed\x066\xab\xd9)]|J&gt;\x97#\xc0%\x94c\ty\xbc\x9c\x1b\tK\xe6'</t>
  </si>
  <si>
    <t>Assuming Debt Responsibility</t>
  </si>
  <si>
    <t>b"\xaf\x98\xcc\xeew}=\x86\xfb\x8e\xa4\xd1F?f\x9b\x94\xb1\xec\xfb\xabq\xc9\xd6\x10\x87'\xbd\x0e\xb9\xca\xfa"</t>
  </si>
  <si>
    <t>Debt Consul Loan</t>
  </si>
  <si>
    <t>b'\xaa\x1b\xd8#\xe7\xea\x18&lt;\xf4!\xf4~\xbeP\xe1\x90U\xdd\x0eX\x9a\xbe\x7fOUJ\x83\xdbT4\x11\xdb'</t>
  </si>
  <si>
    <t>b'6\xac\x06\xb0\x8a\xa1?\xf8\xe0\xce\xbdR\xb2\xba\xa8\x85\xf8\x1c\x01\x03\x15\xcaOj_\x97X\xa5\xb8\xacp4'</t>
  </si>
  <si>
    <t>b'\x95\xa2\x02\x01=\x00Q\xed\xfb\x1a\xc5\x9evp\xd2\xb3O\xf2`\xb4]Y0gq\xe3"\xda\x8c\xa3M\x17'</t>
  </si>
  <si>
    <t>b"\xa2r\xe5\x13;\xd9\xdcwA'tXw\x90\xcc&amp;\xddU\xbfI\xa6\x04\xce\xfe\x068\x02\x17&lt;\xfbGq"</t>
  </si>
  <si>
    <t>savemycredit</t>
  </si>
  <si>
    <t>b"\xf9OI\\\x8bI\xed(X\xfc\xab\xaf'\xd9\xe3kmX.J\x192\xa6\x8dT\x91!\x06\xe5\x19\tw"</t>
  </si>
  <si>
    <t>b'\xb6\xf7\xa7\x07u\xc2\x18j\x1ap2\x07\xb6\xf4\x99\xc2\x85\xba\t_\x85!n\xa6\x1d\xe4\x00\xdes\x9f\xaa\xcc'</t>
  </si>
  <si>
    <t>b"\xfan*'.aY\x8e\x00\xdf\xec\r\xe8\x8f\xfd\xe0\x8dp\x12\x11\x01\x8e\x8a\xa7\x0f\x19\xe7\xce\x91x\xf0\xa0"</t>
  </si>
  <si>
    <t>b'\xa8)\x0bUth\xa7r\xd2\n\xcdX\x88\xf4\r\xb7\x0f%\xd18\x95i6\x11l\x18\\s\xb1\x133\xc1'</t>
  </si>
  <si>
    <t>b'\xd12\xcc\xd7u\x8e\x1dkK\x1b*\x99{\x9f\x95l\xf7\x8c\xeaA}\xd5\x067\xd7\x8d\xd8n\xc8d\x83v'</t>
  </si>
  <si>
    <t>Med Expense</t>
  </si>
  <si>
    <t>b's\xab\xf7\xb1\x86\xcd\xdb&lt;\xc6\x88\x7f\xaf]\x05\xcf\xce6\xb9\x07~\xaf\xf3\x822s\xeaa\xa1.\xdc\xa3\xc5'</t>
  </si>
  <si>
    <t>b'\x9d\x92\x95\xe7\x0b[\xb5&amp;\x96S\x0b]@\x9c\xa9Q\xaa\x83\xf6\x08]V\x16\x9c\xb00\xc5&gt;83\x07\xb3'</t>
  </si>
  <si>
    <t>b'\xb5\xfdd\x93\xc9\x19Q\x1f\x9c\x96\xc5\xf3\r\x00\xb4~\xff\xd9\xb1~\xde\x88\xc1\x7fP`\x14\x0f\x02\x0bZq'</t>
  </si>
  <si>
    <t>b'\x11\x8c\xd5\xf81T\xaa"\x9c\xa4\xd9vH\xab\xe5)\x19\xaay\xf6\x0by\x15\x0b,\xc1\x8b\x02\xf0n\t\xc9'</t>
  </si>
  <si>
    <t>b'\x08%q\x00m\x94\x08X&gt;\x89-o\xd5\t\x03M\xf1\xe84\xb4&amp;\xd7\x19\xb2*L\xcc\xa4&gt;^XR'</t>
  </si>
  <si>
    <t>Graduation Time</t>
  </si>
  <si>
    <t>b'\x8c\xf2\xfa=\xdcN\x16/\xfeE\xe7\xdb\x00[\x02\x9cQ\xcd\xd8\xe2`\x14\xd9\x04\\s\x9d\xa2\xac\xbeq\xc9'</t>
  </si>
  <si>
    <t>High Interest Rate Consolidation</t>
  </si>
  <si>
    <t>b'\r\xcb\xba&lt;\xa6\xc83\x18\xd7\x00\xf9\x9e\x97\xf4\x83\xd0\xb8\xed\xa4\xf9\xb8\xd3V\xaa\x8b\x8c\xc8\xea\xef\x06\xb4\xb3'</t>
  </si>
  <si>
    <t>b"\x97C\xa9\xdc\xfa1\xd5\x04\xa5M$X\xd8n/E\xa0[O\xe2CC\xb3ik\xc2'\x9bpwx\x83"</t>
  </si>
  <si>
    <t>b'jZ\xecT\xb1\x11+\x8e\xc2`Fq\xc7&gt;\xc1(k\xd1w\xedV\xdc?\xe4\xa9\xc8\xaf\x85\x01*\x94\x83'</t>
  </si>
  <si>
    <t>b'\x81\x18\x86o\xdb\x18\x07#G|(\x12\xb3\xff\x99\x84\x15{\xcb7/\x97\xc5p_d\x884\xf8\xf6\xd9d'</t>
  </si>
  <si>
    <t>Tax/Car Loan Consolidation</t>
  </si>
  <si>
    <t>b'\x04\xec{\xa9\x03\xccW$\xac69\x16o0\x19(\x8di\x00\xf2\xd4\x89\xe0\x9e\x1cv\x9a\xfbH\xb61;'</t>
  </si>
  <si>
    <t>new deck</t>
  </si>
  <si>
    <t>b'\x8a\xdc\xdd:\x8f\xd4\xf4\xca\xb7\xdc\x89\xc62\x10\x89\xfei\x99\xd8\x93\xe0$&lt;\xe3\x7f\x8e\x9b\xd9\xeeI \xf5'</t>
  </si>
  <si>
    <t>b'5[oG[j\x14u\x91I\x978A\xa4\x04\xcbu\x05\xe8\xa1p93\xde\x1d]\xb4\xb3B\xd8\xfa\xc1'</t>
  </si>
  <si>
    <t>b'\xa3\xe0"\xbb\xb4yo\xea\x08K"[\xdav\x9c6\xbd=\xea\x88\xe3\xd0\r\x0b\xde\xf0\xe92\x1c\':\x10'</t>
  </si>
  <si>
    <t>b'\x9f\x1fgrRF\xb4Q\x8e|\xf9\xa8[\x95\xd2oN"{\xfa\x89A\xb2&amp;4~\xe6\xf8\xc5[}\x82'</t>
  </si>
  <si>
    <t>Last Time</t>
  </si>
  <si>
    <t>b"'\xc9\x07\x8b\xc1\xcc\xffF\x7f*\xca\x07\x90\xde\xc4\xafy\x8c\xafF\x0c3I\x17\xf6X\x89j\xb8\xc0O\xf8"</t>
  </si>
  <si>
    <t>b"\nA\x9d\x03\xd3\xd2\x91\xb8\xe9\xcd\x8d\xd7+\x97\xe4z\t\xe24u\x81W\xac8#[6'\x9f\xd1\xd3i"</t>
  </si>
  <si>
    <t>b'\x18\xf4zW\x03\xf5\xa4*\xdck\xb6L\xf9V5\t\xa5\xfb1$\xa2\xe1\xd3\xd5\x86h\x95\x06\x8a\x19\xbe\x0e'</t>
  </si>
  <si>
    <t>b'\x8e3\xa2J\xee\xa6\x14,\x9d\x9f-h\x96m\xdc\xe3\xd5\xca\xf3\x1f\x11\xd6\xd8\xcdc\x02\\vs\xaf&amp;\x9a'</t>
  </si>
  <si>
    <t>b'\xf6is\x8col9V\x89[E/\xaf.\xcca\xf8\xa0\xe7"\xc7\xa5F\x99\xb3\xa8\xa8S\x0b\x1eF&gt;'</t>
  </si>
  <si>
    <t>b'\x95\x05\x95\x86\x8c1xr\xaf\x0c\xe7\x92\xd7\xf2=%Y\x97\x9b\x9e\xa3T\xc1\xe9\x14\xc9\xeb\xebV^v\x97'</t>
  </si>
  <si>
    <t>b'31\xdcN8\xb2\x83k:xb\xa0\xd4d\xa6\xaeO)\xa1J\xf4\xc1\xc7:\xf3\xe6\xb8\xad%-\xdc\x00'</t>
  </si>
  <si>
    <t>b'\x943\x08\xeeL\x1c\x13\x8d"EbN\x97\xf1\x8d\x16\xf60\x9c^\xcbZ\x16\xf1^\x12\x9e\x97W?\x9c\x87'</t>
  </si>
  <si>
    <t>b'\x19\x08&lt;B\xc7l\xd1o&lt;\xa3\x98)\xcf#)\xa0Y&gt;\xa3:u\xdcySBj3u\r?\xa7\x0b'</t>
  </si>
  <si>
    <t>Freedom from Debt</t>
  </si>
  <si>
    <t>b'\x1a\x1a\xb6\x17\xe5\xea\xac\x0e\x99\x8d\xa5do\xe7\xfbY\xfa/`oK\x1c\xec\x13\xff\xc1H=a8\xb2\xfd'</t>
  </si>
  <si>
    <t>credit card refinancing</t>
  </si>
  <si>
    <t>b'\xe2\xb5\x02\xb4\xc8\xa6\x01\xbdp\xe9\xc4\xa9#T\xaa\x02\xc4\xc6\x8e\xd8\xf15|\xbb\x8b\xb3\xafgR\x82aF'</t>
  </si>
  <si>
    <t>b'\xfc\xaei\x99\xd5\x9f\n\x02\x95\xc3\xb3!\xe22\xd2(6e\xaf\x99\xbdD\xcf\xa4\xf6^\xc9b\x96\xcbg['</t>
  </si>
  <si>
    <t>b'\xfa\xb4\xcdv\x80\xb1\xb4\xd4 \xf9a\x84\xab\xfe\x89zJ\x89\xca\xd9A\xb4\x01$\x95b\x10\xc9\xe9\xb9FP'</t>
  </si>
  <si>
    <t>b'\xa2\x85\xa7\xb2\x01\xde\x8f\x1c\xe5;j\x91 LjC;\xf0\xc0\x94d\xc6\xbd\x0e\xd3\xdc\xf5\x84\x8e\x9b\x84\xdd'</t>
  </si>
  <si>
    <t>b'\xcd\xe6aC\x02.\xf3\xe4\xf5\x87\xfa\xf7k#\xe1\x8b\xafl\xef1\xe0\xa6\x99\xd69\xea\xa1~\xcf\x07,\x93'</t>
  </si>
  <si>
    <t>high interest payoff</t>
  </si>
  <si>
    <t>b'\x06\x01q0\x80\x91[f\xe7r!D"\x87\xe8\xa0\xc0w\xd5\x14\xfc\x9d\xc3o%\xb0\xb9S$\x8b\x0b\x86'</t>
  </si>
  <si>
    <t>b'\xcc\xfb\x154%lE\xcc=\xbcK"\xc7pW\xb0\xbfo\x83\xdao\xce(\xdbwi\n&amp;\x8d\xc6\x84\x92'</t>
  </si>
  <si>
    <t>b'\xff\xa1\x1b\x86\xd3a\xe3\xfb\x0e\x98,YXS\xba\x9b\xc7\xf1&gt;\x81\x0b\x0cJ\x0e\xf5e-\xb0\xd1\xb7"\x87'</t>
  </si>
  <si>
    <t>b'_\xb0\\\xc1\x07\xc7\x81\xb2\xa9\x1f*\xb4\xe2&gt;\x157\xb5\x9f\xb2\xc2\xed\xf1\x03\xdc\xc8\x1b&gt;\r\xc8\x00\xed\x9f'</t>
  </si>
  <si>
    <t>b'\xa1\xf1\xca/\xabm\xaf\xe3\xe0\xaa\x17\xbeo7mQ\xdcf\x8b\xe8\xaes@JB\x9f\x0bl\x04\xc5~\x00'</t>
  </si>
  <si>
    <t>b'L\xd0r\xc6\xb4\x97\xb9@MG4\xce;,\xfd\t\x0biq\xe3^o\x07\xf5QX\x9at\x92\xff\x95\xdc'</t>
  </si>
  <si>
    <t>b'\xc7\r\xe7"\x97jq\x1a\xea\x06\xfc\xbam\x07\x16W\xa9^z\xea\x1dJE\x02\xebs\\\x18&lt;hGl'</t>
  </si>
  <si>
    <t>b'\x9e\x84&gt;\r\xc9\x91\x88\x90\xc6\xfeR\xb0\xe6&amp;\x19\xb3:=\x95UA\xc8\xa5\xd5\x05\x8f\xb0\x9aS\x87\x84\xdf'</t>
  </si>
  <si>
    <t>b'l\xbcK5*m\x0c\xcc\xd7\xb0^F\x14H\xd6%\x99\x99\x87\xc4\x8e\xb8cd\x19\xaa\xe3y\xb9k\xe2\xc4'</t>
  </si>
  <si>
    <t>072xx</t>
  </si>
  <si>
    <t>b'\x1e\xb9N\x91N\xce\x11\x18\x92\xd10\xc4\xc4\xfe_\x11C@\xb4\xdc\x0cz\x9c\xde\x84\x1d\xfb\xf8\xc1\xed\x9e\xfd'</t>
  </si>
  <si>
    <t>b'3{\xdaDn\xfe\x1aM\xa6l\x8f\xd8\xder#\xe2\x1e\xc1\x06\xaf|\x80,p\x15"Z\x9c\xc4!G\xf3'</t>
  </si>
  <si>
    <t>b'\xb9\xcagW_\xd0\x9b\x0b\x7f\xc8\xd4\xcfw\x8ef\xfc\x87K\xa3&lt;\xc5\xfb[*PJ\xeb\x12\x8a\x04\xd3\x0b'</t>
  </si>
  <si>
    <t>b'\t\xe0\xa7\xdb?\xf5\xbe\xc7c\x13kpXx\xf7k\x00\xbebKVdJ\xf4\x0e\x1d\xc9#\xe0R}\xc3'</t>
  </si>
  <si>
    <t>newdebt</t>
  </si>
  <si>
    <t>b'\x8c\xc6M\xf3C\x95;E\xe9$65g\x9e\xa4\x88\x1e_\xbfY\xc8F\xa1Gk1z;D\x862\xb7'</t>
  </si>
  <si>
    <t>b'I\xbc\xe5#\xbc\x02\x00\x86\xef!\t%\xd3O*&amp;\xb7\x89\x97\x14\xbc\t6\x8f\x9do\x8e\xb1W\xd3\xf1\x0c'</t>
  </si>
  <si>
    <t>b'\xb1\x8d/\xe5\x8d\xab0\x9b\x0b\xdc\x870\x8c@\xe9\xdcH)\x0f\x96\xbe\x82ct@P\xb0h\x198\xe2\xc7'</t>
  </si>
  <si>
    <t>b'\x9b\x9c\x0c\x8c\x03\x94\xca#\xc9\xa5I\xf9f\xbb\xec\xa5\x84\x17\x83\x1fIkv\x1ag3\xed\x16Y\xaf\xc8\xf1'</t>
  </si>
  <si>
    <t>b'\x9d\xb6\x0bc\xc6r\xf3\x1b\xf6\xe41T#_\x0e@\xce\xfb\xa6k\x99\xbd\xc7\xe0\x94E{z]\xe5\xb64'</t>
  </si>
  <si>
    <t>High interest payoff</t>
  </si>
  <si>
    <t>b'r\xdd\xf8\x8c\xb0\xcaW\x8f\x90\xe7\xfe\x02\x11\xd8\x91\xcc\xdeRU&lt;g\x8dS\xff\xa0\x13F\x94:\xe5\xa6\\'</t>
  </si>
  <si>
    <t>b'\xdc\x92E\xbe\xeb\xb9\xb4\xd2\x9f\x02\x8f\xeea\xfd\x13\x88n\xff\xb7\xac\xb1\x18\xed\xb0\xbcC(\x12\xc5fk/'</t>
  </si>
  <si>
    <t>Save Money</t>
  </si>
  <si>
    <t>b")\x03\xf0\xac\xdd\xff\xb9\x8b\xc5\xa5Q\x13n!\x08\xa5we\xba\x92aV\x02\xa5\xfbn!\xe4(&amp;'\x89"</t>
  </si>
  <si>
    <t>b'\xddBay{\xa2\xce\xd2~a\xce^\xb9\xea\x01\xea\xf7\x16+\xf3v\xbe6\x19\x83!\x06A\xf4\xd3+,'</t>
  </si>
  <si>
    <t>b't\r\xa1\xcf\x08\\\xa4E,\xc9,/\xfe\x96\xee\xc2\x16T$\xb7\xe3\xd1]_\x8e\xb3`\x814:h"'</t>
  </si>
  <si>
    <t>b'?\x8a\xce\xde\xad\xb3x#w"\xfb\x98\r\xabr(\xbf/Hi\x1b a)\xf77\xbd\xf9#\xd4\xd3\x87'</t>
  </si>
  <si>
    <t>b'\x92\x10W8\x1d\xd8\x18\x86\x88\r\xde\x0e5\xf3X}\xccV\xdeN\tL\x97\xfal\x11o\x94;&gt;\xe1\x11'</t>
  </si>
  <si>
    <t>b'9\xb4R&amp;\x17z\xf2\xa8\x00\xad\xc4\x07[\x17\xadj\x15\xb0y\xb9?\xfb\x84{J&gt;\xd9\x12h\xc6\xde\xd7'</t>
  </si>
  <si>
    <t>444xx</t>
  </si>
  <si>
    <t>b'F\xbc\xeb\xb9Z\xdbq\tK\xefv\xf2=V\xf9\x86g\x8eMZ\xf8\xbf\x1d\x06w8?\\\x9cG\x0b\x96'</t>
  </si>
  <si>
    <t>Consolidate My Dept</t>
  </si>
  <si>
    <t>b"s\xcf\x7fP\x1fck\x82w\x83'X\xben\xc941\xed\x1b^m\x94\xac\x8f\xef\xcfB\xdb\x88\xa2;\xb7"</t>
  </si>
  <si>
    <t xml:space="preserve">Debt Consolidate </t>
  </si>
  <si>
    <t>b'\t}\r\x03\x915\xd5YKP\xe7\x9b\r\xb2{\x16f\x1b)\xcc\xd5[\xea\xba\xf7(\xe3u?=\xbf\x1c'</t>
  </si>
  <si>
    <t>b'\x80\xfdq\xec(\xc8\xec\xb8\xee6\x7f\xd0\xd2-\x19\x18`\xb5\xc4\xf2\x8a\x80\xf9K0\xc1x\xb1\t\xc34\xda'</t>
  </si>
  <si>
    <t>b'\xc3t\x8a\xf9\xfc\x7f\xe80\xf3\xa020\xc8)\x91\xfb9\x93\xaa\xf3\x0f\x8a\xf9/;4}&gt;\xa6\xc3\xdd\r'</t>
  </si>
  <si>
    <t>b'&gt;\x8d\xf9a#\x93jD\xb6$\xbe\x8dw\xbf\xed\x07\xb6z\x87\x8bj\x1a\xe3m\x14(\x13\xc6m\xb0\x7f\xe1'</t>
  </si>
  <si>
    <t>Credit fix</t>
  </si>
  <si>
    <t>b"q`\t\xce\xa2|\xc9i\xd0r\xdc\xe4\x0b\xfc\xe0'\xa5\r\x05y\xa1OTB\x95*\xbe\xf8\xc3\xf8\x18\x18"</t>
  </si>
  <si>
    <t>Debt Consolidation to + Impact Family</t>
  </si>
  <si>
    <t>b'6\x81\x1f{\xa0$\x15\x9b\x95\xd2\xca%\xbevV\xb2\xbd\x85{\xcf\x1d\x89o3\xad\xc3\xe6\t$\xc9\xf3:'</t>
  </si>
  <si>
    <t>b"\xd5\x15\xfb\xee2\xd1\xfc\xe8\xe7\x02\x7f\xafK\xf2z\x90\x8e\xb6\xdd\xea\xf3\xd95s\x91E'E1]V\xa0"</t>
  </si>
  <si>
    <t>b'\x12O\xf5\x02\x887e\rn\xd9\xf1\xa0]\x98&lt;J9\xfba!L\xa5\xdeL\xe7\x0bO\xf4\xea\x97\xef\x9e'</t>
  </si>
  <si>
    <t>b'\xb8\xa0.G0\xa9k)\xce\x8b\xa2z|]\x19r-\xf3\x18.\xdb\xec\x96\x86&gt;\xf3["\x92\xe6\xb2*'</t>
  </si>
  <si>
    <t>not one payment late in 15+ years</t>
  </si>
  <si>
    <t>b'`\xa8\xaewz\x98\x7fYK%\x0e|\x98\x8d\x154\xe9\xb9\x95JA\xcb\xf1X\xad3\xf1d%\x1e\x0c\x13'</t>
  </si>
  <si>
    <t>b"9k\x88\xc9R\x19\x07\xdd\x0e\xabt'\x13\xda\xda\xc99\xda\x05\x03\xa1\xe2\xf6Q\x99WyR\xdd\xe5\xbfj"</t>
  </si>
  <si>
    <t>b'\x92\xf7e\xef\x1bH\xd5\x81M\xd5\xb3\xdd\xf2o\xea\x08\x9d\xe9[\xbc\xee\xbe\xdc\x81\x92\x05Z\x8d\xbaJZ\xdb'</t>
  </si>
  <si>
    <t>CCElimination</t>
  </si>
  <si>
    <t>b'\xe2~I\xf2#[O!h\x84\xd5_\xde\xb0\x1e\\-\x94L\xf5D7t\x02\xea\xa2\xbd\xc3$\xd4\xb5\x1b'</t>
  </si>
  <si>
    <t>b'd\xe8\x07nXc\xed~f\xa5\xce\xa0\x8fx\xcf\x14q:\xf8\x03+\xde3v\xe1\xdc_\xcb\xb6\xfb\xcb\xc4'</t>
  </si>
  <si>
    <t>b'#\x84N\x14j=\x12\xce\xf1\x01\xd2zu\x12\x07\x1f\x9e{8\xfc8\x0e\xe5&gt;\xce\xcd\xe3\x8f\xa2\xb3\x8a\x90'</t>
  </si>
  <si>
    <t xml:space="preserve">consolidation </t>
  </si>
  <si>
    <t>b'\x1e\x1c\xd3}|\x8b\xa81\xd3\x06\xa9\xfc\xf9`q\x95\xa9\xf5\xaf\r\xb9V\x03uk\x9b\xb3\x89\xbcA/X'</t>
  </si>
  <si>
    <t>b'\x0eo\xc9\x8dp\x12vIL\xcd&gt;\x99{\xdb\xfe\xb7\xb7\xbd\xaa\xca\xfa\xb0\xea*\xce\x8c\xe7\xb9\x9a\xfd\xa2-'</t>
  </si>
  <si>
    <t>ReFi</t>
  </si>
  <si>
    <t>b'\xe5TF\xbb\xf1\xfb\x0cRf\xf5\x05\xad\x1a\xb1ejiS\x1b\x845\x7f\x15\xa1\x06\x97\xd1\xd0Za\x10J'</t>
  </si>
  <si>
    <t>b'\xbai7U\xa2\x17J\x1fd\rrY\xec\x14r\x1f\x9f\xdcA\x9bv\xaf\x07\x83D\rc\x1e\xed-\xd2\x95'</t>
  </si>
  <si>
    <t>b'\xd0\x9c\xf1\xd1!\x9f\x8b;\xb6x5\x95\x1c\xc6\xf5\x18\xa7\xdc\xcd\x85T\xa7c(H\xd3\x8d\xba\x00\xd12\xf2'</t>
  </si>
  <si>
    <t>b'\xd2\x1b\xd8H\x7f\x8cp8\xf8\x86\xea\x1a\x0f\xe2-t\xd1\xa0&amp;G\xb1\xaf4\x9f\x7f/\xe6\xd0\xb8\xd1\xeaU'</t>
  </si>
  <si>
    <t>b'\x9e\xfe\x9b\x8d\xd7X\xe0\xc9P\xe2\xa3L\x13\xda\x0f\x96\xfd\x82\'+\x172\x81\xe9)3\xe2;\xbf\x8f"N'</t>
  </si>
  <si>
    <t>b'\xc6\xc3\xd0o\xbc\xc3\x18\xd2.\xf6O\xe8\xd0\xab-\xf3\xb6\xb8\xc8\x8b\xb7\xa7_6J\x98\xa2\x1d\xfb\x1a\x16)'</t>
  </si>
  <si>
    <t>Car Loan</t>
  </si>
  <si>
    <t>b'\x0b\x05\xaec\xce\xf6\xd7\xb2\xc9\xae\xaf\xdd\xec`T\n\xa9p\xcb\x89\xd6\x1f|\xc7\x13b\xdf\xdcr\x17\xca&gt;'</t>
  </si>
  <si>
    <t>Starting fresh consolidation</t>
  </si>
  <si>
    <t>b'a[\xc3\xb3\xd6\x8f\xaa\x0f\x01dh\xe6\xbc\x0b\x19m\x0co\xc2\x0c\xfdq\xccVt\x9ev\x91\xa5\xdd\xe5\xf7'</t>
  </si>
  <si>
    <t>Back on track plan</t>
  </si>
  <si>
    <t>b'\xc9&gt;\x83Z\xa5\xa6X\xe1\xd3D\xcb\x9c1Ce\xb5\xb8(w\xef\xa7\xd7R$\xbfjCC\xa2\xec\x11\xb6'</t>
  </si>
  <si>
    <t>Pay off my credit cards debt</t>
  </si>
  <si>
    <t>b'3\xa9\xe8\x84\xc0\xc8W\x05\xfd(\xf5\xcav\xf4\xee&gt;\x96\x0b;\x0e\xf9xW\xfa\xfc\x0b\xa8\t\x0c[t\xad'</t>
  </si>
  <si>
    <t>b"\x86'\x16\x17\xca\x14B\xcfk\x01\x8c\xe6\x84\xf2\x95\xcf\xe2|\x83W\xee\xfd\xaa\xea\x18\x0e\xfaZk&lt;\x1bN"</t>
  </si>
  <si>
    <t>b'a\x14B\xee\x0c\xb0_\xae3w_\xeeCT\x16\xd2\xc8\xbc\x12\x1cr\xb4\xbbRd\x0c\xacx0!\xb9z'</t>
  </si>
  <si>
    <t>Fence Loan</t>
  </si>
  <si>
    <t>b'\xa8\x1f\x98\xf7m\xff\xa6\xe0\xe9%a\x9b\xae\xfc\xf0J\xbaVO\x18\xf0\xf4\xdb\xa2\xbem\xc5\xca,\xcb/\x91'</t>
  </si>
  <si>
    <t>b'\xbf \xb4Q\x11h\xc3_\xb1\xa5i\xf0\xa6\xceKOnej#H${w+\x876\xe0,\xdd\x874'</t>
  </si>
  <si>
    <t>Pay off Everything</t>
  </si>
  <si>
    <t>b'\xbf\x10\r\xaf aL8\x1e\xda\x8f.\xb7\xb4\x85TcK\xe8TR\x9d\xbb\x07.\xae\x97\x9e\x81\xee\xa8\xa5'</t>
  </si>
  <si>
    <t>b'\x87\xf4\x9a\xccb\xc8\xde\xfa\xd5\xfb\x00\x9d\xb4\xd8\xf2W\xae\x13\xd1C\x1f\xf4\xf6\xc3\xc2\xb1hG\x99\xd7\xe2\xda'</t>
  </si>
  <si>
    <t>b'\x03\t#jY\xd8\xdd\x99$\xf3UI\xdb\xd6\xa2\xded\x80\xdd\x1a`\x90\xf7yE=\xd6\xb6R#\x92Z'</t>
  </si>
  <si>
    <t>ABOVEWATER</t>
  </si>
  <si>
    <t>b'0\xa3y\xde)v]H\x1d\x0b\x84xw\x93r\x94]\x93C\x11V2\xf62\x88\xc1\x15\xcf\xba&gt;\xccb'</t>
  </si>
  <si>
    <t>b'\xde-h\xec\xc0F\xed\xd1\xa6\x96\xcc&gt;\x98x\x85_[\x8e\xa6s\xe1\xb4\xe5\xf0\xaf\xd5\xf7-\x97\xe5OC'</t>
  </si>
  <si>
    <t>b'\xa6\xe4\xbd\xba\x02\x03Q\x9eU\xa3\n\xd5\x90\xbd\x17\xf4\xf6=\x9cy\x07\xa5\xb7\x85\xf4+\x96\x96h\xea\x0b\x19'</t>
  </si>
  <si>
    <t>b'\x91(\x0fG\xab\x05\x03\xca)\xd2\x07\xec\xafO\x14\x1e\x9f\x9c\x07\xbe\x8aUT\xc4L\xd5\x13\xdb\x8b}L\xac'</t>
  </si>
  <si>
    <t>Lower Credit Card Rates</t>
  </si>
  <si>
    <t>b'"\x1e\x0fh\x17 *\xcev|,\x17a\xe3J\xdf\x954D\xde\xca\x86\xcc\xe8\x03\xa2n/\xa3_\x84\xb6'</t>
  </si>
  <si>
    <t>CC REFIN</t>
  </si>
  <si>
    <t>b'\x1a(a~\x11\rXqc\x06\x848\xd0;\xbb\xf8\xbaYV\x11I\x18&gt;\xd4*\x0e\x83&lt;\xc5y\xf8\x13'</t>
  </si>
  <si>
    <t>b'\x815\x07j\x06\xc1\n\xb5&gt;\xed\x0e\xd9\xfb\xe1o\x94\xe7y\xd7\xc3OaJq-\xf8}f8s\xf2J'</t>
  </si>
  <si>
    <t>Debt Be Gone</t>
  </si>
  <si>
    <t>b'H\xe2\xf5\xe3&amp;\xe9o\x02\x19)\x9eu\x8e\xdcCg\xc9\x8e`s\xa3\x7f\x18\x86\xb3*\x862\x1c\x92l\x0b'</t>
  </si>
  <si>
    <t>b'U\xde\xde\x1e\xde\xab\x0fZ\xf2\xb1\xc7\xf8`\xacs\xc2t\xe9\xfew\xf2\x0f]\x00\xf8\x8ek\x8ev\xcbD`'</t>
  </si>
  <si>
    <t>b'\xd2v\xa3\x99t\xeb\xa6\xd7\xe8\xb5\xd0\xa2p\x86\xdbX\xf14\xafMV\xe3\xac\x9b\x04\x0f\xa5\xb9Sx!\x96'</t>
  </si>
  <si>
    <t>b"\xd1E\xea\xbcF\x07)\xa4\xef\x97\xc2\x17\x999h\x9c\xf3\xa9\x0c\x8a\x89\x83Z\xcb\x1dg\xdb'\xa4\xd6\xbdE"</t>
  </si>
  <si>
    <t>Love My Place</t>
  </si>
  <si>
    <t>b'Ol\xebN\x02\x19Xi\x7f o\x04:\xe0 \x1eG\xb4GHc\x97\xd0+\x80#\xf8\x97\xd4\x0e\xf8X'</t>
  </si>
  <si>
    <t>Credit Cards Gone</t>
  </si>
  <si>
    <t>b'\xfd\x05\xda\x1c&lt;K\x94\xb7\x7fL\xd2\x08(i!\x1b\xda\x89\xd1\xcbzmh\xdc%c\xcd\x8e\xe6Ui\x85'</t>
  </si>
  <si>
    <t>b'\x89\xa6\xd4\xad\x1a\x13\x8e\xf4}\x81\xcaK\x9fs\xf2(m$\xa2r\xb9\xfe\x08\xe9Q\xcd\xbb\xc2\x8e\x01Z\x91'</t>
  </si>
  <si>
    <t>b'\xe4\x17\xca4\x9e\xa2\x10\x94\x8f\xb6\x93\xd5\xa5\xe0\xc7\xa9\\N\xcfi\xa6X\x82\x01N5]\to\xc9\x85_'</t>
  </si>
  <si>
    <t>NEW LOAN</t>
  </si>
  <si>
    <t>b'#_\xa4s8F\x95\x8a\x832N]I?[5s8\x8b\xe5\x14\x9f\x1a\xd6,\xcfA|\xeew\n\x85'</t>
  </si>
  <si>
    <t>b"'\xb0wz+\x16q+1\x9dZ\xd1\xe8\x0f\x8d\x1f\x8bG\x9cuY,*\xfb\xc7K\x84\xd9 \x82\xe8X"</t>
  </si>
  <si>
    <t>b'\xe0_y\xa5\x93\xae2\xe4\xcf^5n0\xdd\xd2\xa4\x83\xf6,\x95o\xa5\xf7\xbc\xe6\xb6\xcc\x8f\xe9\x0b\xa1\x8d'</t>
  </si>
  <si>
    <t>b'\x93\xd9oY\xb3\xad\xb3\xc4\x14s*\xbe\xdd\xbei\xcbt\xf8\xfa\x13\xa6\x0fQ7\x18Nt%\xa0\x1a\xcc?'</t>
  </si>
  <si>
    <t>b'[\xb9/a,,\xb6\xd5+\xdb\x8c\xc1\xb4\xa1z\xc4D\x12\xea\xdco\r\x10\xe3\x965\x81\xc6\xcd\xe1\x9e('</t>
  </si>
  <si>
    <t>b'-*\x87%,\xf1\x1e\xa9\x0e\xef\xe0M\x14Kld\xc4O\xd8\x895\xae\xea\xb3\x15\x8aU\xeb}\x83\xbb\x80'</t>
  </si>
  <si>
    <t>b'e\t\xde\xb4\xd5d\xc2z?l\xcd\xd4\x96\x90Zr\xd3\x0b\\\xb7s\xba$ \xe6\xf1\xe2\xc4\x9c\x0e\xcd\x9e'</t>
  </si>
  <si>
    <t>b'fa\x9b\x92q%\xa7\x1a\x92t\xd9\xe7]J^\xf6L\x02\xa1\xc6n\x0b\xa3=\x00:\x042\xe9(V\x16'</t>
  </si>
  <si>
    <t>b'\x87\x02\xf5\xe6\x7f\x1d\xc5\t\xef\xde\t\xc9\x1f\xd48\xb9\x0bKpYe\x8d\x11*[\x8ec\xe6\x1er\xf1\x12'</t>
  </si>
  <si>
    <t>b'\xd35\x12H\xccb\xf9\x87\xf4\x12oM\xcf\x16\xf0#\xd9H\xd7C\xaf\x1a\xe0X\xb4\xf5`\xe3\x16vPy'</t>
  </si>
  <si>
    <t>b'\x81\x8e\xf8W\xa8\r\x81*\xf7\xdc\xde\xeb\xd1.\xaeP\xa9\xe3z\x94\xef2\x0e\x8b\x8el\xa5\xc6\x02\x1b\xf8\xe4'</t>
  </si>
  <si>
    <t>Credit Cards Paid Off</t>
  </si>
  <si>
    <t>b'\x81\xa4_&gt;\x19T\x86&lt;\x8f@=l\xb0\xadt\x1f\xbcP}v\xe0\x958\xc1\x1b|\xb3\x89\xda\xd1\x18L'</t>
  </si>
  <si>
    <t>Debt Consolidsation</t>
  </si>
  <si>
    <t>b'!:\xe0\x00\xbf\xb3&gt;\xfb\xc1\x1b/QJ\xcam\xeb\xc9\x92\xd1=y\x97\xa0\xac\x96\xa2tc\xa0A\tr'</t>
  </si>
  <si>
    <t>b'\xe7\xc4\xa1\x95\x19\x13\x1d;5\xa0\xc3\x14n/\x9b\xcb\x03\xa2X\x1e\xa9\x08N\xda\xe1^\xbaE\xc4\x99VG'</t>
  </si>
  <si>
    <t>b'RI\xf5\xe7\xbax1\x93\xef\x92\xb4\xdc\xb0\xc3\xa7\xa7u{\xc0\xac\xefiY\x9bz\xbd\x9d\xea\x08\xa1\x84\n'</t>
  </si>
  <si>
    <t>b'WO\xa8\t\xbbqb\xf1l\xe0\x99\x05\xb73\xd2f\xc502\x849Y\x14\xd7\x9f\x07\xbb\x85\xadP\xd1f'</t>
  </si>
  <si>
    <t>Free up</t>
  </si>
  <si>
    <t>b'\xfa\xc8@\xc3h\xac\xb4\x11\xbaOUW\xa1?m%\x8c\xbe\xc7\x16im\x83\x0c\xc4\xf8\xab\xaa\x8e\xdd\xffR'</t>
  </si>
  <si>
    <t>b'#\x80[\r\xae\xe3\x19\xa9\x08\xe9Wyj\xbenA\x81\x11\x1a6UZ\xe0\xe2%-\x94m\x1f[$\xaf'</t>
  </si>
  <si>
    <t>b'\xfc\x96\xb6t\xde45%\xd1B\xddb\xb7\xc2\x9a\x08\x97\xd7O\x1e\x95\xc1\xfbA\r\x05\xf4\x9fc^\x04\xac'</t>
  </si>
  <si>
    <t>b"d\x9b\x9b\x95IP\x1a\xf2q\x9b`\x9d\x11*nV\xf1\xb1i\xfaK\xd9\xf2\xa5\x1c\xe92g\x17\xbd'\xdd"</t>
  </si>
  <si>
    <t>Card Refi Loan</t>
  </si>
  <si>
    <t>b'\xa5\xcd\xc0x\x9f\xce\xd4\xa2;\xe8w\xef\x1e\x91\xe1n\xb0\xc7\x13\xe0\xb2D-I\x9dcxm\x0b\xbd&lt;c'</t>
  </si>
  <si>
    <t>Pay off Credit Card Debt</t>
  </si>
  <si>
    <t>b'$\xdf\x84~\xee\x81r&amp;:\xbfe\xe5\xcc`"\xe5e\xb9d\xea\xea\xae\x7f\x10\xc7\xc4)\xd5\xc4*wR'</t>
  </si>
  <si>
    <t>Lending Club loan</t>
  </si>
  <si>
    <t>b"\x0c*\xc4\xb4!\xb0\xfb\xe8\x1cbo\x95\xcb5E{ _j[J\xbbk\xf9E{'\x93\x18\xb2Uz"</t>
  </si>
  <si>
    <t>b'^W?\xef\xc7\xfcTO\x04\x96\x03$r\xfe\xacGW+0\xad\xf8\xcf\xdc\xfed.\xf3?\xd2o\x10\x94'</t>
  </si>
  <si>
    <t>b'\x1f\xbd\x9e\xa4\x92\x0f)H7\x8a\xfb\xca\xec\x9eX[O\x12\x1b\x91\xd6\xcb\xf7w\xae\xefr5\x17{\xd7@'</t>
  </si>
  <si>
    <t>b'=\xa7J2\x8c\xcd\x16M\xf5&amp;\xeb[8\x17\xde\xe4`\xa5\xbcM\x8f2\xe7g\xab\xb8\xaamQ~H\xea'</t>
  </si>
  <si>
    <t>b'\xf8\x05\xc5\xa3\x97m\xea\xa4\xf9E\xe9\xe8\xb3O0\xfe\xd0r\x9d\x1f\x1b\xd2\xec\x83\t"\xbbN\xb3u\xa4c'</t>
  </si>
  <si>
    <t>b'\xb4&amp;l\xdf\x8bY\x83[\xbcbm\x84\xc4\xec]Q\xc4}j&amp;\xaas\xb2\x7fz\n\xf62*\xbc\xa1l'</t>
  </si>
  <si>
    <t>b'Oxu\x9d\xde #v\x15\xd3\xb1\n v\xc9\x8a\x1e\xd8\x88"n)\xffQ\xff\x87\x14s\xac\xe1\xcd\xce'</t>
  </si>
  <si>
    <t>b'\xf4"\xcb\x0f\xa2L\xe9Z\xa3\x8c\xce&amp;\x17\xe0\x92\xa6\x19\xb3\xcf\xf0\xe9\xef`\xc2C\xb7\x84\x9b5\xc0\xd7\xec'</t>
  </si>
  <si>
    <t>b'\x7f\xef\xf7\x84\xd4a\x7f\x98&lt;\x8d\xfe\x8c!\xf8b,\xbe\xab\xad\xf8^+NlG0\x9fRc&gt;\x02\xa8'</t>
  </si>
  <si>
    <t>Inground Pool</t>
  </si>
  <si>
    <t>b"\x06,;H\xa5['\x1b\x05o\x15|\xcf\xf8:Rsce5,\x1c\xe6n\xfd\xd8\x0b\xbc\xe7c\xb3|"</t>
  </si>
  <si>
    <t>Halve the Interest</t>
  </si>
  <si>
    <t>b'p\xbe\x82\x9b\xd8\x0c\x056\xf1cv\x8d#\xf7A5}73\xdd\xd0p\x953\x9f\x15:\xe0\x9a\xfb\xcc\xf3'</t>
  </si>
  <si>
    <t>b'\xea\x08\x11]\x07\x97\x9b+\xff\xfdk\xd2\xe2P\xe6\xb4\xdcK\xcb.\x87a\xc2N#fx\x12\xb6\xac\x1d\xe3'</t>
  </si>
  <si>
    <t>b'\xfc\x92e?\xc7\xaa_\xbc\xe7\xa3tW?a#\xf9\xed\xe8\x01=\xc7UG\x81C\x95O\xe1\x07\xb8\x96\x8c'</t>
  </si>
  <si>
    <t xml:space="preserve">Payoff Credit Cards </t>
  </si>
  <si>
    <t>b'Nv\xc7\\;\xed!\x01\xd9\x88\xd8\x1c\x0ch\xe5\xe0\xd9\x01\x01\x0f\x1di\xd2}\x842\xbfV\x1d\x9d\xdc\xa1'</t>
  </si>
  <si>
    <t>b'16K&gt;j\x9d\xd7\x9c\xcc\xcd\x06r$u\xd8,\xa2\xcb\xfb\xb6\x8b\x04L\x16\x96\\\x08\x8f\xa7\xfc)\xba'</t>
  </si>
  <si>
    <t>b"9%\xd1\x95_H\xda\x1b'\x16\xc9\x8es\xf4\x18\xbc\x01\x10\x1c\x1d\xb1\x8d\xf37\x17\xe2\xbdV\xe0%\xa2/"</t>
  </si>
  <si>
    <t>home repair/consolidate</t>
  </si>
  <si>
    <t>b'\x81\x1e\x83\xe5y\x97\xda\rM\x10\xe5\xdd\xc2}\x8e\xf4\xfb \xfb4\xed\x0f&amp;}\x12\x8d\x19s\x99\xcd}\xee'</t>
  </si>
  <si>
    <t>b'\xf7\xb7\x82\x9a\xf8\x12\xef\x80\xd8Q\xc7e\x99\xe8\x87\xaa\xec\x8a(Bd\x19#|\x18\xde\xc1\x98\x96\xe5\x88\xec'</t>
  </si>
  <si>
    <t>b'\xad\xdfR\xd0\xa3yU\xe4ns\x05ey\x0e\xb9\x02\xc7u;\x0c\xd0\xaf\xae\x0e\x99kKJpYL\xf6'</t>
  </si>
  <si>
    <t>b'R+@]\xb6\x92E\x95E\xb9\x14\xc5\x1d\xb1 F\n\xdbl\x08\x06F\x7f\xf3\xc0\xff\xfd\xf9i\xff\xe3\x19'</t>
  </si>
  <si>
    <t>b'\xb9\x8f\xb8+m\xd49\xf3\x9a+\xe2\xd3z1f\xc2\x11E\xd3\x8e\x91\x03\x8b\x88$\xf6&lt;\x02\xa4L\x06"'</t>
  </si>
  <si>
    <t>Lower Debt amounts</t>
  </si>
  <si>
    <t>b'@*4\xdc\x9c4\xa0C\xa1\x0e\xad\xb6\x8c\xd1\x10\xad\xedd\xe4\x9bM\xecB\x1b;\xb0C\xd6y5\xc5\r'</t>
  </si>
  <si>
    <t>b'Z\x85\xfeO\xa8\xe0\x9e\xe1\xb3$\x95\xe2\xddi\xcd\xce\x05{\x17\xb2d\xd8\xe5\x83\xe8\xcfQ\xaa\xda\xe7.\x12'</t>
  </si>
  <si>
    <t>b'\xa7G#t\xcd\xca\xe0\x8a\x83\xcad\xa8GL\x96X\xa7\xf3\x8a\x97\xe7\x90\x07\xbc\t\x1f:\x12\x19\xf9\xd1/'</t>
  </si>
  <si>
    <t>Refinance - Consolidation</t>
  </si>
  <si>
    <t>b'\xd7\xfa\xb6p\x14O~\x1aqTsyc\x84\x15\xc94\xea\xa5\xcdiy\x01\x0c~,\xa7\xcb\xbd\xa5(\x1e'</t>
  </si>
  <si>
    <t>b"PQ\x98=\xf0nDub\x8d%\x9f\xf2\x07\xee\xab,\xd5h\xda\xbe70$\x91\x85\x99\rU\xc2\xdb'"</t>
  </si>
  <si>
    <t>b'w\xaa*\x11Eo\xff\xa2\xabN\xbeEr\x18c\x84\xd0\xa5R!\x86\xc4\x0b\xb1\xa3/\xbe\xe6\x1f\xc0\xe0\x11'</t>
  </si>
  <si>
    <t>b'=4\xe1!\xad\xff\xda\xdc\xf3\xe1uQ\xa3\xea[\xf2X\x84\x8a\xfe\x1d\xb1\x01P\xea\xa4\xc2&gt;4\xddEU'</t>
  </si>
  <si>
    <t>b'n\x01\x1c\xb1\xd4M@\x16\x0f-\x88\xf0J\x9b\xf0#i\xc0\x8e\x01\xc4\x08~\xc7\xa7\xdf.\x0f\x1d\xf9\xe3\xf0'</t>
  </si>
  <si>
    <t>b"\xd2\xc9\x90\xa8\xd1\x07\xb5\x8d&amp;\x17N''&lt;\xa4\x05\xe1xuw\x87S\xfa\xd4\xeew{\xc7\xe4wIE"</t>
  </si>
  <si>
    <t>b'\x8a\x08\x10\x04\x97p\xf0\x8c\xcf\xc3\x8f\x16\xa2\x00nB|\xb3\x04@\xc1\x0cO\\\x1f\xfb L\xb8o\xb3\x14'</t>
  </si>
  <si>
    <t>b'\x8b/\x83\xee&gt;\xc4\x94\x0f\x8f\x06\xc2\x00\xab\x8a\xd5\xa8\xb9\xbegc\x915\tho\x8d?\xc2\xcc\xc8\x940'</t>
  </si>
  <si>
    <t>b'\xa2\xb1\xd5\x00B`,\xd4\xc4\xa8\x1dI!\xd9\x16\xbdu\xea\xa9\xeb\xb1\xfb\xd4\xd3P.j\xa6\x80\x95~\xe1'</t>
  </si>
  <si>
    <t>b"\x96m@\x04&gt;\x9b\xc2\xa3\x9c'\xaa\xe5\xd0j\x000\xc8\xe9s\t\xe0\xc0n\r\xa4\xfe]\xaa\xa7\xca\xe8\xae"</t>
  </si>
  <si>
    <t>b'\xca2\x1b\x0e\xa3&gt;\xa2\xdcWb\xa4/\x03?~\xe9\xb0$/\x80\x88\xf3Bd\xb3\xa4R\x82o$8y'</t>
  </si>
  <si>
    <t>b'\x19\x0b\x8c\xae\x97\xd2\x19\x02\xd2\xdeKn\xf48"\x02\x9c\xd0\x0f}\xd2\xb9\x99\xafO\x8d\xe1&lt;?\xa5\x05\x89'</t>
  </si>
  <si>
    <t>b"q4T\x1e\xaan\xf2\xe7\xa2\x1c\xfb:UZ\x90/\x1f\xbdE\xe0n\x02'\x13\xd0\xea\xf7\x11\n\xe9\x07G"</t>
  </si>
  <si>
    <t>b'\xdd\xd9\xaf\x8887\x13.\xd6?H&gt;Kr\x08wp\xf8\x1b\xf6\x8b~\x8d\xc9\xec7\x9c~\x93n&gt;z'</t>
  </si>
  <si>
    <t>b'j\xae\x87Hi \x0f_Ti\xdd\xb5\xd6\x01g\r\x94\x07\xd8\xd6\xab\x95)\xa4\xb4\xc3\xe9\xa3A\xb1\xff\xbd'</t>
  </si>
  <si>
    <t>b'\x89\xfd\x9d;\xf6\xdc\x1at\x9e\xcc\x08\x11\xed4\xb4\x1c\xc3\xef\x16\xca\xceL|\x94eF\x8d)\x1a\xe7\xd0w'</t>
  </si>
  <si>
    <t>b"l\xe7z'R\x00\xd0J\xdf\xe6!',\\\xfe\x16\xb3\xe7Q\xb6\xba\x97\xa4*\xe6[U\x17a\x868&gt;"</t>
  </si>
  <si>
    <t>b"\xee\x1b2k{^'\xd6}\x82\x82/g\x08\x05\x02\x1a\x9e'\xc1\xccpw\xb2dp\xa07B{\x97["</t>
  </si>
  <si>
    <t>Fast track to freedom loan.</t>
  </si>
  <si>
    <t>b'\xfb]\xe1m\xb3\n\xef\xe5{3$\x086t\xcc&lt;p?\x86\x7f\xbb\x8cZr\xbb\xd0,\xf0\xd1y\xe3\xeb'</t>
  </si>
  <si>
    <t>b':c\xd5t\xe7\xad\xbf\xad2\x1a;=\xfa\x0c\xc9\x91O\xe6\x18\x99b&amp;\xb4o\x85\xdbh\xa3\x8clj\xaa'</t>
  </si>
  <si>
    <t>Debt Free Is For Me!</t>
  </si>
  <si>
    <t>b'\x8cO\xae\xd0\x16\xe7\xd4\x9dC\x08\xd3m\x9b\x18\xc3\n\x94\x98\x02\xf1\x83\xb2\xec\xd0\xfd\xa1\xd2\xf5\x1aO\x15\x1f'</t>
  </si>
  <si>
    <t>Home Improve &amp; Credit Card Payoff</t>
  </si>
  <si>
    <t>b'0\x85?V\xb5\xe7\xf7Qe\xc8\xe7\xc5\xb8\xca\xa1g\xe3\xafP\xcb~:\x92\xb2i\xbb\x9bI\xd5\x85\xb0\x04'</t>
  </si>
  <si>
    <t>Retiring My Debt</t>
  </si>
  <si>
    <t>b'W\x93D\x08\xe0\xa4\xbb\x853\xd0\xe5\x16\x81\xf8\xd6K\xa1\xc9"1v@J1cY\x9c\xec3\xb3a\xda'</t>
  </si>
  <si>
    <t>b'\xab\xff\xcf\xc8\x05\xaf\xdd\xbaC\x92\xf2\xb9\xc37,\x16\x04&amp;\xdf\x17\x9b\xeb\xe8\x98\x9c\x961\x1d&amp;\x04\xda6'</t>
  </si>
  <si>
    <t>b'\xdb\x8b&gt;\xd1\xe7\xbf\xa0\xdb[]\xcc\xaah\xd5\xc0\xb7@\x18p\xf5\xb1\xec\xa9\x81\xe1\xba^\xa5\xa6R\xc9\x12'</t>
  </si>
  <si>
    <t>Debt Conso;idation</t>
  </si>
  <si>
    <t>b'.\xbf8\x00\xef\xf9%\x8e\xb2F\xa0\'\x98\x17n/s\x05\r\xd4\x18\'\xd39\x98\x8cE\xfd"\x12\xb7\xea'</t>
  </si>
  <si>
    <t>b'\xfd[\x04\xbf\x9f2 \xb1\x86d;\'+\xa6jR"e\x8b\xc95\x81\xcc\x07\xbf{\xf1\x14\x85\r\x89\xb4'</t>
  </si>
  <si>
    <t>b'r\xb6\xe2X\x85W\xfb9Du\x07\xd9\xf8\xc0\xb9\x8c\xce\xf9\xc1u\x92\x05\xd1\xd9\xac\xe2;o\xcc"\x1c\xc6'</t>
  </si>
  <si>
    <t>b'\x06\x96\xaa\xfd\xf7\xcd5\x9ao{\xeee\x94\xc6\r\xa4\x1d\x11\x12\xd7l\xad\xa6\xb5R\x9b\x8e\xdf\x846\xe8\x13'</t>
  </si>
  <si>
    <t>b'\x0b\xb0\xac2\xf9\xf7\xf9D\xa5mu\xc1X\x0eX\xe58\xdd\xef\xf0\x8b\xdf\xe0\xdd\xc5\x03\xfcy\xac\x9eE\\'</t>
  </si>
  <si>
    <t>b'\xcc\x8a\x10a\xbd\x98e\xfd\x08\x10PO\xa4\xa9lv\xe8\xec\x18\xdc\xbf#.\x8b&amp;\xd86\x12\xa5\x8c}m'</t>
  </si>
  <si>
    <t>Lower Rate</t>
  </si>
  <si>
    <t>b"Tm\x9a\xfb\xc3v$$P\xe9\x10ZSXt\xfc\xf0\xda \xb6'\x8b\xf8\xc9\xab\xf1R\xe0\xfe\xe2)J"</t>
  </si>
  <si>
    <t>b'\xb9\xf6\xf1@\xf2\x9d+\xb0\x0f\xbb\x9f7H\x0b\xe4\xe6\x14\xf6\xd0\x91Fn\xec\x0b\xa5\x89\x97\xe8-\xfd\x80F'</t>
  </si>
  <si>
    <t>b'\xbd\x15.\x19\xeb\x00\xbf\xea\xf0\xf9,\x8d1/\x90v\xee\xd6\xb4iLf=\xe4\x06\x06\xe4\x92U\x9d\xef\x0b'</t>
  </si>
  <si>
    <t xml:space="preserve">Help </t>
  </si>
  <si>
    <t>b"\xc6\xc9\x08\x902R'\x99\xc5\xa5\xb4\xd1\xcc\xb2\x1f\xdehI\x9c\xf2\x95\x0c\xf1#\xef}\x9cy/y\xbe\xcb"</t>
  </si>
  <si>
    <t>b'(.\xb5\xe6a\x0bc\xdf\x02\\#\xef\x8cj\xa6)\xe1\x0f,\xdc\xa6\x9d\x87\x98C\x8dO&amp;\xa2)\x13\xe1'</t>
  </si>
  <si>
    <t>Restructure from Slower Paced Budget</t>
  </si>
  <si>
    <t>b'\x01a"\x8fmlsn\xa4\x95\xdb\xa3a\x0eO\xd8- p\x00&gt;\xf9\x027\xcf\xa7"\xcb\x1b\xb9X)'</t>
  </si>
  <si>
    <t>credicard</t>
  </si>
  <si>
    <t>b'\xab\x93\x0e\x81\xf4jN\x0bAe\xd8A\xb0\xd6y\x95\xf3\xfa\x89\x12\x15\x1c\xb2\xc6bz\xadN\x195\x8f\xd4'</t>
  </si>
  <si>
    <t>Payoff my debt</t>
  </si>
  <si>
    <t>b'\xc8\x81\xba\xa2\xf0@_mT@bl!C=\xf2\xf9\x89\xc2S\x875e\x1fC\xfa\xa2h\xdbp\xc6j'</t>
  </si>
  <si>
    <t>b'T\xb6\x05F\xd9$h\xf37WW|\xce\xefx\x88\xf6\x0fv\x8c9\x8d\x8c\x1b\xa7&gt;\xfc\xf4F\xd1\xf9g'</t>
  </si>
  <si>
    <t>b'M\xc3d\x83\xee?\x86\xa9#\x13\xfb-7\x19\xfe.\xa8\xda:\x8eh\xd1&gt;\xf4\xe5Y\xe8\x97~\x8c\xb6\xac'</t>
  </si>
  <si>
    <t>b'\x00\xba\xabT\xea\xf2\xe8\x8a/p\x86F\xa8\x88o\x0fnm\x1c\x1b\xe1B\x0c\xba:\x08Q\xbfl\x82\xd2\x9c'</t>
  </si>
  <si>
    <t>b'\x93\\\xb1\x15\x10\x865\xc7m3\xa5\xdft7N\x01*H7%\xaay\xa7\x95\xb8\x8a)\xdf]\xd5\xac\xde'</t>
  </si>
  <si>
    <t>Medical Bill/Debt Consolidation</t>
  </si>
  <si>
    <t>b'"\xf8\xe4,4\xaf\xb1\xd2)5\xfb\x1d\xedu\xc8\xf5y\xee\xbf\xc7\xdaXy\xbcC\xda\nO\x17\x00\xbd\xeb'</t>
  </si>
  <si>
    <t>b"\x80\xaf\xc65\xed\x9bl\xc6\xab\xa4 5\x7f\xb2\x1a\x08\x12\xbf\xf7\xcaY'\x93\xd9\x01\x92]\x15\x9c\x8b\xea\xb8"</t>
  </si>
  <si>
    <t>Colorado</t>
  </si>
  <si>
    <t>b'\x9a#\x96}.\x1dR\x12\xcdV`@|\xb8\xe3dvx*;`WT\x98.\x16\xe6.\xee\x1f\xac\xd9'</t>
  </si>
  <si>
    <t>Debt consol. loan/ to pay off cards</t>
  </si>
  <si>
    <t>b'\xab\x83?\xd45\xf7g#{&lt;\x94\xaa\x0f:\xf3\x1b)\x87h\x8a\xc3\xe8e\x80\xb1\x12B\xca\xf2\xa6\xbd\xc1'</t>
  </si>
  <si>
    <t>b'\xc27K\xa2w%\xe2d\xf6JF\xa0\xf8od\xf7\xb3\x93\x8cH\x94`G\x1e\x12l-\x90\x10\xd8\xf8U'</t>
  </si>
  <si>
    <t>b'{\xea(\xf0E\x0e\x14\x06I\xe2qj\xb3&lt;%\xc9s]\x0b\xeaQ`BI\xd8\xe6CDgw\x1f_'</t>
  </si>
  <si>
    <t>Free From Bills</t>
  </si>
  <si>
    <t>b's\xe9\xd7\xbd]\xc2T\xdc3\x0f#\xe5\xe4\xa7\xd8\x89\xa6\x9d\xc0Q\x17\xd7\xe5\x0f\x82\x02\x1d\xfc\xafM3\xfa'</t>
  </si>
  <si>
    <t>b'mPH\x80\xbe.\xa3\xffS\x01\x0c\x97\xcd\xfa\x8f\x93T\x1e16\xc6\xedz\x15\xbe\xac\x84\xe0\x9c\x95J#'</t>
  </si>
  <si>
    <t>b'\x81\xbf}\x87\x7f4\xf8\xed\x98\xd5\x1f\xcf\xa4\xbb\xc5\x9e\xf0\x8e\xe5\x19\r\xa2\xb9\xaa \n\xb5\x9a\xe3p|\xa5'</t>
  </si>
  <si>
    <t>my restriction</t>
  </si>
  <si>
    <t>b'ghJM\xf0\x02\xd6%]Z\x0c\xf7l\x91l\r\x9f\xcb|\xdf\xaeq\xd0\xe9\x1aa\xe2\x97\x84ZA\x10'</t>
  </si>
  <si>
    <t xml:space="preserve">Working Captial </t>
  </si>
  <si>
    <t>b'o\x90\xd9.\x02\x91}\x01\xed=\xd0\xe4\xae\x8dj5\tUk\x19[B\xfc\x9b\xc2\x9c\x95\xde\xb1?\x13-'</t>
  </si>
  <si>
    <t>Consol2013</t>
  </si>
  <si>
    <t>b'\x1a\x08?\xdb\rdb#\x9e\xcb^\xc5`J\xc9\x16\x8f\xa1\xfb\x87R\xb6\x08\xf3\xeb\xe7AV\x05\xaf\xe3\xed'</t>
  </si>
  <si>
    <t>Consolidate and pay off all debt</t>
  </si>
  <si>
    <t>b'(\xe6\x98\x8a\xed\xe8\xd4\xd3-\xc9i\xd6\x94w\x8b\x1b\x94e\xb7\x8a&amp;\x96\x99\x00\x8ac\xaf\x88\xf7RS\xdf'</t>
  </si>
  <si>
    <t>b'\x90\x95\xac\x8c:_z\x8f8\x08\xf6o;{\x98\x19\x7fq0\r\xe4\xe1\x8a7\xe3\x98\ny\xe5 \x83\x13'</t>
  </si>
  <si>
    <t>b'\x84\x86@W-9y+X\xfa&gt;\xb6*\xc8t\xc6B/\x1d\xc5M\x8a\xfb\x12\x07\x8b\xc2\xa7\x8c\xe1\x03\x99'</t>
  </si>
  <si>
    <t>b'T~\x8d\xf5\x8d\xa7fN\xcd|#\x8bzn\xfa\xe9\xf5\r\x861\x12U/\xac\xd9\x1c1\x9a&gt;\x83\x89\x93'</t>
  </si>
  <si>
    <t>b"Y\xd1`\x01A'\xe3\xccs\xb7\xc7\x1a\xf3\x1fe\xd3\xc8A\xfb`\xdb\x8e\xc1*\xe3*\xdd\x9ap\x82\xbb\xb1"</t>
  </si>
  <si>
    <t>Credit Card REFI</t>
  </si>
  <si>
    <t>b"\x8fAn\x91k\xec\x8b\xb3\xfba\xac.\x95\xa7\x04\xae\x93\x19'\xbf\xff}+\xc3v\x88\x0fZ\xe9&lt;\x8e\x1c"</t>
  </si>
  <si>
    <t>b'\x1blY\x9d\xc2_5\xd5&amp;\x01Q\xa2^\xe6\x17D\xf9Mw\xea\x93%-\xbbPOd\xa7\xf2\xa0sI'</t>
  </si>
  <si>
    <t>b'S.\x95\xd1\x97!\xb7?\xae;\xec\x89\x1fk\xf2\xf1)n\xfc\xce\xa1\xf2\x9e\x1a\xbe6C\xa9\xa5\xaa\x17\xac'</t>
  </si>
  <si>
    <t>good bye bills</t>
  </si>
  <si>
    <t>b'J\x0f\xd1H\xc47\xc3\xe1\xe8\xefKy\x96\x1e\xce-\xe6\x83\xeb\x8fba~\x00\x15X0\x1d\xcb\xc1\xa6\xac'</t>
  </si>
  <si>
    <t>b"\x88\xe8\xb6\x853d\xee\xbb\xac'47\x0f\x80\x90\x8d{D\xf7\x00\x00\xbf\x19\x90&lt;\x17O8+a\xe5\xb5"</t>
  </si>
  <si>
    <t>b"\xb0\xfb\x9f\x02\xfe\x9f!\xc2\xa1\x84\xa0\xd9'hN\xe9\xed6\x17\xec[\xd7\xf9\xc9|\xc6\x11x\xad\xa6T."</t>
  </si>
  <si>
    <t xml:space="preserve">Final phase of debt consolidation </t>
  </si>
  <si>
    <t>b'\x1eB;r\x95\xaa\x80D\xd4lrh\xed-\xfa\xf9/9\x03\x7f\xebt\x86\xf1\xcc\x81\x06~I6\x86S'</t>
  </si>
  <si>
    <t>b'\xf72R\xee \x1d\x8c`\xc7\x04\xa4\x1e\xffNZ\xa4\xe8X\x9aI\x84\xa4"F\xf2M#\xe5\xb0\x03\'\x98'</t>
  </si>
  <si>
    <t>b"\x00/\xe2s\n6\x11\xfb9\x17\xa0\xaa\xbbt0M\xbc\xb7/\xbc\xcf\x9ct'.\xab\x96\xfa3f\xe8\x1f"</t>
  </si>
  <si>
    <t>b'\xa3\x16-*\xc5\xff\xba\xc7k\xcc\xf5\xd5\x16\xdc\xea/\xa2\xd7\xa6\xff\x03\xf1&amp;\xd9w&amp;\x9a)F\x8d\x80\x8d'</t>
  </si>
  <si>
    <t>b'\x867\x8f\x08\xa0e\x99\xfab\xec[Dp\x12\xe0l\xeaxi\x14\x8fi)\x96\xc0b\xaa\x02\xeb\xd8\x06\xf8'</t>
  </si>
  <si>
    <t>b'o/|\x13\x9b9\x86\xd7\x1cXZ\xbf\xae\x08\xd8\x1a\x88\xf1H\x14\xea\x12\x05\xf58\xb4\x93\x97\xd8\xf2i\x11'</t>
  </si>
  <si>
    <t>b'\x02\x9bd\xc7\x14X\xe7,\xb0\xdf@3\xee\\\xeb\xbf\xc3\xca\xf1(B\xa4@f!)*\xc0\x1e\n\x1e\xf6'</t>
  </si>
  <si>
    <t>Back to Future</t>
  </si>
  <si>
    <t>b"O\xe5\xfc2d\x19\xc9\xf2\r\xd9Z\x93\x02n\xe1\xcd\xb9\xd7:L\x88\xdc\xdb\x06S\x98'\x95\xab+\x19\xb0"</t>
  </si>
  <si>
    <t>Repayment</t>
  </si>
  <si>
    <t>b'\x89K\x94*4*\xeb\xd3\t\xf6\xbb\xe9z\xb4\xc0\xc5g\xfd^\xa6\xec;A\xb4\xd9\x94f\xe7\xc8Af\xde'</t>
  </si>
  <si>
    <t>b'\x9b\x0b\x9c\xa2o%\x84\x1e\xd3\xa4[\xda!\xf2*\xef\xc5\xf2\xb6\x1a\xe7\xa2\x9cgUh\x06\xa4#Q\x86l'</t>
  </si>
  <si>
    <t>b'.\x0e\xae0\x1b\xeb\x93\xbdI\xe6\x9a"\xc7\xaaE\xeaMU\xd2\x92p\x1fd\xa3zu\xbaAQo@h'</t>
  </si>
  <si>
    <t>TRAILER LOAN</t>
  </si>
  <si>
    <t>b'%\x15@\xaf\xe5\xb8\x0e!w\x95\x9a\xcd\x1d\x98\x1ad\xbeck\\\xc2\x83\xa0\x9e\xab\xc9\xb2\xd5\x1ec\x8a3'</t>
  </si>
  <si>
    <t>b'\xf69\x81\xd9\xc0\xe7uk\xa4\x1ft\x96\xf5\x11\xdf.&gt;\xa2\xc4\x87\xea&amp;\xe1\xaeP\x08\rYx\xa4\r\xbd'</t>
  </si>
  <si>
    <t>Consolidation to get boost to 700+ FICO</t>
  </si>
  <si>
    <t>b'\xc9v\x97\x19a\x00J?\xdb\xc6\x1f)\xf5\x92}\xf9\xadP\xae^\xc9\x9f\xbe\xa5\xd2\x1d\xc5\xad\xfb~G\xe7'</t>
  </si>
  <si>
    <t>b'U3\xd2\x15R\x80\xa3\x0f\xcaq\x91z\xabD3\xf51\x8a\x98\xcb\xc9\xb5k@\xb4\xe9\xb3ORm\x03\x96'</t>
  </si>
  <si>
    <t>b'\xa9RPM4p#\xb8\x9aS\x1d\xe1\x8f\x1f\x91FL?\xe6\x04\x9a\xe2\xe9\xfac\x95rf\x06f\x90\x1c'</t>
  </si>
  <si>
    <t>b'\x92gBe\xf7t\xbaX\x84\xf1&amp;\x97:\x92\xed\x1a\xd4\xda7H\xfc\xc1?\xed\xa7\xf6\xf9\xe3\x99\x1a7G'</t>
  </si>
  <si>
    <t>b'1G\x94\xa4\xfb\xd2\x7f\n\xe2D%\x00H\x95L\xb9uaf|c\x06\t.\xe5\x07\xb0\xf5d\xd8\t\x0e'</t>
  </si>
  <si>
    <t xml:space="preserve">Simple Home Improvement </t>
  </si>
  <si>
    <t>b'\xff\xac\x9f7%zpZW:.\x1aG\xefz&gt;\x08\xda~\x1aRy\xa0\xc2\x81m\x8d\xady\x8d\xa8\xa6'</t>
  </si>
  <si>
    <t>b'\x8a\xc9\xd9\x9fF&amp;\x01R\x88\xd7\x86a\xbdf\xac&amp;e\xe9\x8e\x8av\x13\xb8,\xd2F\xea\x9e,\x05\x9b\xf5'</t>
  </si>
  <si>
    <t>b'\x1cF\xcf\x05\x98\xaf\xa1\x8c-\xc8B\x8f\xbb\x08\xda\x92\xcf@\xaav\xb1\x94\xf6\xca]\xa4\xc6\x118\x85\xe4\xc1'</t>
  </si>
  <si>
    <t>b'?\x01p5-\xe4y\x10\xfb\x1ew|N9wj3\x0e\xde\xe1\xe4\xf3\x98\xbap\x0f\xe4\xe0\xe8\xddn\xd1'</t>
  </si>
  <si>
    <t>b'\xfeCD\x19\xa9*-h\x1a\x85ES\xfa\x1ar5\xe1\xf7I\x96\x87\xd9(\xe2\xa9\xc9\x0ea\xaf%\xdf\x99'</t>
  </si>
  <si>
    <t>b'\xb7\x15\xdf\x16\x90\xad\xd0?\x99"\xdf\xa1\xaf\x9b\xfc\xf8\xf1\xab\x18\x15\xa0\x0b\xddi\x8c\xa0\xb3\x1bO\xcb4\xd8'</t>
  </si>
  <si>
    <t>Kitchen Counter top must...</t>
  </si>
  <si>
    <t>b'\xdaI\x05\xac\x88\x03*\x18V9]\xd7\x81\x87\xcd\xcf\x1e\n@JM\x91\xc3\xf9\t\xd8\xc2\xdc9N\x87y'</t>
  </si>
  <si>
    <t>b"\xd4\xebx\xf8\xab\xfc\x94\x03\x90D\t\xd7\xae\x9a.\xc2\xc2\xdb/\xa5\x01\xe7'n\x96\xde|\xea0#\xc3\xa8"</t>
  </si>
  <si>
    <t>Finish My Basement</t>
  </si>
  <si>
    <t>b'N\xe9"\x91\xc6\x98\x98\xa0\x12}\x9d\x0c\x1f\x86\xfb*\xc2\x8f\xc3\xfc\x8dw\xc2\xe4\x965H.\xcf\tb\xad'</t>
  </si>
  <si>
    <t>b'\xb15F\x97O\xa4\x03\xa2\xfe\xd0\xd9)C/ E\xado\xba\x10i\x16F\xfbW\x9d\xd9\x85\xbed8\t'</t>
  </si>
  <si>
    <t>Consolation</t>
  </si>
  <si>
    <t>b'f\xafz.=\xe5\x15S\xd7\xfd\xf6\xc5\x1fF\xff4\xb9\x02\x96\xba\xed!\xe8n\xd2\xd2\xd6i:{\xd1\xa5'</t>
  </si>
  <si>
    <t>b'\xa5R!i\xa5\xf7\xe1\x80&gt;\x98:\xad\xe4,M\x10\xe3\xa9\xba\xff*^\xb6\t\x10\xfd\x03\x19\xa3\\\xbe#'</t>
  </si>
  <si>
    <t>b'\x11\x985\xf7X\x80a\x17\x1em\xd9D\xab}v0\xe3\x11@\x8d\xaf\x8b\x1e\xf5\x9f\xfa\xcf\x19\xadK\xbaX'</t>
  </si>
  <si>
    <t>b"\xaa]\xe0\x03\xb1^\xda\xbd\xd1\x0b\xb7\xf3\xe6\xfc8\xae \x08\xef\xc6p\xbf6\x93\xe1'\x05\xda\x15&lt;\\\xee"</t>
  </si>
  <si>
    <t>My small loan</t>
  </si>
  <si>
    <t>b'^\xbc\x8ag)G\x195^\x92\xb3\xa76\xfbo\xdf\xe8H\xd1\x96\xfe\x86\xd2\x01,^\xd0\x8f\xfa\x8bc\x80'</t>
  </si>
  <si>
    <t>b"\xac\x0ec\xe2$\xca\xd1\x10M%Kf\x91\x10}\xd2\xd1\x1fr\xaaq\x83'\x03\xcd\xa31\x82\xd9\x93\xc85"</t>
  </si>
  <si>
    <t>b'\x9a\xb2\x08\xc1\xd5i\xc9\x13\xdaX\xe3\xe7\x1e\xaa&gt;\x06\xe7m\xad\xb51\x89\xd0\x1ec\x00\x07\x02\xf6V\xab\xda'</t>
  </si>
  <si>
    <t>Self</t>
  </si>
  <si>
    <t>b'w\xa3\xce\xf5\xaf\x8e$\xb4\xc9\xf5Z\x91\xddv\xe1&amp;{\x1c\xa5\xe4\xf2A\xd6/p\xe4\xc5\x97uI\x10\x93'</t>
  </si>
  <si>
    <t>b"\xf9\xb7\xd5$SH\xcb\x13A.\xb3C\xc6\xe8\x83\xccj69\xe3\xc7\xcf\xf2r\xf8 8\n*\x15\xf8'"</t>
  </si>
  <si>
    <t>b'\x18)\xc9\x10_\x9d]\x99\xe6\x16:\x7f\xa1\xb1\xf5w.-\x8f\xf6R!6\xd5\xbb\xcdQ7a\x9dgV'</t>
  </si>
  <si>
    <t xml:space="preserve">pay off </t>
  </si>
  <si>
    <t>b'O\xbe\x16\xb3\xf0q\xaan}T\xc7@\xa2&amp;\x04p\xa4\xa3\xf7\xdf3\xe5\xdb\x07\x06\xba\xed\x06&lt;o\xaad'</t>
  </si>
  <si>
    <t>House</t>
  </si>
  <si>
    <t>b'\xcd|(Q\x8a\xfb\x026I\xf1{[\x04\x93w`\x1f\xdeE\x9b\xd8\xbe\xe2\x98\x14a3oFo\xc7\x1c'</t>
  </si>
  <si>
    <t>b'|\x89\x98\x88NZ\r\xfbT\x8ea?O\xe1\xf8\xe2\xfd\x90\tk\xddvs\xec\x86\x00\xc9\xe4*M\x06|'</t>
  </si>
  <si>
    <t>Honest</t>
  </si>
  <si>
    <t>b'K\x91\xb4M$\x7fL\xfc\x83\x16H\xd9\xf1\xb9\x80\xbb\xaa\x00\xb1\x02\x90\xf8\x91FR\xdcj\x06\xf0\xf5v\x0c'</t>
  </si>
  <si>
    <t>b'ww\x19\xf3\x87@\xe5\x01&lt;D\x84\x03NL\xe2\xd7\xf8\xb3\x94\xbd\xf5\xb1RJ\x01h\xde\x07\xd0\x05\xdd\xaa'</t>
  </si>
  <si>
    <t>First-time homeowner needs a loan</t>
  </si>
  <si>
    <t>b'\x00\x00^RE\xb6B;\x9a-\x94\xd8\xe4\xdaB\x11\xfcx\x80\xc4kX\xf6\x85x\x92y3\x84\xb2}\xc4'</t>
  </si>
  <si>
    <t>b']\xc4\x00\x86\x07\xcf\xd5\x1d\xeb7\x93\xfe/\x9a\t~\xe7\x83\xfa\x96\xee\xb1\x8d\xa528W\xc1\xfb\x0c\xc1y'</t>
  </si>
  <si>
    <t>b'\xe8\x92\x8d\xd8\x93\xd4\xb8d\xde[\xaf\xb1\xbc\x15\x1f+8~;\xb1\xea}\x96\x13y\xa4\xf8\x04\xc7\x1e\x8d\n'</t>
  </si>
  <si>
    <t>b'\x1b\xe6\xa4\xf3\xb0f\x9c@\x16_\x81I\x05\xbb4"&gt;4IWO]\xb9\xecx\xe6&lt;X\xc6\xf5\xbb\x08'</t>
  </si>
  <si>
    <t>Free in deed</t>
  </si>
  <si>
    <t>b'Z}]\xe8\x12\xdc\x89\x94B\xe2A\xa4\xbf\xa9\xde$S\xd4\xcb\xa2\x1ccQ\xca}\xf0\xd2\x80\xfb\n\x1cT'</t>
  </si>
  <si>
    <t>b'\x83LGfIG\xbe\xe3\x05i\xe6%\x10\x1d\xfa\xf3|\xb9Gm}\x83\xf6\xa1"\x93:\xca4\xea\xec\xa0'</t>
  </si>
  <si>
    <t>college</t>
  </si>
  <si>
    <t>b'\x1f\xd1\x9bOb\xd0\xcdPFm\xf8\x92\xbdn\x8fN&lt;\x19p\xff\r\x8dW\xc8\x9e\xbfO\xc6\xb6{[D'</t>
  </si>
  <si>
    <t>Pay off Juniper</t>
  </si>
  <si>
    <t>b'\xac\xfb\xf4 \x7f\x97\x19s`\xe4\xb5X\x7f\xe3\\6\xb2y\x0eo6sfw}\x1fK,\x16\xa3X\xd5'</t>
  </si>
  <si>
    <t>b"\xc4\xbbo\x94\xaaF\x1e\xb2\x83Ee\xdag\x00'1\xea\xa0\xaf\x123\xb3\xcd\x1a\xe8\xf8.\x0eA\x99\x91;"</t>
  </si>
  <si>
    <t>Advertising</t>
  </si>
  <si>
    <t>b'\xc3d\xf3\xe3\xbd&lt;\x8c7b\xcf\xee`\x99i\x18\x9e\xfc\x0e\xab\xee\xbd/Q\xdc+z\xe0g\x92\xa9\x98\x95'</t>
  </si>
  <si>
    <t>b'\xb5\x89\xe7=)\x10\xad\x87\xcc\xb8_\x89\xff\xb7\xc3\xb7\xa2\xb2}\x94}\x7f\x05F!\x82~6\xdd\x93@\xbb'</t>
  </si>
  <si>
    <t>b"\x0e3\x82'\xa5KD|&gt;\x8ak'q,\x02\x1d\x9b\x94\xf9\x1e\xfb\xfc\xaf\x84#\xa93\x94\xcc&gt;\x95\xbb"</t>
  </si>
  <si>
    <t>b'S\x0f\x1du@\x85\xe0B\xd0\xbb\xe7nw\xb4\x0br\x1f\xc2\x10\xf6\xb0\xec9&amp;)\xf6\xf0\xe1\xf7l\x15\x81'</t>
  </si>
  <si>
    <t>b';\xcai\xbf\x9e\xca\xdc\xa5.u8\x81\xc3R.[P$ \xbdY\xd3P\xae\xa1/6\xfa\xc6\xa3]\xb7'</t>
  </si>
  <si>
    <t xml:space="preserve">new items for home and consolidation </t>
  </si>
  <si>
    <t>b'B\x9e\xbf(8|\x9f\x7f\x1c\xb1\x9aHynm\xba-\tqb\xbe\xeaBD\xd4\x99\x99\r?\xea\x07;'</t>
  </si>
  <si>
    <t>b'E\x00L\xac\xba$\xbdh\xb2u\xf7&lt;\xa4\x83\xc5k\xc0\xda\xf3&amp;\x7f\n\xd7\xea\xae\xd4\xb1?6\x80\x1eP'</t>
  </si>
  <si>
    <t>debt conso</t>
  </si>
  <si>
    <t>b'\xab&gt;\x80e\xaa/2zeV-N\xc0\xd87|/\xaa\x84\x02\x1c\x16A\x02[R\x1d\x1c\x1e\xd4\xd4\x17'</t>
  </si>
  <si>
    <t>Credit Refinancing Loan</t>
  </si>
  <si>
    <t>b'S\xedH\x9c\x08r(+\xc3!kt7\xb9\x85\xa4=\x8d\x19\xf6\xbe?\xdd\x9c\x12q)x5Sy\x90'</t>
  </si>
  <si>
    <t>Rise to Honor</t>
  </si>
  <si>
    <t>b'~~\xca\x05\x176\xdb\xde\xa8`\xb7\xcc\x88:jpM\xb9\x16\xc1\x0cw\xd7\xe2\x8e\x12\xf81\x8e\x92\xb3)'</t>
  </si>
  <si>
    <t>b'\x15a\xd1\xf6n\xdc\xc8b\xee5h\xb0\xc8\x7f\x87\xbd\xc5/\xc0\x7f\xee\x00\xaa\x8b\xe4\xcf\xa4Fi\xcb\x80\xa4'</t>
  </si>
  <si>
    <t>b'-qC68X|\x1f\x19\xb1\x9c\x97FMh\x05d\xf7X\xac\x1d\x14\xa1\\\xc6\x91\xcc8~@\x00\xf6'</t>
  </si>
  <si>
    <t>GetAhead</t>
  </si>
  <si>
    <t>b'%\xc8\xf4+\xe1"\xa3\x17\xab\xbf\xe4\x9cm%\x19s\xbe\xabx\x11+\x19\x1b\xad\xad\x8d\xad\x89\xdc\xe6\xda\\'</t>
  </si>
  <si>
    <t>Refinance Credit Cards before Engagement</t>
  </si>
  <si>
    <t>b'W\x92R\x88]\x84\xc0\t:6s\xca\x1e\x1f\xd9p\xf2&gt;3\xcc\xe6\x89+oQ\xcd`n\xb8y\x94e'</t>
  </si>
  <si>
    <t xml:space="preserve">medical expenses </t>
  </si>
  <si>
    <t>b'(\x15\xff)m\x1b\x80\xd0\\pN\x1f\xa3Xi{\x01P\xc1\x9f\xdf\x0e=\x99b\rEj\xb4,\x0f\xab'</t>
  </si>
  <si>
    <t>b' \x97b\xe9\\$\xeaE\\B\x84\xee\xaa\x84\xf2#\xbb\x93[\xf3\xfb!\xfaB\xc2\xc2\xf5;\xb3\xbd\xfc\x02'</t>
  </si>
  <si>
    <t>b'\xa5\xa1\x9f\xb9\x96&lt;\xfb\x08e\x8d\xd0\x8a_\xae\x8d\xeb\xcd\x99\x8e1\x9fd\xc2,\xfa\x05$\xd6\xdark\x1d'</t>
  </si>
  <si>
    <t>b'\xdb\x1a2\xa5\xd6;\xb0\xbb\x8e\xc1\x0b\\\xf6\x0e\xc3H"\xa4\xcb\xea$\xd0b, \x93\xbc\xc7\x05\x98\x89\xe2'</t>
  </si>
  <si>
    <t>b'\xd3Hc}\xa2N\xf5\x99\xc3h\xaaF\xcf\x07\x9c\xfbK_\x9b\xec\xe0a\x1e}\xcfX\xc0&gt;\xe5\x9f\x90\x06'</t>
  </si>
  <si>
    <t>b'\xab\xa8\xc3\t\x02\x02\xca\x1c6(]\x80V\x7f#\xf1\x19\xe1\xd7\xcb&amp;G\xd8\x13E\xd2\x96\xe5R|)\x81'</t>
  </si>
  <si>
    <t xml:space="preserve">lower interest </t>
  </si>
  <si>
    <t>b'\xa6&amp;\xa4\xbd\xd6\xb1\x90\xa3u8o\xa1\xcc\xa2\x8aT;iQ,\xb7\x93\xdc\x82w\x04\x1c\x02S\x06\xed\x9d'</t>
  </si>
  <si>
    <t>b'SB\xe4Q\xac\xb8\x06\x9f\x0eV\xfe6\x05\xc3\xc0;\x18\xcd\xfd\xc72\xb9&gt;P\xd9\x1f{\xdeKa\xe7e'</t>
  </si>
  <si>
    <t>Home improvement post new baby</t>
  </si>
  <si>
    <t>b"\xde-'\x888A\xdd\xf3u\xbc\xadZ\n\xe3Fe\x1d'\xdf\x04\xff\x90\x11kRW6j\xffx\xdd\xed"</t>
  </si>
  <si>
    <t>b'&amp;+\xf2qR\x1f\x97%\xde0\xd6\xefL-%\xe7\xdd\x1a\xcc\xcd\re\x92(\x9c&lt;_5\x04\x8fuL'</t>
  </si>
  <si>
    <t>b'PL\xfc\xde\xc1x)P\x1f\x81d\xe5\xe9\x00\t\x19\xe6\xe5\xea\xd4{\xd7\xdf\xaa\xfe\xcf\x8f\xac.^\x8a\xd0'</t>
  </si>
  <si>
    <t>b'\xd8\xd0Cp\xe7\xb7\x1d\xb8\x0e\x8ew\xeb/\x88\xecW_\xbd`\x8b\x95\xa4\xc9YF\x98x\xc1\xbfRK\xd7'</t>
  </si>
  <si>
    <t>Two birds with one stone</t>
  </si>
  <si>
    <t>b'\x82\xaf\x02;\xdb\x19\xb9\xc6Y\xb9.&amp;~\xeb\xb8\x8f\xa6\xf5V\xb6\x05\x97\xdf\xfb\xfb\xb5&lt;7|\xc0\xef\x14'</t>
  </si>
  <si>
    <t>Our Healthy Vending Biz is Growing!!!</t>
  </si>
  <si>
    <t>b'\xf8\xf5,D6+\xeak\xa62\xd3AE\xf1\x91\xc9)\xb51\xf0-&lt;\xb0&gt;d\xa1\xd7\x85\xd9@\xb5\x02'</t>
  </si>
  <si>
    <t>b'\xb4\xb4\xc37\x12\xff\xcb\x07&lt;\xbcR\xc1\xa9\xb5\xfe\x96T\xa0\xd6\x91~\\\r3\t5\xc7\xaaU5\x0c\x18'</t>
  </si>
  <si>
    <t>b'e\xc01\x1am-\xb9\xf7\xf6\xfc\xea\x0c\xf1$7\xe9\xca67rf\x18@A\xfczwo\xb7\x15\xe9\xa6'</t>
  </si>
  <si>
    <t>b'\xfc!\xa9\xda\xa2,\xdfWL\x0c\x03\xb0\x00\xd2\xd0\xbb\x9d9R0~\x1c\xf8\x8eN\xe3\xd2\xfc3\xccj\xed'</t>
  </si>
  <si>
    <t>beautiful</t>
  </si>
  <si>
    <t>b'IA\xeb\xfcO\x0f&lt;M\x1d9.o\x9d\xf2\x15_&gt;\x84|7\xbd\x9d\xd13\xb1.q\xca\xd9\xdfk\xfe'</t>
  </si>
  <si>
    <t>b'\xb6\xa5E\xae\x17vN\xae\xce\x02h\xc7_\x9e=\xeflg\x7f\xd7b-\xa9\x00\xfb\x19\x17\xf4\x05"L5'</t>
  </si>
  <si>
    <t>b'\x8c46\xab\x863w\xe2E\x97lF\xdb\xdd\x84\x9a\x87\xe4\x8e2n\xb4\x83\x1d\xb2O\x8b\x94\x1d\xce\xc2\xbd'</t>
  </si>
  <si>
    <t>Home Improvement Project(s)</t>
  </si>
  <si>
    <t>b'\xd3\xe2\x80&lt;Z\xf5g$\xe3..\x11*\xdc\xfb\xd2\xa1\xc4\xaa\xe8\x93Z\xed\xbfE\x8c\xf4\x14\xc7\x96x\n'</t>
  </si>
  <si>
    <t>b'\xcc{\xc9o\x9e]\x7f~HB\xf7!\x8eu\x8e3\xb4\xa7\xff\xac~:\x1b\xa4\x82\x91Js\x17a\xf7\x1b'</t>
  </si>
  <si>
    <t>Refinance Loan for Credit Cards</t>
  </si>
  <si>
    <t>b's\xa9\x9a\xb9\x1b\xd41^#\xbc\x81_\x94d\xa4\x14\x02\xcfYt\xda\xe9\xd5G\x8b\x90\x9f?\xdd\x96\xc2i'</t>
  </si>
  <si>
    <t>b'q\x1dd\xb7,\xcb\x99\xffF\x9d\x01\x19\xe4\x13\x96C\x8e\xbe\xady\xc8mf\xf8\x84\x7f!\xcb\xd53Q\x06'</t>
  </si>
  <si>
    <t>b'P4VR6\xad\x03C\x94\x18\xc6G\xae\xd9\xa4{i\xcc9&amp;\xc8\xf9u\x8b\xd5\xb6\xfc\x1d\xd5[?\xb1'</t>
  </si>
  <si>
    <t>b'\xdd\xdc\xa3\xd8\xc3q4`x\xd6(\xa9\x8c\x12$\xab\r\x0fb\x87\nP&amp;\xf6e\xc5\x90\xbf\x8aJ\xbc\xb9'</t>
  </si>
  <si>
    <t>b'\xe5a\xf6\xa1\xd9\xe6\xd6\xf4K \x8c\x8a\x06\x7f@\x05\xeeF\xdf#\x10\x15\xd8\x06\xb6\xc5x\xf7\x1f\x87\xc7p'</t>
  </si>
  <si>
    <t>b'\x88\xe7DQ\x07\x94\xb4\x03\x08\xbd\x85\x88\x08\xa7=\xe6\xdb\xacjIM\xb2\xd9k|\x18\x17d\xf9)\x99`'</t>
  </si>
  <si>
    <t>Clean Slate</t>
  </si>
  <si>
    <t>b'\xfb=d\xa0\xa21\nT\xac$\x8b\xb3[\xed\x8e\xbcB\x19E@\xdalq\x94\x96\xf1\xf0\xe0\xac\xc2\xb2F'</t>
  </si>
  <si>
    <t>b'\x85\xc9\x87\xbf\x92 d\\^\xc1w\x82C\x0f2M4\xf7\\\xdd\x8a\xf1\xf0QG\xf1\x08\xb84\xd0m\xcb'</t>
  </si>
  <si>
    <t>b'&lt;M\x95\x19T\xb5\xbc\x97\x89q]$\xfb\x820\x0e\xc8l\xffa\t\xcb\xde\x82\x16\x9e\x9cy\x99\xb7:\x85'</t>
  </si>
  <si>
    <t>Moving Expense</t>
  </si>
  <si>
    <t>b'\xcf\xc6\x19\xd5\x9b_@K6-\xb0\xa6[m\x89e\x8c[\xfb\xf2\x87\xbfZ\x8c\xbdi\xcc\xa7Nk\xc7a'</t>
  </si>
  <si>
    <t>lending loan</t>
  </si>
  <si>
    <t>b'\x95\xeaa.\xf1\xcd\x11\xbb\x99\xc7{g\x82\x86\x83\x81\xc64v|=_\xf9\xfe\xe6\xa3\x04\xc9\xb568\x95'</t>
  </si>
  <si>
    <t>b'\xe2\xb2\xe8q\xae\x84\xf5xi\x01&lt;M\xda\xdff\xb1~\xfbT\xc8[%\xe1\xd1\x90-U3B\xa0k\x84'</t>
  </si>
  <si>
    <t>b'\x0c\x13\xbbS\x10AY\xcd\r\tJ\x83\xa5\x7f\x96\xdf\x0c\x87cn\xc4\xeb\xf9\xc9\xef|\xb3\xe2{\xc1\xd9\xd0'</t>
  </si>
  <si>
    <t>b'\xf66\x92\xa8\xcek\xca\x7f$F\x0b7AW\x15\xd5)\xc05\xe0\xb9\xff\xb0n*\x9a\x87\x90]\xff?\xc0'</t>
  </si>
  <si>
    <t>b'n\xa8\xd8\xfc\x14\xacJ&gt;#\x0b\x1ft\x86F\x0f\xbf\x130&lt;%\xbf\xd8\x8c{SK\xdd\x12\xe38&amp;\xc1'</t>
  </si>
  <si>
    <t>Back On Track Loan</t>
  </si>
  <si>
    <t>b'b_^\x9cS\xbdpV\xe3\xa1\x89\xa0R\x91\xb6X\xaeKyH\x9b\xaf\xfd\x8a\xb2p\xd8\xc7\xc1\xad\xb4l'</t>
  </si>
  <si>
    <t>first one</t>
  </si>
  <si>
    <t>b'Uh{\xe3\xa9\xef\x90\xe0\xcc\x14Y\xfeV_\x88\xcb}\x88 N\xd0pv\xc9l\xd1\x96\xba\xc7-\x15='</t>
  </si>
  <si>
    <t>Credit Cards Refinance Loan</t>
  </si>
  <si>
    <t>b'\t\xb9h\x19&lt;u\x06f8\x84&amp;\x12c\xee\x1c\xce\x1c\x03\x8d\xf0\x0c(\xed8]\xa6\x02^}\xa4J\xf8'</t>
  </si>
  <si>
    <t>Right Track II</t>
  </si>
  <si>
    <t>b"%\x91\xfa\xee\\k\x83E\xb2\x11\xc9'\xa3\xefos%\x06\x0f\xf1\x95\xa7\x90\xc5\x84)\x01\x8a\x11\xe13\x12"</t>
  </si>
  <si>
    <t>b'\xf11U\x10W\xc2\xb6s\x19\'|&gt;\xb1\xe5\xe0\x00\x9e\x8e\x03\x08!CyBt8!"\t\x91(\xca'</t>
  </si>
  <si>
    <t>b'\xdd&amp;n\x98\xef\xa9\x9aP\\\xce!\x04p!\x19B\xa7T2\xe4\x96\x84\xfdH\xd7R`q\xf2\xc0A\xa7'</t>
  </si>
  <si>
    <t>b'\x11e\x0f\xcd\x0f\x82\xd3[\x0c\xc9\x1d\xbbj\xa3\x11\xf5\x95fi\xeeX\xbbi\xb3x\x01\xc5\xd9O{\xe0$'</t>
  </si>
  <si>
    <t>Money to Lend</t>
  </si>
  <si>
    <t>b"&lt;\xc9X\xaf\xb7\x8f\x90\xe3m\xe6%V8\x96\x80\xda\xe5\xfaX\xe4\x81\x95kt\x08\x13'=}1\xdb\xf4"</t>
  </si>
  <si>
    <t>b"\xa9\xcb\x01q*\xf2\xc4\xcd\xb4\x87'a\r\xbdT,\x10\t\x1f\xc1\xf4\xa8o\xa1\xd4\xe2%\x1b\xb7\xcaep"</t>
  </si>
  <si>
    <t>Fix it once</t>
  </si>
  <si>
    <t>b'~\xa8\xb0\xae\x82&amp;z\x1a\x9a\xb7\xfe\xc6\xde4\x97`\x9em\xb0\x02\xdb\xf3\xdf\x8a\x95\xe8\xb48\x08\xf2\xfaW'</t>
  </si>
  <si>
    <t>debt consalidate</t>
  </si>
  <si>
    <t>b'\x7f\x8e\xc1\xcaJ/+\xd7\x1aW\x14\x08~:6\x84\xfd\xcb\x1b\x16\x90J\xeb\x84Pl\xa0l\xbc\xc7\xba\xb8'</t>
  </si>
  <si>
    <t>b"\xf2S\xd4\xb5\x94\xc4\xbb'\xc8\xbeN\x8b\xd4\xe3\xa1\x87N\xd5\xfb=\xdb\x91A+qi\x8f\xa1z\x16,*"</t>
  </si>
  <si>
    <t>old house</t>
  </si>
  <si>
    <t>b'\x14b\x99\xfa\xeaIyiQ*\xea$\xca\xbb\x87\x88\xb7\x87ET\x06\x95\xfdOu\xe2r\x96\xfd\xbds\xa2'</t>
  </si>
  <si>
    <t>b'D+,\xa3m\x8a\xa8\x89\xb0\x92\xbe\xa1e\x89.f\xc2\x01q\xd4C\x07\xb8\x86\xf0\x00\xf0\x8f+\x96.\xe2'</t>
  </si>
  <si>
    <t>Credit cards/apartment</t>
  </si>
  <si>
    <t>b'a\x95"\xef&lt;\xc6\x89\xb5h#Zp\x93&amp;j\x9a\x93\x14\xfc\x13\xcd\x8c\x0f\x0c\xcep\x1b\x86\xdc\xc5\x98"'</t>
  </si>
  <si>
    <t>b'\xe6\x91\xe5\xfa\xe1\xc6\xc9\x88\x13\xc0\x8b1\xad\x98\xef*\x94n\x08\xdf%kp3\x88\x17;\xca\xb7\xc6\xe0C'</t>
  </si>
  <si>
    <t>b'\x92wp\xfa_(0i(\xb4p}\x81\xef\xc60AD\xae+\xf5\x06\xda\xf8\x01#\x92\x87\x88\xec\x9b8'</t>
  </si>
  <si>
    <t xml:space="preserve">Loan </t>
  </si>
  <si>
    <t>b'\x8a\xbb\xc1\xa8s\xaf\xe6\xac\xfa\xd3t\xa8z\x00\xf2\xd3W\x18\xa7\x8d\xbfm\x0c\xdc\xa7\xf5\xd5\xbaL\xd6\x03.'</t>
  </si>
  <si>
    <t>b'5\xa6W\x7fo\xe5\xecG)\xe7f\x07\xac:\xffk\xc4\xa0\xfd\xbd8\xf2K\xb9\xe3\xdeU@\x99bMF'</t>
  </si>
  <si>
    <t>DEBT CONSOL.</t>
  </si>
  <si>
    <t>b'\xdb\xd4\x08\xe6C\xe6{\x01GH\xb8h\xb9g\x8c*\xe7 8\n\x00\xbc\x9c\x00#G\x82\x7f.\xe44v'</t>
  </si>
  <si>
    <t>b'td\x10\x1b\x96h=&amp;\x88\xda\x91,\xa7\xcf\xe9S&lt;/\x88\x01\xf9\xb7B\xe2&lt;:\x1a\x8d&lt;\xb5]w'</t>
  </si>
  <si>
    <t>b'\x82T\x12\x9a\xedT\x1f\x1c\xf0*\xacZ\xc0\x14\xdbv\xfa\x08\xb7@\xf7Q#+\xe3n_\xce(8E\xb2'</t>
  </si>
  <si>
    <t>b'\xaf\xb7\x91jE){\xb3\x94zx\xed\xf9\xb4f\x87\x84\xc9\x9c\xabP\tv\r;\x14j\xe7[\x8f\xfa\xb1'</t>
  </si>
  <si>
    <t>b'\x16#\x91\xdcJsj\xa3|1)\xe8\x8ay\x8e2\x88u\nN\x0e\xd5\x16\xe8\xba\x1c?\xddH\x11\x0f\xc2'</t>
  </si>
  <si>
    <t>CC Loans</t>
  </si>
  <si>
    <t>b'\x83\xfaU\xa1\xe8&amp;\xa2\xaa9\x19\xd4:\xa9\x0f\x8c\x08\xd7\xfa\xb9\x16h n\xbf\xfa6\x8b\xc9\xe7\x0fVi'</t>
  </si>
  <si>
    <t>b's\x13x\xe4\xa6\xed\xaau\x02\xb0\xe2\xa9xG"Gs\xdd\xeaZ*"H\xee\x18\xcf\x0c\x87b;\x17W'</t>
  </si>
  <si>
    <t>b"\xbc\xd6c\xd8\xd8O\xb9\xb4\x8b\x88\xf5\x8e')\x80\x91\xb5\xfb\xe7\x0e\xfcT\xe9Jv&gt;U$k\xb6\xcf\x0b"</t>
  </si>
  <si>
    <t>b'\x85\n2\xf7\xc7\xfb\x0f\xff\x98\x8c\x1b\x8dl\xda\xe0\x8e\xd7\xe6z\xdf\xe8\xff\xa4z\x98\xae\x04\x99^&amp;\x1a\xc1'</t>
  </si>
  <si>
    <t>b'\x08\xf2\x08\x9e\xdeC\x8f\xe8u\xdfK\x0b\xebQ\x98\x9e\xc3\x98\x17\x08\t\xd0\x87\xf9;;\xbfH\x92E\xe5\xeb'</t>
  </si>
  <si>
    <t>Get Out of Debt Faster</t>
  </si>
  <si>
    <t>b'\xc2O\xa0,\x86\xd2\xdaL\x1a\x83\xc6\x08\xe0,=\xcd\xf4_\xec\xc7\xf1\x98\xdf%\xcc0\xddpPb\x0eP'</t>
  </si>
  <si>
    <t>purchasing a cab</t>
  </si>
  <si>
    <t>b'\xf8\x83\xcd\x0b\xdb\x90\xecS\xe5\xebd\xa1\xf5p\xf9owY\x03k\xfdr\xe9\xb9B\x82\xad\x1b\xcb?\xe9\xc1'</t>
  </si>
  <si>
    <t>Dept Conssolidate</t>
  </si>
  <si>
    <t>b']\x19\x9cZ\x05\x06\xe7PH\x86\x0fwN`OY\xa5m\x0e\xa84\xc0\x0b\xd5\xe8V\xceWm\xc8\xcd\xc4'</t>
  </si>
  <si>
    <t>Wells Fargo CC payoff</t>
  </si>
  <si>
    <t>b'\t\x94\xfdZ\xceY\xc6VK\x7f\xdd~\x9b`bU\xd0\x83\x86\xd8\x9563\xa2S&lt;|\xa0\xe6\r\x17\xfd'</t>
  </si>
  <si>
    <t>b'$\x96n\xe9\x0b)\x00\x92\xe7\x7f`\xa3\xcf\xddnK\x89H$\x1d\xaf\x9e\xfa|\xd2\x94\xc5}G\x0c=B'</t>
  </si>
  <si>
    <t>b'=p\x8a\xee\xd6"U\x95[\x93g\x03_\xd4\xc5vUA\x03\x9f\r\xc7%\xf7)\x02\xb6\xea8\xff\xbd+'</t>
  </si>
  <si>
    <t>b'\xb1\x0f1\x84\xaf\xfd\xf6\x14%G{pB\xbd\xfd\xa2E\xd0+\xcfPz\xbd\xb8\xac\xb4\xb9\xe6\x96t&gt;\xcd'</t>
  </si>
  <si>
    <t>b'k\xdd\x98e\xe5S\xc2\xa2\x1aq\xeb\x127\xe03\x80\xbe\xda\x94v\xd8:\xf8\xc8~K\xecZ\x89\xef\xde\x9f'</t>
  </si>
  <si>
    <t>b"\x90\x80\xc8\xf3\x04t\xfa\xd5\xda\x0bO\xd6\xf2\x14Z\xd0\x0f\x89\xf31&lt;\x1f\x8b\x05'\xa2\x07\xbfOL\xfa\xf5"</t>
  </si>
  <si>
    <t>b'\xa1R\x85\x8f\x88w}\x1fYU\xd7\r\xcc\xe5e\xa9J\x05\xfa\x9a2\x8e\x89W\x02\xb9\x85T\xf3\xad\xf3\xc0'</t>
  </si>
  <si>
    <t>b'G\xde\x18\xb6\xf3\x92p\x94\xdfb6\x80\xce\xa6\x15\x19\xfc\x85T\xbcS\xf0\xbb\x99\x17\xda\xeci9\xf6 \x84'</t>
  </si>
  <si>
    <t>b'\x11\xa3\x842\xa1~\x9b\xf6)\xe3\x85:\xe4\x1eB\x0f\xfb$\x82\x10\xe6\x88\xc4\x9e\xbe?u\x8c\x95;\xfaK'</t>
  </si>
  <si>
    <t>New Start 2013</t>
  </si>
  <si>
    <t>b'\x9e\x0c\xc38\xc0\xc2\xe8\xa1`\xfd#@w\t\xfa\xa3ym\xcd\xa6\x7f\x0c[\x87R7\x13\x9e\xe5k\xb5\xe3'</t>
  </si>
  <si>
    <t>b'\xb5\xce\x1d\xdd\x97kd\x80\xb7BG\xe5\xef\xf4\xe2\x8da\x11\n~\x9e\x97\xda\x92\xd1-\x93\xdf\x97B\x1b\xe5'</t>
  </si>
  <si>
    <t>soon to be debt free</t>
  </si>
  <si>
    <t>b'p/\x83\x96\xbd/\xd6\xfa\xea\xc4n\x90\xfb\x947\x04G\xc6:b\xc0\xc7\xd9\x8ars\xf3\xe7\xe6\xcb&lt;\xd1'</t>
  </si>
  <si>
    <t>New bathroom</t>
  </si>
  <si>
    <t>b'f\xaay\xf0\xff\xb8#\xa1_T\x00Z\x13\xa6\xb2G\xa9\x93\xef\xec\x9e1/\xef\xa9J\xdcU\x1f\x92Ob'</t>
  </si>
  <si>
    <t>b'\x9c\xdd\xfc\xdc\nC\xdc\xfc\x98*\xa4\xf3\x8b\x9c\xac\x9d\xa36,\xff\x99\xce\xd4LF5R3\xd3\xd3\x93\xe5'</t>
  </si>
  <si>
    <t>one place one payment to make it easy</t>
  </si>
  <si>
    <t>b'\xe0"\xcf\xe2\x80\x06P7\x95\xd3\xa5\xac\xf2\xab]\x14(\xf1\x143!\xe6\xa6\xd0\x8cg\x18\xd1\\\xaa~m'</t>
  </si>
  <si>
    <t>Consolidation loan #1</t>
  </si>
  <si>
    <t>b'\xe0\x0f\x15&gt;\xd8\xa5\xed\x8eo\xd9\xabl\x00]\n\x8c\xf7~\xcc\xa8\xee\xf5\x1eK \xc3H+\x92\xf6\xda\xb7'</t>
  </si>
  <si>
    <t>b'C&amp;[G\tK\x9d\xa0\x12JI\x14\xd5\xbb\xb114\xaaB\xdf\x07\x89\xd5\x01W-\x06\xc4A\x87\x86\x04'</t>
  </si>
  <si>
    <t>debt free 2013</t>
  </si>
  <si>
    <t>b'\x19\x02N:z0\xd3\xcfT\xd4{\x1f()\x05\xf5\xa9\xdf\x87\xeee\xac\x8d\xb7\x99^W}\x93cm\x07'</t>
  </si>
  <si>
    <t>b'.=\x82\x8b\xd3x\xb4M\x9d\xbf\xf9\xdc\xcaW\x10\x188\x071\x00\x81\r\x1a\x112\xc9q\xe6\xa2\x9b\x91H'</t>
  </si>
  <si>
    <t>b'\x1f$Wl\xf14\xff\xe9A\xadzaUr\x1d\x1a"\xdb\x8843\x0cz\x13\xad\x1f\xe7To\x7f\x97\xa9'</t>
  </si>
  <si>
    <t>b'$\xe8\xe7P\xbc\xa3$x\xa3\xa6)6K\xcbVbd\xb8:\xad\xa7\xebU8NHtw&gt;\x8e\xdc\x97'</t>
  </si>
  <si>
    <t>b'Q?\xa0\xfe\xb1\xd1\xbf\xe2 *\x16(\xe4\xaas\x008\r\xc3+\xa32\xeb\xf6.\x92\xf5i\xb3\xc4\xc7A'</t>
  </si>
  <si>
    <t>b'\xbe)\xab\xf4\xce\x0f\xf3\x8c\x8b\xc8O\x18\xaa\xee&lt;4\xeaF\xae\xa6\xf4\x84T\xf7KY\xdb\x16\xc7\x868\x94'</t>
  </si>
  <si>
    <t>b"\xcd\x81\x90H4y.@\x9c\x99\xd0\x9a\xb3\x81_\t['0\x1a\x91$\xbd+s\x06\xff\x01\xd4\xcb\xb0c"</t>
  </si>
  <si>
    <t>b"@`\x16U\xef\xb4\x94\xf4\xc4\x91\xad\xcc\r\xdf'\xf9\xc6%\xc9\xd9m&amp;\xec\x9c.\x98\xea\x7f\xdc\xa9\xccO"</t>
  </si>
  <si>
    <t>b'\xb2O\x1b\x87$\x8c\xab\xa2\xeb\xf9\xde\x99\x81\xfc\t\x00\xe9\xf3\xaf\xfeSz\xc4\x8e\x0b\xdc\xcbNd]8\x16'</t>
  </si>
  <si>
    <t>b'\xa0\x98\x0bZY\x1dj\xc7\xd5\xba\r\x8a\x94DS6\xd3\xf3*\x93\xaducLf\xf53\xe6\x02O@K'</t>
  </si>
  <si>
    <t>b'\xf9p\xac\xa9\xd1\xd24&lt;@\xbf\xfc\x83U\x87h\xa5\xcaCt\x943\xa5T\x05\x1bM\xe3\xa4\x19y\xb6W'</t>
  </si>
  <si>
    <t>b"\xcc\x0f\x8e\x19L\x88\x14\x03S\x00u\xe0\xc4\x9e\xb0\x0b\xddn\xa6\xa69\x01:\x80#\x8ee\x84\x1b\x98';"</t>
  </si>
  <si>
    <t>b'\xef\x86\x91\xc6\x06\xb4\xa2\xf4\xe9;\x9b\xe6$\x94\x0e\xc6\xecv5\xc2\xf3,\n\xa5\xbc\xbc6gs\x90\xde\xa0'</t>
  </si>
  <si>
    <t>b'}\xf3U"\x7f\xf4\x0f\xff\xc0&lt;ZbL\x8fp\x9a\x99\x87\x8bg2\xe5\xe7$\x9f\x81\xa8\xd4\xd4\x7f\x05\xeb'</t>
  </si>
  <si>
    <t>payoff my bills</t>
  </si>
  <si>
    <t>b'\x88\x11\x93\xa3\x05\x13\xec\xb6\x081B\xb2\x99\xaa\x14\xe2\xde\n\xbe"\xdeN\xb2\xdc\xa51\x9bj\xb6\xa9\xeb\x81'</t>
  </si>
  <si>
    <t>cc payment</t>
  </si>
  <si>
    <t>b'`=\xd7\xf7M\xef\x86_\x06\xbf0N\xab\xe3)\xa3B\x90\xf2W\x03c\xa4\x87\x9do\x16a\xce`\x0eH'</t>
  </si>
  <si>
    <t>b'\x8f\xf2\xc6G\r\xf7Bw}\xce\xccJ\x15\xc3(H\xd7F\x07\x03U\x14\x08\xed\xbe6p\xc3\xaf\x1d\xfe\x1c'</t>
  </si>
  <si>
    <t>Help me Please!</t>
  </si>
  <si>
    <t>b"?,#\xc04\xf3\x1f\x94|J'\xc6\xca\xb9\xae\xb4\xa6:_\xe1\xb8w1\x98\xc4\x80\x01\xb7\xfe\xe6\x1b\xef"</t>
  </si>
  <si>
    <t>b'"\xed\xf4\x98\xcd`\x9e*g\xa4#\xcf\xf3N\xdd/\xea\xae\xbb\x00\xf3\x11\xbd\xb7\x13R-\x01\x80\xd1\xca\x06'</t>
  </si>
  <si>
    <t>b'\xeb\xbe\x99Z\xb2\xc1\xb8F\xaf\xecV=E\xe4\xecVV\xd3p\x86\xe8\xe0\x05S\x7f\xe1\x8a]&gt;\xc5F\xe1'</t>
  </si>
  <si>
    <t>b'+\x86&gt;=2\xf5Mx3p\xc2\x83\x0c\xb87k\xb9\x87Zag\x0f\x90R\\\xed\xe2\xd5\xc7\xb9\x15\xd3'</t>
  </si>
  <si>
    <t>b'\x96\x8e\x9c)\x195\xfc\xf5\x9b\xe6\xfc\x8c\xd70"\xf7\xc7\xf0\x0e\xc1\xc8\xb6\x15\xb2\x90M\xc2V3\xf8\x93\x9c'</t>
  </si>
  <si>
    <t>b'\xff\x8bVp\xb3#\xe2\x96\xc0\x82\xdcOEmma\xbc\xc7\xed\xa9\x1e\xa2\xff\xbf\x85Y\xaf\xe4\xf1\xc6\x87\x9d'</t>
  </si>
  <si>
    <t>b'\xb6(qf\xe3I:&gt;\xea\xb0\xed\xb4\x13\x86\xd06\x0b-\x8f\xd6\xeb\xaf\x8f\x99\x87\xec\x13\xe0\x97\x1bdQ'</t>
  </si>
  <si>
    <t>no more credit cards</t>
  </si>
  <si>
    <t>b"%\x7f\xbb\xa0-/\x07\xa0\xde}\x85\x1a\xe5\x88q+\xbf0\x8f\xae\xa1S\xaa~\xec\x96\xa49\x1b'M\xdc"</t>
  </si>
  <si>
    <t>b'\x81\xf6\xe37}E\xb2\x8f+\xef4\x08\xe0l\x0b\xf8\x85\xdb\xee~\xea\xd5F\xc2S\xf8L\x1c\xb5\x1bn\x95'</t>
  </si>
  <si>
    <t>b'\xe4\x19\xbb\xf3\xddN:{\xb2\xcaG{\xb9\x81\xbd\xaeq\xbb\x00Nj\xc7\tE&lt;\xe1\x92\x07\xc9\x0e\x92;'</t>
  </si>
  <si>
    <t>house improvement</t>
  </si>
  <si>
    <t>b'\xab\x18\x02\xe0\xe6YT\xb3,\x95y\xa3?\x8a#\x8f\x93\xc2\xd59\xfc\xbfvQ\xa7\xba\xde\xbee\xcf\xa6\x10'</t>
  </si>
  <si>
    <t>b'\x82M\xc3|\x8d\x01\x14x \xa9\xfe\x14\x86\x7f^\x15|\xe5`\xf7\xb6\xd4\x81\xde\x9c\xa6\x13X\x0f\xc52\x97'</t>
  </si>
  <si>
    <t>Consolidating debt at a better rate.</t>
  </si>
  <si>
    <t>b'h\xd2\x8e\xf3\xba\xc4\x88\xe6\xba\xcb=A1\x88\xa0\t6\xc5\xb8\xee\xd5\x9ebI[\xcfC\x0c\x92U\xf3W'</t>
  </si>
  <si>
    <t>b'\x164#\x1e\x1e\xfd\x1e\xdb\x8dl\xf5\xf8x\x1c\x01u\xafLvC@\xac1_\x03\xa8\x0e\x8b\t\xf5?%'</t>
  </si>
  <si>
    <t>b'\xfd3\x84~8\xb0.G\xfdC\x87vDFT4o\x8f\xf9x\xb6\x88\xa4\x05hdx\xff\xb8n\x12j'</t>
  </si>
  <si>
    <t>Paying Off Credit Cards</t>
  </si>
  <si>
    <t>b'\x05\x8d\xc5\xbd\xb7\xd7\x06\xc5\xe2e$\xc2\x03\xc4xp=\x01,g\x8f\xdd\xfcip\xed^\xaav\xc8\xae\xed'</t>
  </si>
  <si>
    <t>back forty</t>
  </si>
  <si>
    <t>b'\xdce\xbd\xfd\x841m\xa23\x1b\xb4\x98q"\x80\x8dh \xd5@\xc5\x18\xfdx\xc8~9)b1\xdeT'</t>
  </si>
  <si>
    <t>b'ji9\x98Xb\x12\xe5\xb34\x9d]v\x96\x0f\xe9\xf0\xc7K\xf5\x9arJ\xd42\x0e\xc6sW\x109\x07'</t>
  </si>
  <si>
    <t>CC Debt</t>
  </si>
  <si>
    <t>b'D\xfe\x8e\x94_|\xc8g\xe4\xf26\xba\xfc|Zy\x9fW\x8f\xf5\r\x05\x02\x08\xac\x8c\\\x1e7\xd8\xa3\x05'</t>
  </si>
  <si>
    <t>free home</t>
  </si>
  <si>
    <t>b'\xc8\xaf\xf5\xe4\xadl\xcf\x12\x15\x82d*\x0e_KI\xb9\xfd\xf3\xe4\x04z\x10\xf6\x11N\xbc\\\x868"\x17'</t>
  </si>
  <si>
    <t>b'\x92\xa6\xa2\xb2l\xa1\r\xaf\xe9\xb8P\x80\xfey87\xc1$Y4\x80\x9d\x8b\x7f\xbe\x8b\xe2K\xd4\x03\xba\x95'</t>
  </si>
  <si>
    <t>b'\x03\xd9\x9dk\xe49v\xc4d\xebl\xe5\x10\x05j&lt;hJ^\xee\xa0\xedJisS\xfaY\x8fcxf'</t>
  </si>
  <si>
    <t>b'\xa0_\xdb1\xc84\x90\x0e\x18\xbdT\n\x89v\xa97\x1e\xfa\x95\xef\xd9\x88P\x9c\x83G\xb43\x88\xdd\xef\xb7'</t>
  </si>
  <si>
    <t>MELT AWAY DEBT</t>
  </si>
  <si>
    <t>b'2\xbcV~\xda3\\\x08\x7f\xbc\x15\x135\xa1\xde\xb4\xc5\n\xc0\xc1Pb^\x05\xf9I\x1d9\xb5\xd3\x90a'</t>
  </si>
  <si>
    <t>b'$\xb6^\xadg5\xd8lA\xbaN\x14\xf1\x1bJ\xafbi^0\xbf\xe5\xc0CZ)\xe6%\x82\xd4\xcb\xe3'</t>
  </si>
  <si>
    <t>b'\x81\x12\x11|\x15^\xf8\xab\xfa\x05\x19\x1aqVz\xecn\xab\xde\r\x9a\x14K\xa5\xad\x02w\x18\x82\xa5\x8e['</t>
  </si>
  <si>
    <t>b'_\xb3+\x0f\t\xdb \x90\x90QI}\x05\xe2\xfb\x1e)\x90N\xfd\xe8\xa9kX\xa8\x17h\x9c\xde]s?'</t>
  </si>
  <si>
    <t>High int cc refi to qualify 4 home loan</t>
  </si>
  <si>
    <t>b'\x93\x87\x08}\xee_&gt;%\x87\x8d\x13\xed)#\x06d\xe9%^\xb0\xe3\xa7\x9a2B\xac\x99\xb6\xa5Hq\xdd'</t>
  </si>
  <si>
    <t>b'\x03\x97c\x8cY\xd2\xd6;\xf4\xadOa~@t\xcb\xd4\xe3\xab&lt;,.\xffG\x13\x04g6\x1f\xa0\xa5\x08'</t>
  </si>
  <si>
    <t>b'\xbc\x0b\xf6\xca&lt;\x94\x00\xb1t\xf2\xd2\x02\x8c1\xb9\x8cP\xc9d\xb1\xb9\xfdk\x1e\x9d\xb0\xc3\xd0/\x84(\xbe'</t>
  </si>
  <si>
    <t>b'\x0f\x13\xea\xbbU\xd1:\x04\xb1\xccR\x1a\xd0\xa6\x98\xdf\xb3\xd5\xb4\x91\xa4e\x9c\xab\x16\xd2\x8d\xe0\xdcnI\xd7'</t>
  </si>
  <si>
    <t>b'\xfe\x9e\xf3\x93\x92\xb5ek\x81\xcb\xfb\xdb\xbc~&lt;Rm\x17L\xd5\xbam\x9c\x9f\xe86\x01kOk|\xf6'</t>
  </si>
  <si>
    <t>CCPay</t>
  </si>
  <si>
    <t>b'\x87\xca\xf0\x82\x02x\x9b\xb0\xae\xa1\x96\xeaG\x16\x9diH\x87\xd8\xb6\xa6\xb3\xff\x02a\xbe(b\x18-3!'</t>
  </si>
  <si>
    <t>Consolidation Home Improvement</t>
  </si>
  <si>
    <t>b'\x98n=n/F\xc5\x12x^\xbf\xc3K\x8a\x8c\xba\x8dV-8\r2\xa1\xde\x82\xc4\x89\x93\xc9\t\x08\x01'</t>
  </si>
  <si>
    <t>b'\xd7\x93\xcdo\x98\xe4*:\xba\xa5\xf4\x04\xee^W\xd4\xd0\xe6I\xf1\x05-\x9b\xc3\xc8\xaa\x85\x14\x0f\xe9v\xb7'</t>
  </si>
  <si>
    <t>b'\xe5\x82\xa0\xb4\x10N*\xc0\xa6\x95C\x1b\xef\xf2F\xb9CEV \xf0\x97\xda\xa4\x16\xe0\xac\x17\xdc\xf3ei'</t>
  </si>
  <si>
    <t xml:space="preserve">Credit Card Recon </t>
  </si>
  <si>
    <t>b'X\xf5qv\xd2\xbf\xba\xb4\xd5\x9f\t39\x05\x89\xdb8\x05\x88\xfd\x84\x1fA\xc7\xf7\t\x0f9\xe1z\xaaQ'</t>
  </si>
  <si>
    <t>Get out debt/Fix house</t>
  </si>
  <si>
    <t>b"\x18\xc6l\xe0\xb6\xf6x&amp;\xa3\xc4\tZ^3W\x1c\x80\xfa-\x1c\xe4\x99\xa2'\x1b\xe2\xbf\xb4vS\xfa\xa9"</t>
  </si>
  <si>
    <t>b'\xa9c\xda\xd9\xc8\xab&lt;\xd71\xb2\xc3\xda\xa8\xbc\n\x8fw\xc6w\xec\xd2\x11\xbf\x9f\x8b]\xa3}\xc7K\xee\xfc'</t>
  </si>
  <si>
    <t>summer stuff</t>
  </si>
  <si>
    <t>b'\xc6\x103^\xdf/\xe0p\x91u\x05\xed8`~\xd0\xaa\n\x0e.\xf9\xa8,\xca\xe71;Ae\xee\xe0\t'</t>
  </si>
  <si>
    <t>b'\xc7\xba\x86"\x1a\xb7&gt;\x03\xfdg\x0e\xd6[nA\x81\xe3Ud\xdc\xe3\xfd\x89N\xfa\x85\xda\xc8A,`\xe8'</t>
  </si>
  <si>
    <t>Get Debt Free</t>
  </si>
  <si>
    <t>b'D\xc2\xfd\x13Q&amp;"F\x16\x90P Aw\xa9\xdf_1\x05\xd9K\xf4\xf7\xc9\xe7\xa0FI\xe0\xdf\x8f\xb8'</t>
  </si>
  <si>
    <t>b'd\xc9,\xbf\xcdu\xe8\xe6\xe6\xc0#\xa0"\x0e`\xfeM\xa0\xc5\x86G9\x7f\x9dD\xd2\xf1Ls\x0bt\x19'</t>
  </si>
  <si>
    <t>b"\xf5\xf5\xadl\xc0_\xcbo\xfdk+\x91\xa9Q\xa0'\r\xd2\xd0)\x93g%\xea\xab\x88I\x84\xf8\xb9R\xa9"</t>
  </si>
  <si>
    <t>b'f6s\xd0$\xc5~\xf9~h\xae:!R\xb3\xb6\x0e\xa0\x80\x00\x94V\x97\xf6j\x9e\x1ff\x97\xbc\xd4\x9c'</t>
  </si>
  <si>
    <t>b'\xa2\xe9\x8e\xdd\xa7\xa4\x17\t{~eDj h\xa77~\x80d \x86i\xa4\xb5\x82\x84$f\x1d\xf9\x14'</t>
  </si>
  <si>
    <t>b"\xab\x7f\xeb\x18\x92t\xe4\x0c\xbf\xd0\x91\x8e\xfcx\xd0PwWtq'\xac\xc1\x0en\x15\x9b\xdb}\xf5T\xff"</t>
  </si>
  <si>
    <t>b'\xaf#S\xa1\x12\x17P\xd0c\xb3\xb8v\xed]\x9e\x00"{\x1a\xaa\r\xa6\xb2p\xf6w$b\xb3u\xc0\x07'</t>
  </si>
  <si>
    <t>Moving forward</t>
  </si>
  <si>
    <t>b'\xf0 \xc6\xbbaBK\x7f$(W\x9d\xfeS\x08\x14\xa6\x9d\x00\xaaG\xc6\xa2\x05\xa0\xe0\xa5\xaco\xa0\xc8\xa8'</t>
  </si>
  <si>
    <t>Payment Consolidation</t>
  </si>
  <si>
    <t>b',\x9fuR\x89y\xe2\x8fP\xae\xbb\xe5\xec2\x1a1\xe2^\x8d\x9e\xcd\xa4\x0f|2Szg\x9a\xde\xc7\xb7'</t>
  </si>
  <si>
    <t>b'0X\xa6t\xbdx\xa7/n\x18\xb3L\x9bhX\xde\xe5-\x0b\xad\x14\xd6\xb2\xb3\r\xd0\xa4[z\x8aL\xe3'</t>
  </si>
  <si>
    <t>combine credit card debt</t>
  </si>
  <si>
    <t>b':\xd1\xc8\xdf\xdf\xea`I\xcf\x14\r\xfd\x0c\x88\x86cs9\xa4}x\xab1\x02e,\xce\x9bS\x90\xe2\xc0'</t>
  </si>
  <si>
    <t>b"lW8h`\xf1G\xac/\xdd\xfeT\x96\x0c/\xab\x1b\xb3\xe6\xdbG\xf8\xe0\xfc\x80\xc0\x8e'\x9bs\x82\x9a"</t>
  </si>
  <si>
    <t>Win Win Venture</t>
  </si>
  <si>
    <t>b'\x89\xf1f\xdf\xe1N64m\xea\x9ask\xf7yx\xc5\xa2Hb\xb3\xafp\xcc\xc5\x0e!&gt;\x100Z\xc5'</t>
  </si>
  <si>
    <t>b'\xc92\x9e\x97\x8d\x99\xe5x\xa2\x08R\x01\xbdO\x85\xbb\x8f\xfb\x02&amp;\xa3\x12m\x9b\x12l}\xd9\xb8\xdc\xe2\xd2'</t>
  </si>
  <si>
    <t>b'\x14\x18F\x1al\x0b\x04\x8e\x11\xf4I\xbc(\x97\xe8\x91&gt;\x06\xa6\xddi\xfe\xabN\x94\x1f\xc0I\xd5\xa7z\x90'</t>
  </si>
  <si>
    <t>b'|kR\xadjd\x9b\x18\xe3\xb2J\xd5\x95UV\xa8\x85o\xc2\x82\xa0&amp;\x95\xb4\x9fO\x00k\x004 \x7f'</t>
  </si>
  <si>
    <t>Cards consolidation</t>
  </si>
  <si>
    <t>b'\xaf\xfcMV\x82q\rk\x8a=\xa0\xbd\xe4K1\x03QA}\xcdj+g\x9a\xc6\x17\xab\xedis+\xa1'</t>
  </si>
  <si>
    <t>b'\xe9\x91\x18.\x9e\xe1\xa6\x08}\x81\x16\xf0\xb7\xc1\xaa\xce\x9a`\xfb\x17\x05\xc3\xc4\xa5b\xe4\x97Rree8'</t>
  </si>
  <si>
    <t>Pay off bills</t>
  </si>
  <si>
    <t>b'\x17\xb3\xf9\xc1\xd5\xd4\x19\x13\xa0\xf0\x9b\xc0\xdaL\x15\xc0\xc1\xc7\x9d|\x8al\x9c:\xe0+\xaa\xed\xcd\x18)\x12'</t>
  </si>
  <si>
    <t>b'\xaf\xb7\xf2\x8b\xe9\x9fBP\x85\xd3\xa8\xff\xb7\xcb\x04R\x1b\xedw\xc7\xa3\xa2\xbb48n\x92\xb9\xcd\x97\x8c\xab'</t>
  </si>
  <si>
    <t>Freight Truck Loan</t>
  </si>
  <si>
    <t>b'\x0f\x94(2\xa7\xce\xbdC&lt;\xe2*\x9a\xe8"\xbeV`\xfacX\xc2Ar$\x96gLqY\x162\x92'</t>
  </si>
  <si>
    <t>b'\xff{\xe6s\x9c\x1c\xef\xfe\xe8\xeb\xc4\xb2s\x93\xb9,\xfc\xfc\x81&gt;0\xaaZ\x17XEx\xd6H\x8a\x8f\xf7'</t>
  </si>
  <si>
    <t xml:space="preserve">Home renovation </t>
  </si>
  <si>
    <t>b'\x12N\xd9\xae\xd8\x8f\xb5\xe5\xd2\x05\xa5\x9d\xb8\x1d \xd4\xc6|I07\x91\x8f&amp;A\x8f\xb7/\x9d\x98d3'</t>
  </si>
  <si>
    <t>Get Me out of Debt</t>
  </si>
  <si>
    <t>b'\xc9/\xe2d^:H\xa3\x10,\xe9\xff\x7f\xa2\xb4\xb4W\xa7\xbe\xcd\xae\x9fs(\x1fI\x8664\xa1\x11\x95'</t>
  </si>
  <si>
    <t>b'B\xa6U\x12UK\xb8\x0f&gt;\xb8\xca\x08\xd8Y\x98@Gf\xffG\x91b\xa46Q\xda\xbf\x8d\x98Jg\xf5'</t>
  </si>
  <si>
    <t>b'\\f\x1a\xd2\x02\x15\xab\xd2\x04\xb4\xcb\xfb\xa6\xd0F.i\x03\xd0A\xe6sxY\x12u\xfbm\x9e\x08\x15\xe4'</t>
  </si>
  <si>
    <t>Lowering my bills and percentage rates</t>
  </si>
  <si>
    <t>b'*e~\xab\xdd\x9b\xd0\xc7\xf6Q\xb4\xab\xac\xef6~j\xac^\x14#\xe5\xa0\xac\xd3\xef\xc1\x81\xb2\xa5\x17\x92'</t>
  </si>
  <si>
    <t>stress free</t>
  </si>
  <si>
    <t>b'\x88\xfc\x98i\xde\xf5\xe5iD\x9c\x87\x89 \x81v\xbf\xbeTI\xcf\xc2\x02Ry\x9e\x1c\xf0-\xca\xb7\xe4\x8a'</t>
  </si>
  <si>
    <t>b'\x82\x96\x0b\xea\xb9W\xe7\xa9\x8bl\x174\xe0\xf8\xa7H\xd5\xaa3lX\x89\xfa\x8f\xbc\xdd\x1c\t\x1d\xa3\xff&gt;'</t>
  </si>
  <si>
    <t>b'2\xcb\xe7L\xb4\xc1["\x0ev\xf2\xf5\xb0s\xd8\xc8\xe0\xbdf\xc5\xfdx9Di\x97\x91\x10o\x9bL5'</t>
  </si>
  <si>
    <t>New Baby</t>
  </si>
  <si>
    <t>b'\xea?\xaa\xf9LT\xde"\x1bU\xc0\xde\xc0,&gt;\xbb\x80\xe6}\x05\xe8\x8f\xe2v\t.LZ\xbb\x9b\t\xf4'</t>
  </si>
  <si>
    <t>Total Debt Consolidation</t>
  </si>
  <si>
    <t>b'j\xdd\xb0\xad4\xd4\xbc\xe8\xd4\x87F\x0b\xbc\xce\xfe\xe3(^:\x94e\x12\x92\x17t\xc5&gt;%\x91\xa7\xf5S'</t>
  </si>
  <si>
    <t>debt consalidation</t>
  </si>
  <si>
    <t>b'c\x0b\xb1#,\xba\x07\xc5\x82\xadui=\r\x9e&gt;g\xed\xb1/\xa5\xe6\xce\xd6\rK\xaf\xcd:\\\xc3t'</t>
  </si>
  <si>
    <t>Family Consolidation</t>
  </si>
  <si>
    <t>b'\x9aG\xd5&amp;\x1a6\t=\x0c\xcf\xf6&amp;\x1e^\xbb+\xc62\xd9\t\x98\x1f9\xfd*\xb0\xd0\xde\x11\x07\x1e\xda'</t>
  </si>
  <si>
    <t>NOMOREDEBTS</t>
  </si>
  <si>
    <t>b'L\xf7\x1f\xbd\xa8\x14\xe1\rp|Y\xd58K\xd0:\xe7N3Xj\x80\x17m)=O\xe7+\xa5|\xaf'</t>
  </si>
  <si>
    <t>card consolidation</t>
  </si>
  <si>
    <t>b'P-0\nX:\xa5\x0eqjR\x87\xe7\xe4\xad\x8bc\x83B`\xf7\xb5\xd4I\x135g\rfA\xb3b'</t>
  </si>
  <si>
    <t>b'\x98_B8\xea*\x012\xf0t\x14ZK\x8f\xafE\x08n\xc8h\xb1|\xadg\xa8\xf55\xa9\xe6\xedE\x90'</t>
  </si>
  <si>
    <t>b'\xede&amp;N\xc2\xces\xc4\x1f\xa275\x88\xde\xa6\x91\xf2Q\xcb\xf7\xd6~\xee\xa2b\xb2Y\xd3\x93\x932@'</t>
  </si>
  <si>
    <t>b"\xe4\xd1H\xe1\x8b#\x84\x97\x9f\xcf\xd4\xcb\xd4T\xe3j\x0fY\xbe:1\xe8\xb9M\xb0'\x18\xf3\xe5[GG"</t>
  </si>
  <si>
    <t>b':u,\x90\x04A\xcd\xc5F7\xed\x89\xe8\xe5\x8d3\x19!\xcf\xdd\n?\x9b\xe4\xc6\xaa\xce\xee\x8f\x8f\xefY'</t>
  </si>
  <si>
    <t>Credit Card consolidatiton</t>
  </si>
  <si>
    <t>b't)D\x0b&lt;\xe1Y\xc4\x8d\xb9x\xef\xd8\xcb\xca\x85#\xeb\xd4\x83\xa1\x1e\xe7Z\xed\x15\x9e\x18\xab^\xe0\xba'</t>
  </si>
  <si>
    <t>b'\xe6L\xb9\xa0.s\xc8\xca\x98i\xba\xf8\\\xa2I]\xf4{\x83\x85(\xe0\x86E\n\x18\xaa\xaa.\x9a\xf4\xdc'</t>
  </si>
  <si>
    <t>b'\xa6\rR\x1e/\x83\xb3u\x08\r\x18?\xa6q\xe0\xa4~\x1ee"@\xfc\x80\x0e*QD\xf2\x94\xb3\xad\xd7'</t>
  </si>
  <si>
    <t>b'\x04\xc9\x823\xbd\xbf\xc5\xf5\x9e\x08C\xa9\xa1\xae\x06\x82\x1d\xf1\xe0:\x80\xe1Qc\xe1UPo\x9bJ\x86 '</t>
  </si>
  <si>
    <t>b"\x9f\xa2;\x06\x1dh\x1f\x97\x1f\xed:hi\x1e!~\xf8\xe6\xecg]A}1\xf8\x8f$\xa4\xc9'\xb6\xcb"</t>
  </si>
  <si>
    <t>b'\xc6!\xe1,3l\xc3 \x7f\x91\x0c&amp;\x05\x15%\xef\xb0\x15\x98%\xf0\xf0\x81\x19S\x16\x11\xee]\x08\x17,'</t>
  </si>
  <si>
    <t>b'f\x1a\x9c\xef\r\x1b_R&gt;^\x0c\x14\xe7\x03\xf4\xf3\xb8\xc4\xe1\xfc\x862\x90\xb4\xf2\xaa\xbb"==x\n'</t>
  </si>
  <si>
    <t>refinancecards</t>
  </si>
  <si>
    <t>b'\xa4\xe9r\xc5&gt;\x169\xbd\x86\x10\xca\x9cG\x18\x97\xc7M|\xeb\xe3\x85t\x1c\xf6\x13_,s#\x10-\x9d'</t>
  </si>
  <si>
    <t>b'\x8a\xf9\x07O\xf7\xe5\xe0R\x01\xd8\xa5\xabCy\na\xaaE\x99\xc3\xd8\x8e\xcf\xfa\x88\xa6\xefVH\x80J\x07'</t>
  </si>
  <si>
    <t>b'\xbbiq\xda\xa2\x82\xa3\xd3\xcay0\xc2F\x87\x8a\x9c4U\xd9\x18\x80\xe9k\xa5\xcaK(V\x9a\xab\x14/'</t>
  </si>
  <si>
    <t>b'\xf5e\xb5$\xe6\xe6\ni\xe3\t\x98H\x85\xe6\r\xb5^T\xd1Z\xe5YF\t\xeem\xe4\xfa\x9e&gt;\x08G'</t>
  </si>
  <si>
    <t>b'\\\xd7d7r\x85\x9f\x98\xa8\\\xf9\x83\x1e\x0c.\xaa\xc6I(2\xaajK\xc9n\xd4\xc3\x868i\xba\x90'</t>
  </si>
  <si>
    <t>b'\x07K\x8e\rJr\xdd#\xb5b|\x94\x12O\r\x9b\x98u\xe2\x8dn+^\x82R\x1b\t"\xa2\xfa65'</t>
  </si>
  <si>
    <t>b'1=\x7f]G\x81\xd6G\x1a5{=\xd7\xe5\xaf\xd4\xf9f\xba\x1f\xc1W\n&lt;\xeb\x9b`\xe7\x83\x93D\xd7'</t>
  </si>
  <si>
    <t>b'F+\x18\xaa\xaa\xf0"^y\xdcVQ\xbe\xce\x9a\xa6\xe1\x88&amp;\x96\x15v&gt;\xb3\x1d\x95\x17\x8d`\x81\xc2s'</t>
  </si>
  <si>
    <t>b'\xdfMW5\xd5\xc6\xa7,\x02\xecC\xd7\xc2\xa0\xe5#\x05\xae\xa9\xf1\x8fj\xd1\x0f_\xa37\x02-\xf2\xd5\xff'</t>
  </si>
  <si>
    <t>b'GhJ\xf8\xb3\x9d\x02\xa2\xde\x8d4\xa7\x9a\x19\x90\xa0\xbcT\xe9YDJ}F!|\xf4\xc5\t\x05_o'</t>
  </si>
  <si>
    <t>b"3\x94\x1d\xd3\x1a\x8c\xecf\xdb\x14\x89N\xc8(\xca\x1d\x116\xd3`\xd4\xbf!ZK\x00\xcd[]\x02't"</t>
  </si>
  <si>
    <t>b'=|\xc9\xd3\xaeh\x87\xa9\xd2\\H\xbc\x08\x12^\xe6\x12\xb0k\xf2U\x8dr&lt;\x83\x8f\xa5\x98\xad\xda\x88\x7f'</t>
  </si>
  <si>
    <t>Kitchen and bath</t>
  </si>
  <si>
    <t>b',\xcb\x1aq\xab\x17Q\xbcs\xa4\x0c\xc5\xcf\x12\xc9\x00H\x88\xab?\xf7\xa2f\x13[\x08|b(Op\xa9'</t>
  </si>
  <si>
    <t>Debtpayment</t>
  </si>
  <si>
    <t>b'\x96\x97\xd2\xd3\xd7\xfa\xb9\xece\xd8U\xf4(F\x9f\x91\xa6k,\x83\r\x96g\x06UQC\xdbM5\xe5\x95'</t>
  </si>
  <si>
    <t>CardRelief</t>
  </si>
  <si>
    <t>b':O\x97\x16[kd\x90\x88\xb4.\xa0T@\xf0\xb1G\xbcv\xea-&lt;)\xe3\xf7\xb9"\xa8\x96Dx\xf3'</t>
  </si>
  <si>
    <t>b'\x14/\r\x90\xb0-\x0c\x0b\x0c\x1cAU\xecw-\xe8\xff\x15x\x9a\xa5\x19\\\xfa7k\x02\xe6\xd8\\d3'</t>
  </si>
  <si>
    <t>b'\xb8\x85\xf5\x9f\x0b\xddx5\n\xa9\xc6\xae\xc3\x9c\xfcQ\x05r\x93\xec\\g\x0379\xa4\xaaF\xb0S\xba\xed'</t>
  </si>
  <si>
    <t>b'&lt;\xf7\xd8&gt;\x02\x9b0{\xf1\x961\xfcpUO\xe7\x13h\xf5\x17&lt;\xd1\x1e\xdfB\x84V\xf9%7u\xd8'</t>
  </si>
  <si>
    <t>b'uiF\x8e&amp;\x17\xda\xb1_/\xf2Qy\x13\xf7\xe9\xbd\xcd&lt;_\x0c"s`\x0c \xbd[s\xf4\x1c$'</t>
  </si>
  <si>
    <t>Fix things</t>
  </si>
  <si>
    <t>b'G\xec\xd8\xfd-O%\x9c\x1a\xc1\rb\x0c/\xc3$\xcd\x84\xbf\xa9\xe3\xd3\xac\xb7\x03\xa3\x11;{I\xa8:'</t>
  </si>
  <si>
    <t>b'\xa6}#\xcbp\x9c\x14Bb\xab\xc0\xec\x12\xa6Vg\xfbC\x89\xfdQEi\xbb\xaa\xbeO\xc5\xdd\x1f$\xd0'</t>
  </si>
  <si>
    <t>Firstcar</t>
  </si>
  <si>
    <t>b"\xa2-L{%['B\x11:{\xc6#\x14]\x01\xe0\xc6v\x07\xbf\xa7\x81g\x88P\x8e\x81w!/\xe2"</t>
  </si>
  <si>
    <t>b'\xb9\x91\x16j\x00+\xdb7\xaa-\xc5zf\x94\xad3\xf8u\xdb\x1d\xca\xae\xae\x9f"\x83\x9be\xfadU\xc4'</t>
  </si>
  <si>
    <t>debtcon</t>
  </si>
  <si>
    <t>b"'&lt;\x19\x00\xba&gt;\n\x90\x16\xa2_z\xa5\xcdD\xbf\x14\xf7u\xb8&lt;*\x156\xbd6av\x8f3\xc7I"</t>
  </si>
  <si>
    <t>Recovery</t>
  </si>
  <si>
    <t>b"\xf5\x9c\xe3\xec\xcc\x90\x95'\x1e\xfcy/\xa0;+I\xd8\xaa\xfc\xfadd\xea\xc3J\xba\xba\x17\x03+\x17}"</t>
  </si>
  <si>
    <t>Home Sweet Home</t>
  </si>
  <si>
    <t>b'\xa16a\xafJ]Y\xb9li\xda\x8bF\xbc\x07\xbdt\xa68\xd9w\x98\x8d\xea\x1dt7\x80\xb0\xd0\xbe\xca'</t>
  </si>
  <si>
    <t>b'\xb1\xc3\x99\x9f\xe4O\xec\xf6\xb0\x83\xbf@U\x87\x03\xd5\xcc\xec5\xaan1\xee\x92\xa0\x92T\x1b\xc1iy\xa4'</t>
  </si>
  <si>
    <t>b'\xc0\x995\xc1\xad\xdf\xe7\xc7\x0e\x12k\xae\x13\x9d\xff\xe7:+\xe2\xec]\x9b\xbd|WI/\xe5xB\xf5Z'</t>
  </si>
  <si>
    <t>b'c \xf0\x8ah\xe7j\xf3c\xd4\xac\xa3\xd0\xdf\x00\xd4\x95\xbfr\xca,\xa2_\x84B%\xf1o\x1e\xf4\x19p'</t>
  </si>
  <si>
    <t>b'!\xdd\xa2\xc6n\xebh[}\x83\x07\x16CM\x0f\xbae\x97\x8eHp\ru?\x18g\x8f\x1aH\xc6.\xeb'</t>
  </si>
  <si>
    <t>b'\x05\x0c\xbb\xbd\xc9TQK\xf6(\xe5\xfbJ\x11\xfd\xed+\x8eoe\x8e{y\xef\x8d\xe8\x03\x94C\xffz\x9a'</t>
  </si>
  <si>
    <t xml:space="preserve">Debit loan </t>
  </si>
  <si>
    <t>b'\t2\xcdAK\x97\x9c\xc8\xb2\xbaa\xe1x\x16\x1dE\x9c\xc9\x9a\xf3\xcb\x03\xe5\x84\xdeNJ\x91sE\xdcT'</t>
  </si>
  <si>
    <t>b'N\xd6\xe1\x86\xca0\xa2pz\x7fS\x18\xc6\xed\x04"\x8e4:\x13\x18\xb7\xac\xfd-\x95t\x08q\xff\xf6%'</t>
  </si>
  <si>
    <t>b'\xc1\xd9\xfa\xe3N\x11"\x0f\x8e \x8b\x1d\xec\xc3\xf1\xc5\xc2\xf2]\xed\xfd\xecA\xc0\xdb\x8c]!\x05\xa8\xfeD'</t>
  </si>
  <si>
    <t>b'\x12\x87}\x87\x1a\xde\xec\xee\xbf\xc1\x8f\xe2|L\xc31\xe0\xe9N\x99\xa5e}8\xd1\xe4\xcd\xe8\x9fa\xe2F'</t>
  </si>
  <si>
    <t>b'c\xed\x93\x85\x08R\xb1j\x0e\x0b5d%\xf5\x8a\xa3\xcb\x06\x94\xb4^&amp;\xb7\xbb5\xad\x11\x11%w`G'</t>
  </si>
  <si>
    <t>b'\x8f\x13\x14:&lt;\xa0\x94t9\x16g|\x1a\x83\x7f\xc2^\x90$hE2#N\xa0\xdd\xa0B\x1av\x15j'</t>
  </si>
  <si>
    <t>b'"\xee\xff\xef\xe1\x1c\x1a\xf4\xff^\xfb\xf5X\x8c\xab\xb0\x8fR\x88\xab\xf4\x1c\xef)\x83=\x15i\xef-\x9fM'</t>
  </si>
  <si>
    <t>b'\xe5\xff@\x0c\x9f}o\xf33\xc0\x14\xef4{\xa9\x02dS\x7f\xaf\x1b\xc4j\xc1NABz\xab\x1a\xf0`'</t>
  </si>
  <si>
    <t>b'\x99\x93\x8aE\xd7\x1e\x1f\xc5T\xbd\xf2X\xdd\xa8\x89f\xaf\xff\x1c\xc2\x9e\xd8k\x97\xa7\xfb\xc9~\xf1\xd8\x9e*'</t>
  </si>
  <si>
    <t>b'q\t\x92\x10Q\xbe\xdb\x94\x8fK\x8b\xfa\xf3\xc7]\xf8\x12\xc3\x9b\xe3\xa0\x1e\x80\xf3x\xd6\x9f\xacX\xfb\x96\xf3'</t>
  </si>
  <si>
    <t>b'\xff~\xdd\x03\xd6\xa8\x17\xf2u\xddbP\xea\xa8\x07\x8e\xb7\xf7n\xd4\xf9T\xa4\x06q\xc3\xda\xeb\xa4\x82\xba\xbc'</t>
  </si>
  <si>
    <t>b'\xb8\xd18\x89*?\xb7\x8a\x9f\x9c\xb0\xbe=\x91\xbd\x9a\xf3\xde\xc60\t\xc5\xd2\xdd\xebE\x8d\x9b7N\xd6\xb3'</t>
  </si>
  <si>
    <t>b'\xe0\xbc\xc2j\x06L\x1f;~T9r\xb8\xdc?\xb7\xbe\xe45\xb9fP\xe7kO\xc9S/\xe5\x92\xa2~'</t>
  </si>
  <si>
    <t>b'\x13N\xbbF\xb6\xb1\x7fD\x97\x99\xcch\xb4-\xef\xdd\xa1\xea\xce\x14A43;\xd14\xca\x8e\xbe\xc9I\x1b'</t>
  </si>
  <si>
    <t>b'\xfe\xb5\xc2\xee\x06\xcdJ\x155\xd0\x10\xaa\x10\xfb\x00q^\\\xbaN9\x02)\x0eq\x0b\x83\x96C|\xab\x11'</t>
  </si>
  <si>
    <t>b'\xcc$\xcek\x98w\x16\xd6\xbe\xfbu\x1bO\n\xdf\x1c\xd3\xb0\xb8\xd4\xd1\x9d^\xf6O\xc4y\xa2\x18\xb6\xea:'</t>
  </si>
  <si>
    <t>b'\x14n\x97*u\xef\xc7\x88\x07\xa3&gt;\x07U\x1d8\x1c\xd8_\xff\xae\x93\xd4\x18\xee\x18\x1eukh\xb1\xa5{'</t>
  </si>
  <si>
    <t>Outdoor Living Area</t>
  </si>
  <si>
    <t>b'V+\xca\x89\xe8\xe6\xbb0ES\x90\x923\tw\r\xaf\x81d\xde\x84\xe8\xe8C9\x19F\xb3\xb1Lr;'</t>
  </si>
  <si>
    <t>Pool Renovation</t>
  </si>
  <si>
    <t>b'\x15\x18c\xa8\xbf\x0c\xb2&amp;\xb5\x1e\x80\x07\xff\x0f\xad;np\x85p-\x94\xae\x06\x93\xf0\xac\x1c^\x11\xab!'</t>
  </si>
  <si>
    <t>b'\xa5\xf1\x94cK\xc1n\xcf\xb5\x84\xe2\xa9\xdb\xaa\xf8\x0e\xf8\x8al\xa33z\xd67\xb6\xd8Edw\x06\xacL'</t>
  </si>
  <si>
    <t>b'&amp;\xbd\x80\xb6\xc5h\xb9\x16\xef\xda\xa6\x87\xc6\x94\xaf\x9c\x8f\x8a\x0f\xaf\x0f{\x8f(u\x03\x15\xaew\xa4\x95\xeb'</t>
  </si>
  <si>
    <t>b'\x03\xa9\xee+Cy\xd6\xb3n\xcc\x05\xef\xb1\x94\x94T\xcc\x90\x06\x1b\x97n\xaa\xba\x89\xd2\xb8\xaf\xa1M0\xa0'</t>
  </si>
  <si>
    <t>b'\xb9\xa0\x14\x1dq\xa4\xc4\xfa\x13\xf5\x0e\n\xfe\xe61\tc\xb8\xd6$ \xb5\xd7_\x0c\xda\x996\xadf\xf0\x1e'</t>
  </si>
  <si>
    <t>Four Sisters</t>
  </si>
  <si>
    <t>b'\x1f\xa4\xd0\xf5\xb6=\x03\x07\xedC\xd6.\x14\x0bk\xb7\xecA0\xa7\x85\xc8vP\xeap\x19\xe1\xef\xb4\x93\xa0'</t>
  </si>
  <si>
    <t>b'\xd1d\xe1uU}\xaf\xe0\x0b0\xa1\xb4\x17\x81\xae\xa5O\xfe\xab\xbd\x0e\xec\xe1v9\x93\xc1\xb6\xedI\xdb\xc1'</t>
  </si>
  <si>
    <t>b'2\xe1\xc0\xa5\xb8z\xae\xc2\xde\xbef2\xc2\xf2\xc0\x845\x8b\xe2\x87\xda1\xd9\xf5?\x9e\x9e$\x13\x0c\x9d8'</t>
  </si>
  <si>
    <t>b'jLm&lt;HP\xb7\xeb\x17z\xf5\xdd\xf4\xb8\x03\x1b!\xab\xde\xff\xfaz`\xe2\xc9\xab\xf4\xae\xd5x\xc5\t'</t>
  </si>
  <si>
    <t>b'\x07?A\xb0\x1dWH\xedr\x97T\xa2\x16\xe1^\x88\x9a\xdf\xa9|eV\xdd\xdd\xfc\xb6\xf9{\x04\xae\xf7\xc3'</t>
  </si>
  <si>
    <t>b'\x0bWJ1\xeaQ\x03\xcb\xfc\xd2\xaf\xd2\x97\xbf\x98\xa2\xdd8\x9b\x16\x06\xdb\xabo\xb0\xd9p\xa3\xca\x12D~'</t>
  </si>
  <si>
    <t>b'\x84\x0e\x9a=j&gt;\x9c\xfdeK\xc9\x98_d24U\x9fO\xc1\x18\x0b\xe0\xf4\x83k\x94\x1b\xd9pH\n'</t>
  </si>
  <si>
    <t>Pay it down</t>
  </si>
  <si>
    <t>b'B{;X%\x8dw\x1d\xff\xdf\xa8\x06\xe1\xc3\x0b9\x0bW\xa6\xb1\xf9\x9aV\xc8q=\xaca\x05\x05"y'</t>
  </si>
  <si>
    <t>b'm\xbb\xf1wh\xdeR\xa0\xb5NN\x8a\xa5\xc2\xab\xf1&gt;\xf7\x89\x88\x0c6l\x10\xa3\xdb\xc9\x14G\xa2x\xb1'</t>
  </si>
  <si>
    <t>card refi</t>
  </si>
  <si>
    <t>b'm\x11*\xde\x02\n\xb9\xb7Z\x800\x15\xb7\xd5~\xc3\xeb\x14 &amp;\xd8.\xc1\xc6\x8e\xd4!\xd3\x18\xc0\x14\xe1'</t>
  </si>
  <si>
    <t>b'\x01\x81o\xafD\xdd\x05\xa4G\xdf\xce\x16\xb2;~\x83)&lt;\xbfd\x05h\x18|\xf3\xef\xac$\xef\x8eN,'</t>
  </si>
  <si>
    <t>Restart</t>
  </si>
  <si>
    <t>b'\xa3\x15\xdfB2\x13\x05\\j?\x9dG\xd0w\xe7\xe9\x92s\x1d\xff\xa9G\xd8\xe0m\xbd\xc5St\xe3\xf2\xd8'</t>
  </si>
  <si>
    <t>b'[\x87\xb5\xbaT\ta\x89\xd4\x17\xf0\xe4y\\[\xb1u;p\xd4\x824\xd5\xc9i\x8cY\xbf\x86\xb8\x95_'</t>
  </si>
  <si>
    <t xml:space="preserve">credit cards </t>
  </si>
  <si>
    <t>b'M?;\xcc \r\xc3zG\xcfxM\xd6\xa5\xd3\x14&amp;\xdaa\x00 e$\xa4\xe7r\x8f\xd6\x9d\tDp'</t>
  </si>
  <si>
    <t>b"x\xf6\xbd2y6\x86\xda\x8a\xb9,d\xb4t\x0c}\\y\xc6\x07\xfc'\x94\xb7\xe8\xdd\x95R\x9c\xe2\x10\x99"</t>
  </si>
  <si>
    <t>b" X\x9e\x1d\xf5&amp;\xc3\xa3#\xe5.-q\x04[:|@\xa3\xeb.\xf1\xc6\xe4\x8dE'\x89`\x99.`"</t>
  </si>
  <si>
    <t>b'\xef]\x82\xec\xcb\x9bO\x96\x0e:\xa6\xf2K\x00Up=\xdd\xa6\xc4\x07\x80f\xac\x1d\xee\x15+\xa3R\x15\xfd'</t>
  </si>
  <si>
    <t>b'\xa7\x86\x0b\xb3/mf\xc5/\xc2\x04\x1c^CWCz\x0c\x92\x0fl\n3Xt\x93Je`Hp\xbe'</t>
  </si>
  <si>
    <t>b'\xc8J;)+[C\xcf\x81\xfb&lt;Sz\xb4V\xdb\xd5\xbc\x8d^4\x8ac\xc8\xd6R\xac\xcbvW\xe2\x9d'</t>
  </si>
  <si>
    <t>Investment Loan</t>
  </si>
  <si>
    <t>b'\xed\xa5rA\xa1\x17Z\x1a\xb4\xacW\x90Pf\n\xd76mYv0Q3\n\x17}e\xab\xb3&lt;\xa2\xa5'</t>
  </si>
  <si>
    <t>b'k`\r\x17\x10\xf5\x8fv\xffCe\t5k3u\x9bxY\x9aluI\xb4w\xcd\xdaV\xc4\x96\xc9\x05'</t>
  </si>
  <si>
    <t>b'\x9f\xc8V\xd9\xc6?)\xae\xa9i\xdc\xf8Z\xd7\xdf\x1a\xd6J\x91O\xda\xbdM\x10\xc5\x91\xd6\xb5\x03\xc2Op'</t>
  </si>
  <si>
    <t>b'\xeb\xdb\x1f\xc3\xa5\x9b\xe7\xc0\xd7x`\xb3Y#M!\x02\xd1wM\xa1\x88]\xee)\x9e\xd4\xfa\xd3\xf5}\x14'</t>
  </si>
  <si>
    <t>b';u\x12oUh\x81\x92\x13-\x08\x89\x86?\x16\xd1\xf4.BLb\xb1\xdf$^p\xec9\xe9\x02D\x8e'</t>
  </si>
  <si>
    <t>b'ru&amp;K\x9f\xb1[`e\x8c\xd2\xd5\xb3\xaf#\xf2\xfe/\xa5\xa8\xcfu#\x98WB&amp;u\xa2\x8f\x00$'</t>
  </si>
  <si>
    <t xml:space="preserve">Dependable </t>
  </si>
  <si>
    <t>b'\x82\x12\xf63\xfc\xfc\x8e15\xa6i\x1d\xd5\x0f\x95\x04\x1a\xa8\xb2j\xb5Bx\xe8\xf9Y\x9bKl\xa9\x9e\xdd'</t>
  </si>
  <si>
    <t>Help has arrived!</t>
  </si>
  <si>
    <t>b'G\xab\x8c\xc8\xde\xde\x15OY\x8e\x89t\xf6\x94d\x0b\x82\xbf\x93\xf0t=\x88d"\xb19\xb8\xf2|\xfa\xdf'</t>
  </si>
  <si>
    <t>b'\xbe)\x1b\x1f\xff\x91\xceb\x0c\xef\x87\xc1u\x07\x81\xf4\xbe\x15\xac\xe2\xde\xb4\x7f\x9bk\x04\x92%\x0b\n\x8e\x04'</t>
  </si>
  <si>
    <t>b'\xda6{\xe0\xee\xc3\xe47\r\xa3\x06\xb0Xf\xac\xa9(\x0b\xc8\x9ap\x00\x12\xa6\xa5\xae\x1c\x10X\xdd\x038'</t>
  </si>
  <si>
    <t>b'\xa3\xa8\x95Y\xa1&amp;\r\xe3N\xb7\xa1\xe1\x91$\x91Z\xfc\x02\x89\x19\xd5:\xe9\xa1\xde\xcd\x06\xb5\x06\x99\xff*'</t>
  </si>
  <si>
    <t>b'\xbe\x98\xbdR\xe9\x7f\xef\x84S\x86\xfet\x91$E0\x8d\x1e\x96\xcfm\xea.C\xc4\xde\xb3~z\x85oX'</t>
  </si>
  <si>
    <t>b"\x02~\x89l;\xef\xab\xc9Y'\xc2\xb1P\x17\xb6_|\x92\xe9\x02\x8c*\xadxw\xeb\xc0Z\xed\x0c\x16W"</t>
  </si>
  <si>
    <t>card relief</t>
  </si>
  <si>
    <t>b'\xe3\x18\x875\x14\xee\xa3\xb8\xc2\xf4\x01\xdc\x18\x83\x9f\xe3\xbe1\x88\x1d\x9a\x14\x9cM\x9f!\x07\xfdS,}\n'</t>
  </si>
  <si>
    <t>b'J\x9f\xff\xb8\xe7b\x17\x8d\xcb\tX\xd3\xc8\x91\x98\xcd\x8f]\x90\xf79\xe5@\x19\xeb\xd6\xb3\x12\xb3\x0b\xdfM'</t>
  </si>
  <si>
    <t xml:space="preserve">HOME IMPROVEMENT </t>
  </si>
  <si>
    <t>b'\x02 )\xa7\xa9\xda\x03\xf4C\xca\xbc\xc0\xca\xd6\xa5\\-\xb0\xd6\xf0=fN\xc0;\x92+\x018+Rr'</t>
  </si>
  <si>
    <t>b'\x03Z\x8e\xb7\xd9t\xb4;\xa2q:nG+TL\xa5\x8fv\x8c\xb4\xc6/\xac\xa2\x08\x7f\xa1;\xc5\xbd|'</t>
  </si>
  <si>
    <t>major purchase</t>
  </si>
  <si>
    <t>b'\xc6hE\xdb62\xe6\x9bk\xae~Vn\x12Y\xaa\x12\x06O\x12V\x95_t\x97\xe3\xa76\xcd\x8c\xb4\xfb'</t>
  </si>
  <si>
    <t>moneysaverloan</t>
  </si>
  <si>
    <t>b'\xf3/\xb3=T\x1d\x8a\xfcV\x92F\xedK];)WW\xfb_\xa74i\xbc\xc1\x1a&lt;GGp\xad\xe9'</t>
  </si>
  <si>
    <t>b'$Icf\xf7\xbd\xd3\x82\xfa\x17\x8a\x1bj\xc1N\x1a\xaaycKbno_\xb2&amp;v\xd5\xe9\x18\xce('</t>
  </si>
  <si>
    <t>b'\xa7\x16I\xa0\xdb\x9d\x886\xb2\xfc_\xac\x1a%\xc2\x11Bx\xe9B\x0c\xd0&lt;\xc3LCl&lt;\nc\xf1\xf3'</t>
  </si>
  <si>
    <t>Lower level improvement</t>
  </si>
  <si>
    <t>b'\xb4\x0c%\xb6\x07s\x90gMG\xb8\x036\xd6u\x95\xb0F\xbds\xa2\xb2c\x06\x16V\xbf\xa26\xb5b\x90'</t>
  </si>
  <si>
    <t>b"\xd2\xd0\xb4&lt;\xef\x1e\x97\xc9&gt;\xcai\xbe'\xcb&amp;h\xef\x1duR.\xa24\x01b\x9c\x0f(\x94\xfer\xf9"</t>
  </si>
  <si>
    <t>needs</t>
  </si>
  <si>
    <t>b'\xec\xc6\xe3i\xd0\xde{\xc1\x01p\xac\xff\xc2X\x9a\x9a\xe3\x86\xaa\xf4\xc4#T\x9c\xfc\xdfU\xc9~p\xe7\xca'</t>
  </si>
  <si>
    <t>Pay off credit card</t>
  </si>
  <si>
    <t>b'O\xe9\xb4M\rYQ\xe0\x86\xdb\x99\x80\x00P\xe2t\xb4\xef\xc8\xa2\x15\xc4z\x94t4\xcc\x04\x01\x81D\xde'</t>
  </si>
  <si>
    <t>credit card killer</t>
  </si>
  <si>
    <t>b'\x9b!\xd1j\x16_B\xce\x94v\xa9\xbd\x84\xdf1\xc7\x19V\x16\x04\xe6\xf7\x84&gt;u0\x14Zm\x8f\xeab'</t>
  </si>
  <si>
    <t>b'\xb5\x94\x8b(\xa3zC\xc8F\xa4\n\xa1(RMj\xbb\xf3\x19\xcb\xa9\x1e\x90\xc7*~&lt;ETmk\x8a'</t>
  </si>
  <si>
    <t>b'\x15\xa2!\xeb\xac\xe3/\x9a\xb1\xe4\xac\x16\xa5\xf2\x9fV\xbd\xdb~*"\xaa\xb3\xeb\xbaf\x06\xb4\xb3\xc6\xaf"'</t>
  </si>
  <si>
    <t>b'\x05p\xc8-\x8a\x07\x8a\x9f\x1d\x1fr\xdd\xf1\xab\xe3\xa9\x92xG\xf8\xf85\xdb\xbf\xa9\xab\xdd\xde\x07\xcd\xc0\xba'</t>
  </si>
  <si>
    <t>b'\xf9\x919g\xdeI!9t\xba\xc8\x8dMLXB\xe0\xd5\xee2\xba3\xba\xc2\x0c\xa2\x82K\xcda|\xc3'</t>
  </si>
  <si>
    <t>b'm+(h#~\xf7H\xfd\xb6+\x93m\xa8GxA\xc3\xeedC\x9fe\x82\xf7\x144\xe4\x01PA6'</t>
  </si>
  <si>
    <t>debt clean up</t>
  </si>
  <si>
    <t>b'Rs\xe4\xc0m\xc8\xefE\xa9\xb8\x98\xe9\xf2\xf2\xb8W\xebq\x12#X\x90\xc1,\x00\x8e\x80#_FY\x02'</t>
  </si>
  <si>
    <t>Debt consolitation loan</t>
  </si>
  <si>
    <t>b'\x0f\x0c8\xca\x08\x1f\xf3\xaa\xfd{\xcc\xb6SN\xa6\x92\x97\x99@\xbb\xf6WeX%:\xfeB\xfdL\xadJ'</t>
  </si>
  <si>
    <t>b'\xf6\xfcX\xae9\x88\x01\xb5\x84\xea\xe7\xc2\x0f\xed"\xc18.\xc4\x180\xbe5\x9e\xbc1\xd1:X\x8d\xbc\x99'</t>
  </si>
  <si>
    <t>b'd\xf3\xe5\x8f\x80Mo\x15b\xc0r \xf3\x19\xb7\xd0\xc4\x83\x17\xd7\x0cJ\xdf\xc8"\t1\xc5\xcc\xc4\x1c8'</t>
  </si>
  <si>
    <t>b'h\xa9\nW\xdd\x04\x11\xdc\xb3M\xd7^IJ*\x17\xd2\xf9\x9a\xcf\xbc]\xa3D\x93c\x1c\xec\x13 \x89\x91'</t>
  </si>
  <si>
    <t>b'\x00\x86\xbf\x1fF\xed\xfb\xaa\xbd-\x05V\x0c\x08\xa8\x8cp\x9f\xc3\xf7\xb2\xf3lr\xfa\xd2\x849\xe6(\xfa\x9c'</t>
  </si>
  <si>
    <t>b'4Y\xb0*\xc0\x7f\x8aa\x12\xe6\xd8\xe4\xec\x04\\\xb6T\x81\x11\xc1.\xde\xdc\x86mt\x1a\x19\xc1R\xde\x93'</t>
  </si>
  <si>
    <t>CREDIT DEBT</t>
  </si>
  <si>
    <t>b'\xd8n\x93u\xb8J\x8e\xc9\xd27\xd1Q\x87\x03\x05\xe3\x0f\x07\x83%\x90\xedH(\xbf7\xd3\xe2?\x9d\xca\x00'</t>
  </si>
  <si>
    <t>b'\x16\x85\xff\x88\x9bf\xde\xf1\xd3\x11\x8d\xf3\xa9\xa1\x0f\xb5\x18gz\xa4\xf9"u\x9c\xdd\xe2e\x15\x84e\xb4K'</t>
  </si>
  <si>
    <t>happy</t>
  </si>
  <si>
    <t>b'\xd6\x85\xe6@\x83\xf5\xa1\xdc\x9a\xfb\xbep\xef\xfb\xa0r\xb4\x8a\xe5\xf3F\xb1\xb0\xef_o:\xc3\x81\xe9\x9a\xe9'</t>
  </si>
  <si>
    <t>my debt consolidation loan</t>
  </si>
  <si>
    <t>b'\x13\xfan(p\xa2Ra\xf8%C\\%Q,\x1e\nW\xa4\xea\x8f\xce\xb2\x14\xf7\xf9\x18\xd6b\xe8\x03\xa2'</t>
  </si>
  <si>
    <t>b"\x13'\xe2\xf8E\xb2y\xcdcE\x1d\xee\x1ae\x967D\x9c\x8cb\xac0\x14\x06\x87|:B\xf2\x88P."</t>
  </si>
  <si>
    <t>b'UH/9K\x96\x9a\x0f\xd2k\x19-)\x13\x8cQ\x8a4\xbbBm\xbc\x0ckx\xddU\xa5kG[\x1f'</t>
  </si>
  <si>
    <t>Safe Bet</t>
  </si>
  <si>
    <t>b'\x80\x81\xfa\xb1h\xc1A&lt;\xda9\x98P\xe1\xc5D\xf76y\xc1\xa6`z\xabP\xc8\xa1\x96\x1eME\xcc\x8c'</t>
  </si>
  <si>
    <t>b'qeG\xcf\xa6yV\xd2\xbb\x97o\x01(Jw\x9f\xe9\x9b,V\n\xeb\xfb9\xc2\xa3?\xba\xe6(Jp'</t>
  </si>
  <si>
    <t>Package Delivery</t>
  </si>
  <si>
    <t>b'\x9c\x9dT\x1e\x82\x07\x9bG\x92\x9di(\xd12\xc6g\xf3\xb1K\xd6\x82\xcfy\xe54\xc2hs\xaa\xd9\x9c\xf6'</t>
  </si>
  <si>
    <t>Sigh of Relief</t>
  </si>
  <si>
    <t>b'\x82M\xc9f\x1a6\x95\x0cb\x85\x19\xba\xe5}\x85+T\xad\xf2\x0eW\xf1XJ;\xc8\x05*"*\xc9\''</t>
  </si>
  <si>
    <t>b')\r\xbcL,2\x07\xb7\x98F0\xa3\xafr\xc9\xa0W\xbdg\xce\x045\x99\x14\xcd\nt\xe5\xde\xd3\xe1k'</t>
  </si>
  <si>
    <t>Finish loan</t>
  </si>
  <si>
    <t>b'O\x85\xe8\xb8\xb5CaS\xbcX\x90\xb0d\r\xf7\x90P0\x97&gt;\xef\xf6R\x06\xbf\x1e\xf2\x92\x00\xfb\x88%'</t>
  </si>
  <si>
    <t>b'\xa5\x0b\x9b\x05\xf7\xcf\x84Z\xfe\x7f\xf0\x1d3\x16\xb3\xa2\x02\x1a\x184d[g\xach\xfd\x00\x91=K\x9fI'</t>
  </si>
  <si>
    <t>Fresh Start - Credit Card Refinancing</t>
  </si>
  <si>
    <t>b'r\xd9\x1fM\x03\xc0\xe8Nn"\xba\x8e\xb0~~}\x19\x15\xd6^\x1d\x12rf\xaa)\xb5u\x1fDi['</t>
  </si>
  <si>
    <t>155xx</t>
  </si>
  <si>
    <t>b'\xe3\x01\x95\x07\x85\xf6\x04\x0e\xa5\xea\x9a\xfcQ;\x8c\x9bZ\x95\xbey\xeb\x1c1\xb5\xf6\xa6\x85\x91\xfe\xaf\xd9\xad'</t>
  </si>
  <si>
    <t>b'\xd7R\x0f~3\xf2`L&lt;]\x02\x12?\x15\xad:\x9b\xb3\x80P\x03h\xbfP\x84\x97\xe2\xd81\x16\x1e1'</t>
  </si>
  <si>
    <t>b'\xeaN\xac\xbd\xbd\xd9&lt;l\xd9\xac\xe8X\x0c\x8f\x81\xbd\x8bX\xcfcc\xa9\x8eg\xae\xff\tm\xca\xc6&amp;t'</t>
  </si>
  <si>
    <t>b'Z\xdco\xe5\xc3\x05\xe6\x07\x85\x8c#b\x89\xe4\xea\x15\xa0\xc0\xba\x1a\x9aC\x12RAL\xb3\xe7\x06\xb0p\x80'</t>
  </si>
  <si>
    <t>FOR THE BIG DAY</t>
  </si>
  <si>
    <t>b'D\xa76y\x05Q\xc2F\xe6F\xe5T{`\x9e\xcel9\x88\xf5\x1d\n\xcdj\xea\x19\xf1U\xc5\xc3oo'</t>
  </si>
  <si>
    <t>b'\x8b(\xeb\xd08\x14\xf6\x06$\x95i\xc5\xfd\xf4&amp;\xe4\xe5\xc7(#\xa4\xf2;\x0eY3\x00@\xbaz\xfd:'</t>
  </si>
  <si>
    <t>b'\xc97:fH\xde\x91\xbb\xdfLOO\xbc\x932\x17\xe0^\x07\x14\x10\xb99\xbb\x8d\xd6\xe9\xee\x1cI\xca\x88'</t>
  </si>
  <si>
    <t>b"\xfb\x80\xaa9\x0f/\x0e&amp;\xb2\xc4\xa6\xfc\xe8\xd5KK*U\x95t\xa6\x1f\x05\xd6\x978&gt;\x15'\xbe(\xa5"</t>
  </si>
  <si>
    <t>b'\xce\x04\xb5\xb0bV\xe7\xb8\xe1i\xee\xb57\x0f \xc9\x05.6_\n,\t\xc6\xb8\x7fZ\xa1F6E\x80'</t>
  </si>
  <si>
    <t>b"X\x05\xc2\x18\xbb\x04\x8a\x1d!\xee\xe3\xf6\xa0\x07\xa6\x12S\xfc\x84Z@FE\x14'\xdc\xa9\x8dg\x1aD\xb0"</t>
  </si>
  <si>
    <t>b'\xbc\x9e}\xcc\x05P\xff1\xbbl\xd9\xba\xce7,O\x11N\xa8.V\x85\xa9l\xc0\\F\x9f\xc8\xba\r\x90'</t>
  </si>
  <si>
    <t>Debt consolidation and improvement</t>
  </si>
  <si>
    <t>b'\x8f\xaa\x950^ w\x92\xdc\x08\xa3 \xc3\x15xKG\xddC\x183/H\xb4\x92G\x1b\x06\xdb^\x87C'</t>
  </si>
  <si>
    <t>b'{i\xb6&gt;\xc8G9\xa2\xa7\t\xd2 ~\x900\xc5Cy\xc9\x92\x89\x9e\x88|d\xa7M\xfa\xac\xfa\xaa&gt;'</t>
  </si>
  <si>
    <t>Credit Card Consol</t>
  </si>
  <si>
    <t>b'\xd9\xde\x0b\xd2QZ~\\\xafNE*\x99b\xafpj\x91g7\xd5\xd0\xbb\x08\xb7An\xa9\xe2`\xf1\x10'</t>
  </si>
  <si>
    <t>b'\xf39]\x07kf\x19\x05\xcc-\xd3\x0cso\x9d\x10\xed\xe7j\xbfo\x11\x8fi\xb7\xae\x90\xddMt\xb1\xcc'</t>
  </si>
  <si>
    <t>debit</t>
  </si>
  <si>
    <t>b'\x8b\xa2\xa2\xb5\xfc\xd7u\x1e\xde\xa4\xf9h\xa0J\xbb\xcdr\xf8)\x8a\xc6\xcd\xee\x1d\x89\x18\x0f\x7f\x07\x06\xb8\xb0'</t>
  </si>
  <si>
    <t>Debt Considation</t>
  </si>
  <si>
    <t>b'/\xbb\x1f\xed#g\x15\xc7\x15\xdc\x1eH\x8f\xc0\xa3\x1a\x13\xa6\x88\x86PE\x14H\xb99\xbe\rw\xa3C:'</t>
  </si>
  <si>
    <t>b'#q+\x88\xa7!\xfd\x12d7\x1a\x1c\xd3\xd8s/\x12\xcc/\xb6\x12P\x91\x92_h\x8d\x0b\x19X\xa8\xe5'</t>
  </si>
  <si>
    <t>b'u#\xa8tqEz\xf6X@Y\x86\xb8\xfc\x12\xd8\x11`t\xe2\xd6&lt;\x06\xb6\xa6\x8a?B\x8a\xa8~\xe2'</t>
  </si>
  <si>
    <t>Pay off my bills</t>
  </si>
  <si>
    <t>b'\t\xbdy\\\xcc\xe8\xdd/6g\xdb\xba\xdf\xe9\xe9\xe3\xd6\x17\x01j\xa2\xec\x17F\xe9\x9bx\x1e\xfc@\x13\xb8'</t>
  </si>
  <si>
    <t>SNOWBLOWER</t>
  </si>
  <si>
    <t>b'3+\x9d\xf1\x17\xdesS\xd8/Eq\xd4?\x9d\xe3\xfa\xab\xf5\xeaW \xcfq\x18hy\x95\xee\xc8\xb0\xdb'</t>
  </si>
  <si>
    <t>my home improvement</t>
  </si>
  <si>
    <t>b'\x0e\x83\xc06\xf1\x05\xc5\xf4gc4\xa6k \x12\xfe\x0c\xf7\x1f\xd8\xe37^\x92\x9a\x00,O/Dj\x9d'</t>
  </si>
  <si>
    <t>b'A\xc4\x10\x01\xc3\xfa\xb4`\x16\x92\xea_\rF\xc0\xc9\xf8\xbeZ\x0f\x8e51\x9c~\xec\xff\xb3yb\xb0\xa6'</t>
  </si>
  <si>
    <t>167xx</t>
  </si>
  <si>
    <t>b'\xfb\x98_\xbc\xe6O\x89\xb6\x94\x95:.\xf9\xefG\x8b\x9a\x0c\x14t|\xe2l\x1b\x15\xc6\xc0\xa4\n0\x99&lt;'</t>
  </si>
  <si>
    <t>All Debt Pay-Off Loan</t>
  </si>
  <si>
    <t>b'\xb6bjB\x04\x167s\xb0\xccAd\xc3\xbe\xb7\xb7[\xfbR\x16\xbd\xd0\xa2[x\xe4"r&gt;\xa8\xfbF'</t>
  </si>
  <si>
    <t>b'\xe9\xb6\xf09X\x1c\x9c\x01\x0c\x05\xd0GI\xb9\xc1\xa2\xd2\x0e\x8c\x1f\x00\xb0\xb1\xde\x02pc\x10?\xa4\x12W'</t>
  </si>
  <si>
    <t>Consolidated Bills</t>
  </si>
  <si>
    <t>b'\xac&lt;\xc2Z\xc5\xad^\x87"&lt;\x88x\xb0|\xfbW\x07\xe0\x9cP\x14\xc4\xc3\xc1O6\x86\x01i\x86\tc'</t>
  </si>
  <si>
    <t>Legal</t>
  </si>
  <si>
    <t>b'\x03\x0c2O\x90\x16N0:Q]\xb6Xhx\xa0;b\xb7\x14&amp;\x82\xd5\x19\xd6aR\x90\x82\x18\xc0&gt;'</t>
  </si>
  <si>
    <t>b'\n\x8b\x14\x15m\xc8\xe4\x1b\xbab\xc55w\xe0\xcfe7\x99\xe8_\xbbF|\xb8\x1f\xdb\x9d\xb9\xed\xe1\x0f\xd7'</t>
  </si>
  <si>
    <t>The Unique loan</t>
  </si>
  <si>
    <t>b'\x8d\x03\xcdm\xfcp:\x97\xdc9\xa4n\x8b+G%8\x95\x89m\xd9\xd2\x8e\x02.\x10\x9a\xe4_z;\xef'</t>
  </si>
  <si>
    <t>Getting ready for school</t>
  </si>
  <si>
    <t>b'q\xb9\x92\x89s\xb2o\xdc\x9d`;\x89j\rhZ(\xbb\xf1e\x0eT\xb0\x84\x83\xa1\x12Q,;\xff\xed'</t>
  </si>
  <si>
    <t>b'w,x\xb9\xbd\xb1\x16\xbcUr"\x93z\x1cRl\xb1!\xdc\xe5M2\xf0\xa8t\x95\xa9\x12\x95\xd28\xe2'</t>
  </si>
  <si>
    <t>b'\x92\x0e+\x9b\x82?\x0f\xc0\xa2dL\x8aN#]f\x89?y&gt;/{\xa10F\xaf\x84\xd0&lt;\x0cV9'</t>
  </si>
  <si>
    <t>b'\xc2\x08F-\xee|INs\xce\x1aRg\x1d\xeaT\x08\x00\xb1H\x0b\xcf\xd7\x94\xd3\xe5\xd7D\xb6\x87\xa1\x97'</t>
  </si>
  <si>
    <t>b'\x07\x1an\x0bN\xb8\x91\x0b\xb2\x1c%\xca\xc5D\xfbl\xa2\xc8\x1c\xc6\xc3J@\xa8\xa1,\xbe\x1e\x18\xa7Y\xe8'</t>
  </si>
  <si>
    <t>b'\x9c\x1b\x1d3\x90\xb9A5\xba\x9bQ5\xed\x08\xf9\x92\x0e\xea6,\xa3\x8a\xb6\x12\xddN\xcf\x16&amp;}\x0f\x1a'</t>
  </si>
  <si>
    <t>moneysmart</t>
  </si>
  <si>
    <t>b'\xa0\xd3.y\xb8b\\\x13\xbc\r\xd8\xed*M\xe1\x1a\xda\x89@\xb0+\xf3\xae\xaf\x12\xc8\xb9;Q\x86,N'</t>
  </si>
  <si>
    <t>b'\x1f\xd1#J\xccVk|.c\xd0TbI\xd17\xb3\xc0o\xf9^l\xb6\xa6\x02\x1b\x82\xa4h*\x02v'</t>
  </si>
  <si>
    <t>b'\x8e\xb7\x90\xb9\t\xeal\xd2T(\x848\xf4\x15\xf2\xae\xa3\xf7\xadl\x9a\xaf\xccn\xc7\xee|\x85\x19V\x83)'</t>
  </si>
  <si>
    <t>All Debt</t>
  </si>
  <si>
    <t>b')\xa2\xea\xbd:\xc4\xc2kD\xa2)\x19?\x1f\xb0\x82\x04L\xf8\x99\x14\xa1Oq\xf7\x1e\x8a\xf5\x86FF;'</t>
  </si>
  <si>
    <t>b'#\xd8r\x92s\xb3\xd9\xd2\xf6\xa2N=\x8a\\\xd4\xa8e2e\xb6j\\\xb0\x1e\xe4\xab\xa7MP\x8a\xe7\x8b'</t>
  </si>
  <si>
    <t>b"T\xc1\x1b\t\xa7]\xee0G\xd1'\x0b\x89\xf5\x99o\xc5\x9d\x0fHuc\xd8.\x13\x1cL\xbc\xe3f\x05\xbd"</t>
  </si>
  <si>
    <t>reduce interest</t>
  </si>
  <si>
    <t>b'5\x01\xfe4\xfdKKJ\x97\xf5n\xa3:\xfb\xd5X3\x1c\xc8\xeb\x9e\x14\xf9\xb8\xbc\xe8T\xf4\xb8\\\x87\xde'</t>
  </si>
  <si>
    <t>b'\x8bqg\x8fQ\x80\x8e3\xf0\x93\x00\x00\xd7\x04\x98\x1d1\xb7x\xb6\xdeF\xc1\x86z\x03y\\F\xd0t\x1d'</t>
  </si>
  <si>
    <t>b'\\=\x86\xaf\xdbV\x04d\x89\xdf\xe2/vN\x99B\xe0\xfaWKR\xeek\xa6#\xf9_\xa2\x81%(q'</t>
  </si>
  <si>
    <t>b'3\xc2\x9d\x02\xdb\xa7\x8ewO\xee~Y\x88N\x9d\xf1T\xef\xa7{\x1b\x04(n\x1fcw\x06\x02z\xb6\x0f'</t>
  </si>
  <si>
    <t>On the Way to Debt Free!</t>
  </si>
  <si>
    <t>b'4\xeb\xc9\xa3s\xee\xdc\xe5\xcbU\xf2q\xb3Kk?\xd2\xf5\xc9Gcf7\xaa@#\x1f\xbb\x81n\xbc\x10'</t>
  </si>
  <si>
    <t>b'n\xc6\xbb\xdf+\xff?a\x9c\xe7;\xe9^\xa8\xee\xb1\xccY\x0f\xa7\xd48\xc7\xcdt\xbd\x9a\xd1\x88N\x8c\xbd'</t>
  </si>
  <si>
    <t>b'\xc0\x9fI\xff\xfd \xaf\xc1\xe6\xfb\x93\xfa\x9auC\x06\x1dF\x7fh\xcf1\xd1\xbe82\x86w\x1c\x10\xb0\xf2'</t>
  </si>
  <si>
    <t>b'\x84^\x86#+\xb9\x08\xcc}\xf7\\\x9b\xf4nF\x10\xc3B\x0e^\xd4\x16\r\xa3\xb0V\'\x89\xb3\x8c}"'</t>
  </si>
  <si>
    <t>Sales manager</t>
  </si>
  <si>
    <t>b'\xcf\n\xbfl\xb8\xccA\x18\xcc\xbd\xa8\x1e\xb88\xabm\xa9\x82n\xf1\x9b\x81\xd8?\xd0 oQ\x7f\xd8\x1a`'</t>
  </si>
  <si>
    <t>b'N\xf7V2\xd3\x85\xd6\xce\xc4\xf8\xf3\xdb\xbc\xbdj qXW\xe7\x01\xfaFy\xdcg\x06\xdd\xb3\xc4\xbf\x17'</t>
  </si>
  <si>
    <t>b"D#\xa3W\xaa\x13'WM\xa7m\x0c1V9(\xba6\x95\xb0\x1c\xf17\xe54hh\xf3\xd2!\xea\xc5"</t>
  </si>
  <si>
    <t>b'\xff\x96\x073_Tpk\xbe\xdb\xe8\x8e\xcb\xad?\xb1\xcc\xe2\x16\x06\xe6\xaf\xbd\x88S\xa7\xd6\x14\xcfr\xb8\x96'</t>
  </si>
  <si>
    <t>b'\x16m\xda\x8a\x89&lt;\x86F-n\xd6j\xafO(\x1d\xeej{\xdbj\xf2S\x0e\xb0}\x14d,m\xd7\x8d'</t>
  </si>
  <si>
    <t xml:space="preserve">Student loan refinance </t>
  </si>
  <si>
    <t>b'a\x96\xf7\x99\xa5F\xb75wM\r\xae\xc1\x9c\xdf\x92\xa7\x0b)\xcd\x01B+\x8d%w\x90W\xbb{\x981'</t>
  </si>
  <si>
    <t>b'\xfc6\xdf\x88\x1b\xf9\xc1\xf0\xac3\x04\xafY?Z\x91\xa0\x06\xee\x9d5\xc4\xa0\xf3\xb3\x17\xf6(\xd7\xff\x1fk'</t>
  </si>
  <si>
    <t>Consolidation of Bills</t>
  </si>
  <si>
    <t>b'W\x93q\x87\xfa\xd8\x84\xbc\xb2\x1c\xbb\xbe\x89\x1b\x1e\x0c]\xc1ZJ\xf6\x81sW\xf4 \xd1\x0efb\xaa\xcd'</t>
  </si>
  <si>
    <t>b'\xc8s\xa0k\x1b\x83\x87\xa0\x92\xa4F&lt;\xa1\x004waT\xb5~\xb1\xab\xd5\xbcH\xa4?\x054\xce\x8f\xcd'</t>
  </si>
  <si>
    <t>b"\x0c\xcc\x84/\n\x89\x13\xab\x8f@\x10\xfc\xf1u2T\x11\xe3\x12X1\x0e\xc8'\x7fvQ\xdc\x0e'S\xe7"</t>
  </si>
  <si>
    <t>b'\xfa"\x1d\xaf\xdaii+;;T]\xc0\x10:\x82\x08A\xec\xd9!\xb3Q\x13\x1cE\x15\x9c\x93\xb1\xee\x94'</t>
  </si>
  <si>
    <t>b"\x0bHA,\xf6D4U&lt;_)\tP\x8b\x10\xcc&amp;\x00l\x02\xd3\xe5.\xa4\xe2\x9d\xa4\x82P':A"</t>
  </si>
  <si>
    <t>Consolidate and Payoff Debt</t>
  </si>
  <si>
    <t>b'\xab\r\xb7a\x96\xf2W\x19[\x04l\xa2o\xdd\xaa\xba1\xaa\x9c{\x8b\x80\xa7\xaa\xa9\x86\xf1|\xda\xd0P$'</t>
  </si>
  <si>
    <t>Debt Clearing Loan</t>
  </si>
  <si>
    <t>b'\xc6\xec\x14\xf4\x88\x86n\xf2\x80\xf4p\xbb\xcf\x938\x07A\x12\xc9\xfe\x11\x92\xfb\xf3?\x99\x84\xacs+\xbd\xa8'</t>
  </si>
  <si>
    <t>b'\xb8F\\#\x9f\xc0\xeeS\x1ay\xd1Gk\xe6G\xd0\xffz&gt;\xb1k2\xef\xfc\xd4\xafgD\x0e\xc7\r%'</t>
  </si>
  <si>
    <t>b'\xbf\x9d\xfe\xb4\xe1\xe4h\x17k\xb0\x04\xee\x82\xf9\x9d\xf0_\xb1\x85\xca\x87\x90\x04@&gt;\xd0\xbe\xa0\x9e\x0e\xe5\xf5'</t>
  </si>
  <si>
    <t>b'\x1f\xa3\xc3\xbb\xd9e\xad\xaa\x9f\x8f\xd8l\xf6\xec\xe9J\x93\x81\x1e29\xbc\xcb3\xd5&gt;\xf5f\xc4C\xa6\x03'</t>
  </si>
  <si>
    <t>b'e&gt;J\x00:}\x12j&lt;HE!;\x80Oj\\(\xbd\x7f\x93\x87\xf343\xd9uzB\xa0\xa7\x13'</t>
  </si>
  <si>
    <t>b'l\xf5o7"G1\xb2\xde\xab?\xe9%|\x90\xc6\xa5&amp;\xe2d\xda\x05\xbc\xab\xecE\x9fnu\xf2J\xfa'</t>
  </si>
  <si>
    <t>b'41\x0f?B\x91}\xc2W&amp;\xa8%\xd5\x08\x86\xdb\xd6\xc6\x04\x93\xec\x05m\x1a+7\xf8\xc6\x87L&amp;&gt;'</t>
  </si>
  <si>
    <t>b"\x0c\x90\xe4g\xbd\xab\x98\x7f\xe3\x1f\xaa:\x07\xa4\xbf\xee\xdeo\xd9\x81\xb0X\xa5\x15\xbf^\x10'x'\x11\x8e"</t>
  </si>
  <si>
    <t>b'\xe4\xc7[\xf3&lt;J\xdf\xf1:}\xcf\xfco\xa8W\xe2\x7fW\x8f\xc3\xe4\x94[\xde\x90\xa0\x97\xa2\x80\x9f\xb6,'</t>
  </si>
  <si>
    <t>b'\x98O\xa9d\x90M\xd6b\x06\xad_N"\xc1\xca\x1ck\x84\x1a\x80Z\xa5"s\xa6\xb0\xd1\x1f \xea\xb2\xe8'</t>
  </si>
  <si>
    <t>b'5\x11\x8d\x87H5\xba\x86U\xed$[\xd8\xaf/\xd0%\x81\xfdhL[2\xc9Q\x04\xd7\xea\x85\xa2\x0e\xa1'</t>
  </si>
  <si>
    <t>b'\xf9D\xdan3M\xd9\\\x12\x13I5\xe6\xb2$H)\x97\xfb\xd0\xf1654\xa7\x9f\xbb\xf7\x8f\xb3\x92\x07'</t>
  </si>
  <si>
    <t>Lower Debt Interest</t>
  </si>
  <si>
    <t>b'\xdc\xa3V\xbe-`\xdf\x1b\xb0\x04t\xa0\xf4\x8al\x08\xcf\x10\x95B\x08Se[\xadh\xef\xba\xe1\x8d\xff\x1a'</t>
  </si>
  <si>
    <t>b'6\x190\x98Wk\x16#c\xe6\x98\x1brkm\xca\x152Q\x8c\xbc\x16\x99S\xd6R\xab&lt;?1u\xc8'</t>
  </si>
  <si>
    <t>Got to</t>
  </si>
  <si>
    <t>b'~H\xe6h\xa8\x0f)\xa4\x16\x8f\xc1\xb8#\xeb\x87\xe4mp\xcdK\xc7\xc0\xb3\xf0\xaa\xe2\x06\xa6\xe2\xf0h\x8f'</t>
  </si>
  <si>
    <t>b'\xecv-H\x04\xe9\xae\xc1\xbb\x8b\x9b\xe6G\xbb\x91\xfa\xb8F\xd1\xd3,&gt;\xbd\xe5\xaf\xbb,\x84\rXZ\x07'</t>
  </si>
  <si>
    <t>b'\xfaXd\xf5\xb9\xa4\xf2\x93\t\xfbc\xba\xe8p\x11\x0e =\x1e4\xa6t\x9aB2\xab7\xdc\xa1\xdb\xa8\xee'</t>
  </si>
  <si>
    <t>Freedom loan from high intrest.</t>
  </si>
  <si>
    <t>b'\x02p\x19Wt\xe6\xc2\xf1\xafAh\x15G\x90}9z)o\xaf\xae\xd9%\xd1\t\xc0&amp;\xf5\xdd\xa6\xfb\x83'</t>
  </si>
  <si>
    <t>b'\xdfY&gt;\xf2-\xf9\x83\x8c&lt;D\xc7\xd9\x11\x0c\xb4\x0f{\xd2\xfa\x0c\xb3\r\xd4\xe8\x03\xf5\xa4E\xe4\x8f\xaah'</t>
  </si>
  <si>
    <t>b'\\\xc6E|\xd0$6cM|~\x1c\xc1\xb4\x87\xad\x0e\xd9\x16\xa0\xf6\xcb\x9e\x8e\xdav$\x0b\x05C\xdcZ'</t>
  </si>
  <si>
    <t>b'f3\xbc\xd9\x13H\xaa\xf55\xab\x91\xb0"\xa8\xfdqi\xc6\xab\x8a&gt;Ka\xd5\x8e\xdf\xab\xe9\xe7\xc92\xf3'</t>
  </si>
  <si>
    <t>b'%\xc4$\x03\nA\xc11{&gt;\xc2\xdd\xdaHJ\xf5go:r\xe5\xb2\x95\xaa\xe9\x0fb\x8e\x83\xcaY('</t>
  </si>
  <si>
    <t>b']#Y\x1dY\xd2*1\xa6\xf7@/\x95\x7f\xb0\x9bRF&amp;\x06m\xa3\xf3\x93\x0f\xb6AP82\xef\x14'</t>
  </si>
  <si>
    <t>b'\xf0\x1e\xbd\x85\x94S\xdc\x87D\xdc\xdd\xa6\x82CKA\xa3\xfe\xcdUW\xe1\x04\x1c\xc4Pr(\x7f\xbe\x84\xf8'</t>
  </si>
  <si>
    <t>b'\xbd\xf5\x81Ko\xe4\x9f\x8c\xab\x02%\x93\xa7ZH\xb2\xef9\x12\r\xae~[\x11\xef,t\xba#P-\xb5'</t>
  </si>
  <si>
    <t>b')\xe6\x17*&amp;\x13\xe2\x01\x1f\xf5\xa9Yci\xb0$\xe40\xb9\xa5\xac[\xa3\x99\xf5\x8fM\xea\xc3Y~\x9e'</t>
  </si>
  <si>
    <t>Payment consolidation</t>
  </si>
  <si>
    <t>b'[\xf3\xdciz\x18\xfbJ\xcf\x8c\xaa\x0bRC^^\xa0\xa3\xfe\xa8-.\\`\xbb\xa8=\x16\x0fB\xeaC'</t>
  </si>
  <si>
    <t>b'f\x1e\xf9\xc0\xc4\xfd\xea(\xfa\xc2\x14\xd6\xdb?\xe3\xdbw3\nl\xc5\xdb\xc2\x82E\n\xe9c\x01\xc2\x1dd'</t>
  </si>
  <si>
    <t>b'\xca=+`*\xda\xa3\x89Z\x02e\xaf\x97\xbb\x04\xae\x92\xdc1\x8eM\x86`\xea\xd7\x93\x8c\x0e)7%\x95'</t>
  </si>
  <si>
    <t>Debt Conolidation</t>
  </si>
  <si>
    <t>b'\xad\x87\x87\x03\x94\x82\xb0\xae\x11\xaaq\xb2\x96\xba\x8bF&amp;\xb7\x19I\x8a2\xd2\x93\x04\xbb\xbc\xc1\xffEj\xd7'</t>
  </si>
  <si>
    <t>b'\x85kQ\x90\xa6\x8a\xc1\xa9\xb3\xd3\xc2R\x8e&amp;\xdb\x92w\xca\xb8\xe0\xc7\n:\xca\xbc\x97\x803\xf0\x90I\x91'</t>
  </si>
  <si>
    <t>b'\xe8d\xbek\xa6\xfb`Y\xe2cy0\xa1,x\xcaO\x92\xf8%j\x1dW\xa6u\xf9\xae\xf2\x0c\xce\xa0\x8c'</t>
  </si>
  <si>
    <t>b'\xdb \xe8B\xbf\xeev\xd9\xf7y7\xf3\t\x19\xaf\xd7\xffg\xfc\xdbn\x1e\xef\x03\xef{\xd5\xcfN\xbe\xcc\x90'</t>
  </si>
  <si>
    <t>b'\xe2\x8e\x91"\xd3\x8d+\xfd\xdf\t\xff\xcel\x10\x0b7E\xb3\xb3\xa5U\xde\x8fgE\xa3\x86\xdd\x0fI\x04&gt;'</t>
  </si>
  <si>
    <t>Credit Card ReAlignment</t>
  </si>
  <si>
    <t>b'\xcbq&lt;&gt;\xce\xf19\x1f\xbb&gt;\x81\x04OE|\xc1\xcf\xfe\xbe\xa9\xad\x08\xae{\xb8\xcd\xe0n3j\xda\xa1'</t>
  </si>
  <si>
    <t>Loan to pay off bills</t>
  </si>
  <si>
    <t>b"\xa2\xc5&gt;\xddJ\xb6Zc;\x18'b6\xa0\xdc\x87\xe8\x96\xdeIoFI{\x821\xed\xd0\x9b^\x1c\xdf"</t>
  </si>
  <si>
    <t>b'\xc3[Y\xa3\xfc*\x95\xa3\xe6np\x05\xa0\xf6(\x94\xe6\xec\xf4\xd3^]\tt3\x11j|\x06\xaa\x94\xa7'</t>
  </si>
  <si>
    <t>b'CZ\x0fV\x92\'\x1a\xce\xa8@\xda\xd4\x98\\&lt;$"Z\xa6+54\x04kY\xd7\xdd|D\xaa\x85\xcd'</t>
  </si>
  <si>
    <t>Fixing debt/cutting up credit cards</t>
  </si>
  <si>
    <t>b'\x85ye%=\xce\x89f\xd6d\x01\xa6\x8d\x89\xf43[\t \xf9\x1a\xec\x10\xf0:t\xe4\xe8\x92\x9f\x9b8'</t>
  </si>
  <si>
    <t>home improv</t>
  </si>
  <si>
    <t>b'Dp\x10p\x94\xa2^R\xc7Y\xe5\x8f\xbe\xb9\xcaJ\x8b\xd1\xd0\x8c\xc4\xd9\xdf\x9e:\\\xb6\xb7\x1b\xdbe\xaa'</t>
  </si>
  <si>
    <t>b'1\xe4p v\x9e5\xaf\xa9\xeb@Q\x9a\xa5\xa1\xd8\xba\xc7T\x89=\xc0SE\x02\xa6g~\x90\xb6\x8f9'</t>
  </si>
  <si>
    <t>b'L\x1f\xe8&lt;\xea\xef?\'\xcc2\xe35\xe8)\x11\xc1\x8b\x02PyE2"\xfa9\x12\x8f9F0W\xc4'</t>
  </si>
  <si>
    <t>hardship loan</t>
  </si>
  <si>
    <t>b'\x13\xe2\xe0\xc4&amp;\xb7\xfc\xa9X\xa6\xc5C\x9e\x8a \x19\x7f2\xc0\xdcP+\xc9$\\\xe6\xf0u\x0f\xc5jo'</t>
  </si>
  <si>
    <t>debtco</t>
  </si>
  <si>
    <t>b'\x08\xab|\xef\xd32\xe6\x12\x1c\n6\x9ae\x8fa\x8a\xae;\x84e\xea\xb2\xe8\xbdAe@\x03\xd0&lt;\xc4P'</t>
  </si>
  <si>
    <t>Closing Loan</t>
  </si>
  <si>
    <t>b'\xb1k\xc8\xe0"\x88\xa95bq(\x01\xcd\x9c\x96\xea\xa5W.\xc8\x9c\xcd\x9f\x12\xdc\x9bE\xea\xd3\x1aY\xb9'</t>
  </si>
  <si>
    <t>b"13Op'#=\x98\xd0_R\xfc\xb4&lt;{\xf1\xcehd\x12\xf4S`^$\xf4\xa0\xd5{\xc5\x1b\xd7"</t>
  </si>
  <si>
    <t>BOA pay</t>
  </si>
  <si>
    <t>b'\xc5(\x1a&gt;O\x8eLN\xe1\x15\x17\xf2~\xa2$\xe3(~|\xe7B\xfct\xa4\xf4R\xa3\x86\xf4n&amp;\x1f'</t>
  </si>
  <si>
    <t>b'\x97\x960\n\xfcP\xea\xe8\xfb?Br\xd5\xa9\xc9I\xbd*\xfe\x0f?\x86\x89\x9e\x95}/&amp;sL\xe8\x97'</t>
  </si>
  <si>
    <t>b'V |\xaa|%\xa7 c\xa1\x10E\xcb\xb9\xc2\xff\x90\x82\xf9*\x10\xb5i\xe9LE\xc6:,\xa55\xbe'</t>
  </si>
  <si>
    <t>b"\xa3*s\x87:#\x1c@'\xe9\xf9\xb9\xd5'wp\x07|z\x99\x89|\xad&gt;\x07\xdb\x18\x95\xae\x1c\x85\xc2"</t>
  </si>
  <si>
    <t xml:space="preserve">thank u loan </t>
  </si>
  <si>
    <t>b'j\x95\xa6\xce\xf0`W%\xc4\xda[N\xce\x1b\xb6\x89\xd0\xd9\xa2vl\xa78\xdc*c\x16\xb9\xf1\x02\xf0\t'</t>
  </si>
  <si>
    <t>b'-`\x9e\x10&lt;y\x8f9\xad\xee\xdaF\xae7\xcf\x8c\x01*\xf4\xa4F~\x0b:\x99+\x18\x8f\xc7dO`'</t>
  </si>
  <si>
    <t>Pay off credit card balance</t>
  </si>
  <si>
    <t>b'\x8d\xca)\xa6\x17\x9d\xef"KI\x80\x87\xda\x97\xac\xf6\x15\xfbu\x9c\x1f\xc7[\x16\xb9#\x13s\xc1\xb2\x19\xb0'</t>
  </si>
  <si>
    <t>b'\x12\x80\xb3\xfebW4,\x08\x93\x9cW\xc0\xc8\xd3`\x82\x81\x96T#\x83+\x1e\xba\xdesA\xc4 \xc4\x17'</t>
  </si>
  <si>
    <t>b'\xfe\x81\xa5\x8cE\x02\xfc\xfc\xb0\x8b\x88w\xec`\x0b\xfa\xcb\xdfo\x81\xa7\x04\x00\x85\xbf\x96\xaf\xd3-\xbbH\x1b'</t>
  </si>
  <si>
    <t xml:space="preserve">personal need for some repairs on home </t>
  </si>
  <si>
    <t>b'\xe3\x82\x1d\xecuJq \x1fWX\xda\xcag|\xc8=\x90\xc5\xcb\xc0\xd2\x85|\xce\x9b\x9d&gt;\xb5\x9bAQ'</t>
  </si>
  <si>
    <t>b'n\x0e\x9cU\x18xq\xfc6|:\xf7Kb\x8eQ\x06\xa5^ \xeb\xc4\xdcm\xd72)\x91\x8c\xf3y1'</t>
  </si>
  <si>
    <t>Big Day</t>
  </si>
  <si>
    <t>b'\x95\x8f\xfa\x0c\x93\xe8\x0f\x15\x02\x82\xebw\x96\x14\xefJ\xe2\xcbQv\x18\xc7\xed\xb9\xad\x99&gt;L\xfb\x01\xd3!'</t>
  </si>
  <si>
    <t>b'\xf6\x84\x8a\x12Sp\x12\xe0$\xa0BC\x9a\xd9\x05]\xcf#\x9e\x82*H\xcc1T\xc5\xc0&gt;\x117\xfc"'</t>
  </si>
  <si>
    <t>b'\x95:\xf5\x91\x87,\x87w\xf2\xf5mg\xbey\xb1\x1c\x94\x8a \x19\\G\x13\x98\xff?\xce\x06\xfe~\xd1\x93'</t>
  </si>
  <si>
    <t>b'\x8f\xc6\xa0\xb1p\xc9\x1f$\x02\x01\xf1+\xae\xa1pz\xba\xcfe\xcf\xed\x00{\xa9\xa41)\xd4\xf0\xe5\x86\t'</t>
  </si>
  <si>
    <t>Move 2012</t>
  </si>
  <si>
    <t>b'M\xfd\x15\xb3\xe2\x81\xf9p\x10^:\xb4R\x12)\x15\xb4\xaf\xc61?a\xe5\xe0Z\x16U\xe3\xef\xd3\xefI'</t>
  </si>
  <si>
    <t>b"YWz}C\x18R\xda8G\x10@\x91o\x98\x98\xee'nG\xb2\xa8\xabn\xda\x12\xc4\x16\x16\x7f\r\x0b"</t>
  </si>
  <si>
    <t>b"V\x8bY\xb0\xba'\x0f\xb6\x1az\xf5\x05\xddz\xd8Tf\x95\x1d\x8e\xc9\x82,m\x89\x12S;\xe1\xb7\x84\xcf"</t>
  </si>
  <si>
    <t>NewRoof</t>
  </si>
  <si>
    <t>b'\xd8\x83\xac\xe8S~\xba)\xa1\xa3\xdc\x85\x9f\xe1\r*O\xb0;\x05\xe3\x0c\xd8\x94/\nn\xbc\x87m\x90\xb6'</t>
  </si>
  <si>
    <t>Major home purchase</t>
  </si>
  <si>
    <t>b'\xe3U\xb0\x95\xf9W\x19\x81\xc4\xf0\x84}\xfa\x92\xf9\xbf\x9b:UB\xc1&amp;5\xcet)\xa1,\x1b\xb9\x16\x1c'</t>
  </si>
  <si>
    <t>Payoff No 1</t>
  </si>
  <si>
    <t>b"\xf5Y\x00\x16 c'\xe9\x9d\xd2\xbb\xcf\xb4\x84\xd5\xa0\xe1S;xh\xe8\xa3\x8c\x93t\x14:{\t\xa7p"</t>
  </si>
  <si>
    <t>b'\x02wB\xbbv)\xbd\x9f\xbd\xad\xa3O\x1b\xa4f\xeb\x03\xc5\x11G\xcer\x177\xcetf\x8c\xe0\xed\x81\xa7'</t>
  </si>
  <si>
    <t>b"}\xd5au\xd8'\xa9\x9ab\x91-\xd0\x82v\x81M\x95\x04\x9d\xb7\xa0\xe3\xef'\x010\xa5\xfbC`\xb7\x1f"</t>
  </si>
  <si>
    <t>b'\xb3_L\xdb\x9a\xc2)\xa0{\xc9s\xdf\xcf\x01\x05\x17\xdd\x83\xb2:u\xf3\xf0\x0e\xee@B\xa9\xa1\xd8\xa1 '</t>
  </si>
  <si>
    <t>Motorcycle</t>
  </si>
  <si>
    <t>b'\xfa\xc4/\x05D\xff\xff\x02\xdfG\xe3\xc1\xcc}\x0bI\x9cK\x10\x9f\xd1\x1a\x82J\xe4+\xa1\x00\x1d\x14\xe1-'</t>
  </si>
  <si>
    <t>b'QnX\x97S/^\x7f\xe3\xe5&lt;\x075.\x11B\n\xb6\xad%O\xfd\xe5\xfc\xf2\x0e\xd6]\x17\xd0\xeb\xab'</t>
  </si>
  <si>
    <t>Rainy Day Money</t>
  </si>
  <si>
    <t>b'\xde\x89N\x1b\xdaK\x0e\r\xbb\x8f\x92\xbc@\xfb\x9eD \x05~?\r\xb6\xc8{}t\x05\x8e\x7f&lt;\xc7/'</t>
  </si>
  <si>
    <t>AC replacment</t>
  </si>
  <si>
    <t>b'\x92\xe5\xb3D*\x9a\xf7\x8e\x7f!_Oc\xc9\xfc\x84\x05\x90S\xa037"\x87\xbc\xec\xe4n\xd8\x00\x1d8'</t>
  </si>
  <si>
    <t>b'8F]b\x06\x94\xb8`E\xaa\x14\x9c=\xff\x92\xfeE\xf92\x15\xf8\xdb\x19\xdc\xdb\x8c\x9a@\xf7\x0b\xf3\x8f'</t>
  </si>
  <si>
    <t>b'\xcb\xd1E\xcd\xe3\xc6\xda\x81?\xe9\xf7n\xb2y]\x8a _Sw\x8bLD\xc3\xf8 F\x1f.\xc4\xd4W'</t>
  </si>
  <si>
    <t>b'\xd1\x90\xf9\xfem\xfb\xbb&lt;O\xc6M\xcdh\xb8\xbf_:Cue\x1d\x10\xbae\x0b?\x83\xe1\xac#8\xb7'</t>
  </si>
  <si>
    <t>b'\xe50\xbd\xd5&gt;5\xa4l\x04\x08\xf6o\xdc\xfc\xaepH\xc1\xcd\xc0\xde\xddC\xa1H\xfe\xbe(fAO\xfe'</t>
  </si>
  <si>
    <t>Refinancing credit cards</t>
  </si>
  <si>
    <t>b'\x84\xf5\xdc\xda`X\x84\x881\xf2\xee\xfdT\x8dg]1\xc3\x97\xb4c[\xd4\xde\x16\xef\x05\xc4\xc0\x8e"\x94'</t>
  </si>
  <si>
    <t>b'k\xa9\xea\x92\x0ch}C&gt;hOKj\xf7\xc61ma\x89\x80.\xc8$\x04\x01|)\xc8zLA\xbf'</t>
  </si>
  <si>
    <t>b'\x85/L\xba\x02H\xd9W\xd3\xcc\xb9\x0cz\xef\xf3n\xde\x06@\x0c\x9b\xb7\xacuI\xa5\xc4\xd5f\xb3\xc6\x9c'</t>
  </si>
  <si>
    <t>b'\x00M\x90N\xe8A}t\xf4\xba\xcc3\xf8k\x7f\x7f\x08\xb5E\xc5f\x14\x9a\x95a\xe6\x84\xc6\xc3H\xd3;'</t>
  </si>
  <si>
    <t>b'\xffk\xb8&gt;\x88?inl6\x1e\xd5}\xd9\xa7\x83\x9b\xef\x11o\xa4\x97\x0f\xba&amp;\x18\xa9\n\x12bL$'</t>
  </si>
  <si>
    <t>b'\xcb\xffz\xd8z\xd9wA\xbd\xd9{A\xd2+0\xdf\x8f\x8e12q\xe7|t\xd0q\xfa\xd6\x91\xe7\xa0-'</t>
  </si>
  <si>
    <t>b'o\xbfp\x03\xd6\xec\xf8\xeeZ\xdaRR\xbd\x84{OT\xfc\xea\xacu\xb7\x88F\x8a\x8ecyE7w\xc5'</t>
  </si>
  <si>
    <t>b'/\xd7\x17\xa0\xe8\x00Gn\x08%v\xd8\x0f\x1c%x\xc2\xf2M\xdaA\x19c\xd9\xa1\x8c\x8f\xa5\xe7\x03\xd5\xd7'</t>
  </si>
  <si>
    <t>b'_*\x1fYI\xc9c\xa8\xf4\x99c\x0f\x8a\x85\xf2ET\xf7\xfd\xe8~\xcaP\x08a&gt;O+\x1dg"\x19'</t>
  </si>
  <si>
    <t>b'b \xe2\xden\xb5\x14\xed\xd5\x85?\xff~g\xc7Nm\xb9\xba#\x12[\xb4\xb2\x86M\xb0\xb5\x9d\xf5M\xb4'</t>
  </si>
  <si>
    <t>b'\x1a\xf9-&gt;\xb0\xb8O\x841!\xc9\xaag*B\x90\xcb\xcf\x1a\xc4\xaem\x9b\x03\x9c\xe6\x9b\xca\xe7\xec&amp;p'</t>
  </si>
  <si>
    <t>b'\xc1\x8c\xcc\xe2.8\xed\xf3C\x99\x9c\x9d\x0f\xc8\x06j\xee\x1e\xd6\xb2\xce\xdfU\xace\xa1?\xc0\xf8\xe1^\xc2'</t>
  </si>
  <si>
    <t>b'\x96\xa5\xd2\xa0wA\x16\xfb\xfa&gt;R\x8b\x90!\x89\x83k\xdd\x85&lt;C^w%+hZ\x88Pf\x80\x1c'</t>
  </si>
  <si>
    <t>b'\x07s\x04\xdbr\xec\xa1{sh\x0f\xd0\xcb\x17\xa6\\\x17\xa4\xefW\xf1\xb7D\xf9Eh\xc5\xbc\xf6Jm.'</t>
  </si>
  <si>
    <t>pay offs!!</t>
  </si>
  <si>
    <t>b'\x14\xbb\x192\x16k\x01\x98\xb5\xa0\xb0\x9b\x08\x89L\xe7\xa9\xd2*m\xa4\xbe\x1f6\x14\xaf\xa1\xa7Y\x98so'</t>
  </si>
  <si>
    <t>b'\xd3M\xe4A\xe5\x10\xf0q\x8c-\xf4\xb8\x98\x92\x01n) J\xc9/\x04\x00Io\x99\xe1W-a#\x8d'</t>
  </si>
  <si>
    <t>b'\xd4\x86\xe6\xd5\\\xe9\xf4\xd5\xc6I\x19\x82r\xcd:\x0f\xf8\xf6\xaf4~\xff\xd4\xea\xe3\xcf\x1dk\x82\xc1\xd9\xf6'</t>
  </si>
  <si>
    <t>b'J\xd0\x04\xba\xd6\x0f*\x87z.fTF}Q\xa6\\[2\xec\x03GI\xf87\xeb\xd2F\xd4\xcfr\xd5'</t>
  </si>
  <si>
    <t>b'\x16\xeb\xf1\x90\x8bp2\x14$\xd45moIm\x8f]wpzF\xda\xca\xa5\xd0l\x7f\x99\r\x14\x82\x8f'</t>
  </si>
  <si>
    <t>b'/\xa6\xe4g a\xff\xa1v\xc2\xb7N\xf3H\x83\xcc\x81\x83\xd7e\xe4\x17\xde@\x87\xe4\xc7c2\x8f\x89\x91'</t>
  </si>
  <si>
    <t>b'\x88\x96\xf0\x9b\x9e5\x01\xd8i\xa2\xd6Q\xdb\x83\x15\xfc\xb1\x073\x1fb\xfd\xacC\xcd\xfc3\xbc\x9f\x9eC\x19'</t>
  </si>
  <si>
    <t>b'*\xe6\xd0j\xf4\x1a\x0b\xcf&gt;\x1cy\xd5\xc6+\xa4@\x98Y\xe3\x90\xf8\xeb&lt;D\xa5\x9e\x8d|\x88\xb15\xee'</t>
  </si>
  <si>
    <t>b'\x10\xbe\xce\xb3\x9d\xe7^\x94U\xb7^\x97{\xb4_\xbf\x17pb\xa3\x90\xe7n\xd3\xa9$\xbe\xbf\x8a\x8c\xb4\x04'</t>
  </si>
  <si>
    <t>b'%\xee~\xe1\xa8\x0c\xfd\x90\x8f\xcc)\x8f\xa2-F\x8e[\x12\x14\x97\x07\xae\x06d\x8a\xdf\xe4\x18\xfcE)h'</t>
  </si>
  <si>
    <t>Credit/Home</t>
  </si>
  <si>
    <t>b'r\xd3K1ZU\xb4C\xaa\xfb\x8f\xfc\x07\x1c\x02\xaf\xa3~\x9ayI\xdf$mq\xfa\xceZ&lt;\xbe\xef\xdd'</t>
  </si>
  <si>
    <t xml:space="preserve">FREEDOM </t>
  </si>
  <si>
    <t>b'E\'s\xab\xe8\x16\x14\xfa1\xaf{\xa3p\x936]\xc3Za\x1c\x8a",8\x9a\xff\t\xa7\xdfe\x0e&amp;'</t>
  </si>
  <si>
    <t>b'Y\xdcf\xa9\xb4\xca\n\xe7\xee\xd3h\x9f\x9e\xab\x19_\x05\rN\xee\n\xd8h\xbfFl|\xbaukF\x8f'</t>
  </si>
  <si>
    <t>the journey</t>
  </si>
  <si>
    <t>b'p\x1eC\xd9\xe3\xc9\x1a#\x9c\x9dbh!\x9fV\xdc8u\x19N\x80\x8d1\x80?\x07S\xa8=w\x15\xb7'</t>
  </si>
  <si>
    <t>b'9\x95J\xe2G4\xf2W\x8d\xf6U\x1a\xb1\x16z\x1d\xa6%\x93\xa09\x02.\x90\x84\xc8"MW\xe2}\x1b'</t>
  </si>
  <si>
    <t>b'R\xdfGt\xae\xea*\x02\xf3\xdbp|\x80\x98|\xd91\x89r\xa1\xe1^3\x89\xa6\x17\xf1|\xb4w5\xe2'</t>
  </si>
  <si>
    <t>b'\x11r\x9c\x91\x0b\xaa\x0b\xaaR\xbe\x948Q\x9c\xd8@OO\x88\xaf\x82n\x95%\xa3\xcf\x80\x14\xad\xd0\xff\xcd'</t>
  </si>
  <si>
    <t>consolidate &amp; home improvement</t>
  </si>
  <si>
    <t>b"\xfaW\x05\x7fh\xe3\xad\x05'\xef\x84}\xe1\xa2\xa0\x90\x17\x18@\xcb\xbe\xfb~\x14b\n\xdb\x00'RdE"</t>
  </si>
  <si>
    <t>b'\x1ap_\xce\x9f\xc73\x9a&gt;\xd0\x8c\xe3f\xb4 \x06x\x95S\x01\xa2\xea\x1dB\xec\xd9\x11}_\xa6\x9a\xcf'</t>
  </si>
  <si>
    <t>b'\xd4\xe8j\xf4.Q\n\x96[\xed\x113\xc6T8\xcbh2\xa8\x99Sw&gt;\xeaI\xa0"\x8b\xd6\x0cj\xa9'</t>
  </si>
  <si>
    <t>Debt C</t>
  </si>
  <si>
    <t>b'\xe5\x97\xa3\xa0O\xe0\xb0r\xde\x94\x93e\xda\x18\x86q\x9b\x07\xe8}\xd4g\x12 ^\xcf\xa791\xb7P\xce'</t>
  </si>
  <si>
    <t>Pay my cards off so I can start living l</t>
  </si>
  <si>
    <t>b'\rFx\x12\xa6\x91\xdb\x97\xb4\xb1,n5\xf7\x8c\x9b\xa2E[\xb2zyO\r\xb5\x85\xa4\xaf\xc8\xa5\xabh'</t>
  </si>
  <si>
    <t>b'r\x05\xa0M\xd0#\xc4\x8d4\x12\x8e!\xbbIym\xd4"\x99\xb8\x85\x1e\xb4cu\xec\xa3\xc0\x99b\xa7)'</t>
  </si>
  <si>
    <t>b'\t\x05(\x8b\x06\xaa\xec\xe4X4J\xa0\x16 \x85U\xf4\x07\xe3\x08\xc9\xf8\xf7\x98u\x92sT\xd7\xe0\x7fk'</t>
  </si>
  <si>
    <t>b'L\xe9\x82\xed\xc5\xca\xf0\xc9\n\xbb\xded\xc2\xe3\xb1\xce 3XDD\xc60&lt;\xc8\xb6\tw\xc8\xd6i\xb2'</t>
  </si>
  <si>
    <t>saving2013</t>
  </si>
  <si>
    <t>b'$-\xaf\x8e\rI\x88\xb0\xf2\x133?\x14A\xe2\x12I\x1eXL\xd9\x19\x15\xea\xa5\x9a\x1e\xf4b\x9c\x82\xa1'</t>
  </si>
  <si>
    <t>b'&lt;\xc0w\xd5q\x04N\x00vO(\x7f\x97\xff(\x93\xc9\x04\xd1&amp;F\x89\xe8\x19"\xba\xb03\xc1\xfdm)'</t>
  </si>
  <si>
    <t>b'\x96.\xdd*\x9c\x17$\x92\xb8\x83\xbf\xdaIm\x832\x8e{w\x1dZ\xba!9`\x00f.\xb9y\x80\x88'</t>
  </si>
  <si>
    <t>b"\xec\xbf\xc5\xb7:!\xa8\x87\xb8\xd3\xd5\xae;'\xcd\xe6\xb1\xc7SVi8JN1\xfa\x04\xa0\x0b]hv"</t>
  </si>
  <si>
    <t>b'a\xd7fC\xf3f:\x87\x9ek\x8dT\x8d\xb4\xf5\xcdnfh\xc2]\x8d\xc9\x16\xccsdgX\xcdc\x87'</t>
  </si>
  <si>
    <t>loan oayback</t>
  </si>
  <si>
    <t>b'Y\xaa\n\x81%\xab\x9f\x1e\x08\xcd\xba\xc0\x00)B\xf3,\xee\x88x\x81XR\xb0\xc6\x84/\xfe\x16\xd1\xd0)'</t>
  </si>
  <si>
    <t>b',\x1d\x1b\xdb\xd3P\xc7\xb9(L\x85\x85\x976i\xf2(\x85_\x0c\x89\xd4\xc4:\x80\xe8)h\xcee\xe7\x8a'</t>
  </si>
  <si>
    <t>b'\x9e\x84\x83l\xbc\xd1g\x80\x0f#\x028\xf7\xfd\xec\x9e$\xc0\x8a\xd7N\xa7\xa2\xcf\x1f;&amp;\xec\x0cC\x91\x11'</t>
  </si>
  <si>
    <t>b'\xeeX\xa8\xf7!\xeb&lt;\xcc\xf6\xc8\xdc\xf0&gt;\x9a`&lt;#\x92\xb8\xa7\x19\xe5\x156y\x98\x97d\xc0\xae~:'</t>
  </si>
  <si>
    <t>b'M\x05\x9ee\x85\xe5}e\xee{\xb3\x9f\x9do\x9eE\xd1\x04\xb3\xd5\xabv\xaa\xffw\xdd\x8d/\xcf\x05&lt;M'</t>
  </si>
  <si>
    <t>b'Y\x9e0\x93Kd+\x88\xa8\xed"\xff\xd3K(\xb4HAa\x17B\x0e\xd4\x85\xdeL\xb6N\x88\xaf\xf8/'</t>
  </si>
  <si>
    <t>Debt No More!</t>
  </si>
  <si>
    <t>b'e}\xfcG\x8c\x05\xc1\xe3\xb9\x07\x92(\x19=\x84\xd93\xf2\xc0S\x05\xabF\x0bH\xe5!\x13\xd8\x90\xf5S'</t>
  </si>
  <si>
    <t>b'\x84\x87_\xbf\xb930l\x99\xcbv\xbb\xa3\xb9{\x0f\x8c\xe0XP\x023b9\xd3\x99\xc7\x11\xb6\\&amp;\xdc'</t>
  </si>
  <si>
    <t>Better year</t>
  </si>
  <si>
    <t>b'\xb0\xbd\xfet\xdd&gt;\x14\x0c\x13\xc0\x98Y\x15\x86\xe9\x83\x1b\xa8R\x9aH&lt;\xb8\xff$\xc8\xf6\x80$7N\xcd'</t>
  </si>
  <si>
    <t>survivor</t>
  </si>
  <si>
    <t>b'\xfaa\xa6\x0e\xd3?\x81\x88=\xdf\xc0fn\xf5\xef\xd2\xf7\xfa\x1f\xc4\xd9\xde\x0f\xb1\xad\xac\xa9"\xbe\r5m'</t>
  </si>
  <si>
    <t>make only one payment for all my card</t>
  </si>
  <si>
    <t>b'\xf3\xcc}7KH\xb0\xb46\xc4V\xc4rQ\t\xa6\x10\xb8\xed\x80y\x93f\xb0\x1c\xf4a\xad\xacu\xb1\xb3'</t>
  </si>
  <si>
    <t>Invest with no debt</t>
  </si>
  <si>
    <t>b'"J\r\x9e\xa1\xc15\'&gt;g\xd84\xc2\xd6%\xb2\x07y"|X\x19\xb3m\x9c^\x01d\x12\x03\xa3c'</t>
  </si>
  <si>
    <t>b'\\{\x9c\x06\xc3\x97\x06\xad\xc3\xd4e\xebW\xfdw"\xa9hjg\xf7\xa9H\xae\xa1\xd3\xb1m\x95\x85:\xee'</t>
  </si>
  <si>
    <t>b'}l\x03q\xb3\x85\xe2o\xa3\xaf\xd3&gt;\x145X-\x00\x072\xeeV*\t\xd7\xf9xL+\xe3\xfe\x05\x81'</t>
  </si>
  <si>
    <t>b'\x8e\xcen\xc1y\x90u\xb6k\x9fv\xeamZ\xd9\x7f\x1d2\x99\xdc\x0f\x93\xe8\x08\x0c\x11\x00\x900\x1c\xd9\xde'</t>
  </si>
  <si>
    <t>b'?\\k\x1d\xbd\xcc\t\x9a~\xe1\xed\xe3\x1cV\xdd\xa0-\xba,\xa4PT\xf4\x9a\xec\xa8\x03\x83\xc2\xb3\x8a\x01'</t>
  </si>
  <si>
    <t>b'\xba\xc2QzO\x16\xb2\xaf\xbf]\xdb\x0c\xeb,_Q\x92\x9a7V6l5\x0e-;\x88\xed#\x08\x8a\x93'</t>
  </si>
  <si>
    <t>b'\xd4Hi\xc7\xa0Xc\xc2\x90Z\x94r\xdf\xf0\x18\x18\xfc{\\\x83\xba\x8d\xd5\xd2n\x8e\x0cvh\xc2\x10\xc2'</t>
  </si>
  <si>
    <t>b'\xb2m\xc1*P\xe3\x0fm?\xd1qE\x90g\xbe\xdcT\x92\xff.\xb6\x06\x84r\xd7O\x9b_\x1bbr\x18'</t>
  </si>
  <si>
    <t>b'M\x1b\xa3}\xff,\xaf\xcf\xad\xdd\x88\xc7DiV\xeb\xae\xb1q\x14\xed\\\xc4\x13\xb6\xbd\x06\xab\xe9B\x93\xe7'</t>
  </si>
  <si>
    <t>b'6\xe4\xcb$/\xadq\x90u\xe5\xc0&lt;\x10\x94\xd9\rm\xadha\x84B\x91\xbam\xfa\xed\xf4c\x93\xb9N'</t>
  </si>
  <si>
    <t>Timeshare consolidation</t>
  </si>
  <si>
    <t>b'f@\xff9i~n\xe2u\xa0U\x06\xbftX\xf9\x88r\xb0\xfc\x10\x9d`w\xf6X\xb9\x0f\x83\xebr0'</t>
  </si>
  <si>
    <t>b"\xa0\xf4\\\xc9EV\xf0nT\xe1~\xb5'\xc2\xcb\xfa\x9b\xa8\xcaP2\x97\xe3\x81\x05\xef\x841\xd4\xce19"</t>
  </si>
  <si>
    <t>b'\xe8\xf1\x8d*\x96!\n-\xe0\xf5r_\xb4\x1eC\x18\xa9\xb5Lk\xc9r\xa2\xc7\x82\x14\xaf\x90\xe8\x03\xd8E'</t>
  </si>
  <si>
    <t>b'1\xf4g#\x7fq\xc7\x84jJ\xa1\xed\xfd\xb4\xe1\xd2&gt;\x8b\x08\xc8/\xce\x97O\xf74n"E\x82\xc9\x02'</t>
  </si>
  <si>
    <t>Consolidate credit cards</t>
  </si>
  <si>
    <t>b'\xfd\xae&lt;:\x0f\xdbz\x94\x94\x80\xdbQc\x87Om7j\xad\x98R\xe3&gt;-\x12e\x85t\xee\x92\xd5\x96'</t>
  </si>
  <si>
    <t>b'\x014\x07\xbb1\x14\x02\x08\xb0\x9a\xfa\x91\xfcd\xc8\xb5JRq\xb7\x11\x12y\xac\xf2\x01Q\xb6\xab\xbb\xbc\x1c'</t>
  </si>
  <si>
    <t>b'\xc4\x15\xb4\xd7U\x12\xb9\xffq\xc3\xd8\xc9\xa5\x1em|p\x9b\xe1\x86\xe3u\xfb?\x08\xd7*\xcb\xa4\x17\x83\xc0'</t>
  </si>
  <si>
    <t>b'\xaan\x1b\xc1\xf5\x80^|\xe4\x983SB\xd9\xae\x8d#\x03\n\t\xd1\x00\x19\x9c\xb5\xf8\xa4\xe50\xa7\xffy'</t>
  </si>
  <si>
    <t>b'\xa5\xd9\x1cgn_\xfa\x86\x02\r\x86\xb3\xda#\x85uH\x98AWh\x9cp4&gt;\xd1\xe3\xc0vC\xed\xa2'</t>
  </si>
  <si>
    <t>b'i)\x87\x86\xaf\xe3Cj\xf1XZ\xc9\xbcetb9i\xefj\x9cR\x17\xaa\xdf\xc3\x9c\x0b\x0fI\x8d\xee'</t>
  </si>
  <si>
    <t>b'X\x9a\xc5e\x96\x08;\xd4\xe3A\x97|K\xdc\xaep\xbeE\x01\xeeF\xab\x9dU\xf5Gx\x10Y\xcbK\x0b'</t>
  </si>
  <si>
    <t>Starting New</t>
  </si>
  <si>
    <t>b'\xc9)\x9d\xb6\xcd#\xe5\xf8J\x07\xf0\xcc\xb4\xa7[-)\x86\x07\x03\xe2[]\x04\x9c\x0c\x17\x95\\\xc8MB'</t>
  </si>
  <si>
    <t>b'^id^2\xf8VZ\xf6\xb3~\xab\xd3~NOn4\xba\x89\xbf=\xa49|e\xbf\xd7\xc6\x00g\xc1'</t>
  </si>
  <si>
    <t>b'\x99\x8b\x0c\x81\x95\xd8R\xdb\xfa\xb7\x05e\xdc\x82\xb9\xf4\x00\xb6w~\xc6\t\xee\xae3\n\xfd\xea\x94\x88\x1cf'</t>
  </si>
  <si>
    <t>b'\xd5l\xf8T\xef\x00\xce`\xf9V\xb0d\xfa"\xbe\xf5\x1d\xf8\x15\x1fh\xdb\xf6\x05\x9c \x010c\xb9\x96c'</t>
  </si>
  <si>
    <t>b'\x15\x15\xd6Y\xf1\xb2(4\x1by(&lt;L\xbbX\x8d\x19\x11130N\x17\x92\x0e\x15t"\x07\xa97\xbc'</t>
  </si>
  <si>
    <t>b'B\x89\xa5\xedY\xd8\x1f\x12\xcf\x9fR\xb7*\xb4&lt;\x9fAwQE\xebw\x08,\xd1\x1d\xd9\xc6\xdf\xbd;}'</t>
  </si>
  <si>
    <t>b']G\xd8 \xd7@\xa7=\x0e\xe6\xc2\x0cP\xd6VX\xc4Q\xa3\xc1\xb4\x15\xf8\xa44\x88+\x07D\xbbp\x1e'</t>
  </si>
  <si>
    <t>b'_/\xf0\x99~G\xe6\xb1~\xaa\xfc\x84KRW~\xd2\x16\xad\x01\xbd\x89\xd2\x1bl\xd7\x7f\xd7\x07\xd3{\xe3'</t>
  </si>
  <si>
    <t>Lower Rate Consolidation</t>
  </si>
  <si>
    <t>b'$\xb3\xb7\x9f\xcd.6F\xbb\x88X\xf0A\x1a\xb72\xa7\x0b\xd1\x81\xba\xbfXI\xf5\x82\x0c$\xb4\xbb\x9f\x8b'</t>
  </si>
  <si>
    <t>b'{f\xd0\xe4\x8b\xc5\x19\xf4\x1f\xfd\xed\xf5CBC8f\x1a\x9fK\xcf\xcf\xc4N\x13\xe9,h\x16\x04\xc2\xcf'</t>
  </si>
  <si>
    <t>out of debt happiness</t>
  </si>
  <si>
    <t>b'\xf9\xa5\xc8";\xf7\xa4~\x1e\x0cN?f\x93\x1fX\x11*\xfc\xe5\x13\xb2C\xcc\\\x1a\xfd\x8a\x01\x12\xad\x82'</t>
  </si>
  <si>
    <t>b'\x1a7\ne-\x90\xab\x0f\xe4\x93\xffF\xcb\xd2 \x92J.9\x93\xf16\x00&amp;\xceo\xf0 \xaa\x8bM\x97'</t>
  </si>
  <si>
    <t>The deal</t>
  </si>
  <si>
    <t>b'\x8d\x08\xc1\x83\xa7\x89T\xec\xda~\x90\xd4_\xd0\x03\x14\x90H[\xae\n\x01\xacb\xec1\xb0D\x0f&lt;\xcai'</t>
  </si>
  <si>
    <t>b'x4\xca\x7f\xaf\xdd\xbc\xc2v\xd1\x05e\x93j\x10.\t\x08\xa6\xb5e\xda\xfeD\x85\xfb%\x05z\xc7X-'</t>
  </si>
  <si>
    <t>b'K\xaf\x94m\xd4O#Z\xff\xb2\x17\xed\xe9\x826C)y\xf4P\xc51Em\x9f\x16\xbe\x99\x13\xe5\xf7M'</t>
  </si>
  <si>
    <t>b'\xd8\x13\xef\xcdY\xf1\xd2&amp;\x0c\x0e\xde\xee\x9eB\xb9t\x01Lts\xd3R\xc5\x14Dz&amp;\x0e\xcd\xee,\xaf'</t>
  </si>
  <si>
    <t>Console</t>
  </si>
  <si>
    <t>b'\xbf\xcd\x12\xac\x82d\xd8F\x88\xf8VE\xc0\x9d\x8e\xb5\x0b\xd2\xf1"\xdfp\xfdeV?\x9c\x14\x85\x97\xd9\xd5'</t>
  </si>
  <si>
    <t>b"g\xe1qw\x8dc\xe0'YB\xcep\xb3\x1c\xa1\x953\x87\xa5`\xe3\xc8\x00\xa5\x95\x98\xb3\x1aVe^c"</t>
  </si>
  <si>
    <t>b'\xd7\x1biR\xd2&amp;\xe9\xc1?\xc2)\xb3\xde34\xa3h\xa3\xf5\xd1Rv\x13dO&amp;\x9c4!\x0bkf'</t>
  </si>
  <si>
    <t>b'\xb9\xb3\xff\xd60C\xb1w\x18p+\x8f\xc0Z\x0b\x05\xe5\xba\x7f\xea&gt;\xb3\x13\xbam\xebQ3\x18f\x95\xff'</t>
  </si>
  <si>
    <t>Consolidating with set payments.</t>
  </si>
  <si>
    <t>b'\x9dK\xfd\xbc&gt;D\x1eSz\xb9+\xb01\xc9\x95\xfd4\x13J6\x05/2g\xdfv\x0c\xec\x10\xdc\xbe\x96'</t>
  </si>
  <si>
    <t>1Snowball</t>
  </si>
  <si>
    <t>b'\xd4\x1e:\x8d\x9b\xee\xa2\xc5\x83\xdb\xb0W9\xa9\xab\xf8\xbc\xd0\xf1":o\xec\x9ft\xff\x7f\xd1+(\x97\x9d'</t>
  </si>
  <si>
    <t>b'R\x01\xaa\x13\xe0\xbc7\xf2\xc5\xb2\xdbh\xfcp\xe7@,\xb9\xae\xd8\xad\xe7&lt;[\x8f\xc6.\x99j\xdeQT'</t>
  </si>
  <si>
    <t>b' \xe7\xd0Xrg\x04w\x15(G~\x88Dqnb{N\xbe\x06\xd2\x8fz\xd0\xbcp\\-\x93\xcd\xe6'</t>
  </si>
  <si>
    <t>b'A\x0c\x7f\n]\x92\xa9?]&amp;rO-\xe8\xd5\x85\x88\x16\xa6\xc0\xe76Pv\x06\x01\x8c\x90\xdfw\x19\x84'</t>
  </si>
  <si>
    <t>CC Consolidation Post Bar Exam</t>
  </si>
  <si>
    <t>b'\x8d\xc0\xca\x176\x9dL\xe2\x15w|\xbcJ\x03\xee\xc8\x10\xa4\xa3\xb8\x81=\xe10\xf3V\x02\x8a\xd1\x0f\xe5\xd7'</t>
  </si>
  <si>
    <t>b'\xb5\x1e\xd1\xed\xfb\xc5`\xc9E\xd4+&lt;x\xadYw\xdd93k\xc0\xd4\xda\xd7\x80\x14\xae\x92m7\xf9X'</t>
  </si>
  <si>
    <t>b'\x13wG\x93\xb2\xef\xb2\xec\xf7\xaa\x1b\xe9\x8a\xf3\xd2FZ\xd2\xd6\xf8\xdf\xee\xe1\xc5\x9b\xe0\xf7\x9f\xb1\x89B9'</t>
  </si>
  <si>
    <t>b'3\xb6\x83)3\xef\x8a`&gt;L\x08\x03\xa0\xe9\xfa\xb8\x90\x03Uw\x19u\xe1!\xe0\x82\tf\xe5\x84u\xe5'</t>
  </si>
  <si>
    <t>b'(\xe9\xaa\x07\x04\xb71\xccq\xec\xf7\t3\xfe\x11\xe9\xbd\x85\xb4\x10\xe7/\xcax\x05^+\xdaa\x8a\x9b\xe4'</t>
  </si>
  <si>
    <t>Total Loan Consolidation</t>
  </si>
  <si>
    <t>b'\xac\x9b\x19a\xaa\x10x\xfa!\x11\x10C\xb1\x1f\xf5\x00mN\xda\xbd\x8d\x9c\xc5M,\xfe\xfb\xba\xdf\x19}\x12'</t>
  </si>
  <si>
    <t>b'}\xbf2\r\xde\xf6\x0f3\xebK\x83\xf1}2u\xfd6\xe5\xab\x11/\xf7\tjk\x9f\xe1\x83I:\xf3\xe5'</t>
  </si>
  <si>
    <t>b'\xce{\x8b\xf5\xab\x97\xdd9,Ceo8S\x16\xa59\xe4h\x08\x99^\xad\xe6c\x1b~\xa9O=2\xec'</t>
  </si>
  <si>
    <t>b'\xe8\xb6XYBE\xfaY\xba\xf3\x7fCd\xe5\xca;c\xea\x04|Wh\x8eA/\xaaMe\x9b\x96\xef?'</t>
  </si>
  <si>
    <t>b'\xc5^\x8a\n[\x1a9\xb0\xfe0Hq\x0e\xf5\xaf\xf3\xb9\x93\xe4\x06JCB\x84\x97\xecf\xb1\xb3\n\xb7&gt;'</t>
  </si>
  <si>
    <t>b'\x0eq\x18\x85\xa8\xb1[\xda\x07\x8ce\xd8\xdc\xfb\x1f\xda\xa2C\xbd\x0b$\xdc06\x19\xa8v\xeb\xbdw\x91\xc9'</t>
  </si>
  <si>
    <t>payoff2013</t>
  </si>
  <si>
    <t>b"\x01N\xa4\xaa\x95\xd9\x08,\xb3'\xe8\xbd\x92\x1f!\x18\x14{\xb0\xb2k`I\xd9t\x04\xb2\xeax\x9d\xc3\x16"</t>
  </si>
  <si>
    <t>b'\xd9\xb9\xc8\xce\x1a\x96\xf4\x9dzK[p\xa2\x1e\xc8w$\x90\xfb\x8f\x9e\x05\xe5\x90`\xec,/\x87L\xec\xd7'</t>
  </si>
  <si>
    <t>Unsecured Commitment</t>
  </si>
  <si>
    <t>b'\x8d\x84RGb\x19\xfa\xc6 =\x85\xf5,+^\xe4\x01\xb9^7R\x96\xfd\xb8\rg\r\xc1\xc6\x96\xa4\xcc'</t>
  </si>
  <si>
    <t>b'\xe2i\xb2\xf31\x13\xd1\xa0\xc3\xc0\xbd\x87\xd7\xc8\x8a\x8e\x06&lt;gI1\xe1\x02\xa3\x19\xaf\xa2\xed\x94\xb0O\x1d'</t>
  </si>
  <si>
    <t>b'~\xd3\xde\x94EF\x90\xff\xad\xd0S\x07\x9ar\x98\x19\x1f\xce\x8c\xcaI\x14\x87y\xa2Yg\xc1\xdc%\xeb6'</t>
  </si>
  <si>
    <t>830xx</t>
  </si>
  <si>
    <t>b'\x93a$d\x0b\xbe\xefb[\x15m\xb1\xe3\r\xf5ih\x994\x87\x9a\x07Z\x8d\x8djV\xca98\x8e\xc6'</t>
  </si>
  <si>
    <t>b'h\x13O\xb1h\xd8&amp;a4o\x0b\x94\x9e\x9bPz\xbc\xd4\xd5\xbe\x119\xba\xeft^;\xe0\xd5\xc8w\x84'</t>
  </si>
  <si>
    <t>b'm\xd3\xd4&gt;j\xfb\tSiaF{\x82\xd7i\n\xc8\xb0\x1d~\x00\x01R\t\xb6\xe0\xe7\x7fg\xec\x1a\xf0'</t>
  </si>
  <si>
    <t>b'\xbd\x1e\xd5\xc3\xbe\xed\xec\xc878Y\xff&gt;\xd8\x87@\xb0 \x8a\x99\xc4\xefzO\x89\x8b\x9c\xc5yh\xdc1'</t>
  </si>
  <si>
    <t>b'R\xc2q+\x0br\x1dF|Z\x1f\xa13x\xa0L[\x8b*\x93\x0c\xa0\x93\xdcS\x1f\x9cTSk\x17\xf1'</t>
  </si>
  <si>
    <t>b'#\xd73\x95uc\x1ezk\xd6\x9fA\xcad\x07`\x86\xfa\xa3eo\xe5J\x97\xb6@\x98\xcb?\xe4\x97\x1c'</t>
  </si>
  <si>
    <t>remod</t>
  </si>
  <si>
    <t>b'ag\xd36\xdd-\xa3\xfc\xee\xfbGD9+\x82\xebFG\xb15`\xf8lCY\x9c\xa9\xa1\x87\xbf\xab\x91'</t>
  </si>
  <si>
    <t>b'\x98[!\xb1i\x98\xd38D_\x86\x80\xa0\xe1\xe8\xd4\xd9\xb4\xbd\xc6q#\x99\x0c\xa0t[\x84\xa4\x9c\x9b\x80'</t>
  </si>
  <si>
    <t>b'N\xc4\xeb\xb0OW\xdc9\xa0B3\x86\xe0\xe9\xa5\xda5\xe2\xb9\x99\xe6e6\xd9\xd2,c}l\x9fQc'</t>
  </si>
  <si>
    <t>b'\x07v\xe2SO-K\x8c\x07\xc9\xd7-~\xe0u\xb1\xcfTsgW\x86*\x14\xd4\xfd\x90\x07\x9b[\x84\xe2'</t>
  </si>
  <si>
    <t>Get out of Debt card</t>
  </si>
  <si>
    <t>b'\xb5\x84\n\xb0\xa0\xda\xc4\xc5`\x9f\xf3\x8e{\xdb\xec\xf8&gt;\x89\x9e\r\xe2\x0f\xf1\x83h\x1f\x8e[\xc6\xc0^E'</t>
  </si>
  <si>
    <t>all</t>
  </si>
  <si>
    <t>b'\x82\xbcHS$;\xcb\xd6\xe8\x1cA\x01\xe2:\xe6*\xba\x88\x1a\xfb\x08p\xddx\xbcS\xfc\x87\xf9\x99\x11\xf1'</t>
  </si>
  <si>
    <t>Debt recon</t>
  </si>
  <si>
    <t>b'b\x9c\xc3\xf7\xa5\xb3\xb2\xc0{(\xab\xc7\x80A&amp;v\x0b\xfa\x8950t\xa9\x05\xb7\\\x17{#\r\xb3\xb1'</t>
  </si>
  <si>
    <t>creditcardloan</t>
  </si>
  <si>
    <t>b'\xb8\xb5P2\xab\xc8\xb0Cn\x86\xde\x82g\x8c\xf1\xbbT\x9e\xf2\xf5\x83\x8c\xbd:n\x11\x07\xa3/\xdb\x90\x04'</t>
  </si>
  <si>
    <t>b'\xde\x03l\x8f\xdf\xe5$\xd0\xdd\x11\xdd.Op\xcb\xff\x0e\xbd-OL]\x8d&amp;\x1bZ\xa84\x7f\x17\x0e\xcf'</t>
  </si>
  <si>
    <t>Credit relief</t>
  </si>
  <si>
    <t>b'\x92\xacq\x08\x7f\xd6\x02\x85UF^\xb0N[\x8er\xf0\x7f%+\x98.L\x89e\xe8\xffi\xbfd\xcb\xc5'</t>
  </si>
  <si>
    <t>b'\xcb\xe7\xb1\xbe\xe4\xd5\xb5A"\x81\xda\xdb\xcae\xa4O\x83A\xb6\xc4\x89\x15C\xdf\xf8\'U\xb9\xf1\xe2]\x19'</t>
  </si>
  <si>
    <t>b'9\xf934\x89\xb3W\x8e\x9c\xc1E\x13E\xee\xa0\x1f\x02\x97m\x10r\xc3\xbe\xb3\x9c\x8c_nFD+\xd6'</t>
  </si>
  <si>
    <t>b'C\xc9\xff\x95&lt;\xf9\xf6\xe6A\xa7\xe6c\xc4p\xdd\xc0J%\xf6cQ\xf9\x10Q\xdb\xbc\xaa\xfe\x97\xaa\xfcG'</t>
  </si>
  <si>
    <t>Loan to Consolidate Revolving Debt</t>
  </si>
  <si>
    <t>b'\x88\xafS\x8e\x8c\xde\x86\xd3\x02\xae\x92\xc6~\xdcY}\xd4sO\x93\x82\xfdo\xb1j\x17i\xe4\xa2.\xde@'</t>
  </si>
  <si>
    <t>b'$!D2\x03m(\xe8\xc7\xe3}\x98[\x1d\xd3\x12k\xfa\x9c\xde\x7f\xbe~\x1eh`\xaf\x86\x88+\x0f('</t>
  </si>
  <si>
    <t>b'O\xedbq\xe5\x99XM\x8d\x85\xb4\x12V\x9e\x1d"\x0e\xc2\xf4\xf1FD\x1d&amp;I\xdc\r\x90i"v\xdf'</t>
  </si>
  <si>
    <t>Home_Improvement</t>
  </si>
  <si>
    <t>b'\xa1\xb4\xf62\xf0Y\x0c_\x02\xf1)\xbba4\x9bK2\xf5-\xc1\x87\xa9,q\xc1\xd4\xbc\x99q\x89\xb4\x99'</t>
  </si>
  <si>
    <t>b'\xeasZ(\xc7\xf6\x17\xcbO\x06\xa2:x\x8akQ\xefb\xcfmo\x10\x11\x8fM\x0b7{\xac\xfd\xbb^'</t>
  </si>
  <si>
    <t>Sure Pay Loan</t>
  </si>
  <si>
    <t>b'\xee$}\x9e\xac\xc5Wypj\xa4\xf8\n\x8b\xe1\x964*\xb8)\x02\xa98=cM\x11\xee\x15\x0c1\x9c'</t>
  </si>
  <si>
    <t>b'\xe8"hl1\xf4\xc1\xe7\xd7\xe6\xac\xcf\xdf\x83\xcf\x93\xc6\xf1p]\xd1\xe6"\xc6\xa7r\xc0{\xac\x15\x03\xef'</t>
  </si>
  <si>
    <t>b'\xc5\n\xbe%%(\xc3\x86u1\x8cX\xb1\xd0\xe9\xc5\x8a\xd2Ga\xc5\x15\x9cUC\xa4]C\x82fyw'</t>
  </si>
  <si>
    <t>The Payoff</t>
  </si>
  <si>
    <t>b'\xa7\xf7\xf8\xdfW\xc3f\xcf\xbe\x08~\x8a\xfd\xb5\xc2&gt;%U\x8d\xb1\xe0\x08J\xfe\xb8O\x83\xdd*\xab\xa5\xbc'</t>
  </si>
  <si>
    <t>b'm\xf6\x9d\x84\x1f\xd5\xd4\xc3\x84p\xcc\xab|\xa9\xae\x0c\xc7\x15!&lt;H\xa87b\xcc\x02&lt;}=\xa7\xeb\xb9'</t>
  </si>
  <si>
    <t>the beginning of the rest of my life</t>
  </si>
  <si>
    <t>b'\x02\xac\xfd\xf5\xceT\x06\xe5`Fy\x10\xca\x83W\xee\xde\x1fa!\xa0a\x00\x85 w\xa2L\x8cT\x078'</t>
  </si>
  <si>
    <t>b'{4%\xc2\x03Xl\n\x8e\x07\x13:s\x95\x81\x9d\xf9&gt;*F\x9fR\xee\xc5\xe3\xdfv\xd6H\xc9\x87\xf8'</t>
  </si>
  <si>
    <t>So long debt</t>
  </si>
  <si>
    <t>b'\x18u\xb46 \x0bk\xee\xb3\xc04\x13\x04\xc6\xc9\xdejR\xae\x90x\xe5t\xfc`!xP\x9dO[X'</t>
  </si>
  <si>
    <t>pay off existing loan /lower interest</t>
  </si>
  <si>
    <t>b'?`QG\xb5\xb5\xbf\xb0\xc2\x94\xbfP\xddO\r\xdc$\xa9{\xfe\xc1\xcfn\xc7p\xbd\x07\xc9\xa8\x93\xd5K'</t>
  </si>
  <si>
    <t>b'\xc1\xb9\x04\xde\xd1\xae\x15A\xf0Oy\x8d\x93\xe4M\xb2\x9d\x87\x95\x0f\xf6\xdf\x856\xf2\x9e\x8a\xa8\xba\x99\xb5f'</t>
  </si>
  <si>
    <t>b'iS\xd9\xae5\x83d\x91\xc8\xdc\x83\xcad1\xd7\x95\xad\xce\xbb\xcbK\xbcO\xec\xd9\xe8\x9bE\x05C!\xc9'</t>
  </si>
  <si>
    <t>b'B\x8f\xca\x88;)?\xc8E\x8f\xbc1A\x14\x1a=\x08+\x13\x17\xcf\xd7\xb4\xb1\xe1\xd8\x8eT\xe4\xf6\x8c\x1f'</t>
  </si>
  <si>
    <t>b"\x8dA\x1e\xac\xc5)g1-b\xa9\r\x19H\xf8\xf3Z$R\x1b\xce'r\x91\x075JvU4\xff\xef"</t>
  </si>
  <si>
    <t>Beating High Interest Debt</t>
  </si>
  <si>
    <t>b'\xc5\xc6\x9f\xfe\xb38\x9aV\xb7\x15\x9b\x88\xe6\xa0\xeeH\x90\x90\xb7Y\xbai\xbf\xdeG\xe3\x0f=6\x04t0'</t>
  </si>
  <si>
    <t>b'BPK;\xf0\xd9=\xd4\xd8\\\xe1\xa3\x07\x14NQx\x84\xbd!\x1e\x00\x9d-\r\xaf\x89a\x81\xc8\x9b\x9f'</t>
  </si>
  <si>
    <t>b"@\xc3\x89\xc8\x10\t\x1d\r\n!h\xcd\xa4\x92&amp;G!\xb3\xd5M'YN\xfd4\xc41h\xb4\xf1\xd6\x1e"</t>
  </si>
  <si>
    <t>b'\xb9\xa3\x9b\x1d!*\xdb\x13\xb9\x06(\xf1u\xa9\x9c\x1c\x96\xff_\n\x8c\xd2\xc8\x04\xd6\xb9\x9d$&lt;\x84o\xdd'</t>
  </si>
  <si>
    <t>b'\xc7n\x7f~#\x048\xbe\xb1\x1bG\xad!\x8a\xa3\x8eV\x16k\x1c\xc5\xca+\xec\xc1q@y!88\xb3'</t>
  </si>
  <si>
    <t>b"1\x14`w\x90\xfb\x96v\xe7Go\x82\xdd\xd9\x08\x0c\xf2\xdc\xa4Z7\x07\xbeY\xda' \xd9Ji\xd4\x01"</t>
  </si>
  <si>
    <t>b'\x8eD,D3\xd5\xd5\xc3z\x0e\xd8\xa3`\xdc%\x96\x02"\x08\x03\xfbd\xfd\xda\xa7\xde\xa8\xd3\xdb\xe2\x85\xe7'</t>
  </si>
  <si>
    <t>Debt Consolidation / Mistake Builder</t>
  </si>
  <si>
    <t>b'(:\xdfFEY\xc5\xf7Y\x9c\xa7\xf9_4\xe7Z\xa3\x85]^\xc3i\xce!N\xff\x82G\r&lt;i\x06'</t>
  </si>
  <si>
    <t>b'\x16\xd0\x87\xf2V\xea\xb6\nr\x94\xb3u\xe2\xd8+\xa1\x81\x08\xf2]\x8cU\xef\xd0\xce\x13\xbb\x84\xe8$P\x9e'</t>
  </si>
  <si>
    <t>b'\xce\x11+\xdcCy\xed\x16dDs\xd3;\x0b\xcb\x8d\xc0\xc36\xea\x8a\xceD\xf8\xad\xe1\x05#b\xb0\xf5\x85'</t>
  </si>
  <si>
    <t>Apartment Build Out</t>
  </si>
  <si>
    <t>b'\x88\xe3J\xdb\xd4\x9b\xf8|8\xfb\x966\xb32\xc2n\xc18@\x01\x03(\x0e\xd5}\x93A\xbafr\xb3V'</t>
  </si>
  <si>
    <t>b'%\xc1\xfcIku\xc9q\x1f}H\x8e-\x84\xcb3\xa2~\xfb\xf1\x86o\n\xea\x9bW\xe3\xc0(\x10\x93w'</t>
  </si>
  <si>
    <t>b'\x11\xab0\xae\x0e\xacv\xd5giv~+\nix=D\x99\xc2\xcf\x94\x08WH\xfd\xbcj\xcd\xca}\x10'</t>
  </si>
  <si>
    <t>b'\xd8Yz\xb73\x06Lt\xd3\xb4)\xfd\xc7Oj\x01\x05\xab\x88\xdf\xa9s\xbc\x99i\xfe\xe5a\xbe\x9c\x83\x8d'</t>
  </si>
  <si>
    <t>b'QE\x9f7\xf0\x94\xad\xd0-\x94\xbe\xd9\x1cU\xc6\x94\x83\x1b\xeb\xc26\xe9\xc9\xb7\xfa\xf9.\x88\xd0\x99Z\x9a'</t>
  </si>
  <si>
    <t>Debt Connsolidation</t>
  </si>
  <si>
    <t>b'\x97\x93OB?B=\xad\xbe\xcd]\xa7\x1fn\xf2\t\xc4 \x93\xf5\x96\x82Nu\xac\xdd`6\xbb\xe0-\xbe'</t>
  </si>
  <si>
    <t>b'P\xc7\x97J\xd1\xbaLm,\xa8-x,\xf0\x04U \xdeo\x01\x03U\x86d%Ek\xaey\x81\xdd,'</t>
  </si>
  <si>
    <t>I always pay my debts</t>
  </si>
  <si>
    <t>b'\xe1@^\xef\x0b7\xf7\xa8U\xd5\xbb3\x9c\xe6\xb0\x01S\xce\x90\x884\x18K\x8d\x8a\xdcZu\x9b\x80Jn'</t>
  </si>
  <si>
    <t>furniture</t>
  </si>
  <si>
    <t>b'\x18\xb4H\x85s\xa6I\x1d\xad\xec\x02\x10\xc4\x85.\xb6Kj6wfA&gt;j\x92\xf5\r\x08\xc2\x04\xa1k'</t>
  </si>
  <si>
    <t>van- repair</t>
  </si>
  <si>
    <t>b'\xe0\xb5\xf1\xa6\xdb@Ub\x89\x89\xe40I\xda\xf8;\xb1\xea\xe5{$\x87\xf3\xb8nH\xb2\xce\x93\xb0\xa9\x7f'</t>
  </si>
  <si>
    <t>PUT MY MIND AT EASE</t>
  </si>
  <si>
    <t>b"\x91\x92\xd3$\xa3\xb55\x83\x1575\xc8\xd6\xb3' \xa3\xc3\xf6\xafPp\x80\xcaz\xb7\x7f\x9dJ\xd6\xd95"</t>
  </si>
  <si>
    <t>CapitalOneMastercard</t>
  </si>
  <si>
    <t>b'\xdf\x91\x91\xe8\xe9.5\xa4\x8dQ\xb3A\x81\x8d\x86\xf4\x87\x1b\xaa\x91F\xe69\xe3\x8d\x9enwoK\xa6\x1b'</t>
  </si>
  <si>
    <t>b'\xe9\xb0\x0f\xa2\xc1\xb2\xc5\xa1\xe0\x1cU&lt;\xe0V0\x0b\x8dNB\xecF&lt;\xc8~v\x83~\xb5\xd7\xb4\xdb5'</t>
  </si>
  <si>
    <t>Looking For Investors On An Auto Loan</t>
  </si>
  <si>
    <t>b'\xc1\xe0\x80\xa0\xd3\xf9\xca"\x0f\x92\x95\x82\xfb\x02\x15;\x9b\xea\x0b\x8e\xe7\xf1\xb3\xb6H\x1a\xe6t\x92d\xb5\xbd'</t>
  </si>
  <si>
    <t>b'IM\x07\x80\xa5\xf4\xe9\x10\xda\x83F\xcf\x02k\xc3\xef^M\xa8\x9b\x10\t@\x11P \x18\xd5g\xf0J\x90'</t>
  </si>
  <si>
    <t>b'\xe1\x95)\xef\xcbu\xba5\xef\xf6\xd33\xd2rnF\\\x90\x8erz\x92\x0e\xa1\x13T\x11\x81\xa1\x85\r\x96'</t>
  </si>
  <si>
    <t>b'\xe8\xf5r6\xbb\x9a\xfa|\x94\xab\xa0\xb2\xe14"\xc1\xb0))\x8c"\xdb\x0b\x06\xba\xff?\xc2HV\x8co'</t>
  </si>
  <si>
    <t>b'r[cF}\\\x82Z\x02\x15\x96\xf4\x8b\xe1\x1dF\xe1\x98\xa7\x16F\xa9\xe4\xcaf\x06\xf0\x00n*\xff('</t>
  </si>
  <si>
    <t>b'\xcaF\x9f\xe3\\\xd2#\xd9&gt;VB\xe1e\x91\x9eP\x9es\xddg\x88\xa9%F=\xa4g\t\xa7;\xfe\x08'</t>
  </si>
  <si>
    <t>Hawaii</t>
  </si>
  <si>
    <t>b'\xb0:@\xd5\xc5\x0c\xf7\xdf53\x08v\x04zh\xa2\x0c\x89\x15\xf4\xe5\x90a&gt;\xd3\x0b\xc6b\xdf\xdc\xc9I'</t>
  </si>
  <si>
    <t>cc refinace</t>
  </si>
  <si>
    <t>b'\xb2\xb7`*\xcdF6I\x92\xe2?^)\xdb\xb9\x81\xf9\xef\\\xb8R\xab\tC\xca\xb1\xe8*Jw"\xfe'</t>
  </si>
  <si>
    <t>b'k6s\xa3\x8cd\xb8FV\x08\x99\x00\xc5FF\xf9\xa8\x1aq\x0f\x93\xe5R\xb53K.\xd6_\xb5\xd8\x0c'</t>
  </si>
  <si>
    <t>b'\xb7\x0ck\x98\xf47\xcc\xa9\x13%\xed\x08F\xe2\x9b\x1d\x9b\xaa\x08\x9ec!C,\x81\x0c\xce|\\!?f'</t>
  </si>
  <si>
    <t>b'\xfb\xe0A\xe5|\x92n\xbeh%\x8a\xf8\x93\x80i\xab\x13\xecHD\xf1\xa5\xa7\x17E\xc3n~\x1a\xd8\xca&gt;'</t>
  </si>
  <si>
    <t>b'd\x9e\xc5+\\\xec\x853;\xca-\xceCK\xea\x03\x96W\x17\xe9A\xb1\xc1\x86\xf4\xab!6x\xa9%\x14'</t>
  </si>
  <si>
    <t>b'\xa99\xc9\x9b\xf1\xc92\x02w{\xc8\xdf\x17.\xb5\x9c[\xa8\xc6\xe4\x10\x8e\xb64\x81Vr\xdcz\x9f\xaa\xd7'</t>
  </si>
  <si>
    <t>b'?\x1d\x13&lt;kXH\xc2\r\xee\xf0:\xd0\xc2\x95\x90\xa7\xe6\xf5\xcf\x98{C\x82\xf6?[^{\xa0\xaaF'</t>
  </si>
  <si>
    <t>b'$@\x9c\x08\x99\xc66\xa6\xd5Nw\x0b$\x11\xb8GW{8\x17\xa6\x9c\xdb\xfd\xb5Lb\x12\xf9?,\xe0'</t>
  </si>
  <si>
    <t>Pay Off High Interest Rate Credit Cards</t>
  </si>
  <si>
    <t>b'\xd1=t\xb6\x14\x87\xc2\x95W\xa6\xf8\xd70\xcbr\xa7\xbf\x8d\xaa\xf4\xf2\x88\xdf\xc4\x0e\xbe\xde\x8bp\xaa\xf6\xcb'</t>
  </si>
  <si>
    <t>b'{\xb86\x97\x05I?\x13\xf7\xd5\x06\xc0|\xf6\xd6`$\x98{va\xd6;\x1d\x0b\xde\xfa\x94\xc8\xacR\xcf'</t>
  </si>
  <si>
    <t>b'Z\x17u\xde7iC^\xbf\xfd\xaa\x1f\x96-I,w\x02\xf1\xd1\xac\xc7\xe3K\xdd\x8b\x94\xb1VT\x89\x1f'</t>
  </si>
  <si>
    <t xml:space="preserve">BoA refinancing </t>
  </si>
  <si>
    <t>b'P\xbb\xfd\x8d\xdf\x9c\x9c\xccOv\xbeUB\xb2\xf6\xed\x14\x7f-\x8059X\x87\x90\xb9$gl\xc6o\xbb'</t>
  </si>
  <si>
    <t>b'+o\x86\xb3\\*Ajo\xa2Y*\x94\xdc\xca}\xc2\xb7\xff\\M5j\x87\x9b\x90\xc9ew\xc2\xd99'</t>
  </si>
  <si>
    <t>Caribbean Vacation - repeat customer</t>
  </si>
  <si>
    <t>b'3"\xfe\xaa\x8a\x0e\xae\x02\xbf\x7f\xb7\xe3j\xdf\x0faW\x1b\xc5\xacYF\x96\xcf\xc9\x10\x04\xb3v\xac;&amp;'</t>
  </si>
  <si>
    <t>b'\xdf\xc7\x8f^\x18vc\xd1\x04\xe0d\xefw\nYC\xe9NA\x16\xb8&lt;\xd2#h\x15\xb5\xd4\x821\x03\x18'</t>
  </si>
  <si>
    <t>b'\x9fv\xa3Z\xdcuh\xc7\xff\xf7\x17G~M\xf1\xf7\x0f\xfd%\xa7\xc6,N\xf2\xd1\xe0`\xf7\x8di`a'</t>
  </si>
  <si>
    <t>b'\x02T\xbc\xb5\xd6\xcbs\xc1\xdc\xee\xa4\x81\x8a\t\x9d\x84\x90\x98\x8d\x06\tL\xb5++\xeb\x7f\x9b\x1axo\xa5'</t>
  </si>
  <si>
    <t>LENDINGCLUB</t>
  </si>
  <si>
    <t>b'?\xd9q\xa9\xb1\x9c$_Z\xf4\xd8\xb9E\x90HQ\xf7\xb3N\xff\x01\x9ecVp1\xe8\x99\xc3\x89\x18v'</t>
  </si>
  <si>
    <t>b'\x01PC\x89\xf0\x0c\xee\xd7IV\xda\x9d\xb1\x0f\xae\xb6\x82\xbc\x8c\x0f\xc7\xbb\xc9\xc3\xe8M\xa3\xcf\x8f\xc1q\xc0'</t>
  </si>
  <si>
    <t>New roof and bathroom floor</t>
  </si>
  <si>
    <t>b'\xa0\xea\x97+g\x03\xe2=}&amp;\xcc\x06c\xbe\xbd\xd6\xa1\xf9\xdei5\xa3&amp;\xf3\r\x8a&gt;^\\\x1c\xf3,'</t>
  </si>
  <si>
    <t>VW</t>
  </si>
  <si>
    <t>b"\xe5L0\x19\xb8)\xaa'\xde\xdeD&gt;cA\xf5H\xbbI+\x1b[\xd3&gt;$\xc1\xff\x1b\x9bad\xb9\xa8"</t>
  </si>
  <si>
    <t>b'\xa96&gt;bL\x92b\x0b\xb3e\xc5\x10\x82|D\xc3kj\xdf\x94\xc5\x93\x1d\xc3\x06S\xd2\xe3\xfaSX\x00'</t>
  </si>
  <si>
    <t>b'\xaa&gt;\xcbp-6K\xbeDU\x10S\xbeJr,\x13(|qK\xd5d\x0f\x94\xeb\xad\x02\xd0~\xc3\xe5'</t>
  </si>
  <si>
    <t>b'Q\x81\x1d]\xa4\xd5\xcb\xad\x92\x9eX\xa1\xe4\x8aS_\x1e\x9a\xd4\x03\xe0\x08\x89!A\xbb\xc4I\x98\xbb3\xa2'</t>
  </si>
  <si>
    <t>b'\xc41\x96\xe3\xe9Xo&gt;p8e&gt;\xa5\xd3\x0298\xb9\xd5(\xabM\x7f[\x84\xa3S\xcc"\x1f&lt;\xbf'</t>
  </si>
  <si>
    <t>b'rA7\xe9\xe0\xb6\xc6\xf8k[\x93\x8at\x02\xf2\xc5\x1c4Ii\xddf\xe4\xc5-01.\xf6\xc1&gt;j'</t>
  </si>
  <si>
    <t>Medical Help</t>
  </si>
  <si>
    <t>b'\xea\xc3\xbe\x7fl\xa9\x03\x02\x88?\x98\xb9o\n\xaa\xc8\x85\\\xb1\xc3\x12\xf2\xbap\x8c\xe3b\xc8J\xa8\xe6&lt;'</t>
  </si>
  <si>
    <t>credit card refianance</t>
  </si>
  <si>
    <t>b'\x19\x1d\xb0\xac\x17c\xb9#\xa3\xdb\xeb\xb1\x87:\xb5\xeb\xd0\xe7\xbc\xcb\x81\xcf"/}j"\x0f&gt;+\x07\x0e'</t>
  </si>
  <si>
    <t>b'\xd9\x89\x91951:\xa19\xaf\x86\x8fF\xd7o2\xc8f&amp;bV\xbf\xf7&amp;\x10\x1a\xf12]\x89\x9cq'</t>
  </si>
  <si>
    <t>b'\xe0\x98uyP;\x8buv\xb3;3!\x98\x1c\x11\x94\xbe\xa9f\x86\xe3\xfc\xbf)s\x01\xbc*N&gt;\x80'</t>
  </si>
  <si>
    <t>DEBT CONSOLIDATION LOAN</t>
  </si>
  <si>
    <t>b'\xf3\x83\xb4\xdc\x9a\x8e):9\xf8\xe2)nd\xfe:\xce\x0c\xd2\xb5\xe0\xd25\xdd\x8aGp5v\x0e,\xc1'</t>
  </si>
  <si>
    <t>b'\xcfj\xfe\xe6\x0b\xaak\xe4\xd3\x8c\r,\x9e\x04d7Y\xedqL\xd8`%\xe8\xdd\xd6\x10W\x9e(\x8e\xd5'</t>
  </si>
  <si>
    <t>cc debit</t>
  </si>
  <si>
    <t>b'*\xf1]\xcf\x03\xa0)\x86r\x05\x91\x80\xda\x89\xdc\xd4\xdd.T\x1d\xa9\xdb,\x90\xde\xcb\x96\xda\x8cPk\x05'</t>
  </si>
  <si>
    <t>b'\xa4\x01\xf63d\x81t\x94\x03v\xb70\xb7)\xdb\xec$ZY\xe0\x11\x08\\^\x7f\xdcP\xc9\xc4\x8e\x12d'</t>
  </si>
  <si>
    <t>b'\xd3\xd2s\x98I\xf4@L\xf9\xf2\xf8\x92y\xf3\x99\xd4f\xb6\xcd\xbc\xb3ukA\x9c\x9b\xf7zp\x88\x8bb'</t>
  </si>
  <si>
    <t>b'\xe9\x8c\xb1\xd3\xde \x7f\xc5\xc6\xb6\xbeN\xe4\xd3\xc2\x0b\x14as\xa5\xaf\x08`\x89\xaf\xc2\xf4\x81"?\xa3\xaa'</t>
  </si>
  <si>
    <t>DEBT PAYDOWN</t>
  </si>
  <si>
    <t>b'a\xd1\xea1\x0b\x1eK\x96\xa3\xcb\xbe`\x15\xe6q\xbd\xd4\xf9y\x10\x0f\xd79`\xef\x03T,?\x1c\x90\xa4'</t>
  </si>
  <si>
    <t>b'c\xd2\xddy\xfb{\xb44d7\x93j\x87!x\xbeC@\xec@Z0\x10y\x15O\xad\x9fkE\x0eO'</t>
  </si>
  <si>
    <t>b'(4`\xc8\xc0\xbdU\xe7\xb2YP"ay?\x160\xc0\xb9\xac\xac\xe8=\xe8\xf5.\x9d\x83HP\x01\x0e'</t>
  </si>
  <si>
    <t>savemoney</t>
  </si>
  <si>
    <t>b'Y\x7f\x8f\x9b\xbc\xae\xe4b\xa3%\xce?\xd2\xcb\xc6ie*\x184\xb9~\x9f\xa1\x06H\xb7_f\xd9\x89u'</t>
  </si>
  <si>
    <t xml:space="preserve">Credit card payoff </t>
  </si>
  <si>
    <t>b'\xe9.^\xfd\xadt\xe5\xed\x8e\x90\xe1\xc4\x0eQ\xed\xc7+\xf8\xad|\xca\xac\x15\x8b\xf1ofsLP\xe0\xdb'</t>
  </si>
  <si>
    <t>b'\xcd\t[\x7f\xc8\xeeU\xc7~qO\x9b\xaa\x1eg\xa7\x08@\tF\x9a%c\xef,\xe6g\xfe\xa1\xefe\x98'</t>
  </si>
  <si>
    <t>Refinance High Interest Credit Cards</t>
  </si>
  <si>
    <t>b'M\x8a\xd43H\xa0x\xc0!\x8b+u\x85\xca\xd2\xb2\x97t\x86\xab\xb1\x03\x7fL\xf2V\xd7$\xa1\x8c\x82T'</t>
  </si>
  <si>
    <t>Getting Ahead</t>
  </si>
  <si>
    <t>b'\xe4\x98sQ{}h\xfa\x80\x9cE\x06\x0b\x93\xf3)pbZ5W\xb5O[{\xa5\x08\xf6x\x0b]\x13'</t>
  </si>
  <si>
    <t>b'\x86\x8aAx9m\xc0fG\x11\xc8\x97\xf5\x10\xc6#\xd4wJ\x98\x96\xda\t\xa2\x01\xc8\xe0T\x04\r\xf6F'</t>
  </si>
  <si>
    <t>b'0-j\x0el\x0b]}\x15\x94\x90\xea\xed\x83\xaat\x9e\xdd\x87\x15\x84\\\xbf#\xa3\xec"\xdeq\xfa\x98?'</t>
  </si>
  <si>
    <t>b'\xaa\xdd2^r\xe3\x95\xd0\xcd\xc6{\x12\rd\x87d\xd0V\x159{\x1d7wQV\r\xdd\x93*\x00\\'</t>
  </si>
  <si>
    <t>b'd\xe4\x1e\xa8\x90\xe1v\xa3\xff0g?I\xaeY}%\xddR\xad\xc8\x13\x16s\xbb\xd1\x1d/\x01\xbeM\xb9'</t>
  </si>
  <si>
    <t>Auto Business loan</t>
  </si>
  <si>
    <t>b'E\xc9\x8a\xfdo^\x19W\x10\xfb\x8a\xe0\\\xf2)\xa9\xd0B5I\xdf\n\xd2\xa0d\xc8\n+\xd4\x8a\xe2O'</t>
  </si>
  <si>
    <t>b'I\xa9\xac\xffL\x96\x94\x17\xcaE4Q\x86\xe1\xdeS\xe6\x7f\xc2F\x1d!dGc\xea\x08T\x18\x9a\xf0A'</t>
  </si>
  <si>
    <t>Consolodating debt for medical student</t>
  </si>
  <si>
    <t>b'\xc7ZA\r\xc5\x82\xe9\xa9\x9c&gt;$\x03\xdd\xc2\\\xc0H\x9f\x94\x18z)H\x00%6j\xdd\xe5s\x02\x87'</t>
  </si>
  <si>
    <t>b'\x9e\xb0ml_7\xe0\x0c\x89*$\x86\x16\x82\x8a5\x0e\x1c\x11T\x94\xe4\xaf\x90\x8e\x9a\xb5\x8a,\xa9\x04Q'</t>
  </si>
  <si>
    <t>b'\xde\xe2\xabv\xbb\x81\xf2\x05&gt;\x9dE\x814\xa3\xc8\xd0\x08\xba\xb2\xac/\xd3\x00\x04g\xdcb\x9a!\x130v'</t>
  </si>
  <si>
    <t>b'\xd0\x80\xc0\x99H^&lt;}\xfc\r47i\x1d\xb9&amp;j\xfc\xdf31\x84C\xf6\xdb\xdc\xbe\x0e\x9e\x9a\x1e\xbc'</t>
  </si>
  <si>
    <t>b'$\xe1\xcb}\xc6\x82\r\xd8\x03:h\x12\x04K\xc8xV\xd3\xfb\xf1\x04\x1d*\xc7\xe1\x1cR\xe8\xf4\xa5\xf3\xfd'</t>
  </si>
  <si>
    <t>LendClub</t>
  </si>
  <si>
    <t>635xx</t>
  </si>
  <si>
    <t>b'\x1d\x19\xd3\xbb\xb2\x90\tc\xa5\xd2\xc3$\xc7\xb8\xf8\xea\x13\xc45\xda =\xa4\x14?3#.s[\t)'</t>
  </si>
  <si>
    <t>b'-\xcaA\x98\xf3\x82\xda\xc5zu\xb16\x06\xcadmkuK\xd1=\x9c\xd4Ku\xcd\x80\x91\xfa\xc0#\x8e'</t>
  </si>
  <si>
    <t>b'qn*\x96\xbdZF\xf6Mz\x17Q\xb1\x91\xbb\xc8J\x11\xa5\x8a\xb5\x0f\x1dZ\xd8\x91\xdc\xe0\xff`\xe7\xa9'</t>
  </si>
  <si>
    <t>b'\x9f\xb3\x82\xbd!\x03\x11\xd5YeR\x88\xd9\xcc\x08o\x82S\x93t\xaby\xad\xd7\x1a\x9a\xa3)\x04{=x'</t>
  </si>
  <si>
    <t>b'\xd6&lt; &gt;\xc9\x8c\x86\x9b\xf1U\x1d\xf9\x80(T\x83\x0fk\x9a\xeb\xa7\xec\x1c\xca\x86W\xfb\xe3\xdb\x04\x00\xc9'</t>
  </si>
  <si>
    <t>b'Zg3\xc9\xa2%\x15\x02\x1d\xaf?hC\xafi$Z\x85\x8b\x90\xcd0Lx6\x16\xf9\xect\x83 7'</t>
  </si>
  <si>
    <t>b'\x17\xb6}\xd8\x13p\x0f\t\x14\n\xd8?\xb8C\xe9]\xa4v\x0e\x19\xc7\x92\x151\x066\xcc\x88\xd1\x95\xf0\x00'</t>
  </si>
  <si>
    <t>b'OF\xf1jv\xa7\x85\xfd\x1e%\xe4\x98\xdc\xed\x0b\x8b\x1eD\xf4@\xf8oO\x98\x14\x17ID\x99\x9bo\xe2'</t>
  </si>
  <si>
    <t>Nomorehighinterest</t>
  </si>
  <si>
    <t>b'6\r\xd4\x89D\x80,!\xbf\xe8\xea\x841\xde\xea\xaa\x10\x93\x8b\x08\x91\xd0\xc0\xa6\xe12H\xaf\xd0\x15j\x02'</t>
  </si>
  <si>
    <t>b'q\x84\x9d\x8e\xea5\x94dd^\x1d\xfd\xdf\x11\x00K\xb2?\xe6W\xf2\xac6C\xfe\xe9\xe2\x00 \xa4!\xf3'</t>
  </si>
  <si>
    <t>b'\xd8s\x0b\xb1\xd3\x8b\x8c\x9a\xec{ D\x94l\xa1P\xef\xc1*\xd8\x96u\xf5\x98\xe2M#f\xa8"\xab\xe0'</t>
  </si>
  <si>
    <t>b'\x17\xcc\x0b\x01n\x15\xe0?\x02\xacmn\xdf\x87G\xa1\xde\x8d\xc0\xbdzt"\x03d\x87\xe8ta\x14\x88{'</t>
  </si>
  <si>
    <t>b'\x92\xc3\xc5M.\xd6\x9e2\xc1\xbb"h\xa9P\xbb\xe4%5\xc98\xcf\xcc3zCKu\x989\x8a\x1f\xa0'</t>
  </si>
  <si>
    <t>b'd\xd9U\xa3Myz\xb6"\xe4\x97\n%\xac\x80\x89\'i\xd8\xf6\xe5\x16q\xae\xd1\xae\x10L\x7f\xc3`\x18'</t>
  </si>
  <si>
    <t>Wedding Funding</t>
  </si>
  <si>
    <t>b'[\x19\xc8\xfb\n6\xa1m\x93V:\xb3\x7f\x9a\xf4\xc0g\xaa_;2\xa6\xd6K\xdfD_\x8d\x0b\xc8B\x81'</t>
  </si>
  <si>
    <t>b'\xef\xbf\x12\x1d\xa1@\xd70\xda\xed\x87\xbf\x90\x98\x9f=\x0f7\xfc\xe8/D|\x7f\xaf\xadN\x9e\x9f&amp;\xff\xd2'</t>
  </si>
  <si>
    <t>DEBTS CONSOLIDATION</t>
  </si>
  <si>
    <t>b'!\t\x8c\x9c0\xf8\x12\xdafv\xaf\xdf\xa1=\x00!\xba\xe5;\x01\x18\x0b\x12S\xf8\x00\xfc\x9a\x7f&lt;Z\x8e'</t>
  </si>
  <si>
    <t>b"\xcc6\x80\x1c\x92\xa2\t7y\x89C'\xc7\xa0\xe4\xda\xde\xde\x11\xe5\x17*[|\x85\x82o\xa8\xbe\xff\xbeS"</t>
  </si>
  <si>
    <t>One Loan</t>
  </si>
  <si>
    <t>b'\x17ot$\xda\xb1\x11;2iZX\xd0k\xab\xe7\xc9\x96\x16\x83jO\x83E\x96h\xb3\x97J\xa16M'</t>
  </si>
  <si>
    <t>b'\x7f\x01\x17\xd6\x07\xf6\x17\x82\x9e\xfd\xdfIV\xd2u\x06\xc5\x1b\x19\xb5\xf8X\x99h\x8a\xf0\xe9\x0e\xed\x8d\xb6y'</t>
  </si>
  <si>
    <t>b'\x86\x7f\x1301T\xc3\xf6\xc6\xbbB\xeabS\xa8\xdc\r{\x9c+8#X\xb2v\xbb\x1b\xf5\xb6\xca\x8b\xd1'</t>
  </si>
  <si>
    <t>b'\xc2\x14)\xe1\xdcMa&amp;D\x17\xde\x8e\xec\xa0\xe4\xa4\t\xf1\xfe\xf7\xfc\x95r\xfd\xbb\xb7\x93\xf4?\x84\x91j'</t>
  </si>
  <si>
    <t>b'\x0b\xdd\x7f\xc6\xfa\xca\nt\x89\xe8VM\xad\xf0mf\x010\xf4ua5\xb9o\x0f\x88\xf6&lt;1\xddd\xc8'</t>
  </si>
  <si>
    <t>Credit Card Debt Consolidation Loan</t>
  </si>
  <si>
    <t>b'\xe0\xc6\xfe\xf76^\x82#\x13\xa8&gt;;\x0b\xc7\x1c\x1e\xe0\xfd\xe6in\xd5\x03\x966\x16\x0c\xb5m\n9\xdf'</t>
  </si>
  <si>
    <t>b':\xbc\xe0\x89+\xe2\xc9\x9c\x86!/^,\xdc\x7fV\x172\xd9|\xe9\xd8\xf3W\x0c\xf9\xd1aP\xdfG\xad'</t>
  </si>
  <si>
    <t>b'vm\xaa\xe5m-\t|R\xafSy\x84e6\xd2\xc5\xb3s\xb4\xe7\xe4\x89"\xa8\xbc\xe3M\xadLH\xf8'</t>
  </si>
  <si>
    <t>bill pay</t>
  </si>
  <si>
    <t>b'\x17\xc7vWR\x94."0\xb3\xaf\x88q&lt;&gt;\x1aS\xb4\xaf0\xecvN\x91?!\xa7\xfd#7\x90W'</t>
  </si>
  <si>
    <t>b'@86{\xc7\xe9m:\xc8\xf4\xafy6\xcf@]\xcf]f\xde\xc4\x86n6\x13\xe3\xb9t\x8d\xcb\x0f\x0e'</t>
  </si>
  <si>
    <t>b'\xc8\x9b\x10E7\xdaG\xff\x15\xbb,\\EhY\x1f\x8b\x8e\xe9\xceB \x89\xc6\xd4\x13m)\x893\xbc#'</t>
  </si>
  <si>
    <t>b'\x04\xed\xd2f\x8ek\xb1\xbd2`\x06\xf7\xbc\x12\xbb_\xf7\xf4N\x85\xf2\x89[\x88.\x08i&amp;\xb6\xac&lt;|'</t>
  </si>
  <si>
    <t>b'\xf0\\Mj\x95;\xe5\xaf\xeb?\x81\x16\x19\xa1L3\xdemWTt=f\xaf\xfb\x86\x7f\x91\xc6\xb1\xc0\xb5'</t>
  </si>
  <si>
    <t>b'\xc9\xe6\xb9\xc3\xf4\x8e\xfb42\x891\xf7z\xea\xa9\xa4aT\x93\x98\xb8\xe3\x8b\xf3&amp;z\x92\x9fr\x82#6'</t>
  </si>
  <si>
    <t>b'\xcc\xe99\x92\x9b\xf1\xf1\xb4\x19#\x82SmA#v\x1f\x1bx\xc3\x9b\x9dd\x81\x19\xafD\xe0\x02_\x11M'</t>
  </si>
  <si>
    <t>b'\xf8o\x12\xe00F=b\xdfo\xcb\xc4\xfeF^LT\x02y\xad!\xed-\xc5\xe6Lr\xec{\x97\x90\xb0'</t>
  </si>
  <si>
    <t>b'\x0e`(g\xec\xa2I\xb5ik\xc2\xf6\x0c/g&lt;c\x9c\xba\xc4\xc0&lt;\xb7\xf0o\x06\xc5\xa8\x85\xca\xd82'</t>
  </si>
  <si>
    <t>b'\xfe]\xba\xcd\xc2|ROj\xcc\xd6\x17\xe3\xd6\x00\xa1\x82\xff\xc2\xd4\xdc\xd9\xabn\xa2*\xc3\x9bJ\x13\x9eY'</t>
  </si>
  <si>
    <t>b"\xd8b41\x99\xced\xf5A\xa9\xda\x01\xe6\x83N\x8e')Z\xbd\xd5,_\x19\xabt\xde\xb5s\xf5v\xc6"</t>
  </si>
  <si>
    <t>Home Improvement HELP!!</t>
  </si>
  <si>
    <t>b'\xb2!\xaf\x8d*\xefu\xf75\xa5yh\xf7\n\xe2\xae]\x9dF\xcc\xa4}\x8f\xc7\xac\xe8\xfdj\xa3\xe2\xd1\xf7'</t>
  </si>
  <si>
    <t>b'D\xc1\x94\xbe\x14h\x17\x93-\xd3UXP\x81v\xf0\xf3?\xed\xb6\x85\xd8\x05\xccm\xe3U)\\\x07x\xb2'</t>
  </si>
  <si>
    <t>b'\x0e\xdbY\xe7\xc1\xa85\xba\xa2\x93\xbdT\x94)\x84\x17\xbbO\xdb\x06d\xeb\xd4\xab\xb6\r\xa6\x96\xd5\xee\x9c\xc0'</t>
  </si>
  <si>
    <t>b'.\x95\xa7\x0f9\xcc\xc8\xf2\xb2\xc6-\x1fm\xe4U?\\\xf7\xe6\x9e\xad\x0ez\x1c\xcfR\x0c\xc6\xe6\xd2\x02N'</t>
  </si>
  <si>
    <t>b'\xf2\xc4\xbe\xe7\x82\xef\xe1\xbc2c\xac\x17\x8dp\x99\xd28b\xfb\xb1L~u\x92\x98\x9a\x8f;7\x19\x98\xdb'</t>
  </si>
  <si>
    <t>b'G;\xee\x066\xd9\xb4\xdf\xa5e\xb5\nG\x9e\xac\xe8\x0b\xf6\xf5\x83\xeb\xc3\x82\xef\xf2"\xf1\x03\xf0\x0f\r|'</t>
  </si>
  <si>
    <t>solar panel</t>
  </si>
  <si>
    <t>b'\xedTW8\xd8\xac3\x08\x05\x1f\xe8\x16\xe2\xf2?\xc9\xf4\x0f\xf0M\x0b\x96\xcd\xbe\x8bcC\xafr\xa8\xb3\x01'</t>
  </si>
  <si>
    <t>b'D\x91\xe2&gt;\x16~\x0c\xbd\x9b\x96\x8b}\x13\x06Z\x1e\x01\xafC\x0c\x1a\x0b41\xc6\xf0N\xa6G\xc0\xcdU'</t>
  </si>
  <si>
    <t>CCConsolidation</t>
  </si>
  <si>
    <t>b'\x85\x84\xaaR$\xdf\xc7\xf9\xb3bU\xd8j\x15\x80s\\\x1ao\x95\x95\xacG\xea\xf4\x91\x8be\xaf\xfa\xcf\x18'</t>
  </si>
  <si>
    <t>b'\xcc\xaf\x10\\\xd5{\x85Wzs\xee\x87]\xe5%\xfd\x8bb\xc4\xe4;\xd7\xfe\xc5\xa2\xdf&amp;\xf3\xcb\x86\xdf\xa8'</t>
  </si>
  <si>
    <t>b'\xac\xef"\xbfl,\x1f\x00\xee\xc9&gt;!N\x0b\xed,\xf2\x89\xe8\x03G\xe9\x8aS\xce\xc9#\x98\xb37I{'</t>
  </si>
  <si>
    <t>b'\x14\xa9W\x10\x01\x83\x88\xa1\x04\x04b\xbb\xd9A\xd4\x9b*\xf5\xc1\xb3i\x1d\xf9\n\x7f\xd5]/\xdePZ\xec'</t>
  </si>
  <si>
    <t>b'G\x9cH\xfe\xd6\xceJ\xd9c\xecO\xa2\xfb\xe9=\x91rb~x\xe7d\xd8\xb1&gt;\xfd\x7fg\x93\x82[O'</t>
  </si>
  <si>
    <t>b'\x1aV\xa0\xde\x95\xb1\x14\xbdE\x9a\xf6\x07\xfal\x17cY\x8f\xbd\xb0\x0bjx\xda\xe5\xd5\t7\x8f\xee&lt;$'</t>
  </si>
  <si>
    <t>b'O{\xa3\xa68"~\xdci\xa0\x1f6\xe2\xd9%\x93\xd4\x15\xa3\x10\xa6\xb2S\\\x05\xfe\x86\x82\xcc\xf5o\x08'</t>
  </si>
  <si>
    <t>DC1</t>
  </si>
  <si>
    <t>b'\xc1\xa86\x93\x06\xfa\x0c\x1b(\xe6\xad\xe9\xab\x9as\xeb9\xca\xbc\x15d|@gU\xbe\r@\x13E\xd0\xe5'</t>
  </si>
  <si>
    <t>b'8\xcd\xe5&gt;\xd4+\xa2\xa48_\xc0FR\xd5\xa8\xb0\xfc\x1a\xa5R0\xec\xad\xca@\x0f\xa5A\xd8\x7f\x99\xe7'</t>
  </si>
  <si>
    <t>Medical loan</t>
  </si>
  <si>
    <t>b'H\x1a\xbb\x179\xcc\x8e\x88E\x02a=\xe7\xf5I{\xa7\xf0J\x17\xfc\x1cVR\xa1\x0f\xb5k\xdc\x97\xd0G'</t>
  </si>
  <si>
    <t>b'\x86\x9c\x0bx\x13\xd9\x19\xc3\xf1v\xff\x0c\x8c\xf6\xfer;\xaf\r\xb3\xdb\x02\xf2\x14\xbb8\xd7\xb6\x8d\x9fO$'</t>
  </si>
  <si>
    <t>save</t>
  </si>
  <si>
    <t>b'\xa5\xf1\xcd\xb4\rb\x88\xa4\xd9\xb2\x8f\xad\xe8\x925\x8c|c\xf3^\xa1\xf5\x00q\xfa\xe3\x94Y\x00\x8f\xbdx'</t>
  </si>
  <si>
    <t xml:space="preserve">The Post Grad School Loan </t>
  </si>
  <si>
    <t>b'1\x84\xc5\x07L\xf7K\xf1u\xb4~\xe4r\x84\x1e\x02|\xf4\x0cp\xf2@\xec\xf6\xb5\xe4\x9a\x06a/\xb9\xf0'</t>
  </si>
  <si>
    <t xml:space="preserve">Believer </t>
  </si>
  <si>
    <t>b'.zYn0\xefB(\xd6gOj\xfa\xb4\x03\xfc\xf8\xd5|J\xde\x17\xa9x\xa5?\xbc\x05O\xfa.\\'</t>
  </si>
  <si>
    <t>Personal home loan</t>
  </si>
  <si>
    <t>b'K=\xe3\xefv\x1f\x0c\xf5\x88\xecRr/\x86\x0c\xc5H\r\xacD\x08q\xdd\x02\xb8\xb7\xa5\xa8\xc653\xf6'</t>
  </si>
  <si>
    <t xml:space="preserve">CCR </t>
  </si>
  <si>
    <t>b'\x89\xe7\x80\xf9\x0e)\xd6\x92Z\xed\xe3\x94\xc8Kz\x8c\x84\xeb\x19\t\x1b8\xc3\xdd\xaa\xc7QQ\xfbsS/'</t>
  </si>
  <si>
    <t>b'\xa7\x95\x0509o15\x1f\xba&amp;\x8f\xbd\x8f\xcd\xcagd-\xe9\x04\xda\xcb\x9b\x86|s96\xf4\x9a}'</t>
  </si>
  <si>
    <t>No More Credit Cards</t>
  </si>
  <si>
    <t>b'\xa1\t\xeb$\\`&gt;\xa9|*\xf0\x0c \x905\xde\x93[\x12]0\xbe\xa5\xa1\xd8\xc8\xce\x1d~\xe3\xfcO'</t>
  </si>
  <si>
    <t>b'\x8a\xb7\xb7\xa4\x99\xa8\xe2\xa3O\xe4x\xecL\xab\xb9`\x03O3\xf4\xecA\x18\x9e\xbe\xcf\xd7\xf6\xfc\x00\xdeI'</t>
  </si>
  <si>
    <t>b"\x90&lt;\x9d\x81\xd5\xf6\xb68^\x9e\xf3\x01T\xa8\xbf\xbcl\x9c\xff\x8f\x08'\xcf5S\xef\xa7\x9d\xb2M\x06\xc2"</t>
  </si>
  <si>
    <t>Lower my interest rate</t>
  </si>
  <si>
    <t>b'M\x14\x18\xe3\xa7^\x17\xa6\xa6\xa8\xf3\xd8\x06\xd75Fl\x1f\x9a$\xfc\xa2\x1an\x13s\xa7pm\xc1C\x92'</t>
  </si>
  <si>
    <t>b'\x98\xd9\x96\x8eDCi\t!)\x84v\xcc"\x0c\xb2\x9f\xb5\x97@h\x99\x92\x81r0\x1e\xb6\xd8YP\x1e'</t>
  </si>
  <si>
    <t>home improvent/pay off credit caards</t>
  </si>
  <si>
    <t>b'%\x06\xf8g\xe2U&lt;\xa7\x98\xcc\x01\xf6\xc9\x8f1\xe6_\x7f\x98\xcbW\xa6\xc3\x10\xf7\xfb=j\x05\x03\xd1\xc9'</t>
  </si>
  <si>
    <t>b')\x06LO\x83.b\x85\xf5\xc7\x0f\xa2\xa1\xec%\x94P\xbcqJ\xce\xec\x0cP\xe0\xbf6l\x904\xde\x83'</t>
  </si>
  <si>
    <t>b'\x1f2.[\xf16\xb48L%\xd5\x13\xb1\xa8\x1b\x02\xab\xf6f]\xa4g\xcc\x17j\xf5\xec\xfe\xad?\xeb\x90'</t>
  </si>
  <si>
    <t xml:space="preserve">Home </t>
  </si>
  <si>
    <t>b'\x8dp\x83\xb2\xfb\x83\xa2\x19$\xe1\x99\x8f\xfa\xfb\xbc7\xc69,\xfc\x84NLZ1\xd2]\x17\x97&amp;\xben'</t>
  </si>
  <si>
    <t>Personnal loan to pay off credit cards</t>
  </si>
  <si>
    <t>b'\x1b&lt;\xf5m\x1e\x94kt0`\xac\x97\x1e\xb4[\x0c\x066\xc8\x1d\xf4\xfe\xae\xdf}\xdf\xaa.jD\xea\x9f'</t>
  </si>
  <si>
    <t>b'\xbav\xbc\xd6\xd1J\xecA\x9a\xef\x86&lt;HG\xd2\x98zf\x812\x90\x02\xfe\\Lk\xfc\x8a\xaf\x90;7'</t>
  </si>
  <si>
    <t>b"\xdc\x13\xfb'\x03\xc3MG\xe5M\x91\x00\x12Sn\x94aA\xe7\xe3\x8b\xd9\x12\xaab\xd5\x97\x8a\x17\x98\xe3\xfe"</t>
  </si>
  <si>
    <t>b"\x9dN\x9f\x98\xd0\x0f\xcem\x14d\x84\xaf\x9ea\xc4M\x12'\xe2u\x8a\xa5\x1b\xef\xe2\xc7o6%C\xef\xce"</t>
  </si>
  <si>
    <t>b".\xc2\x17f.\xfe\xab\xafu_fS\xe8Ve\xd9]\x86f\r\x15\xe1\xa1\xe1\x13e\xe7\x16'\xc6cO"</t>
  </si>
  <si>
    <t>b'\xa6\xf70\xe7t\xcf!\xa2\x03\x91\x04\xb6\x026HT\xc6R`\xf8\x82\x81@r\xa2BC\xa5S\xd0d@'</t>
  </si>
  <si>
    <t>b'\x17\x97\xa5\xa1\x9d/4\xad\xfe\xea=\xd9$\xc8\xc0\x18\xc3\x12mi\xe7\xb4\xc1m&amp;\xff\xae\xf4\x0e\x93n\x93'</t>
  </si>
  <si>
    <t>DEBT PAYOFF LOAN</t>
  </si>
  <si>
    <t>b'\xca\xa0\x08\x12\xc4=F\xe4\xfcVQ\x83\xba\x1d%\x1a\xc5\xb2\x887=@\x83\x7f\xe86 \x1b)\x8a?&amp;'</t>
  </si>
  <si>
    <t>consol3</t>
  </si>
  <si>
    <t>b'\xfe\xed&amp;&gt;\xac\x12\xbe`\x86\xf0\xd0V\xd69\xd2\x1d\x99\xd3\x134\xba\xdb\xea\xc3\xfc[+\xca\x9b\xfa\xc2\x08'</t>
  </si>
  <si>
    <t>Lowering My Debt Costs</t>
  </si>
  <si>
    <t>b'n\xb3De\xb7\x87\x0b\xcd\x14@3\x93\xd1$\x07\xf5}\x9f\xac\xad\xe4\xcfS\xb8\x03\x1a\x80bI\xc5\xc4\x1b'</t>
  </si>
  <si>
    <t>b"~\xc7N\xc9\xbc-\x8aE\x0f2\x831N'o\x81\xf8N\x97gE\x89Q\xfag\x98\x03u\x1d\xea\xed\xf8"</t>
  </si>
  <si>
    <t>credit cards debts</t>
  </si>
  <si>
    <t>b';\xd7\xcf\x0b/\x02r\x8d\x86\xad\x10\xc9fx\x80\t\xd3\xc6\x1foG\xd0\x19\xb5\xd19|m\xebs\xf4\x93'</t>
  </si>
  <si>
    <t>b"\xb4\xff\x94?\xc9\x8d\x17\xf0\xe6\xb3\x14\xe1\xd3\xee^B{\xc5\x1c3\xddY\x8f\xba':\xe6C\xb4l\rN"</t>
  </si>
  <si>
    <t>b"\xbcDZ\xc5C\x8b\xb5\xcd\x82\xb1\xa1\xc1\xeeu0\x00\x1b\xb8UxE\xbd\xb8\xe2'\x99\xa6D\r\xf9\x91\xb5"</t>
  </si>
  <si>
    <t>RemovingOldDebt</t>
  </si>
  <si>
    <t>b'u\xa8\x18\x05\xb7/\xb7KB0\xbe\x86_\xedJ\xff7\xa6\xa7\t\x89\x1ac\xa6\x08\xe3\xe5\x86\x19\xc9\x8f,'</t>
  </si>
  <si>
    <t>b'\xdb\xbb\xaa\t\xa0Q\xe9A\xcf\xcd\xc2!\xb9\x8f\x04\xceos\xdc\x7f6\x8b\x86\xce\xd3^\xec\x88dg&amp;\xe8'</t>
  </si>
  <si>
    <t>DebtLoan</t>
  </si>
  <si>
    <t>b'\xf5\x1e\x82\xd2Z]\xef#\x91\x9c\x7f?1\xfb\x84\xb1^c\xa66\x97\xfc\xab\xd4\xf8\x1f/\x07\x10\xae\xc4\xec'</t>
  </si>
  <si>
    <t>My refinance</t>
  </si>
  <si>
    <t>b'a\x80eC\xc5\xa83\xa8\xfa\x8f6R\xa48T:~\x03@\xa5,Q\xabX\x80\x11\xea\xe8|X\xe0\x9b'</t>
  </si>
  <si>
    <t>b'\xe2\x86\xa2\xf9S\x0c;\xb9\xfb#\xef\xa7\x10`\xc5]\xa6\xc9k[\xc3&gt;&lt; X\xb2\x00\xc9h\xc7eD'</t>
  </si>
  <si>
    <t>home &amp; debt</t>
  </si>
  <si>
    <t>b'\x80,(\xe1J\x0b\xc1\x8e\x11\x85\x05\xe3!`\xf9=a\xdc\x16\xe7d\x10H\xfb\xc5k3~\xcf\xa5\x85\xa5'</t>
  </si>
  <si>
    <t>Dust bunnies</t>
  </si>
  <si>
    <t>b'\xeb\xfa\xa6/\xb8\xf1@A\x0e\x8fc\xba`\nn\x19\xd5\x9e\xb7A\xb3B\xa4}\x81\xf3\xa9L?T1\x07'</t>
  </si>
  <si>
    <t>b'\xb9\xf9T{\xf49\xcf5\x08\xbf\xdf\xec\xad\x06&amp;\xcd=\x9b\xa0w6\xce\x16\xf3\xfe*p\x90\xf3\x8b\x97.'</t>
  </si>
  <si>
    <t>b'/\xc6Y\x8b&gt;\x87\x8b\x9e\xd9T\xc4\xd0\xf7\xae^\x8c\xde$/s\xbav\xcf\x8fH\x0f\xb9vo\x18\\\x9e'</t>
  </si>
  <si>
    <t>b'lmh\x13w\xb0[\xa9\xf3\xf1K\\\\\xe0\x91\xd2F\x84Ro\x08s\xb0b0!\tpK,\x06+'</t>
  </si>
  <si>
    <t>boat buying winter</t>
  </si>
  <si>
    <t>b'j\x19\xc6\xb3^\xab47\xa2\x88\x0fK\xe8\xf96\x8d\x18\x14\x15$n\x8a\xd5sj#hu\x16\xa4\xdb\x08'</t>
  </si>
  <si>
    <t xml:space="preserve">Fresh Start </t>
  </si>
  <si>
    <t>b'\x97&lt;\xc4\\\xaa+I*\xfe\xfc%#\x1cg?b\xe4\xe3?\xb8\x03\xdc\x0e\xd3\x11\xbcK\xd6M\xc4\x8a\xc2'</t>
  </si>
  <si>
    <t>b'\xb9+%\xc7T\x8aF\xa5@\xd5\xdb\xbaF0M\xe3\xe4#\r\x91|5\xf84\xd2\x12?I\xf7~&lt;{'</t>
  </si>
  <si>
    <t>b'\t5\x8c\xd02\xa7K]\xc3\x10T\x8d\x14\xcf\x8e\x8b\xb9\x11m\x85\xfe8\xe6b\xed\xc2\xfcmW&amp;/\xdf'</t>
  </si>
  <si>
    <t>b'\xbf\x8ah\xbed\x1a\x913%?}\xd5\xb64)\xa2z\x9e\xe4\x8a\xe8\xd4\xa7/\xf2@\x82\x9f\xed\xf8\x98\x15'</t>
  </si>
  <si>
    <t>b"\x82\x07\xf7&lt;v[\xeb\xd7'\xff\xc9\xb4a\xb3\xbc\n\xbbX\xec.\xd4&amp;\x15\xb1\x93\xeaI\xf5\xec\xfehl"</t>
  </si>
  <si>
    <t>b"\xc2\x85@\x13)\x17\x90'\xd1\x0c\x08\x9c\xfd\xca\x1e\x1d\xd7\xbb\xde\xc0\xb1\x92\xeb\xc8\xa8\x99\x82%|\x04o&lt;"</t>
  </si>
  <si>
    <t>Debt consolidation for reliable borrower</t>
  </si>
  <si>
    <t>b"F3\x8a\xfdwS\xeeD \x01\x95F\x1a\x94\x81\xfbH-\xd3'\xdf=\xa9;\xb6\xbf\n\xf8*\x83\x97\xbf"</t>
  </si>
  <si>
    <t>b'n\x03\x0f\xfc=\xaa4\xb8\x18\x1b@j\xd8\xa3\xf0\xad\x8d\xa5\xfdv\x08L\xde\xefR0WP\x06\x8b\xce\xfa'</t>
  </si>
  <si>
    <t>b'\xf2V\xb3`\xc99\xd2\xf5}\x86\xcc\x1c\x8c\x16\xf2\xed\x1a\x06\x84eZ)U\x1b\xbb%\xdcc/2M\xfe'</t>
  </si>
  <si>
    <t>b'J\x9dQ\\\xf7D\xf8\xfe\x17\x90\xa0\xe2`\xebV\xd5%t\xcdj\xf9u@\x9ep!\xbe~\x7f\xac9\x99'</t>
  </si>
  <si>
    <t>Credit Pay Off</t>
  </si>
  <si>
    <t>b'n\x04\xf5K\xc5\xb0\xb58\xb4\xaf\x15\xda\xf1)g\x80y\xef\xd9&lt;&lt;\x1a\xce\x88\xf2\x82\xd3\xacg\x87 p'</t>
  </si>
  <si>
    <t>b'\xdfr\xa2\xef\xf7\xf8\xc4\xb7s,\xab&gt;\xa7i\xec]^\x9f\xd6\x82\x0f\xe8yC\xe3Lvp\x9c\xaf+\xe8'</t>
  </si>
  <si>
    <t>b'\xed.wy\xf9\xfc|\x18\x13q\xe2(\x0b;\xc2{\xb4\xea&amp;\xa6\xd8\xc2\x84\x10\xb38B\xeb\x1d5N\x11'</t>
  </si>
  <si>
    <t>b'\xc6\x01\xa5A\x1e \x86|$\x86\xc9\xe4\xf4\xa5,\xb4\x9b\x81\xbb\xd6!c\xa0\xaf_\x8fgl&gt;fQa'</t>
  </si>
  <si>
    <t>b'm\xbd1\xff3\r\xcf\xd1\x80\xeb\x18\xd1o\xd7B\xce\x1d!\x11H\xf7\xf2\x8a\x05\xd7P\x9b\xc7\x80[~\xbf'</t>
  </si>
  <si>
    <t>b"\xe65\x8b4'm\xfbD\x92\x8c\xaf\xd3k\xd7\xf5-\\\xca\x84\xca \x8d\x93_d\xdd\xb8um\xeatm"</t>
  </si>
  <si>
    <t>b'8\xc8BK!\xa4j\x1a\xf1\xc7\xabSlRhY\x9e\x82zQ\x81}k\x1b\x08\xf0\xad\xd7\xecE\xc7$'</t>
  </si>
  <si>
    <t>b'\xe8U\xf7@\x02\xc7\xbf\xf1\xfa\xc5\x91i\xb8\x04w\xe1\xd0\xd8\x01\xcf\x80\xe9\xba\x99]r?\x1bi\\8\xd3'</t>
  </si>
  <si>
    <t xml:space="preserve">No more credit card debt </t>
  </si>
  <si>
    <t>b'&lt;\x10\xc3\x85\xa1=\x86F\x8e\xd5\x06\x1a\xc6c:I\x9c\xf2\r;\x8c\xb0\tyR\x94\xeb[\xf9;o\xf3'</t>
  </si>
  <si>
    <t xml:space="preserve">Refinance to lower rate </t>
  </si>
  <si>
    <t>b'\x0e\x97[\xc1\xfa\x02\xf9\xaa\x1a\xca\xc4\xa6\xa9\xcfi\xfa\xb36f\x99K\x97`\x9f\xa2\xcd\xb1\xf3/\x1e\x1c\x0f'</t>
  </si>
  <si>
    <t>Mountain Cabin Addition</t>
  </si>
  <si>
    <t>b'9\xae1\x8al/q\xcb\x19jk\xeej\xaa\xa9 7/\x98\xe1/\t\xd5y\xae9~\xd1\x8f0\xe3"'</t>
  </si>
  <si>
    <t>b'l\x91k\x10\xc2g\x1d(b\xaag\xfe\xac\xa5m\xd8i\xf8o\x01\xf7~p+\xf1\x05\xcd"\x93\xbf\xd8\x9c'</t>
  </si>
  <si>
    <t>b'\xd2\x15\xc2\x18\x1a\xf9-\x01i\xbce\xf6\xf1sL\x8b\x1b\x9e0\x86l\xe0\xe8\x8c\xc4\x99\xe8\xc8\xed\xac\xa8\xfd'</t>
  </si>
  <si>
    <t>b'\x851\x12&lt;\tS3\x14\xfc\xff\xd3E\xaa-\x16\x88\x19\xe7(\xea\t\x12\xfc\xadX\xb7\x99\x8d\xbb=\x8b\xc7'</t>
  </si>
  <si>
    <t>b'\xb12`m\xa0\xa7\xd1:\x05\xdf\xbaN\x1cc\xa1c\x91\xd0\xfe\xb5|\xbd}\x94\x80\xab\r\xfc\x14\xe6\x16n'</t>
  </si>
  <si>
    <t>Debts and Wedding</t>
  </si>
  <si>
    <t>149xx</t>
  </si>
  <si>
    <t>b'\x07\xf7\x1e^6\x87\xbf\xc8\xc2\xaeo\xc4"\x06\x81Y\xe04p\x8b\xf1\xc9#\xe2[\x7f\xd3\xe6\xca\x08)!'</t>
  </si>
  <si>
    <t>Get rid of debt with high interest rate</t>
  </si>
  <si>
    <t>b'7\x03\x03\xb4\x98\x04\xc3\x92\x92\xd2\xbb\xb3\x08\x90\xc7\xf8\x12&lt;\x89|A\xea[\xeb\xc9\xc8\x06N\x8a\x8d\xdf\\'</t>
  </si>
  <si>
    <t>b'z\x1c$Cmd-\x99\x92\x91\x04\x02#O\xbe\x9c0!yK\x9c\xd5\xf0\xbbm\x93\xed\xfc\xdfM\x89='</t>
  </si>
  <si>
    <t>b'\x08\x91\xfd\xd0\xcd3\xb1\x16\x16\x028i\xac\x89\xac\x98\x02\xdfY9\x95\xe3SD:\x95\xec\x8f\xfc\xf4vu'</t>
  </si>
  <si>
    <t>Shorten</t>
  </si>
  <si>
    <t>b'\xd8\x9f~w\xa1X\x91\xbd\r\xe7c\xefeR\xc1\x93)B\x97LQ@\xeb\xc2\xe2\xdfV\xb0\xe7=J\xea'</t>
  </si>
  <si>
    <t>b"\xf9\x14\xef\xa2\xc7\xf2\xf9\x16\xbfGj\x97E\x05%\x93'\xd0\x1b^\xb5-~\xf2Ja`ef\xb9\xa3\xd5"</t>
  </si>
  <si>
    <t>Off CreditCard</t>
  </si>
  <si>
    <t>b';\xfb{\xf9\xad\xd3\x16G\xad\x97\xa7\x98f\xd5\xf5\xbeA^\xe5\x19\xba\xb2\xac\xce\x83\xd79\xffg\xcd\xd2\xd4'</t>
  </si>
  <si>
    <t>QUICK AND TO THE POINT DEBT CONSOLIDATIO</t>
  </si>
  <si>
    <t>b'\xcdHh\xa1\xf0\x8e\ryVm\xc8\xf2\xcf9\xbc\x88\xf8\xbd\xa0&amp;\xf5\xa1\xe7\x88d\x90\xcc\xeb;\xa0\x80_'</t>
  </si>
  <si>
    <t>Consolidating bills to save more $</t>
  </si>
  <si>
    <t>b'];\xf2\xac\xa2Ne\x19\xaf9\x8b\x07[H=\xc1\xd8\xd1b\x9eWPS`\xe5\x16\xc3\xa5\x9c\xd2 \xfb'</t>
  </si>
  <si>
    <t>b'\xd9\xfb\xc3]w|\x8f\xb9\r\xd6C}/\xaa\x7f0F\x12\xb7\x93\xec\xa8u\xe8\xdc\x85\x9d\x0c\x15xia'</t>
  </si>
  <si>
    <t>b'\x95O\xe5+k\xe3\x8b\xabx\xfc\xc7\x974\xb8\xc8\x81fud\x1a\xaa\x05\x0e:\xe2\xec\x1d\x82\n6\x1d\x1a'</t>
  </si>
  <si>
    <t>b'\xd8\xe0}\xf5\xdd\xe9%\xac\x83D\x82\xc5\xdb\\\xaf\xe7\x95\xdd\xcd\x1e5WA;y\xd6&amp;\xdfz\xb6\xd6,'</t>
  </si>
  <si>
    <t>A Helping Hand</t>
  </si>
  <si>
    <t>b'B\xb7e\x06\x0e^\x19\x12\xe9\xdcu#P\x9c\xf8R\xf7r\xa0df\xefN\x0e\xc5\xd7r\xcaR\xf7\xa0\xbd'</t>
  </si>
  <si>
    <t>b'\xd9gM(\xb2\xd3z\x9dV\xff\xc6\x9a4\x875\xf4xeF@nf4\xca\xab\x8cq\xd8;?\xb8%'</t>
  </si>
  <si>
    <t>b'\x8f1\xd5\x99\x1c~f\x0c\xea\xc5\x05u\x1f;K1\xe1N\x17\x19\x18\x98\xab\xfe\xe6\xde\xfef\x0e\xb8g\xf8'</t>
  </si>
  <si>
    <t>b'\xf4~\x8e\x82\x19Rrv\xeeESz\xe4]}\x00\xa1s\x1c\xe2\xfc\x96\xd2\xf5+\x06\x1b}\x0cU.\xcb'</t>
  </si>
  <si>
    <t>b'\xdb\xfaf_\x04*j\xe7\xa4\xbf7" \xfe\x86\xdeq\x8a\xe0`\x05\x93\xc2\xbe\xa5\x07\x8a\x0e\xb4R\x05\xcd'</t>
  </si>
  <si>
    <t>b'\xef\xe0\xac.I\xfe\xd7?}\x03\xb2O\x88\xab\x8b;~+\xd7a\x80\xcflS\xfa%\xe4\xb3\t\xee\xba\xcb'</t>
  </si>
  <si>
    <t>b'_\xd6}ylz\x89\x19?=\x05pPp\xc1\xe2\xb5?N6h]\xea\x1b\x81q%\x82=\x99\x08\x80'</t>
  </si>
  <si>
    <t>ONELOANONLY</t>
  </si>
  <si>
    <t>b'e\xc7\xcd\xa5\x8c\xfaE\x02\xd1\xd7\x07\x10\x95n\x0esN\xa7\xb9D\xb1b\x1b\xa5\xcc\n~\xd4\xff\xeb?^'</t>
  </si>
  <si>
    <t>general</t>
  </si>
  <si>
    <t>b'\xfb;\xfc\xee{\xda\xbcH\xc3\x83"kA\x1f\xd7\xae\x07\x9b\x89)cg\xd5\xc9\x01\xb6\nG\xe4\xbcL\xf0'</t>
  </si>
  <si>
    <t>b'\xf2CA\xa2\x96\x96TU\x9a%G\xbaa\x95\x98X\x9c\x01\xc4\xaab\xc2\xa2\t\x15c\x17\x84\x98\xe5j\x1d'</t>
  </si>
  <si>
    <t>b'\xf0\x7f\xab\xef\xb2\xb0t\x19\xdf\xc1B\x9c \xafCb\x16e\x00\xbc\x9f!\xc3\x18\xe54l\xa50\xbe\xd2\xcf'</t>
  </si>
  <si>
    <t>b'\xbc\xc6r\xaa\xefs\x95\x00\x8ch\xf8\xc8\xcd4P\xad\x88\x0f\xf8\xfbJ\xdc\xa0\xa4T\x05)-\xe0\x94Z\x9d'</t>
  </si>
  <si>
    <t>b'\x8a\x0eu\x1f\xcd[\xf8m\xb9[S\tnbZE\x96\x00\xfc\xb5q5j\xbf\xffW,{\x9c\xe4$;'</t>
  </si>
  <si>
    <t>b'\x97\xaa\xe1\xef0L\xb6\x0c\xc8D\xd3\xc5\xacr\x94\xaf\xe5\xf8\xebf|\xef\x81i\xb1\x1b\xe2u\xe0J\xf9\x04'</t>
  </si>
  <si>
    <t>b'eg\x80\x89\x8aii4\xf3\x91\x85\x00\xa4\xa9{\xb7\x9dE\x99\xf8fToep9\xf6\xfbr~\x0f#'</t>
  </si>
  <si>
    <t>b'\x8e\xdc\n\x16\t#\x80\x9e\x04F\x1c\x8f.t\xb1\xa6v)\xc9\xe5zp\xf7ID\xf4\x8d=\x89\xb30\x81'</t>
  </si>
  <si>
    <t xml:space="preserve">Pay off High Credit Card Debt &amp; Close </t>
  </si>
  <si>
    <t>b'D,\n{\x7f\x90fR_\x8f\xc8_\x1a\xf0\xa01\xd1\xf3\xe5\xa7\xae\x1a{\xdd\xdcN\x00R\x0fr5 '</t>
  </si>
  <si>
    <t>help me get out of debt</t>
  </si>
  <si>
    <t>b'\x99\xd6\xec=hP\xec\xcf\xc0e\xabL\x19X\xa3\x82U\x86y\xfc+\xe6\xc6\xe6\x07\x8c\xe5#@\x87\x1b\xb5'</t>
  </si>
  <si>
    <t>b'\x12\x88b\x80V)\xc7\xf7\x89 \xa5,\xa1\xaaY\xf4\xf1@&lt;\x84)-u%\xf6\xbd\tS~u|i'</t>
  </si>
  <si>
    <t>b'K\xec\xebr\xf6\x00\x1e\xf0\xf7\xd5M\x1dL\xcb\r)\x0f\t\xe5l4\x8a5\xa2\x84\xe9%\xc7u\xf2\xd7\x14'</t>
  </si>
  <si>
    <t>b"\x8e\xa5\xd5\xd6\x8e`|:\xf0\xb2'ic\x9c\x07\xa2\x87 &lt;\\:\xf5\x9d71\x043\r7\x8fg\x87"</t>
  </si>
  <si>
    <t>Credit/Debt Consolidation</t>
  </si>
  <si>
    <t>b'\xd3\xe01\xb6\xc8\xdd:\x8cZ\x10\x0fG%\x85sw\x9a\x89\x8bXBn\xfeo\xaf\xd6\xd4g\xa6\x9a\xad0'</t>
  </si>
  <si>
    <t>b"b\xf2m\xfe+\r\x88A\x9b'\x81h=R\x03\x00\xf0\x01\xeb\xbe\x993\x7f\noS\x81/5\x83,\x9a"</t>
  </si>
  <si>
    <t>PAID OFF DEBT</t>
  </si>
  <si>
    <t>b'/s\xfd7\x90\x13\xf6\x0c61\xdcY)\x83\x9cT\xaa2\xd2N\x9e)W\xa5Fh\x02\xb8\xaf\xcc\xe9X'</t>
  </si>
  <si>
    <t>b'?b\xc5\xe2=\x13\x9c\xf2\xd0N\x17\x08\xbdO1\x0e\xa3\x90\x0b\xdc\x83\xb5}\xf8\xdd\xb2\xe5\x07^\x04fS'</t>
  </si>
  <si>
    <t>b'\x99\xfb\xe0\\\x7f\xebB\x16\xde@\x19\xb4\x16\xcf+L\xe9\x16\xc2\xe4\xd6\xc5\xf2\x8b\xd2\x1d\xc0I\xe9.\x03\xd2'</t>
  </si>
  <si>
    <t>b'\xac\x90\xb0p\xae\x12\xc9{\xdc\xa5\xb0\xbcPHO\xae\xa6\x08\xd8a(\x96\x85\xa6\xa3\xd2u\r\x99z&amp;y'</t>
  </si>
  <si>
    <t>b'\xeaZ\xe4\x17\xf0\x00\xa8\x90\x03\x90o\x06\x0f\x1b8I\xa2\xd2\xd6,\x874\x00\x14~\xa1\x03\x13[(\x11\xb0'</t>
  </si>
  <si>
    <t>b'\xa6\x1d\x03\x82[U\xf4\xe2\xe9\xf3\x8c\xb9\xecW\xd4\xd9\xc6\xb9\xa2\xcc?B\xde&lt;\xbf\x83M\xf2\x13n\x03y'</t>
  </si>
  <si>
    <t>Debt Free Living</t>
  </si>
  <si>
    <t>b'\xaai\x05\xfe\t\xfa&amp;\xaa\xec8\x14\x00\x92\x0f\xfe\xff\xab\xee.$\xb5\xc4\x18\xde\x0bV\xf3\x87\x97L\x14\x8d'</t>
  </si>
  <si>
    <t>b'\xcc\x01l\x08\xe7P\x9b\x8c\xa9\\`\xd0\x86Lp\xfe\x9bMq\xdfg\x90\n\xa9mu\x8c\xa6\xe2|\x15\x94'</t>
  </si>
  <si>
    <t>b"\n\xb8\xe9]2_\xf8\x8bp\xa1\x1a\x90U\xff\xf0\x88\x98c*'\xf9 \x1a\xc5Y\xcbhfI\xc7\xcf\x1f"</t>
  </si>
  <si>
    <t>Bills Consolidated</t>
  </si>
  <si>
    <t>b'e&amp;\xb9\xa5\x83\xd3\xd0ta\x1c2N`&lt;R\xf0\xc3\xe2w\x1c)Z\x97\x18\xbc\xf3\x87\xe9a\xbb\xac\xd4'</t>
  </si>
  <si>
    <t>b'R\x0f\xd6\x13\x91#\xe4\xfe#\x08\xf8\xc1\x086l\x9d\xaf=qF\xd0Y\xb9\xea\x0f\xb6\xed\x7f\xbbkl\xd3'</t>
  </si>
  <si>
    <t>Pay off Credit Cards and Cut Them Up</t>
  </si>
  <si>
    <t>b'\x80\xaf\x19\xca;\xb9\x98\xf9]l\x06\xf2\x00\xbe\x01q17\xa6\x9a\xc2\x83\xa6\t\xba;b\xb6x\xf8\xa9\x11'</t>
  </si>
  <si>
    <t>b'4;oA\x80\xb5\x80\xf5\x17\x7f\xe9\x1e\x00H\xfd\xcfJ\xd6\xc9X\xe5\r\x0bQ\xbc\x9bg\xf3\xe5\xc8\xaf\x0b'</t>
  </si>
  <si>
    <t>b'\x91\x86\xf0\xb4X.\x86p\x03\xa5\xba\xb1\xd8\x07\xa6SG\x98\x89T\xd7(\xc8\x1a\x80|Y%\x1d"u\n'</t>
  </si>
  <si>
    <t>Phase 1</t>
  </si>
  <si>
    <t>b'k\xb7\x1b\xe7\xcc]\xf9\x89\xdc\xbbJ\x7f\xfc\x85\xd5\xdf\xd3\x17\xe9\xa7\xe1\xbf\xea\xaf\n=\xa1\xe8\x13=\x8b\xf2'</t>
  </si>
  <si>
    <t>b'\x8e\xbdz,E\xdfc\x1c/\x1fG\x96\xf4Yr\x8cq\xb9&gt;\xaf:t\xb1\xc2r\x83\x18f&amp;)\xb9\x82'</t>
  </si>
  <si>
    <t>b'\xbb\xfd\xdd&amp;\xed?\xaa\xbfm-;\x8c\xc6\x0c\xd3\xe1\xec\x17\xcd\xc0\xf0\x94\xfa\xe8\x12\xd1|t+\xe7\xcc\xfa'</t>
  </si>
  <si>
    <t>School</t>
  </si>
  <si>
    <t>b'\xf3\x11\xfb)\x1b\xf1m\xf4!\xd6\x13\xdc\x8b\x92\x80;V\xd6`g\x08\xd6?\x8b\xbe\xbf\r\x87B.b\x95'</t>
  </si>
  <si>
    <t>b'\xd6Su\xfa\xc3\x985T"\xa0^\x99E\x17\x05\xf3\xf1\x1f\xa2-\xea\xee\xda\xc6\x1c\x1fX\xcb\xa3$\xc2e'</t>
  </si>
  <si>
    <t>Medical/Dental</t>
  </si>
  <si>
    <t>b'\x8e0\x1c\xd9\xa5\xbc\x9f\xa3"l|\'\xa4\xd8\xa0U\x0e\x8bG\xa2\xc02\xc1\xf5\x1a\r\x9f8\xe3d\xa2\x95'</t>
  </si>
  <si>
    <t>Buying My First Car</t>
  </si>
  <si>
    <t>b'V\xd3\xe1\x9bZ\xfe\x89\xcfL\xd1h\xd1\x86\xd4S\x0b\xf1zR\x95\xbf\xb7\x0b0\xef&gt;\x97n\xb3k 8'</t>
  </si>
  <si>
    <t>Creditcards</t>
  </si>
  <si>
    <t>b'\xc4\xb5w\x07%\x93\xc8\xbd\x996\x01&amp;&gt;C\xd4\xacx\xc4\xcdg\xdc\xc1\x9f\x96\xed)\xd1\xed\x92 \x89\xeb'</t>
  </si>
  <si>
    <t>b'\x19\xd4"h"\xd4!y\xadcf\xaa^I\x96\x98\x930\xcd]w\xfb\x9c\xb4\x12H\x9aA\xbe\xf5\x12\xeb'</t>
  </si>
  <si>
    <t>House help</t>
  </si>
  <si>
    <t>b'\xb0\x92\xf6\xd6sjk|\xdf\x8e\x83\xd4\xda\xa1NG\xae\x85*I\x94\xcc\xf9D&lt;\x12\xc3\xd8\xee\xe5s\xef'</t>
  </si>
  <si>
    <t>b'\xd2\xff\x0b\x18\x9e`\xa7\xfau\x9f&gt;\x82\xf1\xf4I\xce}\x8e\xbd[\x8b&lt;O.\x92(\xc1x\xb4*\xc3\xf3'</t>
  </si>
  <si>
    <t>b'\x8c\xe0\xc4;\x84\x0e5\xacc\xd1uk\xfb\xa0w\xc0\x90\x05N\x12g\x8d\xaep\xe7a\xb1\x88\xc15\x94\xb0'</t>
  </si>
  <si>
    <t>b'O\xd6\x9b\xc6\x03!h\x94\x9f@F\x03]\xebj\xb9\x96\xdf=\nY\xb2i\x0e\xe2\xf9\x8c\xb4\x9f1\xf9\x92'</t>
  </si>
  <si>
    <t>b'\xbb\x90\x9c~\x9bZqK\x98\x03)^\x92+\xb3\xbc\x95gf\x18\xa3\x14y\x06\xb6\\\x1a\xc07=l\xa4'</t>
  </si>
  <si>
    <t>b'\x8b2\x14M\xde.\x05\x14\xbc\xb6\xf0!\\2\x04\x1f\xf5\x0c\xbe\xe0:\x8b\x8e`\x03\x95\xf5\xcdr\xcc\x18\xd7'</t>
  </si>
  <si>
    <t>b'\xdb/~\xe3\x18\x86R\xc8\x9d\xf9+3\x9fz\xc6J\xbb\x98\xb4\xd0\xccv\x1bM\xbf\xe3\xd6\xc5\xefC\x1d,'</t>
  </si>
  <si>
    <t>b'\xc7\xeb\xfa-\xf4\xff$y\x93\x84\x19\xact\x0b\xdc\nH5\x8a\xb3s\x02V\xef&gt;\xf7\xac\x92\xb0\xe9\xfbD'</t>
  </si>
  <si>
    <t>b'39o-\xf2\x96y\x18\xfb\x8f\x16\x8bMuE\xa1\xfd\xc5#X\xcb\x9dw\xff\xd7\xf2\n\xba\xd0\x80\xa6O'</t>
  </si>
  <si>
    <t>Much needed loan</t>
  </si>
  <si>
    <t>b"2\xa4M\xdc\x04\x01\n\x14\xc2\x9b\xf3\xd1(\x03\xae\xe0\x86\xf0x\xe4\xc89'\x88\xcf%\x07\xdd\x17\xe5\xc5\xa1"</t>
  </si>
  <si>
    <t>b'|\xe9&gt;\x04}0\x10\xc6\xc5\xad\x97\xabu\xac\xbd~\x1f\xf6\xf9(e\x08\x97\xe86\xb8b3A\xc4\xae\xd3'</t>
  </si>
  <si>
    <t>b"\x16\xc2m\xaaC\x85U\x12\x8ec'u\xc0\xa2T5\xa0\xb2\xba\xcd\x14\xc9\x04\x85\\\xb0\xd5\x9f\xc6\xa5\xeb6"</t>
  </si>
  <si>
    <t>b'-\xd4\xe0\xdf\xa4\xb6C\x96\xad+\xa1U\x8d\xae"\xc7\xb0\xdc\xb2\x9e\xe2M\xbdY\xa9\x03\xb4\x00&lt;e\xee\xc9'</t>
  </si>
  <si>
    <t>b'\xf58x\x9b\xe1n4\x00}b\xe1\x14\x98\xc8\xe9\xc2\xad\x9f6 \xf9\xe1\xad\x83%ve\x0c\x80\x1a\xca\xfc'</t>
  </si>
  <si>
    <t>b'\xbc\x85\x94\xf8I\xb9% \xee`\xb8\xba9x\xbf\xa6L\xf0p\xd3e\x1fFZ4k5P\xaa\xf3p\xb4'</t>
  </si>
  <si>
    <t>b'q\xe33\x05\xe5\x1de/\xd0\x88\xb3\x7fV\x03-}\xd2S\xb6#\xe27u\xbf#\x03\x19\xael\x190\xd7'</t>
  </si>
  <si>
    <t>b'`\xddX\r\x91\xbd\xd2\xc02N\\X\x99F\xae0\xf3J&amp;|\xb4+O\xf7|\xb9\x80\x19\x8b\xa0\xb8\xa6'</t>
  </si>
  <si>
    <t>Lawn</t>
  </si>
  <si>
    <t>b'\xf3\x16vK\xdf\xdd\x82\xa7\xe4V[\xaa\xf7\x00\x95L\nE\x00\x8a\xf5\x8b\xfc5\xb4\xf7J\x16\x10L\x12\xf5'</t>
  </si>
  <si>
    <t>b'\xa4\xf1(\x0f\xbf\xdc#\x83\xe9\x19O\xe4\x14zU\xed\xd4r\x9c\xee\xaf1\x8a\xb3U\x7f\xf2\xc3\x86\x9c\xcc\xa0'</t>
  </si>
  <si>
    <t>b'+\x16\x97\x89\xb9L\xd8\xca\x855\xfa`1\x10\x8an\xe9\x14\x7f\xd9\xad\x96\xa3\x89\x17\x85*\xaf\xb6a@\xec'</t>
  </si>
  <si>
    <t>b'\x8d\x00o\xd5\x9e\xe5\x9f\x80\xf3\r\xce\x87\x9f\xf3\xf7\xb6\xf3\x1d\x13\x99\xf7\x13\xa0;\x1aQ\x13\x07\xb8\xfd\xa7b'</t>
  </si>
  <si>
    <t xml:space="preserve">Home Repair </t>
  </si>
  <si>
    <t>b'(U\x15\x94\xb6\xde6\xfdx\x8b\xb6/\xaf\xf3\x91z\xc5\x0f\xc5\x1f\xa3\x06\xa3\xf5m\xe5VfM\x00\xc0\xe8'</t>
  </si>
  <si>
    <t>b'\xe4*\xe5\xe1\xa6=\xba\x18\x89\xe6J\x9f\xc0\xe9\xa6\x1d\x9d\x15\x00\x9e6\xb0y\xa7q\xed\xd8%\xb8\x01\x11\xf5'</t>
  </si>
  <si>
    <t>b'\xe6\'\x8f\x89\xb0\xaeF\x8a\xa3J\xae\xbc\x17\xd9\x07\x05;/"\x14\xb0\x92(\xb0a\xe8\xb5\xe6\x16\xa6\xb6\xff'</t>
  </si>
  <si>
    <t>b'O\xbd\xa8\xcf\xeb\x1a\x12\xd9\x1bC\xb8\xbf\x10U\xcb\xab\xd4\xfd\xc9\x87\xecl\xe6\x1d\xd7\xe1\tN\xdf\xd4\xf0\x1a'</t>
  </si>
  <si>
    <t>b'\xee\xb2 \xc5\x02\xdd\x80n\xc8\x02\x05\x1eH\x15\xc8\xe9\xed\x98\xcaH\x1b\x19&gt;?\x04\xe4+z\xdbc\xc7Z'</t>
  </si>
  <si>
    <t>b'P\x0f\xcd\x87\x13\x8a\x8c\x9c\x85aP\xf1\xa7s\xf8\x1f\xb1\xa5s`\xc6[\x15\xff\x9a\xf8\x95\x8e\x91o\x87\xd0'</t>
  </si>
  <si>
    <t>b'\x0b\xb2\x91\xd36\x8b\xde\x1dAT\x87hz,-\xb6\x14\xa8F\xaf\x7ff\xddU\xac~\xb0S\x8e\xb6\xf6\x8e'</t>
  </si>
  <si>
    <t>b'%\xc5\x1a\xaa\xd2e\xc7\x1e.l|\xe5Y\x9e\xdfX&amp;\x9d\x8f\x139\xe3\xe4#K\x19H*ulm\x15'</t>
  </si>
  <si>
    <t>b'\x94\x08\xd7a\xd4a\xe3\xa8*J^\x85\xc4`\xca\xef\xf7/\xa6!.\x9c\x97\xe7|j\xe5\xc8\xc8\x87\xce\x1e'</t>
  </si>
  <si>
    <t>b'\x0b)\xb4\xb7\xe6g\xcd\x11\xfceg8:\x15\x9c\x88b\xbbm,K[\x17\x18\x87\x18\xaa\x15\x8bf~\xe1'</t>
  </si>
  <si>
    <t>b'\xa2\x9cp\x1f@`Og\x0e\\\x03EV2r\x0f\x86W\xe2V\xed\xe7\xd7\xa3\xeeW\x83\xd98bO\xe1'</t>
  </si>
  <si>
    <t>b'\xb1\x9f\x02I!8h\x16\xc9\x9bW\x80\xcb\xcbq\x1d\xba\xd2\xd0\x02\xa0\xfe1\xb7\x92h\x03\xa7)&lt;\x91N'</t>
  </si>
  <si>
    <t>b'J\xd2\x98\xe9\x033\xc7zN\tN0\x86\xbf\xea\xd1!W\xb3\xe4\xc7\xe4\x1b"\xa0\xb6&lt;]v\xa6MO'</t>
  </si>
  <si>
    <t>CreditcardConsolidation</t>
  </si>
  <si>
    <t>b'\xe5p\x0b\xdb\xcb\x11\xb1(\t&gt;\x838\xdao\xe7\xaf\xb2\xf1\xe8A\xb9f\x1c\xd0\xdf&amp;\xed\x0b\xa8\x9b\xb4\xcc'</t>
  </si>
  <si>
    <t>b"\xda&gt;\xa8\t'1j\x06Yd\x94\x98\x94\x1e\x84\x9c\xa4:\xe8\x00\xe1\xb36\xbd\xde\xcee\xa3\x02\x85\xff\xe2"</t>
  </si>
  <si>
    <t>b'\xdd\xd5\x04e7u\x9b\x95\t^\xc4\xcb\xa1\x86u\xf2"\x1a\xbd\x17\xd8\x00\xeb\xa29\xaa9\xa4\x0cy\xb8)'</t>
  </si>
  <si>
    <t>b'\x0c\x01O\xf4\x93\xd6\xb0D\xf5\xe6\xa7V\xa3[\xc1mC\x08\xb9\xdddo\x14\xa3s\xe9#T\xfd,\x12`'</t>
  </si>
  <si>
    <t>Credit Card Pay Off Loan</t>
  </si>
  <si>
    <t>b'i\x11\x9c\xfci\xe8\xcb\x01\xdbln\xcc\x90h\xcd \x9f\x92\x8d\xbaR_m-\x92\x12+\x03\xe0\x8eth'</t>
  </si>
  <si>
    <t>b'\x9dK\xa32k\xa7\x879\x03\x86\xca\xd7\xf0\xda\x8eb\xb1\x80\x97\xff\x08\x05\x8f\x8d\x8aO\x81%@\xb0\xef\n'</t>
  </si>
  <si>
    <t>No More Bills</t>
  </si>
  <si>
    <t>b'J 2\x8dv)r\xec\xaf\xba\xea\x83\xa3T\x88\x99\x0cX\\x\xd7\xedx\xf3]\xbd\xdeW\x18\x1b"\x05'</t>
  </si>
  <si>
    <t>b"\x81\x96\xd6w\x82\x0eU'\x05\xa1\xcdRPf\xbd\xf0+\xdd87U\x15(\r\x0edC\xe3\xff\xc9p\x8a"</t>
  </si>
  <si>
    <t>debt control and refi</t>
  </si>
  <si>
    <t>b'&amp;\xa3N7\x96\x9a\x0cP\xdeD\x00\xd5`\xfc\xac\x9bw\xab!$\xe0\xc7f\xe2y\xe8\x110x\x11\x04\xd6'</t>
  </si>
  <si>
    <t>b'c\xc8\x8d\xe1\xe9[\x1d\xbd7\x1d\x16\x99m\xc7\x03`\x9c\xe2\xc3\xb3\xc2\xc3\x9e\x8e\xbb\xa8\xe7\xb2\xbb\xf4)\xcd'</t>
  </si>
  <si>
    <t>b"]\xaf\x03\tH\xa0\x0f\xc6)\xc2\xf0V\xbe\xfb\xc6\xb7\x7f'u\xa4\xe5-@\x7f\xbbe\x0c\x05!y\xf7]"</t>
  </si>
  <si>
    <t>b'\xb2+\x1c\x1e\xc5\xf9W\x8a\xc6\xb11\xfd\x98\xf2u\x14\xdb\xe0\xa9\x8a\xf8Q\xdc\x92UU\xad\xc8G\xf8\x93z'</t>
  </si>
  <si>
    <t>b'\xe2\xe8\xd04IO\x12.\xebQFG7\xbd\x1b}K@\xd8\xdf\xaf\xfcf\xae\xd9\xab\x91\xcb\xcf\x9e\xfd9'</t>
  </si>
  <si>
    <t>b'\x02\x97\xac\x88\x0cq\x82\xd6jw\xb3\x12s\xea\x97kq\t`:\x88\xa1-\x81\x1a\x85J@\xa6h\xbdL'</t>
  </si>
  <si>
    <t>b'F5\x96\xe6_\x17\xea+\x04\x97\xdb[\x00\xc9\xde\x0e`!D\x14Q\xea\xc9\x1b\x82,\x8e4&lt;r#1'</t>
  </si>
  <si>
    <t>b'@\xac`5\xf8\xa2\xd1\xcd\x16\xd6\xac\xbb\x07\x9e;\x0cR\xc0q\x83\xb47+J&lt;\x81\xc2VkW\x91+'</t>
  </si>
  <si>
    <t>b'F\x9d\xd0+\xce?\xc2\xc2R\xe3\x83\xd8)E\x99\xf9\x98Y\xc3\x13n,\x8a\x1d\xfeg\x94\x14.\xbaW\xda'</t>
  </si>
  <si>
    <t>b'\xd3\x86\xc0,\x12\x0e\x06\xbd\xdf\xdem4\xd1\x7fz\xbap\xe9\x80\xa6i%\xf3m\x07\x8e\x9b(P/\xf3\xd3'</t>
  </si>
  <si>
    <t>debt refinancing</t>
  </si>
  <si>
    <t>b'\xa8\xb6\xc6\x15\xacRg\xa7\r6\x91\x80\xe0\x83\x87\xd9\x834,\xcbh\xc7\xb9\xb5\xa3\xce\xdd:e\x9d\xbee'</t>
  </si>
  <si>
    <t>881xx</t>
  </si>
  <si>
    <t>b"\xb6\xd2s\xbc@\xca\xa8\xdd\xed\xd2\xbeQ\xcb1\xb9L\xe5'\x81\xe6\xa1\xd1\xc8\xb1\xddV\xbc\xad\xc6\xaa\xc5\x89"</t>
  </si>
  <si>
    <t>b'\xf8\xafx\xf4,)\x91/*\x87X\x15\xb8\x8e\r\xe6\x91t\xef\xbd\xba@\xb0\xe7o(r\xe4\x18\xfd\x8c\x9f'</t>
  </si>
  <si>
    <t>dental</t>
  </si>
  <si>
    <t>b'6\x05\xe0qE\x90\xb5\x1b\\\xda\xb7Sl\xfa"=4M\x82\n\re\xc2\xd4\xa4\x98\rs\n\xf4f\xac'</t>
  </si>
  <si>
    <t xml:space="preserve">medical expense </t>
  </si>
  <si>
    <t>b'3\xec\x803\xb6=3\x02\x83\xe1\xb9\x9d\xee"S\x04\xe5|\xf0f\xc8\x1c\x81\t8\x84v\x07\x86\x82\x8cw'</t>
  </si>
  <si>
    <t>Springleaf Pay Off</t>
  </si>
  <si>
    <t>b"z\x1f'\xe0\xf8\x0f\xf7\xa27d\xde\x915`b\xbe\xb2\x19_\xc1\x99\x9bw\xb8\xc4f\x8f\x82\x9d\xf8M)"</t>
  </si>
  <si>
    <t>b'\xfc+\x1b\x11\xfcW\x95\x1ckM\xc5\xf3\xfc/\x14\xb5e\xdd.~\xa6G\xf7\xdb\xf8\x89%\xb0G\xa0\xe2\xa2'</t>
  </si>
  <si>
    <t>auto repair</t>
  </si>
  <si>
    <t>b'37\xad\xb01\xfa\xcdkipEG\xa1\xaanc\xe3\x139\x1d\xfd\r\xb3P\xf6_\x92\xd5{b\xffY'</t>
  </si>
  <si>
    <t>Pay off High Intrest Credit Cards</t>
  </si>
  <si>
    <t>b'\x1e.\xf1\\\x80\xf5t\\\x9bv\x88\x8a\x87\x88"\x05\xbcf\xe7 \xf1\xc4|\x8a4\x89\xad\xa1\xb5q\xf0\x8b'</t>
  </si>
  <si>
    <t>b'\xea\xd1\xac\x81J\xa5d\xaa\x9e`\xd6\x8bmE\xf3\xb5\xa2\xca\xac\x93\x1c\xf3\xfe\xd8\xd4X\x82\xa3sQ\x06\x87'</t>
  </si>
  <si>
    <t>b'\x0e\x85\x05\x1e\x8b d&amp;\xe4\xdaM\x9e\xee \x96,\x0b\xa3\xb1\xeb\x0b?\xec\xb4\xbb\xb2W+T\xcc\x10P'</t>
  </si>
  <si>
    <t>ByeByeBills</t>
  </si>
  <si>
    <t>b'\xd6\xaa\xc36\xa8w\xcf\xa1%\x00\x8e\xff\xf5 \x1d7\x89\xc8\x1a`q\xfa\xd1,B\xdd\xae4\xfc\xb2\xe4\x94'</t>
  </si>
  <si>
    <t>Help through a Transition</t>
  </si>
  <si>
    <t>b'\x86NK\x8b3\x80\x08U\xe0u\xca\xa2U\x0f\xbbA\r\xcby\x9e\x9dh5y\xa8\xd6\xc0\xd6\x14\xd5&amp;q'</t>
  </si>
  <si>
    <t>AttorneyFees</t>
  </si>
  <si>
    <t>b'\xa95\x90"h9\xcb`\xe8\xbeu\xe3A\xf6\xa5\xf2c\xe5\xa2[Af\xbc\xcf\x06\x08\xd1\x1aD(uf'</t>
  </si>
  <si>
    <t>Large purchase</t>
  </si>
  <si>
    <t>b'\xe5[\x15R\xe0o\x05\xcb\x9em\xa9%\x9f\x97\xf6C\xd1.\x02\xab\x00\x82\xf5Oe\xbd?\xdfz\xfeq\x18'</t>
  </si>
  <si>
    <t>b'\xce\xb6\x84\xac\xe2ED\xfb\xb1\x8cO\x0e\xc5\x9b\xcd\xf2\x1cE\xf9\xf5\x86\x0b\x17+\xd9\x86\xb2\xfek\x81CS'</t>
  </si>
  <si>
    <t>b'\xdf(!\xfd\xe6\xe8M:\xf7\xe8/~\xd6\x1f\xf4\x1c1\xbdH\xab\xc3\xa1\x9b\xec\xb2\xe7)\xf92\xb6"\xb6'</t>
  </si>
  <si>
    <t>b'\xe4\xf4x\x85\xe4\x1d:Zx\x1e=\xf1-`\xa0E\x1a\x11\xa4\x02\xe9\xcd\xd8\xc9,\xdf\xf0\xc0\xc2&lt;\x0e\xee'</t>
  </si>
  <si>
    <t>b'\x82\x8c\x1a\x05\x9e\xc6.\xa3\xb3t\xebK\xe7\xfd\x9a\x8eb\x9b\xa2HQ\x7f%\xb0\xa0\xd2ZWj\x8b\xcd\xdf'</t>
  </si>
  <si>
    <t>b'\xc2\xd5\xcc\x0e\x1aZ\xe2E\xa3\xd2\x9c\x80eK^W/pa\xc7\x85=\xb7\x18\x97\xd7\x94\x0bE\xd3ah'</t>
  </si>
  <si>
    <t>b'9\x89De\xfcr\x8b\xa08Wa\xe4\x14YF+\xd2#\x14W\xad\xb1.o#\x9cD\x88w\xfb9\x7f'</t>
  </si>
  <si>
    <t>b'\x82\xe6\xc5C\x80\x10\n\x83=$\x88\x11p\xe0\x0cFy\xea^\xf0\xbc\xff\xe8\xa1\xbaPc\xca\xa5\xfdn\x05'</t>
  </si>
  <si>
    <t>b'\xa9\xd4\xe3%\xaeB\xcf\x0e\xfd\x9fG\xad\x8d\x9a`\x95m\xfd\x05?Q\x99\xb6\x12\x835\xb7G\xdc\xb7\xe6\r'</t>
  </si>
  <si>
    <t>b'\xd9Y8\xfd\n~\x84L\xbf\xee|\xe7^\x97\xb8\x88\xc7\xc5\xaa\xdc\\\xa7^+\x93\xcf5g\xd8\xe8\x8f\x0e'</t>
  </si>
  <si>
    <t>b'M\x03\xac\xf5m\xe70W-\x8c\xeb\xe2\x94wZ\xc4\xb1\xeb\x8d\x15%\x81\x98\xe8\x8e\x04\xeeEF{c\xe4'</t>
  </si>
  <si>
    <t>b'\xc7\x13\xe3\x8ag9o0_\xd5\xe0\xc3\xbe"\xbfJ\x81q\x1d\xfck\x02\xf2]\x16\xb1\xc2\xbeip\xb3\xf2'</t>
  </si>
  <si>
    <t>037xx</t>
  </si>
  <si>
    <t>b'\x86\xf7\x1fW\xe8GbNp\x86\x83_\xcci\xca\x10\xf0\xd8\xd0YC5\x1b\xea\xa2#\xd3_"[\xc3\xc5'</t>
  </si>
  <si>
    <t>my cc loan</t>
  </si>
  <si>
    <t>b'\xa94\x91\xb8&lt;\x17\x95\xfa\xc9\x9cp2k[c\xe1\xb3\xfc\xf1\xcd\xd9\x81\x99\xdetK\xc8\x0ex\xd6\xd3\x7f'</t>
  </si>
  <si>
    <t>Daughter's Wedding</t>
  </si>
  <si>
    <t>b'b\xe5\x04\x11\xc1\xbcRn9\xa7\xe8\x95\x10\xa0L]l\xcd:b\xe2\xb3\xd6\r\xe7\x976m\xe9\xf2p\xd0'</t>
  </si>
  <si>
    <t>b'(\x06\xdc\x05[\xba\x17\x9d\x1a\xc9G\xe6\xad\x95\x85\x87\x05\xe7\x0f\x9arw\xc0\x13o\xb6\xcfZ\xd0r\xe4\\'</t>
  </si>
  <si>
    <t>debt free 4 me</t>
  </si>
  <si>
    <t>b'\x82\xd0\xe7\x8cH\xb4\x8br\x9b\x8e\xf4U\xe6\xad\x8e\x00\xeb\xd8||\\KU\xd2w\xbaPld\x06\xb1Z'</t>
  </si>
  <si>
    <t>b'\xc0\x97\x9b\x0b!u\x14\xbb\x9cQ8\xbb\xd5\xc2\x07*\xbd\xde\xf6_o\x01Q\x88\x19\x14\xf2.\xcbA\xac\xb1'</t>
  </si>
  <si>
    <t>b'n\x83@\x17\xf5x\xbf\xa0\x8b\x12l36,\x91cS\x9b\xca;\xd3\xa9R0\xaa\xa7 $\xe3\xad1\x1f'</t>
  </si>
  <si>
    <t>Credit pay Off</t>
  </si>
  <si>
    <t>b'\xff\x1f\x1d\xa2\xa1\xd9\x0b\x812\x0c\x91\xaa\xb2\xca5\xe7\xed%\xe2\x03\t\x0cF\xf8}$\x9e8#\x1f\x86\xb4'</t>
  </si>
  <si>
    <t>b'[\x0crC\x82v\xce\x9epR\xe8\xca}\xdc\xb4\x12\xd2\x06\x0f\x13\xbb\xed;\x8a\xe5y,+c\xb5\xf7i'</t>
  </si>
  <si>
    <t>b'\xa6^c\xbe\x9d\x92\xf9\xa3/\x04\x1c\xacgo\x06U\xaf\xc63\xe2l\x81\x86V\x8d\x93\x84\xefaN\x93\x91'</t>
  </si>
  <si>
    <t>b'\x80\x8f^\xb1\xfb\x0c\x12E\xbdQ\xc6]p\xd5\xd4\x8c\x7fy\xf3\xeaD\x1a.f\xd0\x99(\xd6\xa1\xff_"'</t>
  </si>
  <si>
    <t>b'\xe9\x92I\xb4T\xd4\xb8\x8aM\xe3FS\xc3\xb1\x1c\x14\x1f\rAe\xff\xfc\xed\x93|\xbfB\xab\x94w\xa3\xec'</t>
  </si>
  <si>
    <t>unique loan</t>
  </si>
  <si>
    <t>b'\x05\x1f\xf7\xf6}\xa2.\xb1Hv\xc6\xb4\x02\x14ad\x8at X\xe42\xea\x8e@^\xa1~\x8d\xfcI_'</t>
  </si>
  <si>
    <t>b'\x9b\x16\xdf\xe9@G\x8aK\xea\xb011O\xed\xdf\xc6*\x1bNKm\xce\x9a\xa4\xfaI\xdb\xb8=og@'</t>
  </si>
  <si>
    <t>b"\xa9\xcd\xe5J\x0c\xa1\x81\x1cI\x14\xe3\xb8\xefC\xd7\x1c\x041%\x8f\xf3\x00z'\xaf^\x02\x85 \xe8\xf8\xf7"</t>
  </si>
  <si>
    <t>b'S{\xcbRC\x10%\x02\xd6\x95N:\xe1\xf6z\xad\x8f\xd04p\x06\xc33N\xd6\x80wy\xcf^\xc74'</t>
  </si>
  <si>
    <t>b"b\xd5V\x98~\xdf\x9b\xe7'z\xa7%\xab\xc4l2*\x15XJ\xe8\x18\xfbT\xd7+\xc8\xc8\xa5\x19p\xa1"</t>
  </si>
  <si>
    <t>b"u\x9c\x8fM9\xae\x0e\xbc\x1a\x7fA\x1f\xc2\x8f\xb9eM\xf8\x877jP\xc7?\x85\x0c!\xaf\xc3'\x9e\xdd"</t>
  </si>
  <si>
    <t>b'\xa2,F\x8de\x05ae\xb6\xe6C\xd2G\xbb\xa8\xaa\xba\x13*\xbd\x88\xec\x89\x96\xa5\xdc\x96\x19\xb9\xb5,p'</t>
  </si>
  <si>
    <t>b'\xf2"Y\x8c7\x17\xb5\xdd\x1a&gt;\x14\xb5\x93\xcd\xe8\x97\xcc1W\t\xcc,\xc4uP\x9c_\x89,V]\x9c'</t>
  </si>
  <si>
    <t>b'\xc1\x93\xf1\x90}r\xa3\x92\xe1\x12\x1c\x89\xa8F\xf5[\xdd\x8c\x80\x80M\xc6\xc9\x0b\x9f\xbd\x88\xc8[}\xd5#'</t>
  </si>
  <si>
    <t>b'\xa5\xb4\x89\x10\xd1+\xb0\xa6\xa3wqP\x8c\x8a/\xe3\xa3\xb24\x17{#\x08\x08\x01\xa7\xd0\x96\x1e\x11T\xe0'</t>
  </si>
  <si>
    <t>b'\x88\xae83V\xd8\xf9\x95\xf0\xb6\x15\x83\xfb\x11}\xba=\xb2\x94V\x14p\x9d\xb8We\xd1)\xc6\xb1@:'</t>
  </si>
  <si>
    <t>Fast-track to debt free</t>
  </si>
  <si>
    <t>b'\x81F\xb4+\x1ae\xc67!\xf9\x96\x13\x8b\x00\xe2\xd2)\xbe\xb68z\xc8\xb7\xd1\xcc\\Z\x95\xc0\x8a\x06\xae'</t>
  </si>
  <si>
    <t>723xx</t>
  </si>
  <si>
    <t>b'\xc4?F\xda0Dy%\xfeQ&amp;l\x13&amp;\x80\x9bTR\x86\x7fi\xd8\xb35\xc1\xad\xedZ\xca\xf6\xf1\x82'</t>
  </si>
  <si>
    <t>Reduce Rate Consolidate 3 Debts</t>
  </si>
  <si>
    <t>b'C\xdd0\xda\x0c\xbf\xce\xbep\x8atB\x10\xcb\xc8\xf8&lt;|;-C\x92\x9c\xc6\xa5\x0f\xbe\xf5\x87\xd4|\x1f'</t>
  </si>
  <si>
    <t xml:space="preserve">Get ahead </t>
  </si>
  <si>
    <t>b'\xd6\x02\xdb\xda\xc8}\xfc\xc8\x97go\xfa0\xbf8\x99F\x98\x8e\x16Nw[\x10\xa4\x18Sg0\x14\r\xb6'</t>
  </si>
  <si>
    <t>b'\xc9:\xccj\xa2\xc6YYhn\xffO`\x14\x86@\x91\xfcYfN\xea\xe2%\x19\xb2\xe0\x85K\x15\x87\xbb'</t>
  </si>
  <si>
    <t>b'\xc8\xcd\x8fn\r\x94\xbd0\xf9\xdf\xb0\xc0d\x96!\\\xde\x89\xc8\x9d\xa8\x14\xe2\xb3\xb0&gt;m\x06\x05\xf3\x1aV'</t>
  </si>
  <si>
    <t>Creditcard Consolidation</t>
  </si>
  <si>
    <t>b"&lt;\x99\x8c\xba|\xf9'\xc2\x1c\\)\xb5\xdb\xd7\xfbz\x88\xbf\xd4\x9c\xdcj\xedz\xee\xaf\xccU\x14\xfbl\xbd"</t>
  </si>
  <si>
    <t>Consolidate CC</t>
  </si>
  <si>
    <t>b't_\xe2\x02\x06\xba\xd0\xef.\xbb\xbc\xde8\x9cl\xf6\x82\xf6p \x85\xec\xd2\x00\xc7\xec@2HO\xfbO'</t>
  </si>
  <si>
    <t>b"\xb3\xcc\xd7\xceC&amp;5\x0c3*\xf6\xb7\xf0\xff\x92\xf8\xc1\x04\x17\xb6=\xdc\x8f'\x0c\xcf\xb0f\xc7\xad~\xb4"</t>
  </si>
  <si>
    <t>b'\x80\x7f\xdb\xca\x9dl\xba\xdc\xc3\xa6\x8dq\xb4Q\xeb\x98\xc8EWo\xad;\xe6\xf2%\x8b\xe6Mw\x18\xfc1'</t>
  </si>
  <si>
    <t>b'\x9c\xed\x9b\x99\x8eGs\xb6\xedF=#\xe6\x18V\x8e\xfd d\x8e\xba?\xab\x9a\xddx\xc4\x91\x02\\\x9d4'</t>
  </si>
  <si>
    <t>b'P\x00\xe6\x03\xfa\x022\xca\x8d\xc9v,\x96\x0fF&amp;u"\xf1h\x15BI\xec\xaf&lt;2a\x01\xc4f\x99'</t>
  </si>
  <si>
    <t>b'\xb9k ?\xdd\x1bI\x11\xd4\xbdf \xf0D\xe8fY\x907\xb1C\xdf/\xb4\x082G\x95#p\x00}'</t>
  </si>
  <si>
    <t>b'\r\xae\xd0\x89P\x80\xc1A\xb7k\nv\x9c\xbe@\xb9\xa6\xd8\xe1\xfb\x9f\x18\x1e\x9cd%\x85g\xcf1\xad\x9f'</t>
  </si>
  <si>
    <t>Better Future Loan</t>
  </si>
  <si>
    <t>b'\x8e\xed\x7f\xf5\xb5\xe7s-\x99\xcch\xaf\x1f\xb8\xb5\xb0d\xefSoiu\xb5\xd4\xf8\xa5$\xbdQ\xfa\xdd\xf7'</t>
  </si>
  <si>
    <t>b"!J4\xf2\xad\xfe0\x0c\x96\xbc\xd2\x93\xc9\xf2b\x82%\xca\x1e\x91@\xc7rkYlQ'z\xc3\xfd\xc0"</t>
  </si>
  <si>
    <t xml:space="preserve"> getting my self out of credit card debt</t>
  </si>
  <si>
    <t>b'K&gt;\xec\xfc\x06\xc9\xa4\t\x94\xc6\xc8\x0f\x07\x1aR\x81\xf8\xd9\xd7\xf9\xd3R\xff\x8d\xd7\x1bv\x95\xe7\xb0\xe3\x91'</t>
  </si>
  <si>
    <t>b'e&lt;Cy\x1c\xff\xa9Z\xd5\xb0}I\xdce\x05d\xcbG\xf5@:L$\xbe]\x8c\xa9[m\xed]#'</t>
  </si>
  <si>
    <t>b'X\x9e\x89Nt\x0f2\xc0\xcfX\x06\x9b\x01E:\x180:\x8e\xe9\xcc&gt;\xef\xd6\xaf,)\x06"\x8fb\x01'</t>
  </si>
  <si>
    <t>b'\xe4\xbf\xd5\x91)\x1a\xe2\xff\xd4F\x99\x0f\x06\xfb;\xf8\x81\xf9\xbd\x0b\xb8\x00;\xb7\xf9\x91Ls.\xba\xf6\x8b'</t>
  </si>
  <si>
    <t>Road to Happiness (debt consolidation)</t>
  </si>
  <si>
    <t>b'\xdb\xa0\xfd\xf0\x92\xc0\xee\x97$\xc3\xe8Z@"\xffA\xb0v7}\x19\xe6\xe3\xab\xe7\x92n:!\xed\x1a\xe2'</t>
  </si>
  <si>
    <t>b"E\xe4\xbd3\xd9uDt\xee'\x8bVz\x157i\x0f?x\x00\xf0q\x1eU\x0fM+s\x19\xc9\x0c\xb9"</t>
  </si>
  <si>
    <t>b'{\xc3\xf7\xb9&gt;=O\x0c\x0c~\x8d2\xaa\xd5-j\xcaz\xa8\x93\xa6\x1b\xd5w\xff\xe787\x15\x04\xfb\x93'</t>
  </si>
  <si>
    <t>b'\x08(0\xa9\x03\xc1&gt;\xb5\x9a)\xb7\xe2\x07\xfc\x9f\xfb\xa88\xf8\xee\\O\x14\x91n\xde\x98C\xe4\xcd\xd1&amp;'</t>
  </si>
  <si>
    <t>b'\r"\x91\x16\x19\xe9\xe4\x1bv\xe4O\x9f$\xcc,-\x9b\xf9&amp;\xce\x8b\xd6\xcc\xe7\xa3`\x7f\xca{N\xcf_'</t>
  </si>
  <si>
    <t>b'/2s\x9cH\xd9\xb2\x86\xd1]\x01$\xc7\xdf\xe2\x11\xce1\x0f\xe2\xdaR\x84\xf3\xad\x9a2\xc3.\xbf\x01\x1c'</t>
  </si>
  <si>
    <t>b'\t\x81\xcd\xef\x8e\xc6)JG\xe5\x9b(\xad\r%\x86\x94&gt;U\xfb9\xa2p@1s\x1f\x83\xd2\xc7\xa2\xb9'</t>
  </si>
  <si>
    <t>b'\x92\xb0\xdfV\xccgQ\xa2B\xd4\x18-l\xb7\xf50\x92\xb9\\\x90r{\x82\x85\x17@\xe2P\xa5$\x14\xb9'</t>
  </si>
  <si>
    <t>b'\xad\xb3B*\xcd\xf8\x0c:\xc4\x08\xd0\xd5!\xac\x0c\x8f\x1e\x1d"\x0b\xb9\xdd\x14\xfa\xb0\xd6\x08cT\xc1H^'</t>
  </si>
  <si>
    <t>b'\x86v\x14\xfe h%\xdf\xf5\xec\xa9v\x06a\x15%\xb5\x82\x11j\xbb\x9eZK\xe8Yj!\x03g~\xbc'</t>
  </si>
  <si>
    <t>b'k&amp;\x1fm\x18!\xf0\x8b\n\x95\xcb\xf4dX\x10\xd6\xb3\x01\xbc\x8c@\x93p$\xcc\x01\xc33\xeb\x14\xc5v'</t>
  </si>
  <si>
    <t>b'\xe3H\xce\xd0\xdc8\xc78e\xe5\xac\x9c\\s\xe0F\x7f\x1c\xa7zCNt\x04)\xfc\x19Q\x08\xf6\xb1_'</t>
  </si>
  <si>
    <t>b"\xa3\xa2\xfa\xfa\\} \x19\xb2\xdf\xcez'\xbbU\xc2\xd4d\xb2\x83\x1e[\xce\xac\xed-~\xc4t\xf8j;"</t>
  </si>
  <si>
    <t>b'K\xf0]\x83\x0f`\xaa\x83\x0c\xf1\xdd\xc0\xe5\xe4\x19_W%\x15gJ\tyOrG)\x04f\xf4C\x16'</t>
  </si>
  <si>
    <t>b'\xf4#[29Bzw\xe8\x1dQy~iw~+c\x1a\x93\x03\\\xb52\x01\x17%\xa7\x81F\xb7\x9b'</t>
  </si>
  <si>
    <t>payment plan</t>
  </si>
  <si>
    <t>b'W\x7f\xe4&amp;&gt;nH\x96@-\xa2\xe5]SC\xffS`\x17\xe1\xfd\xffr\xb7\xca\t\x18\x00\xd9\x1f\x12F'</t>
  </si>
  <si>
    <t>b"\x18&amp;\x14\xb2\xe7S\xe1\xda\xfbU(\xb3\x1bZ\xa9\xe9\xf2\xd5\x9a\x9a\x1f`\xc8'\x11\x0c\x9cbf\x89\n\xeb"</t>
  </si>
  <si>
    <t>b'\xfb\xed\x8a\xf9\x81\xf0\x8e\xff7G\xdd\x82/\xfa\x1f1\x01+`\xd7\x03`\xdb\\\xd1P [7P\x1f\xf6'</t>
  </si>
  <si>
    <t>b'Y\xcc\x95BOy\x9b&amp;LA\xf5\xae\x00\x8da\xd7\xf6\xaf\xdd\xa0\xa5h\x94\xbd\xd6tr\x90\xa0hW\xca'</t>
  </si>
  <si>
    <t>Finance Relief</t>
  </si>
  <si>
    <t>b'\xb9Y\x90&lt;\xb8\xcc\xc7w\xf0S\x8c6\x05\x9b\xa3\xbc.\x9e\xc2\x85:{\xfc\xd0&amp;\xfe=\xc9\xc6*\xed\xf6'</t>
  </si>
  <si>
    <t>b'\x02\xeeY\xc9\xefkW\xd3\xd9\t\xe4\x9b0\x80\xf1\x8e\x15[\xa3\xf9i\x94d\x8b\nT\x98\xf0\x01,\xb3\xb9'</t>
  </si>
  <si>
    <t>b"\xe4\tL\xd8\x830\xcfr\xed\x14F#\xf9\xc4vOb9\xed\xdby\xb6'B\xe6e,Z\rC_l"</t>
  </si>
  <si>
    <t>b'\x98\xdc\x03\x83?\x1d\xae\xd2\xfd\x8c;O\x81\xdd?\x10\x9c\xe9)\xb2\x97\xd1\xfeL\xfb}g\xd5\xa0\xdb\xe9\x9a'</t>
  </si>
  <si>
    <t>b'\xde7\n?|u\x8c\xc6N\x92\xe2q4\x1a\xdc\xa2\x0b\x13\xfa\x86\x12;\xf9B3#\xc7_\xe7r\xd0X'</t>
  </si>
  <si>
    <t>b"!\xd5\xa1l\xda\xdbS\xee?JPj\xdb\xc0\xa1\xb2\xe6\xa9\x98[)qdv'1\x16T\x14r\x95Y"</t>
  </si>
  <si>
    <t>b'\x1egC\tZ\n\xb6\xb4\xb1\xbdK99@\x05\xb8\x96\xd4o[\xbe\xc8N\xb7\x94\x8b\xc1b\x80\x95\xdf;'</t>
  </si>
  <si>
    <t>b"\x14\xb2\xdfK'u\x03\xb6[J\x8c15\xd4.\x18Ue\xe2\xe3\xa9m\xce\xbe\xf3\x1b\xecR\xa0W\x9f\x04"</t>
  </si>
  <si>
    <t>Consolidate Existing Debt</t>
  </si>
  <si>
    <t>b'\xe6K\xc1\xac\xf8\x8d\xb8\x91d\xff~\xa0b\x07a$8\xd1\xd5\x86\xc2\xe8\x96\xdc\x11^M\xc6r\xb6\xd9\x7f'</t>
  </si>
  <si>
    <t>Wedding &amp; consolidated debt</t>
  </si>
  <si>
    <t>b"H\xd3\x13h'zoA;\x90\x94\xf2tB{=e\xbc,\x1e\x01r\xe7\xd1!CX\x8e.\xa2v\xa0"</t>
  </si>
  <si>
    <t>Credit Card debt</t>
  </si>
  <si>
    <t>b'\xd0s\x18\xd7S\x94\xeb\xaaGB\xb2V\x84{\xecx\xd3\x187\x19Q\xc85\x91\xddO\x10p*\xe5\\\x19'</t>
  </si>
  <si>
    <t>PERSONAL DEBT LOAN</t>
  </si>
  <si>
    <t>b'\xc9\xfe\xdbQ\xcf\x954\xee\xe9l\xb4\x1c\x8b\xc5.&lt;yU\x13\xaa\x0fHF\x97l9\xee\xc6FHW"'</t>
  </si>
  <si>
    <t>LIFE! (car, vet, credit cards, ...)</t>
  </si>
  <si>
    <t>b'J\xc6\x93K\xd2\xa2\x89\xa7\xcd\x97\xf2\x1eH\x04\xf4\xb6\xeb\xf9\xbc\xbd\xbf\xcb\xf1Mx\xd1bGZ)/\x94'</t>
  </si>
  <si>
    <t>b'\x0657\xfa\xfb\xd2&gt;P /M\x05\x86\xce\xe4^~\xdd&gt;\xc9\xad"\xdd\xc6R\xe1\xce\x8c\x9dJd\xf8'</t>
  </si>
  <si>
    <t>Debit consolidation loan</t>
  </si>
  <si>
    <t>b'\xef\x99jf\x91,gZF\x9b\xad\x8f\xc8g\xa1\xb24ewA\xffG\xc8\x06\x87\xff\xa1\xf9\xf8c\xc3\x82'</t>
  </si>
  <si>
    <t>b'\x11\xb0\x81\x17D\xb5&lt;\'#\x7fG\t*\xf0\xb3\xd2\x8f\x1c\x95\x9aK\x95t\x81\x13"\xcc\x90\xa9q\xc6s'</t>
  </si>
  <si>
    <t>b'|\x8bT\xd4\x8b/ ,\x9e6\xd1q\x92\x98\xcb"\xf3&gt;F\xda\x13R\xe2\xda\x1c\xa9%\xb2u\x1dV*'</t>
  </si>
  <si>
    <t>b'\xae9\x14\x0f\xac$\xfd\xca\xa7)tZ\x97\xab&gt;\x88\xcc7\x1e\x1d$\xb4RV\x88\xf0\x92$\xaf\xe1\xa5\xa9'</t>
  </si>
  <si>
    <t>get me money</t>
  </si>
  <si>
    <t>b"C\xbe\x06\xfb\xe8\x7f|\xa7\xac\xb6\x8c5\xf4'\xc3h\xad!\xee\xc5\xcb\x8e\x88@\xf0\xa4\x7f\xbd\xf4\xa3\x8c\xc4"</t>
  </si>
  <si>
    <t>b'\xfa[i\xacP\xcc\xbf\x9f\x98AW\x1a\x07gv\x95;4\x10?}\xc5\xd1o\x1f[*\xe3?\xf2\xecp'</t>
  </si>
  <si>
    <t>b'\xe9cpZ\xd0X8)\xb1\xb2\xe31\x929i"B\xd6\xfdI\x8f\x8d =\xeak\xa5v\x8d6\xb6\xc0'</t>
  </si>
  <si>
    <t>b'I)RA\xc2\x87b\xd3\xde&gt;t\xa6:)\x8e\xa4\xb8\xd6\xf3\xc1\xe8P\x9e\x05B\xc8\x00\xb7\x92T\x81\xf6'</t>
  </si>
  <si>
    <t>b'\xdb\x00\xf1\x8a$g\x9c\xe1\x8b\x15\niL%\xdd\r\xc2n\xdb\xffk\xce\x90;\x9cE\x07\xa2\x8b\n\xad\xa8'</t>
  </si>
  <si>
    <t>b'P\xd0.\xa3Nm\xb6\r\xcbhr\xb7K\xe3C\xa6\xa5`\xb3\xcb \xde\x9a\xd3~\xa7\x048?37l'</t>
  </si>
  <si>
    <t>b'\n\xe6\x19\x1d\xd8\x03\xd3G\xa2\x84\xf5\xab\xb3\xb1R\xab\xb4;Z\x93\xde9\x1c\xbfu\r\xde\xf2o&gt;\xf4\xef'</t>
  </si>
  <si>
    <t>b'u\x9b\xed\x8fjY\x18&lt;Ge\xc5B\x01\x86sO!\xa6\x00\xb0\xa8\xac\tl\x19yX\xf4H\x07\x17\xc4'</t>
  </si>
  <si>
    <t>Housing</t>
  </si>
  <si>
    <t>b'(\x1f\x17,\xb4"z\xe3\xb2\xdc4\xa3\x96E0O\xf9\x9e\xef1\x8d\xf7\xa1z\xfb\xfb\xab\xb8\xd0\xae\xd0\x8a'</t>
  </si>
  <si>
    <t>b'\x1e\xbe\x85)C\r|\xaaV\xadV\xacB@d\xd4\x14\x12\xd9\xc9p\xc7\xf2\x17\xc8\xb2!|\x97\x80\x19\xdd'</t>
  </si>
  <si>
    <t>Debt Consolitaion</t>
  </si>
  <si>
    <t>b'+5\xf1\x04\x8a\x02\x98\xea,\xd2\xf4\xea.\x0c\xc7\xcd\xbe\xeeg:\x16\x1c@\xfe/f\xae"\xc0&lt;\x92z'</t>
  </si>
  <si>
    <t>b'\x903?\xd2\x9eb\x02\x1d\xd3\xc9\xbe3\xd3\xc4,p;\xd0,c\xb7\xf9\xaa\xf5\xd7e\xe5\x83\xa9~\xadL'</t>
  </si>
  <si>
    <t>Consolidate from higher interest</t>
  </si>
  <si>
    <t>b'\x16+\x85\x86\xeb\xe1\xb4\xd1\xab\x10S\xe3j\xc4\xd9v0\x90\x8c\x9a\x0c!\x04l\xbc\x88\x14\x83\xd4\x8ej@'</t>
  </si>
  <si>
    <t>b'@X\xf3\xa4\xac\xfe\x01Bc\xbf\x87&gt;\xb0A\x18\xef\xd2\x01\xf3\xd0\xeb^\x01\t\xa9\xb21I$\xb1\x19R'</t>
  </si>
  <si>
    <t>b'^\xbfSw\xb6Mksj6\xdb\x0b)i\xff\xa1\xfc\xcf\xec\x94\xdd\xb0sa\x13\x82D\x81\xbb\x87\xa4j'</t>
  </si>
  <si>
    <t>Get Out of Debt!</t>
  </si>
  <si>
    <t>b'\xf97\xbb\xaaC@3$\xd3\x91\x87H\x13"\xdeViZ\xf4\xb6\xa9\xdfe\x11\xd3\xcf\xa75\xee\xb3B\x08'</t>
  </si>
  <si>
    <t>Pay off Chase MasterCard</t>
  </si>
  <si>
    <t>b':$\x013L\xdf\xde\x8d\xda\xb3\xa1\xaa\x92)\xf3zV\xcag\x97\xc0\xde^2\x98\xb9;\xcb\x99\x81\x90\x87'</t>
  </si>
  <si>
    <t>All bills</t>
  </si>
  <si>
    <t>b'\x82W\n\x13\xda\xf1f\x85X\x9dh\xe0\xa6~&gt;!\xa1\xed\xbdxlW\xa8\xf6\x19\xae+&amp;.\x80R7'</t>
  </si>
  <si>
    <t>b'_"\xbf\x7f\xfbf\xd1\x801-t\x9a\xa0\xec!.\xf8\xd8\x1eB\x85\xddb\xe3z\x8b\x98\xc6\n\xdd\x12\xeb'</t>
  </si>
  <si>
    <t>b'\xb6\xbbS\xa5u\xb5\xa2\xbc|\xe2\xab\xfb\x84}\xfa\x0b\xcd\x07Y$\xf29\x978v|\x82jYuF\x8a'</t>
  </si>
  <si>
    <t>b'\x16\xaeR\x9eZ\xac.\xa7\x03\xa9s0\xcfL\x1d&lt;4%\xf1\xc7N&amp;\x96\xdf\x1eF\x1f|z\xbf\x9bN'</t>
  </si>
  <si>
    <t>Unsecured Debt Consolidation</t>
  </si>
  <si>
    <t>b"&gt;O%m\xa3\xef\x84$v\x07\xc3Pq\x0f\xb03\x02\x88\r\tt#\x99\xec['U\xbc\xf1A\x12\xab"</t>
  </si>
  <si>
    <t>b"Bh\x1f &gt;\x9c\xc8aFXBR\x1eu\x88\xb6R2\x9a'P(9y5\xfe\x10mu\xfdP\xd2"</t>
  </si>
  <si>
    <t xml:space="preserve">Debt Consolidation- </t>
  </si>
  <si>
    <t>b'~ |\xb7\n\x8dN\xf1\x88\xdb\xa8S\x9dwMM\xe9\xca&gt;\xbc\xa3\x04|\xfb\x84\x1c\\\xa2\x1c!0d'</t>
  </si>
  <si>
    <t>Replacement Windows</t>
  </si>
  <si>
    <t>b'\x02\xffM\rth\xa5\x98\xe0\xe8%CL.\x13/\xbe&lt;m\x8d\x85W\xe1Z\x83:\x1c\xc7g\xe6\xeb]'</t>
  </si>
  <si>
    <t>b'\x80lE\xe6\x86\x11\xf6\xa2\x98\xcae\xfer\x0fc8z\x03\xb5\xf6\xe5\xe7+t\x91|\xc1R\xa9\xd5/\x0e'</t>
  </si>
  <si>
    <t>paying of credit debt</t>
  </si>
  <si>
    <t>b'\xf7L?\x98\xda\x8f(\x96\t\xcdw\x8c\xf4\xa4\xd9r\xcbM^AfQ\xfd\x02 \x06\xec\xe9:\x18\xff\x16'</t>
  </si>
  <si>
    <t>Debt Consolidation 8 down to 1</t>
  </si>
  <si>
    <t>b'j2\xe9\xea\xaa\xba\x9b\xe3/\xd2h\x90\xd6\xd3gl\xb1\xd2\xa4\xc8~\xa6\\\xf9r\x1e]e\x05\x1f\xe1\xc4'</t>
  </si>
  <si>
    <t>Payment I Can Afford</t>
  </si>
  <si>
    <t>b'4cY\xcd_\xfc_\x1fD}\xfa\x8fj\xc2\xc3*\x83~\xb6\xb0IPc\x07k\x99t\x95\xa9|\x98\x85'</t>
  </si>
  <si>
    <t>Freeing My Money</t>
  </si>
  <si>
    <t>b'\x94z\x8c\xbeP\x97\x04\x9cZ\xde|\xc9\x87\xf1\xb1\x7f\xeb\xde\xf5\xb5=\r\x1b!7*\xb82\xfe\x12m\xcf'</t>
  </si>
  <si>
    <t>b'\xd3pSU\xde(\xca\x13\x1aCa\xd5,\x9b\x00\x17l\xb3\x0e\xed-\x0e\xa1B\x18G\xd4\x9d\xd4~9\x9a'</t>
  </si>
  <si>
    <t>Debt consolidation - pay off high CC</t>
  </si>
  <si>
    <t>b'\xed\xbe9\xd6v\xed\x05_\x89hEe\x92\x14;\xdf\x07\xe5[\x02^\xb9\xee(\x9d\x88\xe1\x14\xba\x0b\x0f\xb1'</t>
  </si>
  <si>
    <t>no more CC bills</t>
  </si>
  <si>
    <t>b'\x08q\xfdu\x82\x90\x1c\x87 \xf2\x88\xec\x81UZ@\x0c\xbfn\xefX\xa8\xef\xd0\x7f:Po\xb61\xdb\xea'</t>
  </si>
  <si>
    <t>Landscap</t>
  </si>
  <si>
    <t>b'\xe8\x08)\xbfSV\xba\x07\xcc\x9a\xe8\x08\xae\xe0\t\xed\xc0\xfb\xda\xeb\xfdC|!\xaei\xfd`\x9f\x1fSR'</t>
  </si>
  <si>
    <t>b'&amp;\xb0\xfc\xff\xab\x11\x11\x80\x0f\xdf\x9d\xef4\x82&amp;|\xc1\xa2\xc5E\xbb\xe2*\x08\xa4!\xf05S\xa8A\xe9'</t>
  </si>
  <si>
    <t>b'\xe5\xb1\xd3\xbb\x96)\x01\xd9%\xb2\xfb\xc4p\x80\xdd\x12\xb5\xf9\xd9\xcfUu\x8dOZ\xaa6\x11\xc3\xaff\x11'</t>
  </si>
  <si>
    <t>b'\x08\xa2\x04\xb4o\xd2^\x96\xca&amp;U\x16\xcc\xb6c\\\x83\x92N\xf8iO^\xfbP\xd4\x88\x01\xd2\xaex)'</t>
  </si>
  <si>
    <t>b'e\x14\x01Iw\xe7\x00\xe7\x05\x0c_\xbb\xe0\xb0j\xe3\x06+\x7fq\xef[\x93\x93$\xa9ha)\x98}1'</t>
  </si>
  <si>
    <t>b'\x88\x89\x13\x88\xcdO\xc0;\xe6\xf3\xa8]\xa0\xac\xe0/0\xcd,D\x9c)\xdal\x9eW\x16%\x1e]\xc6\x9b'</t>
  </si>
  <si>
    <t>b'\xe2\xba\x9c\x94g\xe9\x03\x83`\x85\xbfz\xe6mm\x97\xd7&amp;\x85\xb6\xf1\xe9\x08`\xdaQ\x9a\xf6\x15/$\xcc'</t>
  </si>
  <si>
    <t>b'\xa1\x14\xc7\x81\xc4t$\tD\xe8\xe8\x8bNc\xd6 \x94\x9c\xaf\xe8\xc7J\xea\xe5W\xac\x1b\x956\xdf.\xa1'</t>
  </si>
  <si>
    <t>The Last Line</t>
  </si>
  <si>
    <t>b'\xf2\x8d\xd5C\xcb\xa3\xb5r\x8f\xc0\x1b\xb0\xd1]\xb5t:\xda47\x1e \x12\x8d\xbb\xb8 \x0c}\x0b\xe6\xbb'</t>
  </si>
  <si>
    <t>b'\xc7fT\xa3]\x97\xbd\xb7F\x91\x9b\xbc\xe9\xfdd-\xce@\xff\xc9\x8cV\xfd#&amp;wb\n\xa4\x16\xea\xa2'</t>
  </si>
  <si>
    <t>b'm\xa1\x852\x87@\xbamdc\xe3](\xb2~\x9b^p\xa3\x84\xdc\xd3XU\x9bZ\xa1\x94\x12T\x84\x89'</t>
  </si>
  <si>
    <t>My  Home</t>
  </si>
  <si>
    <t>b"\x05&amp;J\xda\xa5\xc6\xe9\xfd\x1a\x0cq(\xd7}\xed\xea5\x17\x05\x0c\xe6R'v\x92w\x8b\xf2\xb7\x81\xb4\xa9"</t>
  </si>
  <si>
    <t>b'\xb6\xb9\x01\xf7\xf5\x00\xe7S\xf7\x852f\xe2)\xb7\xcdhX\xff\xd9Q\x15n\x1bY\x00h\x11je\x0f?'</t>
  </si>
  <si>
    <t>b'\x11\xc0\xf7\x80\x93\xec\xac\x88E0\xf0\xc9\xc3\x89\x1c{V\xbaZ\xf2\x0f\x9a\xad\xe9\x96\xf5M/\xc0~\x93\xce'</t>
  </si>
  <si>
    <t>Pool loan</t>
  </si>
  <si>
    <t>b'o\xd0\xf2\x12a\x1a\xbb\xa4[/\xde\t\x0b\x93o\xb7\xec`)\xdda\xcb\xf4$\x01\x81m\xef\x1bp\xf8\xb7'</t>
  </si>
  <si>
    <t>b'\xdbAP\x89x\xad\xf3\xfc\xfdI\x9c\x14J\xfc\xf4\x01\xd5Ib&lt;\xb4\x01\xf2#\xb9\xe8\x93\xd0\xac\x0b\xc7v'</t>
  </si>
  <si>
    <t>b'\x1a\xf1b\x17&gt;\xe7)\xea\xc3H\xed\x8c\x84\xee\x89(Hr,F\xd7{ea\xb1\x8b\xd0\x02;\x93\xc6\x93'</t>
  </si>
  <si>
    <t>b"\xb7\xd7\xa9\x7fk2id\x88\x97N^@\x8c\xd6\x1b\xdbD\x7f$\x8e\r+5\xe2|\xf1W:D\xbf'"</t>
  </si>
  <si>
    <t>b'w\xe60qG&amp;U^\xfa\x81\xfe\x99,={\x98re\xbe\xe92\xb5?\xd9\x95\x1ds\x02B\x1a\x13\xe6'</t>
  </si>
  <si>
    <t>b"\xc2\xc2\x8e'N\x89\xc7M\x8fLQ`\xed]K\xf3\xc0\x88\r\xe1&lt;N\x92\x89\x14\xcb\xbfV\x1e\\\xb4\xa0"</t>
  </si>
  <si>
    <t>b'\x9e\x13\x9a~\x88R\x80g\x96\x9e\xc6\x85\xf8\xf7\xba\xf2"&lt;b\xd9\x169\xc2m\xc4+\xfe\xd3\xb9\xf1)z'</t>
  </si>
  <si>
    <t>b'\xb4\xa1\xcd\x06/\xec\xa2\x08]\xd3?\xf0{\xf8M\xc6=\xc8\xc7\xdf\xde\xb2`\xdd\xc40/\xa4z\x05\xcb\xad'</t>
  </si>
  <si>
    <t>b'\xd9\x9e-\xcc\xef\xe2G-o\xb8\xca\xcf\xaeV\xa4\xf2h\x84\xbc\xc5E@T\xd0\xec\x17\xe5\xf2\xff\xd5\x14E'</t>
  </si>
  <si>
    <t>b'\x8f\x1e*E\xf38S\xb2Yx~\xc8.\x9e\x07\x8au\xea\xbd.u\t\xea`\xdc\xa7n\xa7\xa8c\xe4\t'</t>
  </si>
  <si>
    <t>b'\xf6\xa1\xdeS\xedlMW\x9a\xed\x7f\x93\xfd!\xca\xe5+\xd2\xb2\x08\xca\x9ae1\x8bx\x0b\xb5\xc4\xfa\x95\x08'</t>
  </si>
  <si>
    <t>b'\x07\x08F,k\xcaxy\x06q\xc6\x9b?C\x9c\x06\xc2\x15\xd16\xe5\xc9\x8d\xdd\xe7\x97B#\x87\xff\x15J'</t>
  </si>
  <si>
    <t>b'\xde\xb7\xac\xa7%\x9f\xcf\x8a\xa8\xca\xbf\x17\x8f\xae\xfb-M\x13\x0b\xcb\x0e\x13y=\xa8\x1f&amp;&amp;\x99nc\xd8'</t>
  </si>
  <si>
    <t>Pool Construction</t>
  </si>
  <si>
    <t>b'\x182h\x1c\xb38[\x89\x02\xab\x93\xbe\x0c2\xd7H\x7f\xbb\x1b\x16\x95?)\xa2\x1b\xfa\x04f\xa3\xb96Z'</t>
  </si>
  <si>
    <t>b'.\x85q\nT\xe5\x91\xb06\x1b\xcdDRr\xea:`\x1dO\xcc)\xbd\x08\xfc\x7f\xb4\xa8uFCF8'</t>
  </si>
  <si>
    <t>b'a\xff\x10\xd3\x10\x07as:\xa5\xa4\x81\x90.{\xe7\x80\x18\xbb\xf7#\x8e\xef\x03@N\xe5\xa0\xcfnN\xc3'</t>
  </si>
  <si>
    <t>b'YP\xc8\\\x07?]\x87\xa5\xc3b\x91\xff\x81\xf3i\xed){\xb7\xb4\xebv\xd8\x05\x98\xbf\xf07\x97\x86\xf1'</t>
  </si>
  <si>
    <t>b'\xa3\xb67\xf9\xb30H\xfe\xd67`+;_\xdfl\xdd\xdd\x8f\x00\x14\xa2(\xaa}\xc0\xc2\xcaH\xfeX\x90'</t>
  </si>
  <si>
    <t>Debt consilidation</t>
  </si>
  <si>
    <t>b'\x17uG!k\x82\x9b\xd7z\x89\x99\x02k\xf4\\\x05Q\x11\nPq\xf7\x08\x9b\xcd\x03\xda\x80\xa9uf\xfb'</t>
  </si>
  <si>
    <t>b'\xfa\x9f\x02`\xfe2\xfb\x0f\x7f\x99\xade\x18\xb1\x1c1\xf1\xa6\x9ab\xdcD\x08\xdc\xd5Ll^#\x1d\xad\x18'</t>
  </si>
  <si>
    <t>b'!\xf6\xe2\x8c\xa7r\xa1\xa7!\xeb\xff\xd7\x06\xa7\xa1e\xd6\xe8\xf8\xe9\xa2\xff+\x82\xe44\x9e(.\xf9#\x87'</t>
  </si>
  <si>
    <t>Pay-Off Debt 2012</t>
  </si>
  <si>
    <t>b'\\y\x95\xf5\xf4\xb4\xc2hJ\x1c\xe7\x82r\x07\xbd\xd1\x94\x89:\xc0\xb4$\x06B\xfer\x8dr\xc0\\\xe7\xc7'</t>
  </si>
  <si>
    <t>Debt Consolidation Plan</t>
  </si>
  <si>
    <t>b'\xe0V\r\x94Q(\xe5\x94\xa6\xa2\xec\xaf\xf3\xcd\xb0\xc71\xfd\xa8\xfb\xed\x91U\xd2\xc8\xaal\xea`9G\x03'</t>
  </si>
  <si>
    <t>Revolving Debt to Term Loan</t>
  </si>
  <si>
    <t>b'M-\xe0\xe3\xedK\x87\x0c\x89s\xf8\xdcT\xcf\x8d\xb0k\x98\xf4\x85@\xfb\x18f\xca\xe4?8\xcd4\x8d\x9a'</t>
  </si>
  <si>
    <t>PipeDream</t>
  </si>
  <si>
    <t>b'!)\xa2s\x12\x05\x19T\xe1\x97R\xf2g\xab\x8f\xf3\x8f\x8cZ\x1c&amp;a\x852Eq\x0c\x1a\xceO\xe9\x8b'</t>
  </si>
  <si>
    <t>2012 CC Refinance</t>
  </si>
  <si>
    <t>b'\xc3\x9b\x0e\xde\x917\\\xd9\xb6\xc3~\x1f&amp;j\xe7\xd1PM\x92%\x8f`zp\x02\x84\xf5Y#jH\xce'</t>
  </si>
  <si>
    <t>b'\x8b\x1e\r\r\x8cdw1\x84\x9d\x83\x9b\xb9\xaa\xcb\x83$\x9c.\xe1\x103M\xa7\xe0\x08R+\x8c\xfd\x1a\xc3'</t>
  </si>
  <si>
    <t>b'-\x9cK5w[\x19\xf2L\xd4\xb9\x12\xbd\x83 |\xbb\xe2E\xf2u\tE[\xf8\xbb06d\xde&gt;7'</t>
  </si>
  <si>
    <t>b'\xc3\x1a\x08\x81$\xdff\\Q\xcb\xe31\x1f\xfd\xcb\xbc\x16dID\xfbV\xfb,\x06|?o\xd2b\x1b\xb5'</t>
  </si>
  <si>
    <t>Interest rate improvement</t>
  </si>
  <si>
    <t>b'\x1c\x15\x7f\xc3\xe04/\x0bq\xd5\xab%p\xfb\xe4\xd37$\x94\x13\x91\xf7\xda\xf44\xcf\x8f\x9ez^\t\x85'</t>
  </si>
  <si>
    <t>b'\xbd*\xb4)\x0f\x1b\xb9+\x86\x8b\xc88\xe4h\\~5\x8e21~ \xef2\x01/\xa1\x8f\x03K\xa3b'</t>
  </si>
  <si>
    <t>b'\xf2\x060\xa5\xd2\x91 \xfd\xaeN\xa5\xa7\xd8\xf7\xf1\x19\x81V\x02\xb8\x9f\xb4\x84\xde\xa8\t{\x17\x96\x03 a'</t>
  </si>
  <si>
    <t>b'?-\xb3\x9b\x0eE\xe7\xad\xc8\xed"\x18\xe8\xe1\xccz\x93\xc2\x80pID\xbb\x01\xd6\x9b\x96Yw\xce\xbb3'</t>
  </si>
  <si>
    <t>b'\x97\xafT Zk\x16\x90C&lt;\xecN\xe2j_\xbf\xf7\x83\xb7 \xd1\xe7\x9a\xee\xceT\n\x02\nSW\xd1'</t>
  </si>
  <si>
    <t>b'\x92q\x04o~Z\xf4\x13\xd8[B4MN\xfd\x9f\x18cR6a\xd5 \x0e\x03C\xf5]7r\xb4\xbd'</t>
  </si>
  <si>
    <t>b'M\xbe\x8c\x9c\x83\xd5_\x94\xe0\xa7w\x8c\xd0\xc28J\xbd\x89\xf5\xc8Ty\xbae+(\x91\xc3$\x11\xc3N'</t>
  </si>
  <si>
    <t>b'w\xef7\tp\xc8\xcf\x84\xca\x88\x12S\x10\xf6\xd1\x18\xe6\x9a\x9eS\xe8\xf8\xc5&amp;\xb7\x13\xe6?n\xc9\x80\x81'</t>
  </si>
  <si>
    <t xml:space="preserve">Sepitc repair </t>
  </si>
  <si>
    <t>b'^5\xb6\x05\xb8O\r_{\x16\xc1\xf6\xfa8\xf3/\xb2\xf4.\xca\xdf\xff\xd1\xfe\x97\x12[\xd3\xc5i\xe5\xaa'</t>
  </si>
  <si>
    <t>b'2\xfe\xcf2&lt;\x8cLt\x03~\xc0\xc3\x17\x0f\x02\xfc\xfa6\x9d\xb6\x93]\xfb-\xd6P?Q\xd4c\xf6W'</t>
  </si>
  <si>
    <t>b'\x8c\xe7\xc5\x05\x10\x0eU\n\x88,\x0f\xaa\xc6\x0b\xe6G\xc7{\xb6J\xa2\x0e\x87/\xe6|\x92\xfa\xb3\xa6\xae\x9f'</t>
  </si>
  <si>
    <t>b'\rAv&amp;\x19\xa0\xaa\xc2\xff\xd4Sd+S\xf0\xcej\xc1\xb9\xf3z\x80\xac\x10\xa5do7 \x95\\\xb1'</t>
  </si>
  <si>
    <t>Consoolidation</t>
  </si>
  <si>
    <t>b'6\x94\x92[-g\xf4\xe4\xf2\x07\x9a\x84UI\x1en\xabxb\xaa\xb1\x10\x9c\xb6\x9b&gt;y\xa5f\xff`^'</t>
  </si>
  <si>
    <t>consolidating</t>
  </si>
  <si>
    <t>b'\xe8/\x8a4\xef9\x153:\x11\x14\x1d\xb7\xa8m&amp;\xcd\xf0\xba[4\x83\xbcn\xabc\xfa\xf9\xc9\x1a\x0f\xc5'</t>
  </si>
  <si>
    <t>Debt recovery</t>
  </si>
  <si>
    <t>b'\x9c\x95V\x1b9\x19*\xc18\xeb\xe4\xbb\xa4\x1c\xc7\xb8.\xcf\xf0cw\xd8(z\x13pL(\xa6x\x9f '</t>
  </si>
  <si>
    <t>Daughter's car</t>
  </si>
  <si>
    <t>b"\xd5bku\n\xc7\x18\xe0\x95\x83\xfcK\x94!E\xedQXdB\xacu\x04\xc1\xe1\x16\x85'A\xe3H\x9f"</t>
  </si>
  <si>
    <t>Remodel</t>
  </si>
  <si>
    <t>b'X\x03]\r\x12\x84\t\xfb\xf8\x106\x8d\xd9S\xd4\x03\xde\x04\x83\x89k\xc2\xc0\xeb\xb2\x13\xddB\xc7\x8a\x153'</t>
  </si>
  <si>
    <t xml:space="preserve">Eliminate stressful high interest debt </t>
  </si>
  <si>
    <t>b'\x84\xf3b\xd0\r{\xce\x92\xdci\xcd\x9e\xdb\xd4\xb4cGH\x98\xdc1a\x91q\x16\xc4\x03\xf1\xd5R\x02_'</t>
  </si>
  <si>
    <t>b'\x862^lm\x1c\xd5\xf7\x8d\xe0FAS\xa2\xdcK\xb0.\xce\x92\xa2\xfc\xc4zg$\xea\x115\xc0b\xe1'</t>
  </si>
  <si>
    <t>b"\xe0'p\xbb\x989*\x16\xa7ta^\x1ew\xba\x88\xa0\x1e\xc8u\xa8N\xce*R\x9bYJl[\x0f\xcd"</t>
  </si>
  <si>
    <t>Big Family - Small Wedding</t>
  </si>
  <si>
    <t>b'\x01\x81\x98Gu{f{\x07\xd4:m\x85k\x86\xa4\xe1K\xd1\xb9\x06\xf9\xa4\x00\x97p\x8d\x99\xf1:&gt;\xa7'</t>
  </si>
  <si>
    <t>b'\xf5M=~I\xbcd\x9a\xcb\xfc\xb4\xceR0 \xa2\x9d\xdd\x07a\x11S\xbd`\xc6\x82\xf9\x07\x05\xe0\xe7\x9f'</t>
  </si>
  <si>
    <t>b'YD\xa7e^\xd6\xe2&gt;\xe9\xd4\xe5R\x04\x95_X\xd0\xea.\x04QC\xd5\xc34\xe5\x04\x1c\x85\x13\x92\xfc'</t>
  </si>
  <si>
    <t>b'"\x89Z84\x02\xb6-U\xe4\xe3\x8c\x82\x87\xa1\x1c\xa6n\x14\xb1\xe5\xc0:\x85#\xa9\xb4#\x91D\x18\x15'</t>
  </si>
  <si>
    <t>Goodbye Chase</t>
  </si>
  <si>
    <t>b"\x9ed\xb2\x7fC\x1e\x93\xee\xa7\xb3\x1d[-\xfeS\x1f\x7f\x84\xe8\x10'\xb6&gt;D{\x0cY\xe4g\xc5\x8f\x86"</t>
  </si>
  <si>
    <t>b'I)]\x18?\x8f\xe8\xc4$@\xab\xf2\x05D\x97\xf5\x96m\xf7\x1d\xdfM\xa4q\xb3|\x13\x84\x07\xebP\x06'</t>
  </si>
  <si>
    <t>b'3\xce\xa8K%\xe7u0\xf7v\xca\xba\xea"{\x8eh\xe8\xf9\xfeO\xc5\xaf=\xf0\xe9\x1f\xdf]\xe3a\xe4'</t>
  </si>
  <si>
    <t>b'L\xb1A6\x0e;V$\x8a\xad\xa1\x82\x17r\x94\xf0r7Q\x8c\xfaJ\xcc\x8e\x1bx\x04\x95\x10e7&amp;'</t>
  </si>
  <si>
    <t>LIGHTEN MY LOAD</t>
  </si>
  <si>
    <t>b'p\xb7\x08\xa9\xbf\x0c\xe1\xec\xa37::\xad\x187G(\x8e\x01\x144.\xaa\xc2\xcf\xc0\xd6b+\x98\x12\xe1'</t>
  </si>
  <si>
    <t>b"\xdf\x7f\xc3\xce\xe1'\xe0\x14\x03\xad\x97W2@D\xc8\x0c]\xedJ\xdf\x9d\xaezGg\x83\xa18p\x0e#"</t>
  </si>
  <si>
    <t>Debt Cruncher</t>
  </si>
  <si>
    <t>b'\xeb\xf2\xe9\xb4\x83\xa3]\xc9\x06V:D\xc4\x8es3\xa4\xa0H1\xd8\x93\xce&amp;M\xd8\x99\x9c\xf5\xa1\x9aC'</t>
  </si>
  <si>
    <t>bills consolidation</t>
  </si>
  <si>
    <t>b'\xc3\xc4?o,}8$\xfd\xbf*\xccu\x1e\xbe\x9d\xb3uw@\x100$9\x11\x14\xac\x9b\n\xe0vz'</t>
  </si>
  <si>
    <t xml:space="preserve">Conserve and save money to invest. </t>
  </si>
  <si>
    <t>b'\x8b3\xd1\xb3\xd1\x87\xe7\xf8kj\x96&gt;\t{hAd&gt;\x9e\xab\x8fm\x8aA\xaaN\x9a\x03\xf0b\xad\xd2'</t>
  </si>
  <si>
    <t>House Work</t>
  </si>
  <si>
    <t>b"\x8fv\xe8\xcf\x9c\xda\xbd\x85YH}Rz\xb8'\tc\xab\x9dt\xd3\x94\xa2\xf9K\xa1\xec\x1cA\xc7\xe4\x18"</t>
  </si>
  <si>
    <t>Pool Repairs</t>
  </si>
  <si>
    <t>b'\xcf\x88\xc2\xdc\x19!4\xa8\x03\x1676]\xb9z\xe7Q\x8a\xeb\xa9\xa1,\x87B\t\x81\x95W\x95\xb7F\xc0'</t>
  </si>
  <si>
    <t>b'\x93\xb2\xcaZ\x04\xfa\xe3\xb9\xac1\xd6\xd8:Q\xf1p\xf4\xb2/\x84|\x08\xee\x13bT\x13\xed\x83\x18\x80\xe0'</t>
  </si>
  <si>
    <t>b'a1i1c\x15s\xe3\x95\r\xb3\x18\xd5\x8e\x8e_\t\x82?\xed\xc1GG5\xab3I/\x91\x0e\x90\x9d'</t>
  </si>
  <si>
    <t>Buffering</t>
  </si>
  <si>
    <t>b"R\xd2\x04\x0c^,\xeb\xfa\x05\x813\xcb+\xec\xf3r\x87\xf3=[\x01\xf2\xd0y\xf7':\xb3\xc1F%\xd5"</t>
  </si>
  <si>
    <t>b'G\xf1\xac\xdb\x8f&amp;*\x07\x89\xa3\xbf/B\xac\x08P ]\x116\xf0\xe6{\xe2\xf7\xa9\xef\xf5\xe2a\xc8\xe7'</t>
  </si>
  <si>
    <t>Credit Card Consolidation + Auto Repair</t>
  </si>
  <si>
    <t>b'_Qk\r\xaam8\x9d\xd4\x0f\x13\xcbJ\xdb\xefG(\xbb\x18\xb5\xf1)\x8do$\x9c\x87\xd2\x91?\xe5\xa5'</t>
  </si>
  <si>
    <t>b'Sk\x81;\x01\xa4Ocs\xf3\xe7:q\x96\xcf{\x12\x04\xa4$-\x9a)\x95\x9f\xe0\xd1\xab\xb3\xdb4\x14'</t>
  </si>
  <si>
    <t>b'\x82\x18\xb4\xad\xa2\xd3\x1d!\xea,\xde\xa4\x08\xf2\xd1L\xfc\xa8\xce\x9c\x07\x9b.\xf0\xcf\xfba\x83\x12\xaeA '</t>
  </si>
  <si>
    <t>Boat Purchase</t>
  </si>
  <si>
    <t>b'\xd1Q\x06J#P\xea\xd8\xabM\xcc\x86\x1a\x07\x00v\xfdd\xd5\x1e\x16\x82\xdb\xe1\xe10P\xde\x89\xd5\xf1\xfc'</t>
  </si>
  <si>
    <t>The End</t>
  </si>
  <si>
    <t>b'\xe8&amp;\xc8\xfbZ\xfe\x8cb\x9e\xa1\x83\xe8\x8e\xefc\xf5\x13\xa5\x1f!}\x1f\x91(\x16\xb3\x9c\xaa\xc7\x87jg'</t>
  </si>
  <si>
    <t>b'\x8a\xfc\xae1%\x12\x06;\xa6\x83b\xeb\xf6\xcf\xbe\x9c\xc1\x8fH\xcf\xa6\x0c\xe1"\xb0\xa4\x8d\xd9e\xeb\xd4\xd3'</t>
  </si>
  <si>
    <t>b'\xc0\x92\xab\xfa\xc1k\x8d\n\x0f\xbe\x9a\xae1\xdd\x19\xd3\xff\xde\x84\x8d5B\xd9\xd9\xd8Y\xc4\xa9SY\xa4('</t>
  </si>
  <si>
    <t>PAYDAY HELP</t>
  </si>
  <si>
    <t>b'd\xa9\xb2\tFJ.\xff\xaa\x9e&lt;\xfa\x08\xb9Z\x83HB \xdb\xbcf&gt;\x93k\xafA.VR&lt;\xad'</t>
  </si>
  <si>
    <t>Debt Release</t>
  </si>
  <si>
    <t>b'Us\xfb+\x93\x15\x0f\x98~\xa4\xdeG\xbcZS\x84\x0c\xc0\xac\xee\xa6WL\xe1Q\xd8\x92\x92\xa1\xdc\x9f@'</t>
  </si>
  <si>
    <t>b"\xf7\x06\x94=\\\x9fP&amp;\xe0\xfc\x16\x14\xe0\xfc\xb1\x8e*vjw1K !\xc0\xba_\x1a,'\xc3\x06"</t>
  </si>
  <si>
    <t>b"\x18v\x90\xc0\x8de\x1f\x87\rC\xba\xa8\xed@\x82\xad-'(G^'\xcdNz{\xad\x92\x10\x95\xb7\x9d"</t>
  </si>
  <si>
    <t>DebtDown</t>
  </si>
  <si>
    <t>b'\xf2\xa4h\x16Mm\x9e\xe1\x9fd\x95?\x98\x9ejz\x1e\x12\x95F.\xbe\xaaI\x08n\x16\x90HB||'</t>
  </si>
  <si>
    <t>b'&amp;v\xcf\xe7\xa3\xbc\x90\xbf\x8d\x9d\t[L\x8a0\xa6\xac\x87\xc5\x1c\xa0\xca\x1c\x86\x0bY\xa9\x98\x86\xe4l\xb1'</t>
  </si>
  <si>
    <t>credit  card loan</t>
  </si>
  <si>
    <t>b'\xb65=]R\xbd\xe5\xbe\x9b\x11\xa8k\xd6\x02\xd9o\x07b\x12\xbf\x80\xe6\xfc\x8a:dg\xb1*2\x17E'</t>
  </si>
  <si>
    <t>b'`F\x96\xc9p\x84\x08\xbe\x98\xa9\xd8\xe6\x82&gt;D\xe1\x9b&lt;\xd1\x08\xf3\xf0\x97\xa4dD9\xacr\xc5c\xa6'</t>
  </si>
  <si>
    <t>b'B\xca\xc7+\xd4\xc4@l&amp;\xd0\xb1~\xfe\x0e\xd0j\x8f\xbd\xb7\xaa\x0b\x16)\xc3{\xa3\x8b^\xc0\x98\xdd\xed'</t>
  </si>
  <si>
    <t>b'\xff\xebbKH\xbbT+\x93(\xac\nj\xe7\xb8\xf5\x80\x027\xb9\xa1O\xffn\x0e\x90\xd1\xc4\x8a\x0b\xbd8'</t>
  </si>
  <si>
    <t>b'\xde\x90c\xd7\xf1G\xd0,\x93\xb9\xa00\xcf\xc4=\xa9\xcb*\xe2\xf77\x14B\x8e}B\x0e\xf2\xbb\xc9v\xa5'</t>
  </si>
  <si>
    <t>Dreaming Tree</t>
  </si>
  <si>
    <t>b'\xf6\x92\xb4\xd2\x15\xc9\xf9\x98\x98&lt;\xc4\x19\xc4\xe8\x19\xfc\xd2\xad\xdc2\x06Q\xd4-\x1f\xf4\xf7+\xd4\x87\xc1\xcb'</t>
  </si>
  <si>
    <t xml:space="preserve">My Epic ReFi! </t>
  </si>
  <si>
    <t>b"p\xaa\x17A\xef`\xb3\x86{\xf7\xfc\xf5#\x8f\x0f\x11\x87g\xfaZ\xb3M\xaa\x8c\x96_\xd5\xe0\xc0'\xb7\xb6"</t>
  </si>
  <si>
    <t>b'\x85\xac\xb7yD\x85D\x16x\xeb\x99\x85\x92~\xf3a\x9b\x19\xd9\xef\xee\xaa\xc3\xa3\xe3{\xb4\xdasO5g'</t>
  </si>
  <si>
    <t>b'B\xa3\xe6\xbe\xd1\xff+\x06\x85\xee\xf2\xc6\xe3\xea\xa5Q\xaa\x15\xcc\x85\x93\x84\xe5\x057~\xc0\x15\xce)c\x8e'</t>
  </si>
  <si>
    <t>Wipe out debt for good!</t>
  </si>
  <si>
    <t>b'e\xf6|&amp;\xa0\x8d\xc1\xdc\xfa\x94~\xbf\xa6S\xd0D\xf1\xe0=(\xdd\xeb\xa1@\xa2Z+\x85\x8d4\xcbz'</t>
  </si>
  <si>
    <t>b'\x9b\x08\x0b\xc0\x9fMy\xa2\x0b#\xb0\xb0c\x8fB\xe6\xc9^\x8d?\xad \x98\x08\x17\x95\xb7\xa0\x99\xe09\xcb'</t>
  </si>
  <si>
    <t>debtpayoff</t>
  </si>
  <si>
    <t>b"b\xf3\njbL^v\xed\xae\xe0\xf4a]C@8\xd7\x91\x9bk\x96+\xad\xebp|'\xfb\x01\x1a\x89"</t>
  </si>
  <si>
    <t>Make Debt Free a Reality</t>
  </si>
  <si>
    <t>b'X\x19M4\x00\xe3\xe6;f\xbf\x91\xe7t0\x82=\xb9/\x8c\x9fjU;\xe3&lt;\x97zx\x9cdD\xb5'</t>
  </si>
  <si>
    <t>b'\x1e\xad\x97\xbe\xe5\xb9\xa4\xda\x96\xce^\xc5\xc7\xcc\tGqwId\xb6\xc9Hr\x9b\x13*\x11\x9b \xa5\xb2'</t>
  </si>
  <si>
    <t>b'\x83U5_\x08.+\x87I\xcd\r\x1b\x07p\xf6^\xd6\x90?4\xbe\xe6\xf4\xc44w\xd6\xb1xdSc'</t>
  </si>
  <si>
    <t>Consolidating Credit for Home Purchases</t>
  </si>
  <si>
    <t>b'\x1c\xcbS*"i8\x97Pj"\x12*\x1b\x15\xbb\xaaL\x1b\x8bk!\xbd\xef\xb2\xac\x92\xa6}~\xa7\xdb'</t>
  </si>
  <si>
    <t>b'\x03a \x1b\x89\xb1[\x96\xd5\xde\xf4b\x88@C\x18\x8a\x90\x9c\xf9\xbc\x84\xe7\xea\xdd\x06"8\xf8U\xb7\x0f'</t>
  </si>
  <si>
    <t>Bill pay</t>
  </si>
  <si>
    <t>b'\xed\xaa\xd7\xc0\x9fwl\x1bs\x07\x0e\xf1\xb7\x16,\xdf\x142\x16\xf6\x8f\x94]\r\x17\xa7\xb8\x85*k\x04X'</t>
  </si>
  <si>
    <t>b'`r`\x7f0\xa3\xc3\x0f9P\xbbA\x03\x10F\xd9\x83\xfcx{\xdf\x1e\x8e\xd4\x1d\xfa\xb3\xb5o\x95\x05\xff'</t>
  </si>
  <si>
    <t>b'\x84\x01d!X7l?Z\x8c\xf1.\xda\xad_\x89\xa6\xd2d\x97\x0e\xab\xd8\x8e\x8a\xf29l\x8d\xe8\x85\x1f'</t>
  </si>
  <si>
    <t>b'W\xd1\xe4{\x12e!H  \xfa\xc3\x19E\xc6\x11\xa7\x81\xf2o\xd4\x95\x07\xe7U\xa3\xb3\xb8 \x00\xd0\xb3'</t>
  </si>
  <si>
    <t>b'\\+\x90^Kh\xa7`vW-G\x7f\xd3?\xc2\xeb\xc4\xc7\x90\xb2\x184\xd1\x18\xe0\xd4.q\xef\xf9!'</t>
  </si>
  <si>
    <t>b"k\xf3'\x05\x89%\x0eG\xaev}\xa9\xe8\\&gt;\xd1\x1dJE4\x0b1\xbejU\x94\xa2\xc6\xdf3}\xcd"</t>
  </si>
  <si>
    <t>PAYMYDEBT</t>
  </si>
  <si>
    <t>b'\x95%\xb17\xd2\x03dt\x93V\xa7\x92\x8d\xf0\xea\xf6.\xc1A\x97\xbb\r\xa04\x1d\xddAv\xa9^\xfa\xa3'</t>
  </si>
  <si>
    <t>b'\xc2\x19K\xde\xb8\x9b\xde\xa3\xb7\x18n\xaf(Y\r\xbaF\xaa\xa6\x84\xbbjq\xec\xba\xfd\xcf\x0f\x99{5\x96'</t>
  </si>
  <si>
    <t>b'VyG\x8e\x84\xb0\xdd\xba}\xbe\xb5^\x9a\xee\x038qB\xd4d\x08F3\x15F\x17s\x81\xf1]\xa5]'</t>
  </si>
  <si>
    <t>b'\x94M$\x8c\xdf\x10\x14\xe8\x8d\x17}\x9e\xe9\x1eS\xdat\x1e7r\x95\x8e\x84 \xd3\x7f\xbb\xe1\xffDh\xe2'</t>
  </si>
  <si>
    <t>b'\x9eoR\x87AKr4\xa6\x15AP2;\x07x\xa8\xfe\xeb8&amp;i^\xea\r\xa0\xee\xe5H\x9f\xe7h'</t>
  </si>
  <si>
    <t>b'\xa6\xa9\xe8\xb0V0/Z\xcd54Y\xd8\x0e\xac\x95\xef\xad\x1a\xff|\x04\xb0&lt;\x9c\x1f\xbf\xbc\x06r\x99\xe1'</t>
  </si>
  <si>
    <t>b'IF\xacF\x0bu\xaa\x9d\xba5;\xa3j\x8f\x98\xec\xde*\xfd\xce,\x16\x1f\x0f\xedY\xb2o\xad\x13\x89\xd6'</t>
  </si>
  <si>
    <t>b'\xbc\x84\xacj/|\xae&gt;(\xd6\xfe??E\xd8\xe3\x12KA?s\x8d\xbd\x88Q\x1c]\xf7\x11\xa6!\xa7'</t>
  </si>
  <si>
    <t>b'U\xbe\xb6\x19\xb3dm\xe5q\x04\x00\xb7\xb8\xd6\x92\xe8\xa6\xb6\xf7\xc2\xdd{\xfcG\xd6\xc8\xbd\x03k\xe8Fh'</t>
  </si>
  <si>
    <t>Patio and driveway repairs</t>
  </si>
  <si>
    <t>b'\xd30\xd7\x97\x14\x11\xd2n\xdfgy\x92\xde\xd1!\x9c9\x08t*\xe8`\xe4=\x1b\x97\xf8VYy\x1e\xfe'</t>
  </si>
  <si>
    <t>b'xHE\xc6\xa7W\xfb\x8dwE\x88\xc8.\xf5\xfb\x1a4\xd1\xf7\xb9\x1f\xd2\xd4\xb0X\xc4Vq\x81B\xd9\xee'</t>
  </si>
  <si>
    <t>Pay Debt Loan</t>
  </si>
  <si>
    <t>b'\x9a\x83(\xc0/T\xa9\xbc]\xc2\xffl\x05\x06l};\x89\x7f\x0c\xacu\xd9\xb0\t\x83Z]To\x01\xdc'</t>
  </si>
  <si>
    <t>b'\xae\xb2T9\xaf\r\xce+\x12[-\xcb"\xf7~F\xc9\xd4\x0f\x9b\xf4&lt;&gt;\xf4k\xa5\xf5\xae\x17\xadq~'</t>
  </si>
  <si>
    <t>b'\xa4\xb5\x94\x00\x88\xb6cD\xf4\x97\xb1\x1a\tP\x81\x08Z\xa0D\xa8o\xeeO#r\x97g\x0b"x;\xd5'</t>
  </si>
  <si>
    <t>b'\xa6C\x12\xb6\x1f\xba\xa1\xf5W\xbf\xc4\xf7\xc6u\xbc\x81\xe4\x1d\xfe\x98\x03\xb2\xcf\xc4z\x89,\xb2\xfbM"G'</t>
  </si>
  <si>
    <t>b'\xdc+\xfa\x82\xf8\xb9-\x1e\xd1\x8d\xfd\xc1k\xdb\xd6\xb5)\xd8\x98\xe3\xcf?8\xd9\x9d\xd3=\xa4\xa8\xe0_\x12'</t>
  </si>
  <si>
    <t>CCPayoff</t>
  </si>
  <si>
    <t>b'Wr\x18R\xcd\x98\x9e\xdc\x98\xc7P\xed\xac\x97\xb82\x82\xd3\x91\x80\x01\x92E\xf1\xed\xffj\x9a\x1b]\x1cm'</t>
  </si>
  <si>
    <t>b'\x8c\xc1\xad+\xa2\x1do\x83NcL\x14\x95\x1f\x99\xeb\xc7H\xf3\xf7\xf7\xe9\xf9\xcd)+\xca\x92*\xc5\x08\x83'</t>
  </si>
  <si>
    <t>Payontime</t>
  </si>
  <si>
    <t>b'\xb0:\xba jf\xd4\xa0\x99dP\xc4\x08%\x02\x18\xb9\xa6\r\xf7V\x03\x0eh\xc76\xd1B7\xf6Q\xa1'</t>
  </si>
  <si>
    <t>b'0\xce\x83TS\x04iR\xcfD\xb2m&amp;\x13H\xb7}j\x96\x8b\xc8\x0e\xda\xc8\xd1_\x85-\xb4\x07\xf3\xdf'</t>
  </si>
  <si>
    <t>smallbizstarter</t>
  </si>
  <si>
    <t>b'\xa6\\P\x9a\xed\tT\xfbd\xde\x1e\x12\x1a\x8bTu\x9f\xc3\xc70\xfc\x7f\x1e~9\xbf\xed,\x8b@\xf9\xc0'</t>
  </si>
  <si>
    <t>freedom from debt</t>
  </si>
  <si>
    <t>b'?\xf9\x11\x91c\x81\xd9\xfd3_&lt;\x0f\xf7\x13r\xd0z\x03W\xc6\x8b;H\x9c/9dS\xd0m\x82\x15'</t>
  </si>
  <si>
    <t>Help pay off child's medical expenses</t>
  </si>
  <si>
    <t>b'\xfa\xe0$\xee\xb1X\xaa\xd7\x7f\x89d^\xd9\x1eAE\xa2~x\np\xc0_\xbcS\xa17\xba\xbd\xdc\xf8\x94'</t>
  </si>
  <si>
    <t>b'\xf8"\xbd\xd9\xef\xac\xba)\xdet\xcby\xef\x0e\\G\xce\xda\xef\x7f\x13\xa6\xce.\x17M\x9ce8n\xfeu'</t>
  </si>
  <si>
    <t>b'~M\x002\xf2\x00\x9a\xc0\xcfl\xd8\x96\x14_(\x7f_\xcc\xe4`p\xab\xfa\xf11^93/\xe9\x8b\xcb'</t>
  </si>
  <si>
    <t>b'\xf1\xe2N\x9b\xb6:\x8cS\xfa\xeb\xa8\xa8\xfbu\x9dnr\x81\xdd\xda\x91\xe4\\\x1cu\x94\xd7&gt;s6\xca\xdb'</t>
  </si>
  <si>
    <t>b'\x10\xda\xa6\t\x92+\x18\xcb*\x10\xa0\xc9\x88\x05\x14\xa8$\x98\xb2\xab\xb5\xa3\x0b7*jX \x809GZ'</t>
  </si>
  <si>
    <t>b'\xf1\xc1u\xdc&amp;+,$\x0fyjI\xb7\xa4r\x0f]\xb9p\xcc\xf3\x1e\x98F\xf7Co\xceU@\xa6\xfa'</t>
  </si>
  <si>
    <t>b' \xeb\xc4\xdf\xd4\x1b\xb8\x8b\xcd\xec(\x07\xac\x1a2!\xaer\xe3\xbdB=\xb8f\xcf\xe8[\xf1\x17\xcd\xad\xf1'</t>
  </si>
  <si>
    <t>b'\x8c\x8d\xc1\x18\x8f\xb8\xe7\x16\xb7-3\x8aq@]!\x86\xe8\xfa\x92PL\xd09\x1d,\xf59\xc7E\x19E'</t>
  </si>
  <si>
    <t>b'\xcbw\xf8\xecq\xf4;]\x82:\x1c\xb3\xc0\xef\xd2\xb2\xe3}\xbc\xad\x9c\xb8\xfc\xdf\xc9\xbb\x8e\x8c\xc5\xf9\x02\xc3'</t>
  </si>
  <si>
    <t>Car Purchase</t>
  </si>
  <si>
    <t>b'\x97\xaey\x89\x1a\xa7\xec\xedL\xe3T\xc8A3\x97\xff\xc8\x1b\xae\x99{\x07`\xd7L-=\x89"{\'h'</t>
  </si>
  <si>
    <t>b'\x03%\xdc\n\xa1\xb0\xfch9@T7\xdfw?;\x80\xb1/8\xc6\x8a\xdax\xa3\x8a\x8f\xc6\xca\x98\xc2F'</t>
  </si>
  <si>
    <t>b'\t\xab\x12\x0bJ\xb2oJ\r5COB\x13e/+\xcb\x9b)?\xc9L;3\x98\xdc\xa8\x8b\x19\xc8\xaf'</t>
  </si>
  <si>
    <t>b"\xb5\x81\xa6!q7QG\x8bM)j\xc3\x80\xf0n'~\xc4?\xdb\xd3\xeca\xa7\x8c/-#\xd6\x10\xfb"</t>
  </si>
  <si>
    <t>b'0\x8cL\xcbD\x81\xef\x13%Z\xbaO&lt;\xce\xf5\xa5\xa1W\xdb\xfd\xd1&gt;\xbd\xf1FY\xe8\xeaiXQ\x88'</t>
  </si>
  <si>
    <t>b'@\x19\xa3\xfb"\x8f&lt;\xfe i\xe9\xa4\xed%H7\xa9\xe6P\x1a\xff\x13\x18Go\x8ds\xf5\x95\x004:'</t>
  </si>
  <si>
    <t>Deck</t>
  </si>
  <si>
    <t>b'\x9f&gt;"Gg\xde\x9bNCg!-\x08\xbe\xc7\x05\xabJQhZ\xd6-\xc8\xf2\xd5\xe3^\xac\x98\x8c\x00'</t>
  </si>
  <si>
    <t>b'\x9e\xdcB\xc7K(/\xf35%%O`\xedo\xdd\xf23\x12\xd0^\xdf\x89x\x19\xf7%\xb4R=\x8c\xdb'</t>
  </si>
  <si>
    <t>b't\xb8\x86\xd6\x11\x10qNR\xe7\xe9\x17\x19\xc9p.\x95\xfd+DU\x1c-\xc3\x1c\x90\xef\x10\x03X\xfeh'</t>
  </si>
  <si>
    <t>Lowering interest</t>
  </si>
  <si>
    <t>b"\xef\xc1cPo=@\x9f'\xba\x91\xf0\xfag\xbe\xbeW\xa4F\xb2\xa0\x10\xdfS\xa4A\xf8\x85\xb6y\x12\x11"</t>
  </si>
  <si>
    <t>Debt Consolidation - Never Late</t>
  </si>
  <si>
    <t>b'Vn[?g\xa69vS\x86[jHC?I}\xad\x0c\x00\x83&lt;V\x1d\xcd\x83\x1cD\xc8\x1f,7'</t>
  </si>
  <si>
    <t>Sears</t>
  </si>
  <si>
    <t>b'\x8d-H\x8b\xeb6\x97\x9f!hi"m\xcb\xc4&lt;l\xc0\xc5~\xb6\xb8hF\x12\x16\xe3c5K\\\x83'</t>
  </si>
  <si>
    <t>b'4R*\xe5\xfb\xb2\xdcDFb\xe7B\x15\xd7R\x1b\xc8}\xe0\xb0\x11\xdb_U\xa4\xdf\xfe\x9fJ\xc6\xa1\xd0'</t>
  </si>
  <si>
    <t>b'IvT\xe8\x00\xabs\xab\xf8\xc9eSD\xc4\xb8\x08S\xf1\xda\x13R\x01^\x97R\xcaH\x15\x005H\xe4'</t>
  </si>
  <si>
    <t>b'dE\x9b\xcf\xec\xdd\x14\xf8]\x89\x9b\xcb\xc9\xf2^\xa3\xb7|b\x89\x89*\xa7\xc4\xec\xac\x87\xd2n\x01\x804'</t>
  </si>
  <si>
    <t>b'\xf2Ju:\xc6/\xa8\x85\xfcD\xd8n\xa7\xf5\xca\x1b\x7f\xf3\x8c\t\xf3\x13L"?\xf4\x033yM\xe7\x00'</t>
  </si>
  <si>
    <t>3 C's: Credit Card Consolidation</t>
  </si>
  <si>
    <t>b'~Fv!\xb7\x80\xd4\xb6\x83:\xea\xd8N_\x83\xc3X\x8a\x89\xb3\t7\x7f\xb3I\x00\xfdRvut4'</t>
  </si>
  <si>
    <t>b"ED1RH\x8fl\xbd\xa4\xa3cT\xebo\xba\xa5Y\xbf\xf6\x81\x03\xf8F\x05'\xc3\x9e\xad1\xef\xee&amp;"</t>
  </si>
  <si>
    <t>b'\x9f\xaf^\x14\xa7\xb8\xab\xfayT`M\xd9\xbb\xa4W\x96\xcf\xab\xca\xbf\xaa\x95\xc9\xb1\x86u\x0eC\xb1\x84\xce'</t>
  </si>
  <si>
    <t>b';\r\x98\xb0\xa1X\xa6\x16u\xe4S\x12\xb6\x1fr\xa4.\xef\xe8\\\xd7|\xd9\xff0\x144\xbd\xa4\xc4\x11\xba'</t>
  </si>
  <si>
    <t>b'\xaa\xa8G\xea\xa3\xd8\xea~\xa8,\xf2%*\xc3\x0c\xfb\xb8\xa8\xb6e\xbe\xd2\x1b\xad;\xb5\xa0t\x7f$G\x9e'</t>
  </si>
  <si>
    <t>b'@\x81(R\xf0\xac\xc3:7\xf8\xcd\xf9V\xb5\xf7VE\x8f\x93\xd0\x95\x18[\xd7\xb5o\xe5B\xccI\xb5\x8f'</t>
  </si>
  <si>
    <t>b'c\x8a\xf9\xb5\xf7\x86~\xe6\x1a\xac%\xe2\x95eBH)\x89\xadA\xd3\x15\x83\xda\x8f\xa3\xb3}\xde/\xd8\x8e'</t>
  </si>
  <si>
    <t>b'\xc2\xe9\x1f\xa0\xe3G\xe0\xe2p\x0e\xef\x92\xd8\xe25\xc2\x96b\xdc\xd0\xf9\xeb\xe0L\xa5\x17\xb2G\xaa_\xb5\xdc'</t>
  </si>
  <si>
    <t>b'\xb2|\xafw\x1c\x91%F\xff\xca\xff\xbdUS\xe4\xb5\xb6B^\xe1\x833\\K\x08\xba\xd2\xca\x06\xd7\xe4\x06'</t>
  </si>
  <si>
    <t>b'\xbbi\xac/BQ3\x15\x035\x02\x8dp\xba\r\xec\xc5\x85\xd1\xde\xee\x1e\xe5\xc2\x97\xbe\xec9\xaf\xd6\xafx'</t>
  </si>
  <si>
    <t>b'\x11\xe8\xef\xcd\t\x1b\x08A\xfb!!\xe5UF\xa8\xd1\xca6\xed\x02\x90n\x82\xbf\xd36\x02\x01\x0c\xfa\xa2&gt;'</t>
  </si>
  <si>
    <t>b'\xf9\xd3_(c\x9d\xc0\xdd)\xec\x89\x96\x01\x1a\xbd\xcf*\x0fG\x8c\xb6\xb7\x13}\x0cX\xb7\x98\xe1k\x05\x97'</t>
  </si>
  <si>
    <t>b'\xcdt\xf7m\xb8:W\xb7\xba\x0b*\xf3\x90"\x18\'e3\xa0\x17\x1aL\xb6\x15\xec\xd5\xbd\\E\x0c\xdf\xca'</t>
  </si>
  <si>
    <t>Debtcon</t>
  </si>
  <si>
    <t>b"\xd1\xfc)|_\xc5\xc7?\x10\x08\x0c\xeb~\x0e\x0e#\xe84'\x8e\x8f\xb6\xca\x14VR\xbb\xe8\xcb/a\xc4"</t>
  </si>
  <si>
    <t>Refinance Credit card debt</t>
  </si>
  <si>
    <t>b"\xf6\xeb\xc5`6\xc5'\xff\x0b,\xf8\xef\xa9\xc8\x8f&lt;O\xe2z\xc8\x85\xcdg\xa4\xe5\x19A!@\xb2;\xd1"</t>
  </si>
  <si>
    <t>Card pay off</t>
  </si>
  <si>
    <t>b'A=\x87Z\x05Q8\xce\xa9XY\xc3\xd7~3\xea\xbc1\xdf2V\x82\xc0\xdfw\xc6;\xa0d&lt;\xda\xb5'</t>
  </si>
  <si>
    <t>Debt/Home Improvement</t>
  </si>
  <si>
    <t>b'\x87h\x11\x11\x04\x9d\xe5e*\xf8\xa07\xf8\x87\xbd\t\xb9\xea\xc1\x83\tG\x86\x13\xcb\x9f\xd0\x996^f&gt;'</t>
  </si>
  <si>
    <t>b'Y-\x89l&amp;G\x94\x86\xa6\x8c\x11A\x95c\xc6Ds\x11\x83\xa5\x0b\x0f?b\xb2\x80\x1b\xec\xdeG\xfd\xda'</t>
  </si>
  <si>
    <t>Want2BDebtFree-n-3</t>
  </si>
  <si>
    <t>b'&gt;XW\x112-r\x12|\xecA\xd9\xbe\x9a\x82@\xd5\xd4s!\x1c\x80\xff\xe9n\xd4\xf9\xb8\xdfo\xa5\x87'</t>
  </si>
  <si>
    <t>b"\x8c\xca'\xcd\xa3)\xb0\xda\xe6Y\x92\xfeZ\xb2^\x94\xd1\xd3\xef N\x950P[\x0e\xd9\xcf\xd3]\x11|"</t>
  </si>
  <si>
    <t>b'7\xb1\x93B\xe1SRw\xfa\x92#\x8c\xd0$\x89N\xdc\xfc\xe8\xa3G$\x90\x96\xd8y\xa3\xd1\xec\xbce\x13'</t>
  </si>
  <si>
    <t>b'\x0f\xe1\xd4\xcdOc\x0eu\xd3a\x9a\xad\xf4`%L\xe8\xb0O\x90&gt;Y\x88\x0b\xb0\x88\x9f\x91\xda\xb4bN'</t>
  </si>
  <si>
    <t>Credit Card Consolodation</t>
  </si>
  <si>
    <t>b'&gt;\xc4\x1b\x84}\x00\xf7\x1d\xa6\xc3\x8a\xfa\xc5\x10M\x8c\x12&lt;A_A\xc6\x19!C@\x1f&amp;\x1b\xb5J\x1c'</t>
  </si>
  <si>
    <t>b'\xacbJ&lt;Fx?{\x80I\xc6\x1f\x1e\xa0\x85\xa2\x07/)\xa2E\xe9)\xff\xf3\xd5[MI\xe5\xab/'</t>
  </si>
  <si>
    <t>b'\x0eF\xa2m\x1bL\x8e\x00\xb7\xbanLy\x0eL\xcc;^\xfc\x8e~\x0cH\xda[\x8b#\xe8\x8c\xec\xc9\x04'</t>
  </si>
  <si>
    <t>b'w@$\x1f\xe9KM_\xc3B\x00l/)\xb0\xeaUY\x81bE\xcfr\xb4M\xdeY\x9d)Y\xc0\xdd'</t>
  </si>
  <si>
    <t>b'vQ\xccq\xe7\x01\x9b)\xe1QLK\xa0\xa5\x1axK,\x0b\xf6\x0e\xa6\xb8\xc8\x98\xc7\xe63\xb5\xdb\xe5\xa3'</t>
  </si>
  <si>
    <t>b'O\x92"\xac\xc8\xef9i\xc6y|\xad\x88\xca\x81\xfa)R\x14\xfdQEh\xba\x1c\x95\x81YK\xc3wu'</t>
  </si>
  <si>
    <t>b"Z\xc7\xa6N\xb1\xf0&lt;\xd0\xbb'\x0b\xc3'\xff\xbaK\x0b \x19\xdb\x1b\x0e\xe0\xdd\x0cV\xc5\x11\xe4\xcc\xa4\x19"</t>
  </si>
  <si>
    <t>Landscaping</t>
  </si>
  <si>
    <t>b'\xb5u0\xa33\x96\x1b\xc9@"\xef~\\\xaa\x92x\xae\x92\r\xa80\xcc_\x82\xad\xc6\xc0\x81O{)\xd8'</t>
  </si>
  <si>
    <t>Consolidating at a lower rate to save $$</t>
  </si>
  <si>
    <t>b'\x91\xbf\x8a\xd9\x17\x18d"\xbfl\x8a\xfd\xdcA\xb1\xf4\xa3_\xabnaW\x07&lt;{\x05^\'\x9d\xc2B2'</t>
  </si>
  <si>
    <t>b'\xeev\xb0\x17\x88\xfd6\x86\x95"\xf4$\xe6\'\xec\xfbOP\x86]]\xa8Jd\xbc+[)\xce\x86s\xa1'</t>
  </si>
  <si>
    <t>b'N\x02\xacU^JR\xf5\xb1\xcc\x15J\xf4\xd1A\xfb\xd7\xc4\xbda\xc2\xb5vP\xa8P\xc4-\xc5s\x95&amp;'</t>
  </si>
  <si>
    <t>CC ATTACK</t>
  </si>
  <si>
    <t>b'A3?\xd7\xd9\xab\xa8\xb2 \xf78\x1a\x9c}g\xcet4O\xf5-\x95r\xdb\xcb\xfa\x9a\xff\xdb\xfbP\x17'</t>
  </si>
  <si>
    <t>b'7\xc4s\xda\xd5\xc5\xd7\xea\xde\xba\xc1\xc0\x13\xb1\xe7\xbaT\xdf\x97\xe8Zu\xc2\xec~_\xc2\x8cl\x05w\xf9'</t>
  </si>
  <si>
    <t>b'iuuBn~Gl\xe2[\x0e\xee\xfc\x9f\xf0\xfb\xb5\xbb#\xf0\xe2 \xc3m@X\xd1H\xb8\x88\xa7a'</t>
  </si>
  <si>
    <t>Pay off cards</t>
  </si>
  <si>
    <t>b'm5\xdar\x07\xa6\xcd\x0c\x85ml\x1blm\xf1\xa1\x823\xba~{\xfdz\x0bi\x97)V\xf2JwQ'</t>
  </si>
  <si>
    <t>debt gone</t>
  </si>
  <si>
    <t>b'\x07q\x1e]\x08\x0bP\xd8\x1a]\xdc\xed\xadI$&amp;\x93\xc6\x0f\xbf\xd0\x88\xd5\x98d\xf3\xabP\x00\xc7\x8f\x1e'</t>
  </si>
  <si>
    <t>helpwithfinances</t>
  </si>
  <si>
    <t>b"'\x929\x88\xdcE\xfc3\xe4\xc022\xe10\xe4J\x868\n\xb7\xa7:\x0c\xf9\x8bV2\n\x19S\xe5\xa6"</t>
  </si>
  <si>
    <t>b'\xfc\xd3i\x1b0\xd7\x03\t\x9dq\xfc\xf0(\x06*\x16\x13\xe5\x0e\x8cz\xf6g\xe4h&lt;\xe1\xd4\xaf?\xe8k'</t>
  </si>
  <si>
    <t>b'\x1b\xbf\xd8\x06\xda~\xfb\xf8\xd6\x1cG\xb2\xdaT\xa24\xab\x9b\xfc\xcb\xf4jwp\xdak\xf9\xda&amp;\xfd\xbe\x96'</t>
  </si>
  <si>
    <t>b'9\xcd\xe9\x9e\xcfS\xe3\xcf\x08\xd4 \xf053y;Il \xca6\x1a\xb2w1Xh\x89.\xf0\x8f/'</t>
  </si>
  <si>
    <t>b'\xca=\x8c\xa1\xa0\xdc}\xaa:N8`\xb0\xd5a\x8b"\x87\r\xb2\xa1H;\xd7QBt\x93\x01\x00\xb5\xfc'</t>
  </si>
  <si>
    <t>b'\x08\xac\x18\xf7\x08@\xf3Hbw\xc8\x87t\xc6j\xbb~-qB\x19\x01G&gt;\x0f\xcc-\xcf\x1a\x17y/'</t>
  </si>
  <si>
    <t>freedom1</t>
  </si>
  <si>
    <t>b'\xfa\x07\x91$EB\xd4\xf1[\xfe-\xd6\x1d\x94\xcf\x80\xa5\xe6uk\xa0R\xeb`\r\x80\xd3YuS\x07H'</t>
  </si>
  <si>
    <t>b'H\t\xa8\xf7\xc0\xb1\x93\xadh\x86\x1a&lt;\xd1XT{\xc8\xe5\xa0H\x1bu\xbc\x9c\xdc\xf9\x11\xc4U7z5'</t>
  </si>
  <si>
    <t>b'\xd8\xc3@\xb6\x02\x87/I\x89\x06\xd7\xd3\xb7\xb5\xeb,\xbd\x11\x10\xb2N\xa1\xb4\x8e\xe8.\xf2\x85KE\x1bk'</t>
  </si>
  <si>
    <t>b"\x03K'9\xff\xeb:\x8e\x1b\xb0?\xa7`eQWl\xf7\xfb4Ks\x9e_\xe5\xe7\x92^\xec\x93v\xa2"</t>
  </si>
  <si>
    <t>b'\xc7d\x80\xf8\xb7\xd9+N\xa0\xc9\xf5\xed|\xfc\xceR+a\xb8\xdf\xfa\xfb\x17\xe9Mu\x1f\xcd\xee\x1c\x95!'</t>
  </si>
  <si>
    <t>b'\x05O\x97}-\xdb\x07\xb0w"QUO\xe2_\x1c\x06\x01\x01\xca\xedS\xfeCQyS\xa6\x81G\xd7\xbf'</t>
  </si>
  <si>
    <t>Debt Consolidation/House Money</t>
  </si>
  <si>
    <t>b'\xe30v2W\xf6\x03c\x19\xc2F\x93A\xf3\xde\xd67\x056\\:\x04\xdc\xcb\x92\xab\x15\xeer\x80b\xc1'</t>
  </si>
  <si>
    <t>FEELIN GOOD DEBT FREE</t>
  </si>
  <si>
    <t>b'\xfc(\xb7\xcb\x80\xaeg\xbc\xce$\xec\xb88\x01\xf4^\xbb\xc9\xcc\x9f_\x95\x04\xc1\x11\xaeRJ\xfa\xb9\x97\x05'</t>
  </si>
  <si>
    <t>credit card relief</t>
  </si>
  <si>
    <t>b'7\x04p\xa0s"\xf7\xd3\x15ZL\xdd+\xb5\x98/\xdd%&gt;\n\x06h\xd8\x80\xef\x03\xb4\x18\xa4,\xa7s'</t>
  </si>
  <si>
    <t>CC card payoff</t>
  </si>
  <si>
    <t>b'\x92WH\xce;\x14\xde?\xb6\x05\xa7I\xdd\xc6A\x90\xc6\xebM\xb7\xd9\xab\xacj\xe7\x07\\\xaa\xc4\xba\x7f\x96'</t>
  </si>
  <si>
    <t>b'\xa3h\xe3\x9b\x1cl\xe8$\xde\xbc\x877\xad\\Zn\xa7\x19\x99\xffz\x99\xe8P\xf8\xad0\x88\x8fv \x13'</t>
  </si>
  <si>
    <t>b'\x93n\x86\xb9\xe4\xbd\xca\xefc\x83wgs%\xd5\xab5\n\x13\x93i\xe6@1\xb5\xb4\x978O6\xe1~'</t>
  </si>
  <si>
    <t>b'\xf1Z\xed@0\xa2\xb9!\x92b\xc6b\xae\x7f~C\xe0\xad\xbd(\xd5\xd8at\xd9\x89\xf7PJpA\xc5'</t>
  </si>
  <si>
    <t>b'\xc7#\xf3\xe7|\x1f\xe5\xd33\xc9cQ\xd9\xfa\x15\xcd\xef\x88\xf5Y\x17-\xecUU\xcf\x92\x171T5\xa7'</t>
  </si>
  <si>
    <t>b'\xdd8]\x8c\x08J\xb9\xae"\xb5\xaep\xc5\xffp\xca\x91\xbc\xbd\xad\x08H\xb5\x98\xc9uA\xfd\x08\xfd\xcb\x9a'</t>
  </si>
  <si>
    <t>b'}\xaa\xe3\xbc\xf54|\xd0.\xb8/9\xb9\xc4\xc9]\xb5\x1d\x1c\xae\x93^\xe6\x0c\xed\xf5\x80/NA\xaa@'</t>
  </si>
  <si>
    <t>b'\x1a\xa4\xb8\xfc|~\xb0\x01\xe9=\xe0\xb3\x07\x8113\xf6\x0f\x01\x00\x05\xdd\t5\xed\xc8$sO\xb9\xe6\xdc'</t>
  </si>
  <si>
    <t>b'X\x9e3\x9c6X@\x81\x8c\xee\xad\x85\xff\xfdp\xee\x13\x08\xcd\xe09eH\xe5\xe0\x98c\xc5\xe8\x14Bt'</t>
  </si>
  <si>
    <t>Graduate School Debt Consolidation</t>
  </si>
  <si>
    <t>b'\x80?],\xff\xdan\x15?\xf8r\x11Y\xe5\xfe\xa9W\x84\xb6\x05\xb6M\xb8\x19\x9b\xbdR\xd2Y\xa2\xb0\xef'</t>
  </si>
  <si>
    <t>New Kitchen /Bathroom</t>
  </si>
  <si>
    <t>b'sZ\x11)V\xac%\xa1\xd64\x98\xb3\x89\xc0BXE}\x8f\xe3\x18C\x1e\x82\x81\x03U&lt;\x0f\xd25\xf6'</t>
  </si>
  <si>
    <t>b'\xfe\xd8`\x8b|\x87+\xd1\\\xee\xb6\xbe\xa4u\x9b\x88)c7\x9b\xf3C-\xeby\xa0R\x8d\xeb$4\xf7'</t>
  </si>
  <si>
    <t>debt refi</t>
  </si>
  <si>
    <t>b'\xd2J\x9e\xa1pq&lt;\x8c\xce\xd4\xcbqG$\xa8\xf8\x07A\xd1\xd6\x9f\xf7\x88\x90\xbff$\xac \x15\n\r'</t>
  </si>
  <si>
    <t>refinance payoff loan</t>
  </si>
  <si>
    <t>b'H\xf0\xc4\xa0n\xb6\x0f&gt;\x1cx\x90\xe2+\xf9\xd7\xf8,\xf1\xe2.~\x1e\x15\xcbM\x0c\xe9\xb5\xb5\xdb\x88\xdb'</t>
  </si>
  <si>
    <t>Refi my 2nd so I can refi my 1st</t>
  </si>
  <si>
    <t>b'\xf9\x9dT\xe9\xa9{\xfcG\n\xc6A\xcfJ\xf7yk&gt;|\xda\xd2N\x89\x19\xd2\xe2@\x11]\xd6\xb0 g'</t>
  </si>
  <si>
    <t>Smartmoney</t>
  </si>
  <si>
    <t>b'\xa4h\x83\xfc\xb6?\xc2\x82I\x1f\xcd\xda\xceb\t\x18\xab\xe3\x8d\xaa&gt;\xce\xb4\xe5@\xfb\xbf\xb3\xc4\t\x8eF'</t>
  </si>
  <si>
    <t>b'\x86\xf5\xaeS\xed\xd4F+\x00&gt;\xffj\xa7H\xab\xab\x0b\x020\x7fs\xce\xd4ZI&gt;&amp;,m\x19\xe9\xdc'</t>
  </si>
  <si>
    <t>b'4m\x10\xe6\xffn\x951\x93\x93\x82\xac[i\x91:&lt;\x006:\xdcd\xac\xc4u_I\xf70F\x14\xdd'</t>
  </si>
  <si>
    <t>b'\xe8\xdf\tO\xc8\xdb\n\xf9\xd8`\xc8&gt;(\x9a8)\x0c\xf8d\xf4\xf3\xe5 B \xe6Q\xdf\xb8\xe2\xaa\x85'</t>
  </si>
  <si>
    <t>b"\x86z\x1d\xee\xc8\xa0+\xe1\xb3'\xdd\xcfy\x90g0\xe8\x0e\x93*\xda^\x0e\xb8|\xd1Z\x81\xe2\xf8v\xcb"</t>
  </si>
  <si>
    <t>b'w\xfb$G\xf0\x0bi\x9dh\xe3^\xe6\xa2\x9cK\xff\r\xd0\xc4\xe4\x8e\x06\xd4x\xdaH\x8fC\x16\x9c\xce\xc2'</t>
  </si>
  <si>
    <t>b"\xbdqj\\\xe3\xd3\x9f^{\xb0=\x18\xca2\xee/r\x85\x8b\xa8'\xe3\xbc\xfe\xf5\x19\xad\xd9\x00\n\x90\x1a"</t>
  </si>
  <si>
    <t>b'\x99\x87\xd8\xfc\x12\x1bW\x1d\x82\xd1\x14\x82\x80\xad\xea\x19a\x8b\x954\xfcZ\x84M\x17m\x15\x07,c\xc4\xcf'</t>
  </si>
  <si>
    <t>b'\xeb=\x8e\xe4\x9f\xda\x00Z\x16\xea\xe7=\xd3\xda\xee\xc0x\xb4\xbc\xcf\x7f\x15l\xd3\xebf\xccNE\x8c\xc2y'</t>
  </si>
  <si>
    <t>b"Qh\x1cM\xc02_gA\xfc\xa9/7\xca%t\x86X\x18Q\xd0q\xdf\xee\xa4Y\\q'\x11\xa9m"</t>
  </si>
  <si>
    <t>b".\x90\xb2\xc0\xc7y\x8d5e\xc1~*\x8a A\xa9\xf1'|\xa9&lt;\x8cq\xe1\xf1(\x92_@\xd3Wa"</t>
  </si>
  <si>
    <t>b'\xcf\xd5\xf6\xa8\xabg\x81\xf6\x1c\xac\xd5R=\xc7\xcd\xcbE{\xe7YB\x95\xb5F6\xdb&lt;n\xbem\xcf\x17'</t>
  </si>
  <si>
    <t>b',o\xd1\xe4k\x00?\xbc\xa3\xee\x82-1\xec\x99\x99\x98U,g\xb6\x02\xab\xa1\r7#\xcb\xbe\x05C\x1a'</t>
  </si>
  <si>
    <t>b'@\xd6\xfcn"?s\xfd\x89&lt;\xc5iu\xe1\xad\x8f/\xe4\xe2\xf1\xc3\xc5\xbe\xe5!\xe8d\xac\x0e\xdaDH'</t>
  </si>
  <si>
    <t>b'\x9ck"\x1dk\xff\x8d\xee-\xfb\xf8\x91\x9bo&gt;Z\x11\xa5\xea;\xda\xb8!G*\xeb9\xd2\xec\xc2\x07~'</t>
  </si>
  <si>
    <t>b'\xf2\xca\\\x1e\xdd\x08CyY\xda;B\xfb\x8b\x85\tW\x1c\x19\xab\xc1\xa1R\xea\xa8|\x117\x86oU\xe5'</t>
  </si>
  <si>
    <t>b'\x0e\x0fon\x13\x0b\xeau\x06\xc8P\xde\x88\xbf\xfb\x171+\xaf\xd1\x10\xf3\xcf\xe4-\x98\x12\xf4\x9b\x13Ys'</t>
  </si>
  <si>
    <t>b'4!m\xc6\xb6A68A\xef\x00\x8e\x94wb\xf8P\xf0X\x0f\x1e\x93\xbc"\xeb7\xb5\xd1\x11{\xdf\xe4'</t>
  </si>
  <si>
    <t>b'\x99\x9a\xa1\xba@\xa3\x14\xb2\x17\xc6:P\xaaXN\xfe\xf5}\xa1S\xd6\\\x9be\xfe\xa1x,\xa3r\xa1('</t>
  </si>
  <si>
    <t>chase consolidation</t>
  </si>
  <si>
    <t>b'0\x98h\x9e\xd8\xc0K\xee\xbaH;\x9b\xcdN\x80\x06\xcc\xbe\xaa8\xc0\x87M/\x8b\xe8\x8b\xe4\xb0;O:'</t>
  </si>
  <si>
    <t>b'\xc6\xee\x84\xcccd\x15\xb7c\x8b\xa9[\x86\x81\xf3*o\x9b\xfc\xe2\xbb\xbcw\xaf\xc8~s\x0b%w\xcb\x1e'</t>
  </si>
  <si>
    <t>b'\xb8\xfbM\xd3\x1cL\xd7\x04]\x0e~\xdf/k\xb1x?D\x86\x1fy\x18\x8e&lt;\xc9\xfdp\xed`\xc1\xe5\xea'</t>
  </si>
  <si>
    <t>b'H\x0b\x12]\xacf\x81@\x05\xfe\xaeK\x1c:\xdb\xe2)\xf5\xc7\xcb\x072\xda$\xeb\x0e \x8f\xba\xf7Cq'</t>
  </si>
  <si>
    <t>Debt Payoff 2012</t>
  </si>
  <si>
    <t>b'+T\x1bt\x9b)SH\xaa\x1f\xe0\xf7[Z\xc6\xb1*\xd2F&lt;P\xc1\xd6"\xf3\r4Ym&amp;\x10\xe5'</t>
  </si>
  <si>
    <t>b'\x9d\xb0\xa8o\xa6\xd7\xa0J\xc9\xe9\x06%jY8v\xa1\x19\xc6\xd4;\x18\xe0\x902;\xf8\x89\xbd\xcdf#'</t>
  </si>
  <si>
    <t>b'\xb2\xfd \x01Y\xa3\xee\x05\x1b\\\x1eP\xdacL\x06\x9f.\x85\xca\xa2[\x8c\xb9\x984&amp;\x19\xdbN\x12\xc9'</t>
  </si>
  <si>
    <t>b'\x1f\xb2\x9f^\x90\xfa\xbf\xb9\x04\xf5\x8e\xec[(r\xc0[\x1aI=nyu{G\xe9\x9e\x1a\xe1]F\x1d'</t>
  </si>
  <si>
    <t>b'\xca\x02FBod\x17\x17N\x8f\xc2-`\xbb\xd9W\xd2\x8b\xc3\x19\x81\xb7\xad\x88$\xe0\xf5\x97\xb2\x8e#\x0c'</t>
  </si>
  <si>
    <t>b'\xf8\x03\xd2\xcb\xce\xc5\xa2m\x83\x99$\x9b\xf6\xdcyBK\xac\x81\xe6\xbe\x85\xa3\r\x01\xca~:\x82\x12\xa3^'</t>
  </si>
  <si>
    <t>b'[\xa4t\xf0\x0f\x02\xab\x8e\xbe\xa5\x99\xf1^\xd6\xb5\x8c\x84\xa0\xb7\x8e)V*\\&gt;L\xaeo\xce\xa9\xba1'</t>
  </si>
  <si>
    <t>ONCE AND FOR ALL!</t>
  </si>
  <si>
    <t>b'\xfdD\xc7aV\xde\xae\x14,\xc6\x05&gt;J\x8f\xd4\xdc\xbam\xef\x85\x05\x97\x17\xa0\x93C\x84:g\xab\xe1\x96'</t>
  </si>
  <si>
    <t>b'\x84\xd8\x14\xb0;]\xbd\x8af\xe5\xaa\xbcd\x15?\x96\xaf\x85\xc5Z\xe6\x9a\x05\x95~\xa4]V$QR\xfe'</t>
  </si>
  <si>
    <t>b"\xa2\xf4\x921\xb8kx)\xda\x9f\xbb\n\x17\xc5\xfc'\xb4\xc5aI\xfb\xcc7.&lt;)\x13\xd9b&amp;\xfb\xfb"</t>
  </si>
  <si>
    <t>Finally Debt Free</t>
  </si>
  <si>
    <t>b':1\xa5?\rw\xa7\x1e\xaf\xa4]\xb1b\xb8\xc02\xcb\x80\xd7\x1aD3\x93r\xfa\x0c\x8b\xc6\xa9\xf8d\xfd'</t>
  </si>
  <si>
    <t xml:space="preserve">2013 - Personal Loan </t>
  </si>
  <si>
    <t>b'\xf8"\x10\x99\xb5\xc9\x04{\x07\'n\xd0x\x8bv\xa5\x9f\xd9\xa6\xd9\x06\x9c\x8f\x1cw\xda\xb0\xa5\x93k\xc5z'</t>
  </si>
  <si>
    <t>b'\xbf\x0b\x0c|\xe0\xd6\xfb3.!\xa73\xec\xd1"\xf5\x9bf=\x04\xac`\xf5\xa9\xf1\xb2/\xba\x163\xbe\xfd'</t>
  </si>
  <si>
    <t>b'\x15\x8e\x02c\x88\x10\xe5\xa9/\x16\xe6&gt;&gt;,[&amp;\xe9F\xe3P\xaf&lt;\xd0\xfd#)\x1b,\xa0\xdf\xf6:'</t>
  </si>
  <si>
    <t>b'IX/\x0bq\xb8\x8bG\xf3\x8e8*\x15\xd5m\xc7\x7fLe\xadx\x8a\xc8\x80\xae]z\xcf\x81^\xbd\x83'</t>
  </si>
  <si>
    <t xml:space="preserve">consolidate credit card and close cards </t>
  </si>
  <si>
    <t>b';\xb8\x1ck\xb0\x95HQ\xcd:\x96w\x19\xe47\x92\x88{}4@\xa5C\xb5\xa41\x0b\xff\xd6\xa3\n\xe5'</t>
  </si>
  <si>
    <t>b'\x88\xbc\xc8\xb4\x99e\xed\xfd\x85P\xa11\xf7\xa6\x8a\xe4\x8c\xdc\xba\xfbb\x8b\xe4\xcb4\xae);\x10y\xbd\xbb'</t>
  </si>
  <si>
    <t>b'mbj&lt;\xec\x8b\xcf\xa7\xac\xf2b\x7f\x8fr\x9a\xe7\x07AAv\xd5\xce\xce\xb5+\xf10le\x81\xe00'</t>
  </si>
  <si>
    <t>b'v\x08\x18\xfe\xb4Y\xc9dOl+\x08\xa5\xf8\x16\x94 %aHW\x1e\\\xa1S\x1d\xdfW\x1f8^$'</t>
  </si>
  <si>
    <t>Credit Card pay off</t>
  </si>
  <si>
    <t>b'g\xfe\x80t\xef\xc5\x9a\x91j,\x0eFW\xcb\xf55\x7fD\xa14\x98\x80&gt;\xcb\xf9\xa1\x95\xc1\xa9\xdc\x0eQ'</t>
  </si>
  <si>
    <t>b'\xb6=+\xffW\xd0_0X_\xf6\x80\x84.\x19\x87q\xa9=\x16\x15\xe78\x0c"\xd5\x9e\x8ad\xf8\x04\xf7'</t>
  </si>
  <si>
    <t>b"\xf9\x80c&lt;\xd6\x9e\xf2X\x9aw\x88O&amp;!fh\xf6\xeb\xfdy\xd4\xa53bZ\xe95\xf0'\x03\xcb\xe6"</t>
  </si>
  <si>
    <t>b')\xc3\x80\x1c\xc1\xf8K\xfcW\xd1J\r\xe8`\x7f8m\xaa\xf01\xdb\xb2u\x98V\xef\xfa\x9f\xad\xd2\x87o'</t>
  </si>
  <si>
    <t>b'\x81\x01X2\xa6\tc4*N\x90\xe6\x08\xeb\x92\xe8\xd8\xbf\xe4\xa9\x86\xf1\xeet\xa2\xb4\xf0\n\xca\xb0\xcag'</t>
  </si>
  <si>
    <t>b'\x9e\x12)\xeeB\xe282;\xe4\x9d\x9a_|\xce\x8c3\x97Y\xf8\xd8H\x940\xde\xf3\x95\x0e\xd6GV\xaf'</t>
  </si>
  <si>
    <t>b'(\xa45\xcf\xa7\xa5\xf0\x92r\xf9D\xeff\xc1v/\xe7p\xc3\x8e\xa7,H\xd4S\x83\xf4\xdf\xa3\xf2\xd8l'</t>
  </si>
  <si>
    <t>b'\xd8pc\x03P\xffj\xffY/j\xa3h\x06\x8a\xa1A\xdf\xb3\xa7\x15_j@y\x8e\xa6\xc0{\xfd\x93M'</t>
  </si>
  <si>
    <t>Combo</t>
  </si>
  <si>
    <t>b'JVi\x19Qx\xddn(\x17wM\xd4\x05G \xbc\x80\xc1%\xe3\x9et\x13N\xb5\xb5\x8d\xf0R\x0b\xff'</t>
  </si>
  <si>
    <t>b'[\xe3g\xe9\xa4\xb2\xdd\xff+^\xca\xd3\xeb\x1f\xf1:\xe7\xe1\xaa\x89\xf6\x02|{\xf9\xa1\xab\x81*\x85\xa9\x0f'</t>
  </si>
  <si>
    <t>Steelers</t>
  </si>
  <si>
    <t>b'e\xbb\x1d\x81\xcc\x03!\x10\x19)\x0c0\xf4\x06\xc4\xb8\xd7\x8c\xb1\xda\xb3\x11\xf3&lt;\xbbl\x19\xe9=Et\x9c'</t>
  </si>
  <si>
    <t>b'\x16W%\xaf0N\xf3\r3\x9f\x8c\x80\xa4Z\xd3u\x89B\xd6\xeaN\x0e\x03p\xe2\xe6\x0fE\xce\xf4\x1f\xba'</t>
  </si>
  <si>
    <t>b']\xe1\x00(\xa5h\xca\xa5l\x17E\xbc&amp;Q\x9d\xe6\xd6\xa8\xba\x17\xa8\xd0\x11\xc7\xc5un\xb9\xe5\xf3p|'</t>
  </si>
  <si>
    <t>b'A\xc6\x9ft\xdf\x9a\xe7\x81\x113\xb2"\xf0y/\x8a\x92\x8c\xfc\x12|\x14J\xad\x1c5\'\x98\xd7\xfcv\xfe'</t>
  </si>
  <si>
    <t>b';A\x9b4\x06-\x01]sj;\xea\xd4\xbe\x0f\xa50Y\xf9\xca\xb8JdF\x1fuG\xa5\xd5\xae\xaf#'</t>
  </si>
  <si>
    <t>b'2\xdeW\x9bX\xab&gt;\xd9\x97\xfdX\xd4\xd7{Z\x13\xaa\x14\xa5+$\xa7.\x13\xacun\xfa\x87\xb6\xb6\xb7'</t>
  </si>
  <si>
    <t>Movinon</t>
  </si>
  <si>
    <t>b'\x19\x05\xaf\x17n\xb3#H\xbe\xb2ac\xb5\x82\xaab\x04\\@\xa6\xafu|\xc9\xa9\x18h}F\xa9\x00k'</t>
  </si>
  <si>
    <t>b'\xdc\xa5\xe1\x94\x01\x87\x86\xa6\x84+\x86\x0f\x0e\x94\xf2\xac\xed;+\x7f3\x0f\x050\xd1\x19\xa1L\t\xc0\xe9\xf0'</t>
  </si>
  <si>
    <t>b'\x8fx$ba\xa2\x1a\x8cJ4$\x15)\xb4C9q\xe27\xf2)\x17\xf39O\x99}\x90\x8f\xf2\xcc&amp;'</t>
  </si>
  <si>
    <t>medical and dental</t>
  </si>
  <si>
    <t>b"EW\xd1\xa7\x9cD\x1e\x14\xb3\xa0\xd4\xef\xeam}\x82\xd4J\x89'3\xb9\xcfh\x96\xe5\r\xa7\xe0T*\x0c"</t>
  </si>
  <si>
    <t>b'\xc1\xbeQ8\x04[\x8f\xd4\x14\xba\xf1\xcf\xf4\x84 \xcay\x9b{m\x83VU\x18\x8d8\xe8m\x03\xc7\xd7G'</t>
  </si>
  <si>
    <t>b'(\x835\xc3\xf9\xef\x07T@X\xfa\x08\x19b\xc8\x1dw\xd2n\xc4\xa0+G\xf9\xdb\xa8O\x15S\xf6\x9a]'</t>
  </si>
  <si>
    <t>Medical Bill Payment</t>
  </si>
  <si>
    <t>b'\xaa\xec\xe2\xeeaF^\x88\xd0\xb2\xeb\x82\xd6\n\xa1\x9fj\xb8h\\\xf5\xfb\xaa\xae\xf6ym\x17\xa7\x11\x8cH'</t>
  </si>
  <si>
    <t>Make our new home pretty</t>
  </si>
  <si>
    <t>b'\xeb\xe6U\xe0.OG\xf0\xd7\x1d\xf0^&gt;\x11\xee\xb9\xear&lt;+ q$-\xef\xc0\x10\x03\xc8w\xd1\x91'</t>
  </si>
  <si>
    <t>cushion</t>
  </si>
  <si>
    <t>b's\x90v\x89\x9b\xc3E\xb17T\xf5|Y\x8d\x18qe\xb4qL\x8e\x18\xee[G\xf3\xf3q$\xa7\x86\x9f'</t>
  </si>
  <si>
    <t>b"{\xc4\xc5\xca\x98gw\xa4X\xc1\x82\x06\xf0\x92\xc7\x87\x9e\xdc\x07-\x96\xf5E'\xf5&amp;\x00D\x82L4\x1f"</t>
  </si>
  <si>
    <t>b'\xb0\x99\x82B\xbb\xd6+\xc4\x8b"R\xa2\xba\x94\x00$\xd9\x08I\xf6l\xcc\xed\xa0\\V\x7f\xc3\xb5\xad\x05\x8b'</t>
  </si>
  <si>
    <t>b'\xd4L\xe2\xb7-6m\xf2\x90\t\xdb\xe4\xf7_\r+3\x19\xb1\xf7uZ\xb2\xe6\xa6\xc6\xa5\xbda\xfc4V'</t>
  </si>
  <si>
    <t>b'7z\xd2*\x86\xe7\xb3,\xeelkm\\\xb4\xbfrs\x114p\x0fl\x8d&lt;\xc8^\xec\x91\xa4O\xb9\xb6'</t>
  </si>
  <si>
    <t>Moving/Consolidation</t>
  </si>
  <si>
    <t>b'8\x8e~)\xad\x96MV\xac2R&lt;x\x84-SG\xc6\xad\x90a\xa9}\x1c\xe7\xf5\x82u\xf6\xb0v_'</t>
  </si>
  <si>
    <t>b"9@NZ5\xbaF\xd6\xfdQ\x07'\xa7\x12\x80\xa1\xcf\xdd\xa7\xcau\xe1\x80\xff\x13\x8c\xa7\x82\x90\xc8jh"</t>
  </si>
  <si>
    <t>Consolidate my Cap One</t>
  </si>
  <si>
    <t>b"h\xa1'o\x02\xd4F\x7f\xb62\xd6|\xc1\xdc\xe3\xdb\x8d\r\xa8\xe9G\xa4pKi9\x1e\xf6\xeaDUD"</t>
  </si>
  <si>
    <t>b'\x97\x13\xc5\xb38\xe6\x9by\xd2\xe2\x8327\xea;\x16\x05\xb02\x1b\x11\x07\xd475\xa5|\x95}\x83\x9eQ'</t>
  </si>
  <si>
    <t>car repair</t>
  </si>
  <si>
    <t>b'\xfdHq\x04\xb9\x0c\x89\xae \xb7\n^2_U\xf0\x86\xa9\xe51\xfc\xd50h@\x99\xdc\xcb\xbd\xbe\x0e\x84'</t>
  </si>
  <si>
    <t>car financing</t>
  </si>
  <si>
    <t>b'K\xe9\xbd\xb0\xfdCr\x1cl\x9e\xf0\xc4pP\t\xbb\x08\xcdF\x81\xb9$\x86\x82g\xee\x14k\xaf\xfc\xcb\xa1'</t>
  </si>
  <si>
    <t>loan refinance</t>
  </si>
  <si>
    <t>b'\xc5\xe8\xb6\xf0\xefu\xa3\xfam\x9cGm\xcdQ\x8b$\xddy\xc3\x1eH/\n\x8bi\xca\xba\xd8\xee.\xb7V'</t>
  </si>
  <si>
    <t>b'\xd2r\xcf\xc4l\xb3\xd8s\x99E\xce#\xba\x1b\xac\xf1\x7f\x91\x8c=6K\xa2|+\x00\x88\xd6\xe4z\xce\x83'</t>
  </si>
  <si>
    <t>b'\x9f/\x04\t\xf6q\x13\xc0j\xa5\xa3?\xe7\xdf\xe7\xa7\x84r8p\x93C\x99\x8a\x06\x1c\xb7I\x82q7l'</t>
  </si>
  <si>
    <t>Debt Consolidation on Pre-existing Loan</t>
  </si>
  <si>
    <t>b"\xa50\x07\x19\x957\xe7\xef#\x8a\xc5\xaa\x01\x1f\xc5\xee\xc7&amp;\xe0hM\xcbf\x8f\x90Q]'\xbb!\xbb\xea"</t>
  </si>
  <si>
    <t>b'\x06\xa8I\x04\xf1\xdc\xe3\x9a\xde\x87\xc0\xf7\xea\xde\xa6\xdbu\xfa\x87\x1a\xf9/\x9c\x0eEhNY\xb0\xbeq8'</t>
  </si>
  <si>
    <t>b'61\x88\x10\xbd\xb0";*=\xf6\xd5\x1f\xf1s\x8e\xd1\xcd[\x8f\x8b\xf1]a\x9b+1\xe4\x12}w\xc1'</t>
  </si>
  <si>
    <t>b"\x83\xb7\x82\xacB\xe4\x9aO\xf5J*O\x1d\x88\x1ee\xfb\xa5\xca\xd0JTq'9z\xd9}-`3\x99"</t>
  </si>
  <si>
    <t>Re-financing Loan</t>
  </si>
  <si>
    <t>b'\x8b\xd3dC\\\xecY\x99\xe0G\xa2H&amp;\x91\xf29\xc8DS\x16:w[B\x86_\xddfm\x83\xb3\x03'</t>
  </si>
  <si>
    <t>b'\xb3L3V\xb8\x07Kt~\xd49OM\xb6\xe9\xa5\xd8UQ^\x01\xabP\xde\xf2\xfe(\x94\xb2\x00N;'</t>
  </si>
  <si>
    <t>b'\x01\x1e\xc0\x9d\x8c\x82\xf5x\x97\x8a\xf7\xb5w\x06`\xd2\x89w\xa7=\x8d\r,\xf0J\x06\x92Ya\xfd\x08\x1f'</t>
  </si>
  <si>
    <t>36 month payoff</t>
  </si>
  <si>
    <t>b"\xea\xd7\xda\x1c,!\x00\xd8\xb4\x1d\xb4\xb0\xda\xc1'Y\xe8\xa0\x86\xc1\x1e\x15\xfdPE\xc8k*z\xd0K\x99"</t>
  </si>
  <si>
    <t>FAMILY EMERGENCY</t>
  </si>
  <si>
    <t>b'\xf5\xed\x7fK\x91\xbf\x96#i+\x83b\x06\x86\xe6\x82\x9a|VK\x8c\x86\x81\xa1\xf3\x94\xb9H\xc7\xcf\xcc\xf7'</t>
  </si>
  <si>
    <t>b",^}\xbaR\xd8\x1f\xfav\xa8\x92\xe3Fo\xf6&gt;\x85)\xa1y\x85\xb6C'\x18\xa4\x9d2i\x8e\x8f\x92"</t>
  </si>
  <si>
    <t>b'\xcc\xddX\xe2X"\x88\xd9C\x91&lt;\xee\xa8;\x11\x90.\x9c\xcd\xfe\x8b\x94?\xfc\x03#\xc7G\x11\xefwG'</t>
  </si>
  <si>
    <t>b"\xc7\x0b\xf1X8\xb5\x12v\xa9\xd8tj\r\x15o\r ]pl\xb3N\x12\xba8V\x85\xf0\xb6\xad'\xd9"</t>
  </si>
  <si>
    <t>b'\x93+\xb9\xc0v\xa0e\x18m\n\xdaz\x0eh\xf5b\x1eP\xfb\x19\x92D8\x06\xdd\xabF\x96\x93\xd8\xc0m'</t>
  </si>
  <si>
    <t>b'\xf6o\x1e\x1b\x99\xf7\x8d\xa9\x19\xbe\x81\rV\x08w/u\x14\xf7\xe0\x8c?RK4\xd1\x16\xcf(\xb3\xe2e'</t>
  </si>
  <si>
    <t>Success</t>
  </si>
  <si>
    <t>b'\xd2\xce\x8fX\xbcV&amp;\xea\x7f\t\xc0\xd8\x07~\xbb\xf3*\x8c\x08\x1e\xa0\xf8\x16QS/\xbc\x08\xcd\xb6\xb1!'</t>
  </si>
  <si>
    <t>help credit</t>
  </si>
  <si>
    <t>b"\xa3G\x85\xc4\xddE\xf3\x935\xa9\x0f\xd8\x14`\xae\xf269%# \xc0\x1a\x86\xc1\x90\xf4\x17\xb3\xe0'\x17"</t>
  </si>
  <si>
    <t>b'\x04\x1b\xf0\x10\xe5\x8c\x1f\xe1\xce\xfe\x0b\xc2]\xc5A8H\x07\x16fs1n\x99o\\g\r\xcc\xf2v\x18'</t>
  </si>
  <si>
    <t>b'\xcd\xc3b%v\xad(\xf6\x107\xb8\x97\xb0\\\x91\xe9`!\x16\xda\x03\xb4^\x08\xca\xc7\xaf\xd2\xb1\xcaT\xb3'</t>
  </si>
  <si>
    <t>b'\xe1\xcet\x16\xbfT\x80\xcb\xdb\xab\\R?\x18\xa6?\xa8&amp;\xdc\x89{\x1d\xdf+g\x19\x14\xf1)\xb2b\x93'</t>
  </si>
  <si>
    <t>b'\xd6\x98s\x90m\x85\x0c\xf3bO=\x1e\xf5\xad\xadu+\xb2\x1a\xc1)?\x8cG\x0e\xcd\x0eJd\xdaR3'</t>
  </si>
  <si>
    <t>Debt Cons</t>
  </si>
  <si>
    <t>b'\xdcg\xe7\xf4i\xc1L\x95\xc7Q\x0f\xe6H6\x81\xbb\x8bNg\x86\xb4\xcc\xc7n\xe5&amp;G\xf8\x84f\xedM'</t>
  </si>
  <si>
    <t>b"%\xc0\xc3\xbd\x00\x9c2\xa9\xf3\x7f\xa1G\xa1\x17\xf7\x8d\x8f4WG8\x13'\x89\xc6P\xd1\xbf\x9f`M\x11"</t>
  </si>
  <si>
    <t>b'$:\xc4\x8cD\xb1\xd3\x1c]d\xab\xb2\x12\xd6\xe0uG\xa5\xa3gb\xe7QM\xdac\xc2Sl\x9cym'</t>
  </si>
  <si>
    <t>b'0\xa1\xc5\xa80)\x1d\x1a\x034\xe3]p\xe98Q\xc8O\x00f-Q\xa4\x05\x9b0\xcd\xf9m\xc5\xd5\x8d'</t>
  </si>
  <si>
    <t>b'`\x9b\xd0qu\\=a\x03J\x10\xff\xc62`\xbddE6\x19\xcd\xe9\x1d\x96\x1b\xe8\xd1\x14\xbaq!\xc6'</t>
  </si>
  <si>
    <t>b'\xb1pxf\x16\x0c\xa7\x91Y\x1a9\x07\xeb\xd0%q\xd3\xfa\xb3za\xb51\xa1\xf4\x8b\x93\x0b\xd4\xf9\nM'</t>
  </si>
  <si>
    <t>Pay Loan with Higher Interest</t>
  </si>
  <si>
    <t>b'*\xc23W?v\x8dG\xa7\xeb\xdb\xe9\x8e&gt;)\xcc\xdb\x06\xa44\x86\xab\x95\xaah@\xc7\x89\xcf\xf7\x08\xe2'</t>
  </si>
  <si>
    <t>b"\x80\xef\x85'\xbb\xe55So\xd4D\x17\xb9O\\\xde\x893+\xd1?n\x04KE\xae\xe7'\xeb\xb5J3"</t>
  </si>
  <si>
    <t>b'W\xfbp\xc1\x04\xa7\xbe\xc2\x07\xa7u:\xe5U\x124B\x90\x1a(#&gt;\x05\x7f\r\x1bf&amp;\x8a\x9e\x86\t'</t>
  </si>
  <si>
    <t>416xx</t>
  </si>
  <si>
    <t>b'\xe5\xeb\xb4&lt;11\\R91&gt;\x02\xe6\x00E\x9a\xcc&amp;\x99\xfbg\x01\x85\xbe\xe7\xad\xaf\x91E\x9d\x89\x13'</t>
  </si>
  <si>
    <t>b'N\xb1\xb1;\xc5\xaa\x10\x0b\x93\xbe\xed\xec\xb2\x81\x98Z\x04B2\xf1\xb0\xbf\xa4El$oN@\xf0\xd2:'</t>
  </si>
  <si>
    <t>b'\xd8\x1c\xde\xe4\x86\xb6\x90&amp;\x990\xf6\xd7\xe5.\xcd\x0c.\x9a\xd0Y"\xe7\xf7\xdc\x0f\x18P_u\xc1S\xb7'</t>
  </si>
  <si>
    <t>b'\x83\xea[\xc7\\\xaa\xb3r~\xe5D\x864\xb8ns\xbf*\x16\xa8\x1b\x8e6Z\xac\xaa\xf21\x9a\xebw`'</t>
  </si>
  <si>
    <t>b"j\x05\xad\xe1'\x16\x8ch:0\r\x01\xe7\xbb\xdb|\xca\xc6\xf2t\xd4&lt;}\x8ai[\n\xa2\x06\xc1\xf4\xb9"</t>
  </si>
  <si>
    <t>b']\xb1\xa9\x8b~ B\x08A\x1e\x89\x7f[\x12\x1fa\xfb\xd2\x0c`\xd5\xa0\x8f\x96\x12\x83\x8f\x1f}\xd9\xb1\xfe'</t>
  </si>
  <si>
    <t>b'Y3\xf2Q/\xbaC&lt;\xd8\x85\xe3f\x0e\xda\xee)\xe1\x86\x08\x1a\x08\x8b\x91\xe4\xdd\xda\x8f\x82\xd9\xef\xc3\x8d'</t>
  </si>
  <si>
    <t>b'\xb5\x93hP\x88\xa7\xd6\xa6\xe5\x94-\x0f\xc2"\x14Q\xaf\x08+2q\xa3\xaf\r\xeeSt\xd6^g\x90\xc4'</t>
  </si>
  <si>
    <t>b'\x82\xcfH}\xd1\x01~\\\xeeU\x9c\x1f\xce\xfc\x02h\x05\xe5\xdd\xe3\xe1\x16\xd0?\x8d\xe0\xc7\xf7[\x01`a'</t>
  </si>
  <si>
    <t>Club Lend</t>
  </si>
  <si>
    <t>b'g\xfc\x03h\xfe\xc4\x9f_\xcdz\x9d\x00G\xc5\x0f\xebK%\xf6K(]T\x82\x83\xe2\x15-\xf3\x9aO\x89'</t>
  </si>
  <si>
    <t>b'\xedU9\x1b\xb2}\xb6m\x17T\x99\xda\xb57\x9bk\xd3H\x9bS\x14\x1c_X\xa3\xc6N\r\x10\xf5\x9f\xfb'</t>
  </si>
  <si>
    <t>b'\x05\xf2\xf5\x00ds\xfeJB\xe3\x03\xf2\x19\xc4u\x87\x1f\xc2\xac\xf1|\x83P\x9a\x0b\xdd\x87\x91\x97\xcb\xf0E'</t>
  </si>
  <si>
    <t>lower rate great</t>
  </si>
  <si>
    <t>b"\x17\xbb\x9bbg\x84\xd5\x85\xefH):\r\x1a\x8d\xec\x18\xc1C\x15\xd8\xf5\x93;\xca\x178'@ \x88\x00"</t>
  </si>
  <si>
    <t>b'\xe8w#6\x05U\x96\x08\xe0\xb5\xd2\x9c@\xf6\x8b\xd2\x1cM\xfc\xe5\x06\x08\xd5\x87[L\x0b}\x1f\x82\x07\x9f'</t>
  </si>
  <si>
    <t>b'\x05z\xdcg8/\x19\x89\x9c\xedX\xad\xd3Vt\xe5\x0f\xa8\xb2\xdc\x8b\xd6\x95y\xa6\xdeb\t\xad\xb59\xf5'</t>
  </si>
  <si>
    <t>b'\x98\xfc\x89QK/~*\x99\xae$&amp;\xf1\x82\x9f\xc6\xab%\xc4\x89f\x1c\xc0\xe7\xe1kL\xbd\x01\xf4A\x06'</t>
  </si>
  <si>
    <t>b'\xc3\x164)q\xc9\xb7\x95\x88\x9fww\xbb\x9bwqlU\x13\xe3\xe1Qux=\x1b\x06B\xf2\x81\xa8\xfa'</t>
  </si>
  <si>
    <t>b'g\x87\xad\x9e\xd5\x05\xa4\t\xees\x11#SF\xa8\xdc\x13\xc1j\xd5\xa53\xa3\x1aW"@\x89e\xd1WO'</t>
  </si>
  <si>
    <t>b"\x06\xe2\xa5m\xe3'm\xf6&lt;\x95\t @D\x0b\x10X\x81j\xfeAl\xa0uA\xbe\x1eKd\xaer\x02"</t>
  </si>
  <si>
    <t>b'\xfa_\xc9\x04N\xe9ln1\x9b\xb5U\xcb\x0c\xd3\xb7\x85\xd8\x0b`_\xcf\x82K\xbf\x84\xae\xa0k\xc9\xcc\xe2'</t>
  </si>
  <si>
    <t>My step to financial freedom</t>
  </si>
  <si>
    <t>b'oC\xff\x8d\x9a\x05\xadC\x90\xc0\xbf\x83\xb21:#\xce\xeb\xd3\x17\xe8\x995\x8d\xbc\x9dz\xabQ\xb1\xd3\xd9'</t>
  </si>
  <si>
    <t>b'@7\t&gt;\xef%\xeeAIV\x01\xff"\tE\xed\xb5\xe0\x94\x04\x95YJ8\x8a\xb8\xd0\xd7RV\xc4%'</t>
  </si>
  <si>
    <t>b'\xc9N1\xaa\x01\xeeW\xb6\xd4F\xf8m\xfb:+\xf2.F\xc6:+V\xb2S\xfc\x08\xca\xcd\xf4(CV'</t>
  </si>
  <si>
    <t>b"W\xed\x16\xa5\x9f\nv\x11\xaa?5\xb3\x1f\x9aQ0\xb1'4\xb9\xb8\x10\xf2qC\xa7D\xa2\xee\xc6\xebQ"</t>
  </si>
  <si>
    <t>b"\\T\xd1D\xf55\xd9T\xbf\x92\r.\x1b\x80f\x95\xbf\xa5\xfcx'\x95\x08\xdfy\xef\x9a\x96\x13\xca8\x7f"</t>
  </si>
  <si>
    <t>b'{S\x9c\x89\xb6\xf37/}\x0f\xe5Gb\xc9\x97\x94[c\x03C\x8ah\x01J\x8aX\xed&amp;\x1f\x14@\xc0'</t>
  </si>
  <si>
    <t>b'\x031\x1b\xf9\xc8\x85\xc0\x8dID\xb9u\x07\x07\xfc?^\x9a\xebj\xd9\x93&lt;\x96\xef\xfeck\x8c\x9cl\x12'</t>
  </si>
  <si>
    <t>820xx</t>
  </si>
  <si>
    <t>b'\x9d\x83\x15\xa1lzB\xc9\x0b\x1f\xb8\xe4G\xbd\xcf\x0f\xfe\xff\xbbO%\x06.C\xd9dT\xba\x02\x16!~'</t>
  </si>
  <si>
    <t>cc refi</t>
  </si>
  <si>
    <t>b'\xfdS\xb0\xa3c\x04DHA\xa7\xbeK\xe1\x81k#\xc0\xe8\xeb~4\x14do\x19\xae\x065wU\x91&lt;'</t>
  </si>
  <si>
    <t>I want to pay off all high interest debt</t>
  </si>
  <si>
    <t>b'\xcb\xa8\x8d\xd5\x91e5,\xf3{s\xc4A\xe3\x91\xf4k\x0cA7\xe6\x0fqM{\xc7`\x7f\xb8@\xe6\xbb'</t>
  </si>
  <si>
    <t>b'-\xcf\x0ec`lzp\xc7oR\x0e\xbb\xe0\x15\x02\x94}\xa5\x0b\x88s\x8czB\x1av&lt;\t\x17\x1eK'</t>
  </si>
  <si>
    <t>b"\x8b\xad\xaf+\xec\xeaJ26\xa4A&lt;P\xbb\r\x86\x00(\xa2'\xae\xf9\xa7V|[\x0c\xad\xae\xbe\x0eA"</t>
  </si>
  <si>
    <t>b'C\x99\xf5\xdf\xd4\xdf\x7f\xd7&amp;\x15\xe8\xc7 \xcaf\xc3\xdc\xb2\xf0\xce&gt;\xab\xab\x0bY;\xbb\xb2yN\x12\xe8'</t>
  </si>
  <si>
    <t>GoodFortune</t>
  </si>
  <si>
    <t>b'0\x93\x17\xfeMn\xc6\x8cQ\xef\xa20RQIf[\xdf\x03\x07\xf9e+?\xd3\xc8\xc9\xb4\x02\x84Zc'</t>
  </si>
  <si>
    <t>b'\xb60i\x99\xaa\xd8Ym\x1a\xaa\n\xb4\x14\x94%\xd9gIs\x8f\x84vD\xa9Q\xac=\xf8\x1dt\xeb;'</t>
  </si>
  <si>
    <t>b'B\xdc\xc38z\xf80v|\xabY\x9d\x18\x0b\x9d\xc4\x8evVS\x8e\xe8\xce\x14\x0e\x9d\xe6\xf3\xb5\xad\xa1G'</t>
  </si>
  <si>
    <t>payoff loan</t>
  </si>
  <si>
    <t>b'\xbc\x15\xc3s\x8c\xd3\xc5EH8\x0fpbb\xa5\xb6\x14n\x9bY\x95\xd5\xe9O\x04\n\xa3FD\xcb\xcd\xca'</t>
  </si>
  <si>
    <t>b'\xaa\n\t\x92\xac\x02\xd9\xce@\xc7\xaf\x87D\xd6\x15/\xe6\x81n\xd5\xbel\x93\x82GH\xc6\xaf\xa1]i\x92'</t>
  </si>
  <si>
    <t>b'*\xf3w\x81\x08\xdf\x06\xa6\xc4\xed\xae\xef\xb4\x04\xf5\xfe\xad\xa6\xcf\x99\xdb\x8c\xc7\xe0\xfc,,\xcb\xf60\xaf\x88'</t>
  </si>
  <si>
    <t>Payback $</t>
  </si>
  <si>
    <t>b'/i\x8d\xe4\x94jC\xa3\xc8\xba&gt;\xe3\xf2\xa2\xfc\x92\x02l\xcb\x1b\xb0\xa8\xa5\xdd\xd5\xbe\x10\xc7F\xce\xddO'</t>
  </si>
  <si>
    <t>Debt Collection</t>
  </si>
  <si>
    <t>b'[*&lt;\xa0\xaa\xaeO\xa7]\xc3\xb3_\xcd\xe4\x8d\x0f\tQ,\xf0\x13\x8fo\xc5\x81\xc3\x0e\r\x87\x85\xdd\x96'</t>
  </si>
  <si>
    <t>Consolidation of debt</t>
  </si>
  <si>
    <t>b'\x8f\xc6ff\xa3\xda\xcd\xc0\xee\xaa\x0f:\xe0\xc6;\xb5\xb6B\xc5\xf9\xa1pk9%\xef\x88\x8a&amp;\xd6\n\xde'</t>
  </si>
  <si>
    <t>b"\x13\x03\x1a\xc8\xab\xdf4\xc1\xc3\x12\xb6\xf8vag!G\x02\xe8\x1f\xb1\xdd\x8d\xcb'\xfb\x9d\x96m\x89r\x15"</t>
  </si>
  <si>
    <t>b'q\x1b\xb9\x1a\xd1x\xa9;DZ?T}\xc4&lt;\xa3\xe8m\x1f\xe1r9\xb6\x0ed\x84\n2\xc6\xb6=\xbe'</t>
  </si>
  <si>
    <t>b'\x01Q\xb2\x83\x93B\x01;\x9cn$\xbbu\xbf\x7f4x-o\xc8ec\xe33M\xea\x85\xf7\x19\xa5H\xb9'</t>
  </si>
  <si>
    <t>clean up loan</t>
  </si>
  <si>
    <t>b'\xb8I\xb4\xa3 \x9e,O6\xca\x8e\xbd\xbc\n\x94\xa7\xf9\xe0\xab\xd9\x9b\xa7\x85\xdc\x90\xb0f\xc0\xda\x8d\xa01'</t>
  </si>
  <si>
    <t>b']\x0c\x85\xc7u\x9d2L\xed\x98\xaf2\xe7\xf9\xccbd)xW\xcf\x17\xb0\xcd\x03(\x82\x87AT\t\x9d'</t>
  </si>
  <si>
    <t>b'\xd3\xdd\x04s5\xe4\xae\x81URc\x01\x8a\xf7\x90\x9e5M\x08\xee\xc6\x82\xeb\x01\x18\x8b\xfa\xce\x9d,\x02\x05'</t>
  </si>
  <si>
    <t>b'\xbe\xd2\xdf\x14p\r\xe2\xa8eMbU\xf8\xb0\xe4\xc8\xc8\xb1\xe8\xfe\xac\x85S\xb1\xa1\xb0\x1f\xcc\xfcZ\xf7]'</t>
  </si>
  <si>
    <t>b'\xb9\x93\xa1\xb2\x18\x81\xb1oQ\x80\x94S\xe1\x14\xed\xe18lLxHV\xe9\xbc\x17f\x81\x03\x0e\xbe\xe1\xed'</t>
  </si>
  <si>
    <t>b'7,j\xe3\x87\x8c=\xf9\xdb\xfc\xa5s\x87-\xf0h\x83b\xa9aho\xce\xfd\xa5\x80\x9dmk\x83Vw'</t>
  </si>
  <si>
    <t>b" \x10\xbb)d\xd1\xf9\x97'\xb7\x81O\xa93[\xed\xe8T*\xda\x11\x8az'4\xb1B\xbc\x07\x8d\t\xde"</t>
  </si>
  <si>
    <t>out of debt fund</t>
  </si>
  <si>
    <t>b'{T\xa9R~\x96[}p\x02p(\x01h\xa2\x8d\x91F\xc5\x9b\xceuS\x8b\xae\xbew\xed\x10\xd4\xf8\xe6'</t>
  </si>
  <si>
    <t>b'\x87\xa5\x9c\xa3u1\x83f0V\x0c\x0e\x17\x19.&gt;&amp;v\xdcrL\xfe\x15gR6\xfd\x9b\x86\xea\x9f='</t>
  </si>
  <si>
    <t>b'T\xdcJ\xa3\x11\x11\x07\xc5tel\xdd\xa6W\\4\x13(\xe7\xbe\x96r\xdfwU\x02\xfbL\xc3\xaf~['</t>
  </si>
  <si>
    <t>Broke as a joke</t>
  </si>
  <si>
    <t>b'C\xc3F\x86\xea\xac\xde\xdfq\xf7\x88\xa5\x9a%\xb3\x9a\x80\x88\xe7b\xf6\xa4y\x10n^\x121u=\xd7\xa7'</t>
  </si>
  <si>
    <t>Peace at last</t>
  </si>
  <si>
    <t>b'\x12\xe3\xa8\xf0=M\x0fPO\xed\x0e\x83UCS"\xdc\x1eU\x17,\xf4@\xb314;\x16\x0e\x14\xaa\x98'</t>
  </si>
  <si>
    <t>b"\x1bW\x02\x80{\xc8\x1aw\x0cfI~\x90fn&lt;\x1e\xf0K\x9e'\xf9&gt;&gt;\x81\xca\xb4L\xa3\xd2M\x8a"</t>
  </si>
  <si>
    <t>b'p\xa4\x00=E\x93\xf0\x14*{eK\xd9\xb5\xc4Z\xe5\xb6\x15S\x95h\xbe~\x19.\x12\x16\xa3!d\xd3'</t>
  </si>
  <si>
    <t>b'\xa7[R\x1c\xa6u\xd7 \xb0\xaa\x9b\xadn\xc0\xba\xfc\xda!\x10\x9d\x9a \x93\x19$Elz\x1a\xac.\xf5'</t>
  </si>
  <si>
    <t>b'\x98\xa2!\x8e\x82u\xef\x04C\xa9\xf1-\x8a\x8b&lt;\xee\x08\xdd\xa1\x03\xa2M\xc4\xde\x96\x8bPh\xcfA\xd3*'</t>
  </si>
  <si>
    <t>b"\x11\xa2\xcb\xacl8\x8eX\xda\xdf\xf5\xc9\xec\x0b!\xbf7kh\x0e\xb3'\xacR\x04\xf8%\xf0\x9d=\xe4v"</t>
  </si>
  <si>
    <t>b'\x1e\x97AZ\x1dq\xba|"\xf7\xde!\x00\x1e\xbc\x15\xfd-LX^c\xcd\xaf\xa8\x83\x93y\xac\xbd!X'</t>
  </si>
  <si>
    <t>debt consolidation/wedding</t>
  </si>
  <si>
    <t>b"7\x92&gt;R\x92.\xdc|\xc56zM\xeb15\xc55\xbd\xcfTp1%\xfe\xa2S\x901+\xcc\xb9'"</t>
  </si>
  <si>
    <t>Wisely paying off credit card debt</t>
  </si>
  <si>
    <t>b'$\x90\xd7\xfa\x1e\xd6\xe4,\x9b\x91\x1a\x8fA\xb4\xf6\xfa\xbd\xa5.\x83\x19t+S\xddb\xc3z\x80\x01\x1d~'</t>
  </si>
  <si>
    <t>powerhouse</t>
  </si>
  <si>
    <t>b"'u\xc0?`\x1b\xaaF\xa2\xa0\x02\x8c\xdb2\xcfM\xd8\xecf\xd6\xc6\xc4\xa9M\x8f\x87[q\xfb\xf4\x8dy"</t>
  </si>
  <si>
    <t>b'W\xa7\xca\x97vE\xfa\xc6b&gt;\x06.3\x1d\xb6\x92p\x1e\xeb\xf5\xef\x00\x8d\x9eg\xd9*}q\xf6\xb6\xfd'</t>
  </si>
  <si>
    <t>Home makeover</t>
  </si>
  <si>
    <t>b"8\xc3\xc0o\x15\x9a\xe7\xba{vT\xc3\xe7\x98\x12\x80\xd7'fO\xbb,\xaf\xd4\xfd\xd1el\x83\x84\x8d\r"</t>
  </si>
  <si>
    <t>DebtCons</t>
  </si>
  <si>
    <t>b'v\xf7\xbdq\xdfJ\x85\x9e1=!P\x08FPm\x88\x02\x80\xd3\xc7D\xe7\xcbc\x082\xf9S\xd0\xc3\xb1'</t>
  </si>
  <si>
    <t xml:space="preserve">debt reduction </t>
  </si>
  <si>
    <t>b'\x02\xcb-\xc8\xc3|X\x8cdvv-\xfc\xfey\x98\xd2y\xdaV&gt;\x8cM\x98KeZ\xa2\xb3\x8dJj'</t>
  </si>
  <si>
    <t>Get the monkey off my back!!!!!</t>
  </si>
  <si>
    <t>b'\xf9\xd00\xa4\x16\xb8,\xb2\xa0\xa6rH\xac\xc8X\xfe\x8c\xa6x\xfb\xc5&lt; \x9b\xb6i{\xf2\x0b\x81\xf8\xfe'</t>
  </si>
  <si>
    <t>FUTURE IN MIND</t>
  </si>
  <si>
    <t>b'W\xa6\x9f\x00\xe0\xd0\xfb\x94\xb3\x1a\x0c\x914xV\xf9\x7f\x94\xde\\1\xcfv2\xf4\xc5\x81\x9e\xb6b\xfeT'</t>
  </si>
  <si>
    <t>b'\x99\xc8\xe6\xd1\xe9#\xc0\xc7\xa7\xf3\xbb\xf4\xc3\xda\xeb0\xc1\xec\xc8\xf3\xe5=M\x03O\xa0\x8a\x00\x7f\xc6]0'</t>
  </si>
  <si>
    <t>b'v\x189\x9c\xb9\x82\xb9\xb4\x94\x9c\x87\xa1[c\xf0Rr&gt;`\x06\xb9\xb8ui8`\x92B\xf7\xfa7t'</t>
  </si>
  <si>
    <t>b'CO\x9c\xe4\x82$\x89\x9e\xd0w\\\xb3\xcbGvww1l\x97\xa5\xbdH/\xf4N(\x7f\x95U\xf4\xac'</t>
  </si>
  <si>
    <t>b'\xa4\x16\xa0\xa0M\x97\t\xc8v\xde)\xf4 \x1c\xff\xdb):h\x83H\xe9\xdc\xa4\x0f\xb1I\xe9Kq\xdb\xac'</t>
  </si>
  <si>
    <t>b'm\xed\xb6\xe5}Z\x1e\x08&amp;\xa1L/\x8d\xaa*x\xf3K\xf9FS\x92\x84Y\xf7\x02\xe3\xf2\xa3Z0m'</t>
  </si>
  <si>
    <t>debt payment</t>
  </si>
  <si>
    <t>b'7-\xda\xc55?\xf1\xaak\xe8\x8b5\xe6xs\xc97\xf3\x14\xa7\xf7\x16`\xe9\xd7/\x10\x9f\xa5\xf0\xf5\xeb'</t>
  </si>
  <si>
    <t>b'w&amp;\xc0\x1eCL\xf6\x8e\xfd"\x16a^\x8d\x1f\r\xd5\x9d&amp;\xf83!\xe6\x9fj\x97\xae\x87\x18X\xa8{'</t>
  </si>
  <si>
    <t>Updating credit cards</t>
  </si>
  <si>
    <t>b'\xc9\xc3_)~\tm\xbda&gt;\xc9\x88\xc9"^\x97\xe1k\x88\xf3\xcet\xf7*K6W&lt;\x10\x80\xf9f'</t>
  </si>
  <si>
    <t>Freedom from credit cards</t>
  </si>
  <si>
    <t>b'\xd3\x88\xc9\xa2F\x0fz\xa1\xbf)\x89-\x04\x1a\\#k;\xc0g\xb5R\xa6DG\xaa\x19\x12\x1c\xb1\x13\x17'</t>
  </si>
  <si>
    <t>b'w_?\x0c\rA\xaeQ\x9c\x98\xbdU\x93\xd9\xb6\xe2\xef\x9f\x7f\xb9\x11\xa5\x91\xd4\xc3R\xed\xcd\xb6\x92\xad\xc0'</t>
  </si>
  <si>
    <t>b'\x02\rg0\xb2\xbdy\xe8[\t\xf6\xf1|\xdb2qq0\x19;\xff\xb0h\xd5\x9c\x90\xc6\x03\xb6A\xe9Z'</t>
  </si>
  <si>
    <t>b'5\xcf\xc8\xc5UU3\x1c4\xc0\xea9\xaf \xa7?!-v\xaeF(jD\x8ec\x86A;\xcaX\xa3'</t>
  </si>
  <si>
    <t>b'\x02\xab\xefd\x18ZQ\xf9m\xe3\x04Q\xff\xc3}\x93x\x9c\x85\x9c\xee\xe1\xf3#\x17\xb1\x9c\x9d#\x9d\xe2\xf0'</t>
  </si>
  <si>
    <t>Payoff credit cards</t>
  </si>
  <si>
    <t>b'\x91\x16\x1d\x82\x90\xd1\xa1m\xed\xe0c\xcd\x90\xd3\xfe[}\xf7\x8f\x82H\xc4\xe7\xd7"\xef\xff\xd0"\xb9g\xe8'</t>
  </si>
  <si>
    <t>Pay off CC</t>
  </si>
  <si>
    <t>b'\x9c\xf7Zu\r\x9c\xf6\x86\x00$uO\xa8\xa3\t\xaai`?\x0fdW~\x99\x8c\xf9\xa7P\x03\xf1mI'</t>
  </si>
  <si>
    <t>No More Debts</t>
  </si>
  <si>
    <t>b"`\x1d\xee.!N\xe5\xe1'\xd0\x18l\xda\xf0q(\xd5\x0fl\x9cx\xc3\x83\xbay/d\xf2;\xd8\x1a\xa5"</t>
  </si>
  <si>
    <t>turnthecorner</t>
  </si>
  <si>
    <t>b'X\x9e\x1d\xd5g\xe5\xd7\xfb\x83\xdcsv\n\xa81\xf9cT\xe1^\x8c\x82\xdc!\xa4S\x07.\x88\x0e\xf2Z'</t>
  </si>
  <si>
    <t>Saving Money Loan</t>
  </si>
  <si>
    <t>b'\xf7Q\xe9\xea&lt;0\x93\xc3L?\xb7\t\xe3\x9b\xde\x18\xb2\xf2&lt;\xb6\xb7\xac\xa4k-\xcf\xf1OG5\xda\xba'</t>
  </si>
  <si>
    <t>b'D\xe1)\x9a\n\x9f\xd2\xf4\xf9V\xb6F@\x94\xce\xcdQ\x85W\xef\xafHs\xfe\xee\xb3\xf3a^n#\xd0'</t>
  </si>
  <si>
    <t>b'+\xfa\x1f\xac`e\xe8\xf8\x03G&lt;+\xd4\x15\xbc\xcf\xb4B\xc0qP{\x95\x9aN\xcb\x97\xe2\x93\x12Q\xf0'</t>
  </si>
  <si>
    <t>2013 Business Loan</t>
  </si>
  <si>
    <t>050xx</t>
  </si>
  <si>
    <t>b'\x0f\xc7\xde\xfe2l\xe9\xe9\xf7Ji\x885\xddF!\xaci\xd9E\xc0x\xd15\x81$\xb3"\xfd\x89xo'</t>
  </si>
  <si>
    <t>b'?\x02`\xc5\xa1eaZ\xd0\xa9\xc1\xe9`\x8d\xc0_3,l_C\x0b\x7f\xc1=s\x8c9\xae\x7f\xbb\xfe'</t>
  </si>
  <si>
    <t>b'\x87\xb8\xa52\x010\xccD\x96u\xe5;\x91\x0e\x96\x1bq\xb0\xb7\xc6\xbb\xe6\x91$N,\xfeW\xb0\x9c\xc7\x1c'</t>
  </si>
  <si>
    <t>b's~\x8d\xcf\xa5d\x9f\x04k\x02\xd9[\x01XLh\x9f^G\xfc\x99\x04t\xcb\xa2\x1f\xac\x14\xdc\x89A\x8a'</t>
  </si>
  <si>
    <t>b'\xde\xd6d\xd28\xcc\x92GB\xc1\x14]]\xa3R\xf9\xba\xd4n@\xfa\xb3\x02\xb0/\x0c\x96 0V\xf9\x8a'</t>
  </si>
  <si>
    <t>b')\x94%\x1f"`y\x05\xc8l\x8a!\xd0B\x85\x9e\x0c\x02.uX\xd0H\xbf\x1f\x9c\x8d\x1b\x9ar\xb1\x06'</t>
  </si>
  <si>
    <t>b'2\xefOf7\x81g\xbe\xf7\x92\xeaW\xbcj&lt;&amp;\xe8vX\xcb\xfbl\xce:rt\xc7A\xb6-Q\x93'</t>
  </si>
  <si>
    <t>b'sc\xe8\xac,`:\xfe@4q\t\xed"\xf0\x1b#\x8ec\xa7\xb4\xe8\xd6\x15}r\x81\xa9ij}j'</t>
  </si>
  <si>
    <t>b'N\xe9,\xa3\x0b\x8f\xd3\xb6\xd0\xc9\x13w\x93}\xa9$\xab8SW\xc5(\x0br!\x1fI\xff\xa4\xe0\x1f\x83'</t>
  </si>
  <si>
    <t>b'\x9am\xfc\x8b\xe2\xbb\x18\x12\xe9; \xbe\x13!A\xee8=\xa3\x01\t\x8cpS\x8d)\x91\x86\x10r\xaf\xd9'</t>
  </si>
  <si>
    <t>b'\x82\xae\x054\xbcV\xf43\x86\x04\xb1\xf3\xe6L\xa6\x13\xf6\xc1kU$\xbd\xc3\xd2\x0b\xc1K\xb5_\xa26\xe7'</t>
  </si>
  <si>
    <t>b'\xd6S\x14\x8b\xdc\x91\x00\n\x08f\x94/\xec\xbav\xa4\x8b\xfe\x1b\x0e\xb7\x03\xb0\xd5\x07gP\xbbi\x15\xbda'</t>
  </si>
  <si>
    <t>b'YI\xa8\xeb66i;$N\x9a\xba\xd8T\xe6\x94\x9av\xf3\x97A\xb0\\\xba\xa6\x12~\x1b\xbe\x1b\x99\x8e'</t>
  </si>
  <si>
    <t>b'\xc9Z\x89"\x04\xf3j\xbe\x10\x91\xbaS8\xfeg\xe5z\xd1\xe7C{s6\x9a\xa9\xff;n\x1c\x1a\xa1\xa8'</t>
  </si>
  <si>
    <t>Home Improvment</t>
  </si>
  <si>
    <t>b'{\xbd\xed\x01%U&lt;OY+\\\x13\x13\xd35\xf0!\xaf\xf73\xb4\xdf\r\xe0\xa7\xc4r\x1b\x00A\x15\xe5'</t>
  </si>
  <si>
    <t>Boat / Recreational</t>
  </si>
  <si>
    <t>b'\x82\xce\xfe\xa6\xd7j\x1b\xc0\x86:W\x84\n\x06=\xbf\xf8$\xf1\x9b\x1f\x8dLel\xcf:lK]\xc14'</t>
  </si>
  <si>
    <t>b'\xaf\xca$\xfd\xa8f\x07Sh\xd1\xee\xd6Z8\x10\xed\x1b\xaa\xa5\x0e|\xe0\xf3\xbfR\xdb\x9b\xe5\xca\x0b\x0f|'</t>
  </si>
  <si>
    <t>b"\xed&gt;\xc9#\xa0\x82\x13+\xdb\xd8\xa1\xea\x9dU\xfd\x9a\x1f\xabS\r`&gt;IM#)\xe0'96\x93\xfa"</t>
  </si>
  <si>
    <t>dc1</t>
  </si>
  <si>
    <t>b'\xac1\xa9\xd2(IET\xa0\xf5\xe0\x80\xbdi\x8b\xa0\x8db\xaf\xf0U\xd0\xaf\xafb\x11bp\xc9^5\xa0'</t>
  </si>
  <si>
    <t>b'\xcb\x7f\x8a\xc3S4\xfd\x1a]\xfe\\\x19\xe5\x9a\xcc\xa2s\xa4z\xdbK\x08\xb7\xee;\x9c\x1d\xa4s\xd1\x00\xcc'</t>
  </si>
  <si>
    <t>646xx</t>
  </si>
  <si>
    <t>b'G\xac\xc7\x18}\xb8\x03L\x9c\xfdDO\x0e\xf8\x18@\x1e\x17`\x0b`\x0b\xd3\xda\xec\xc6f\x94\xfd\xec\x9c\xcd'</t>
  </si>
  <si>
    <t>b'/\xc4\xe5\xac\x7fO\x9b\x8aYok\x90\x8de\x1a\xa3\xf6\xa9@\x103\xf8=v+\xca\x87\xf7\xab{\xd4\x06'</t>
  </si>
  <si>
    <t>b'\x9e\xb5\x15\xc0Uo,\x16z)\xa9\xee*\x0c\x871\xa4u\x90\xbd\xc4\xeb\xc2\xb4U\x00[\r\xfe`\x12x'</t>
  </si>
  <si>
    <t>b'FH\x00S\t\x06Fxu\x97\x90\xd5\x0b\x0f\xd02\xed\x87F\xf8\xd3UPiS\xad\xe42V\xee\xee\x92'</t>
  </si>
  <si>
    <t xml:space="preserve">personal loan </t>
  </si>
  <si>
    <t>b'\x80\xb2\x93^S\xa0\xe1\xc7}\xec\x1fgl\t(\x95\x04\xc1\xf2\xa5\xe5\xdajk\x81\xe6\x8a\x9e\x9f\xeb\xe8\x14'</t>
  </si>
  <si>
    <t>b'\\\xda\xf8\xeb\xb7z\xe7f\xe7\xf5_\xcf\x9fz\xdb\xc2\x16C\xd9H\x16\x03\x04\xc9\xc9\x9c\x9e+\x0f\xef\x8cC'</t>
  </si>
  <si>
    <t>b'\xea\xc28W\xeb\xe8\x86\x9d9$\x1f+F\x95^\xd0\xf1\xbfL\x99\x9b\xf7\r\x81-\xb9S\xd7&lt;\xc4\x8b\r'</t>
  </si>
  <si>
    <t>b'\x80N(C]\xe6u\x99\xe1\x19S5\xb5\xfd/\x17\xce\x9b\x1b\xb7a\x07;P$\x9b6\x15\x18\xf0l|'</t>
  </si>
  <si>
    <t>b'\t\xb9\xf7d"\x7f\x84l\xf8\x1a\xb8~\x1f\xd5\xa0\x1a3\xc9\xbf\x0e\xd9\xc6\x9a\xfb\x08"\x18\x1f\xa2\xaa!['</t>
  </si>
  <si>
    <t>b'\xe0\xa2F\x9e\xa0\xc8\xd8\xf2=\xa0\xab\x15j\x93\x0f\xd6&gt;(&lt;\xf6\xb4\xf5\xe7&amp;\x81\xf4\x91\x9c\xabR\xf57'</t>
  </si>
  <si>
    <t>b'\x8a\xf2\xd6"_\xc2\x9a\x8c\xd5sx\x19\xbds?Ch\xf0\x8e\xd8\x1a\x92\xbdBx\xd8\x1f6\x8d\xea\xeb\xae'</t>
  </si>
  <si>
    <t>b'x\xc9w\xa2!b{&gt;#q\xa5\xbc\x9cg\x9d\x1cA\xc55\xc2i\r\xe2\x8cp\xff&amp;[\xbc"jW'</t>
  </si>
  <si>
    <t>Snowball</t>
  </si>
  <si>
    <t>b'+&amp;D\x98\x91\x95\xda\xf8\xffZ}\xc6\xa3\xf4\xc2\x16\n\xf9kT\xde\xc47\xa1\xf1\xe7t \xce\xbd\x1d\x12'</t>
  </si>
  <si>
    <t>Loan for me</t>
  </si>
  <si>
    <t>b'\x18n8&gt;\xcari\xb4\xf0wb\xb7\x88\x8c\xdf\x10\x90\x0c\xe1\x15\x97\xd7\x82\xcc\x14c\xdf*\xab{\xc8\x01'</t>
  </si>
  <si>
    <t>b'\x9f\xb4\xb1\xc3\x015LxZ\x12k\xe1\x8ee\x8eucV\xa6\xaf\x17\x91\xf2kH\\h\x1c1\x12\xafH'</t>
  </si>
  <si>
    <t>b'\xb74\x00\xd6R\x94\x83\xfe\x93\x19\xa2\x88\xa8d\xdc/\xeb\xf1\x11\xd2\xbe\xe6M\x13\xaa\x91b\xf6q\xde\xef\xb8'</t>
  </si>
  <si>
    <t>b'\xa9\xf5V\x95\xd9}Fm\xe3[&amp;\x14\xad\x1f\xa2^\x00\xef\xae&gt;\xc9\x1f\xe5op*]l\xa1\x956\xc5'</t>
  </si>
  <si>
    <t>b'\x90\xedje\x9c\x17\xa1\xf8\xc1_\x9f\x99[_\xb4\xde\xb8\x9aD\xb9\x9c\xaa\xf1a\xb2\x9d\xea(\xc1.\xde\x8a'</t>
  </si>
  <si>
    <t>Freedom Soon</t>
  </si>
  <si>
    <t>b't\x9a\xaf\xdc\xa3\x8c\xdd8\x1b\n\x15\xfaP\xa30\x7f\xf7H:\x96\xa2\xd0r\x83&amp;\xa3A_[Y\xe72'</t>
  </si>
  <si>
    <t>b'\xf3\xebM\xbc#\x93\xc1\xe4f\xa0\x85_ o\x12a=QN.1\xfa\x18\xff\xfb\xd7\xf9-1\t\x86\xeb'</t>
  </si>
  <si>
    <t>b'\x0b\x16\x90\xb9\xe2\xf0\xd35\x90\xa2T\xcf\xc8\xc0t.]\xf2\xc7\x17M\x8a\x04\xd4H\xaf\xb2\x1eS\xe6\x01A'</t>
  </si>
  <si>
    <t>b'Z\x1c\xd4%\xbb\xfa[\xbbY8\xee.\xc2\x1d\xc7\xa3\x95#\xf7\xa0\xc1I\x17k\xa0\x11h\xfa\xc3\x0c(\x1a'</t>
  </si>
  <si>
    <t>b'\xc6QFO\\\xcc\xe3\xaf\x86TN\xff\x1b\x8a\xce\xcd/R\xe9\x10\x85\x03\xb4\x9f\xb4x\xb3YGJ\x02\x8f'</t>
  </si>
  <si>
    <t>b'\xfdN\xc7\x06P\x97\xaa\x12\x98U\xa9[b\xa5\xf2\x00b\x06\xc8(\x90\xfd\xeb\xcc\xf0#5\n\xbf\xd3P"'</t>
  </si>
  <si>
    <t>b'\x17\xd3b\x9d7Y\xd9S_t\xe6\x95y\xf3xna#\xe9}@\xeafn\xfc\xaf h&lt;\xe5\x0f\x99'</t>
  </si>
  <si>
    <t>b'2m=\x9a,\xd32w\x9e\x12}\xb2\x1d\x0e\x99W\x8b\x1b\xc4.\x1fxG[\xf3#\xcc\xd5\xb5\x9fM\x0b'</t>
  </si>
  <si>
    <t>b'A\xb7&gt;\xa1\x19\xce\x1c\x01\x7f\xfcb\x04\xcc\xe4*\x01\x9e\x7f\xd0\xb0\x97R\xf6}7\x93\xbe\xf1\xcf\xfb\xcaK'</t>
  </si>
  <si>
    <t>Debt Con/Home</t>
  </si>
  <si>
    <t>b'sV\x86\xbc\xcc\xd6\x0c\xeft9|c\xba\x11\xfeT\nR\x0cfm^\xffX\xe8mz\x90#\x92\xa8y'</t>
  </si>
  <si>
    <t>b'\xdf\x96\xeep8\xfeF\xe1\xcb\xd7\x9b\xd09\x15(F\x94\xa6]S\xca\x89\xc14V\x92\x0e\xd0~\xc0\xcc\xb8'</t>
  </si>
  <si>
    <t>b'\x90+\xe6\xfeg\x08a\xf3\xefT\xb6\xe3a$\x89\xaa\x15\x1eT\xaaj\xe8H\xb3\xe4\xa9;\xf9\x9bZ\x05^'</t>
  </si>
  <si>
    <t>Blessing in Diguise</t>
  </si>
  <si>
    <t>b'\x8d\xd2#\xf5qQ\x18~zmis\x13\x15\xda]@\xb5\x15\xcb\x93r\xc91\x16\xca\x84"|e\x17\x0b'</t>
  </si>
  <si>
    <t>b'\xaa\x88\xf2h\xfc\xa2\x9e\xf8&gt;_\xde\xcc\x0c\x16\x9a"\x05\xc96\xde\xa0\xed?[\x90M\xe8,\xc3\xa5\xab5'</t>
  </si>
  <si>
    <t>b'\x07\x8b\xb6\x1c\xadZ\xc2\xa3\xe8 q\xe1:\xf92Hu\xda]\xcbmg\xef\xc5\x07\x15\x99\xac\xd4t-\x98'</t>
  </si>
  <si>
    <t>b'\xde\x9a\xc7\x1f\xf3\xf0\x92\xe5\xfe4\xb1\xd9\xe1\xa1\x11\xb2\xb6\xc8\xd9\xcc\x8b\x8c+\x18\x95ud+\xd2v\xc0\xbc'</t>
  </si>
  <si>
    <t>b'\xdcm\xbf0\nrC%\xe6o\x9c\x9eRSB\xf8\x16\xffa\xff\xe5\xa8\xc5]\xfa\x1a:\xca\x8c\x7f\xb2\xe3'</t>
  </si>
  <si>
    <t>Credit Card Refinance Load</t>
  </si>
  <si>
    <t>b'\xc7\xe48 7\xbep\xc6\xab/!\xf1z\x15$&lt;\x88\xafH\xa5N\xb9:J\x9f\x96\xc7x\xdcF\xb2/'</t>
  </si>
  <si>
    <t>b'{Ty\xb6\xd9)C\xdd\xde\x8fA\xb2\x81&gt;x\x1f\xbe\x07\xa1\xb7\xae\xb3gI\x13\x8a\xcd\x93\x94\xe0*\n'</t>
  </si>
  <si>
    <t>b'\x9a\xf1\xc5&amp;&amp;\xe6vmO\xf7\xde\x84\xda*a\x8dC\x1b,u\xa9\xe4V\xe7\xc4N\xc0\xd1\xc1\x0c\r\x99'</t>
  </si>
  <si>
    <t>b"Z\xbf\xd9\xa3R\xde\x1cQ\xfd\x05\x99\x95P9\x15\x84\xb2\xbc'\xdd\xa8N\x99\xb8\xab\x8aj\xcdO\x8a\xce0"</t>
  </si>
  <si>
    <t>b'1\xb2U4(\xa5P\xb1T\xdb\x03\xffz\xc9\xa5\x14\xc2\x0b\xfe\x19\xad\x88F\x9c\x92\x84\x96\xe2\xc0\x88`\x19'</t>
  </si>
  <si>
    <t>Consolidate loan</t>
  </si>
  <si>
    <t>b'\xf36y\xd60\xba\xe3(x\xfe\x01\\\x81\x85=\xb5\xb1\xb9\xe4\xa44\xa5\x92XHs\xf6\xd1\xb7+V\x8b'</t>
  </si>
  <si>
    <t>b'E\xc4\xe3\xf9\xfd\x1a\x02\xd0\xa5F5\x18\xaa\xb1\x95\x184\xe4\xad\x92\xd60\xa1\x89\xad]\x90\x11\x01;\x10\x01'</t>
  </si>
  <si>
    <t>b"S\xf2\xfaWY'\x17j\xfe{{\xb3\xecs\xd7\xc2\xb6!&gt;@\xee\xcbd\xe5\x7f)w\xaf\x95\xae1\xe8"</t>
  </si>
  <si>
    <t>b'\xbd\xbd\xe4\xfd\x14\xae\xdd\xb0\x08\x17:Jo7\x02\x18\x89o\xe6\xc4~O\xbd\x1a\x12\x19xW\x9d\xbag\x8d'</t>
  </si>
  <si>
    <t>Bye Bye Debt</t>
  </si>
  <si>
    <t>b'=5\x8a\xd0\xec\x8d\x8f\x89\xfb\x98\xb3DqZ\xc8"R=o:o?\xd1N\xd5\x06\xf7S\xd4LFJ'</t>
  </si>
  <si>
    <t>b'~\x8d\x06\x9c\xd3\xac\x92\xa7\x01\x9f$\xd3\xb8\xccY4\xadMQ\x03aV\x7fg\x14I\xd9"\x8a\xe9\xa9\x90'</t>
  </si>
  <si>
    <t>b'1)\xbd\xd1\xf6\xbf\xa7\x97\x97kb\xb6\x82E\x7f\xbad\xc5\x90(\x92\xa5p\xf4\x90\xa9;\x92u\xc1\xa5\xc4'</t>
  </si>
  <si>
    <t>b'\x91532\xbbM\xd6H\t\x9b\xd3\\l\xb40\xab\xf7t\xb2V\xbe\xa8x\x7f\x9a\x1e\x8a\x90\xa0\xaa\x90\x1a'</t>
  </si>
  <si>
    <t>Miscellaneous Balance Consolidation</t>
  </si>
  <si>
    <t>b'\tu\x05\xb1\xb6\x93\xcc\xac\x1fv)\xc0A1r\xd6\xe26jP\x16\x17\x8d\x16Q\xed5\x85H\x05J\xf7'</t>
  </si>
  <si>
    <t>b'l\x9f\xf3\xa7\x843\xcb\x01\x1e.\x06f\r4Pt\xed\x05\xae\x90)\x8c\x8a\xa5\xc64\x02\x84\x9bZ\xa4\xcc'</t>
  </si>
  <si>
    <t>b'\x05\xa9\xb1jWj@\x9f@\xcc\x0fgK\xfbfn\xab\x0f\x03\x87 \xfd\xad\x99\xddv\x97\n\xa6\xb9.\x03'</t>
  </si>
  <si>
    <t>loan one</t>
  </si>
  <si>
    <t>b'\xe2\x04\xfd\xea\xac\xe6-\xa1\xa1\x98\xe5\x82\xe1H0\xe5\xd0q\x9a\xb1\xa4\xd6&lt;c\xe0\xc9\xf8\\\x82x\xfcI'</t>
  </si>
  <si>
    <t>Refinance Credit Card Debt</t>
  </si>
  <si>
    <t>b'{\x89\\4\xf0\xb1X\xbd\xf4\x02\x9d\xb6\xc3a\xeb\x0e^\xa9\x91#\xd9Sg}*v"^}\xbfe\xb5'</t>
  </si>
  <si>
    <t>Cons Loan</t>
  </si>
  <si>
    <t>b'x8e?"Y\xdd\xad\x84\t\xc7\x80\xd9\xb4\xb3j\xeb\x87\x975L\x9ajd\xbf1\xa7 \x9c\x17\xce\xd8'</t>
  </si>
  <si>
    <t>Solution2012</t>
  </si>
  <si>
    <t>b'\xfeA\x18\xac\xc0\xb8\xe7\x94\xafK\x12\xd1\\?\xf2\x9d3\x9e\x17\xe1\x8fI\x9f\xa0\x06`\xad]\xa9\x99\xdd\xfe'</t>
  </si>
  <si>
    <t>b'\xa3S\xe4\xe0\x0c\x00\xbf\xe1\xea\xac&amp;\x05\xe7\xb7\xf6\xf6Y\x84\x9b&lt;\x7f\x9e\x9b\xec6\xd8\x11\x8e\x82\xb5\x85\xaa'</t>
  </si>
  <si>
    <t>b"!'\xeb\x9e\xdb\x11 \xbc;\x0b\x0cP\xf6 S\xe7\xc2\xe3\x80\x98\xbf\xe3\xbe\xacG-H\xa6\xe8\xe43\xf5"</t>
  </si>
  <si>
    <t>b'N\xd9\xae\xef\xa8v\xa6R\x98\xee\xd6\xb3\xa8\xbd\xdcxkj\x97Z\xc5O\xe6\xad\x92e\x0c\xf3\x1bjT!'</t>
  </si>
  <si>
    <t>Credit Card refi</t>
  </si>
  <si>
    <t>b'(GW\x1d\xf5*\xd8BM[W\xe2\xd5\xdb\x87K\x1c\xa7\xca\xe8B\xe1\x10\x19a\xb8\x06\x10\x04d\x19\xe5'</t>
  </si>
  <si>
    <t>Debt Consolidation and Relief</t>
  </si>
  <si>
    <t>b'\x00\xe8;.\x04\xfe\x94\x0cZ\xb9\x9aS\x83\x1eE\xfa3\x07\x87D\xc2\xf3\xef\x8e;B\x9b\xf5\xc7\x91\xa0\xfa'</t>
  </si>
  <si>
    <t>b'\xf1K@:\xdf\x15\x8d]\xee_T\x88\x18\x9a7\xde\x92@mA\x95l\x05\x1c!\x16b5X\x8cJ\xce'</t>
  </si>
  <si>
    <t>b')\xe8S5\xd1\x0bP\x02\xba\xa3X\xd7\xfe\xf7vN7|H\x05\xc8\xaf\xf5 \xc2\xac\xa5N{I\x17\xc1'</t>
  </si>
  <si>
    <t>Debt Free 24 Months</t>
  </si>
  <si>
    <t>b"\xff\x85\xdd\xc4\xff\x00|Q\x19;\xe5\x0b\x95v\xda0\x11\xdd\x9a|nNY\x85\xba\x95\x82\x13\x81\x96'\xe2"</t>
  </si>
  <si>
    <t>Credit Card/Debt Pay Off</t>
  </si>
  <si>
    <t>b'\xfc\xfa\x19*\xcd\x8d@F*"\x7f\xeb\x18\xea\xacR\xe9\xb4\x84\xfco7\x8e\tC\x19\xd0D\x91-\x8bW'</t>
  </si>
  <si>
    <t>b'\x08\xca\xe5\xe9\xf6\xfaI,u54t\xdb\x81\xaf\xb7@\x14\x93c\x0b\x06\x9b\xee\xd5;r\xfa\xb2\xcb\x12\xef'</t>
  </si>
  <si>
    <t>consoldation</t>
  </si>
  <si>
    <t>b'\x04\xc2\x00\x13\x0f\x1d[\xd8"\xdc\xe0Pi0\x8b\xb3r\xa1\x1d\x07HUk\xa0\x8f\xd0nw\xbf\xe9\x06\xff'</t>
  </si>
  <si>
    <t>b'\xae\xae|\xb1\xf9\x91O2\xc6\xb1z\xcfD\xd3\xd0\xbf\xa2&amp;\x87\x11\xab\xf1\xc3\xcd\xd4x\xd8e\x97\x98\xcf['</t>
  </si>
  <si>
    <t>b"n\xe3\xeaA\tk\x06'\xba'#\xceY\xb0\xb9\xcaW\xd9\x86\xbebO\x14\xab\xfc\x93\x8812,\xee:"</t>
  </si>
  <si>
    <t>b'\xe2\x04/\x83I\xd6\xc0)Z[\xb7&amp;\xc0\x99G\xd7\xd6\xb5\x19]\xf1\xc1j.\xd2MkW\xe7M\xeb\xe0'</t>
  </si>
  <si>
    <t>Catch up loan</t>
  </si>
  <si>
    <t>b"4\xde\x89\xdbA(\xf8\xd5\xf7\xe6Rd'\xb8#&gt;\xd1\xffY\x15\x92\xe5\xe9\x08\xda&amp;\x08\xe5c8\xe5\x88"</t>
  </si>
  <si>
    <t>b'\xf8\xcc`\xf4VCM\xa5\xc9\xcd\x0b\xdao\xa8Q\xf0\x8d;\xe1`\x9e:tyca\xcb\xeaA\x00\xfe\xf5'</t>
  </si>
  <si>
    <t>sidekick</t>
  </si>
  <si>
    <t>b"'a\xee\xee\xa0\x9e\xff\x19\xb0\xbf\xcd\x04\xf4:\xd8*\x94\xbc&amp;(\x8f\xbf\x866\xe9\x98Pst\x0eF\xc9"</t>
  </si>
  <si>
    <t>Las Vegas Trip</t>
  </si>
  <si>
    <t>b'B\xfdK\x9c^\xa8\x87\x1c\xc4\x85\x97~/[L=\xee\xf2C\x05\xf0\xb2i\x11t\x85\xf8\x8bC\x8f^u'</t>
  </si>
  <si>
    <t>b'/\xe2[\xec^\x1e&gt;\x89M;R\x8d\x0fH5\x18\x07\x02\x90\xbf\xf7\x08N\xa7\x97\xbb\xee\xa2\x9e\x04\xd3\xf4'</t>
  </si>
  <si>
    <t>consolidiation</t>
  </si>
  <si>
    <t>b'k|\xfcnh)\xb2PO\xe4#\xf5\xa1b?^\x8f\x1a\xe8\x1f\xa6\xd8\xf1\x952\x91T\x19&gt;\xdc{\xc0'</t>
  </si>
  <si>
    <t>b'\x11T]\xbcU\xdeF\xf2L\xc4J7\xa4`\xc5\x94\xfe\x86\xa2t\x84\xd1r\x0c:p\xbb\xc4\x97\xcbL\xfe'</t>
  </si>
  <si>
    <t>b'\xfal\x1br\x970a\xe9O\xba,I\x7f\x95\xee\xc6\xfe\xb4)\x95\xed/RT\x91\xdbSp\xd0T!Z'</t>
  </si>
  <si>
    <t>MY Loan</t>
  </si>
  <si>
    <t>b'\xda\xba\x8fC\xb1\x0b\x08(\x86B\xbd\x90\xea\xce)\x13n\xdc\xd7\xde1Q&lt;\xef:2\x13L\xc0\xaa5\xf4'</t>
  </si>
  <si>
    <t>b'\xe3\x18k\x95(\x85\x1eG\xd7\xd6\x85(\xc7\xbf\x80.E\xdf\xc9\xf4j\x90\xe8\x881s\r\xa3\xd3\x9c@\\'</t>
  </si>
  <si>
    <t>b'\xaa\xdf\x08\xa1\xe5D\xbc=\xc7\xeb\xcdE\x07\rYA6&amp;o5\xfa\x15\x9c\xf87\x85\xf0\xb3\xd7\xf7\xefw'</t>
  </si>
  <si>
    <t>b'.o;(Df3\x02\xeb\xb6\xa7ya\xe1~\x0b\x9d\x1b\xbb\xc8\x12\xc9g\xd6\xd2\x98Y\x80\x84\n\xc8\xc6'</t>
  </si>
  <si>
    <t>b',\x1c\xbd\x8b\xad\xff\xd1\xa6\x98\r\xe0\x8c\xbd\xc6p\x03\xbd6\xd1s\xc5S\xa2&lt;a\xd5\x0bfX\xa0,='</t>
  </si>
  <si>
    <t>b'\xd4\x92I\xa4\xab\x87\x151h\x0e\xc45+\x06ZV\xd0yd\xed\x82\xbb\xb2M!\xb2\xec\x90N\xc3\x12\xc7'</t>
  </si>
  <si>
    <t>b"`g\xb6'\x06\xb4eJ\xb8\xf2\xc08K\xc7\xbbR\x98\x0b{x\xcc\x80\xc4\xa5\x90&gt;\xc4b6\xd0\x04d"</t>
  </si>
  <si>
    <t>b'\x8a7\xdc8aF\x19\xb2\x0e-\xa3\xa1 \xd7\x8c~\x13\xd9a\xc8\xed\r\x12R\xd1\x99\x97\xe8\xd0Ko\x85'</t>
  </si>
  <si>
    <t>b'\xfa\x87QM\x8d\xd9\x88\xe9\x10\xdb3\xa6\xc0\xde|8\x92\xe6\xdf`\x95\xff\t\xa76\x92\xef\xad\n\x18\xe2i'</t>
  </si>
  <si>
    <t>b'\xcf3\xdcC\x0cE\xf5M\xc8\xe1\x12\xfeW\xa6\xb1N\xa2\xdd\xfbi\xf0J\x0c\xbc&amp;\xdd\x87\xd5\xc4R\xd6\xa1'</t>
  </si>
  <si>
    <t>b'j\xd7\xb3\xbb/\xf9\x139~\xeeE\xcc\xa1\x91\x010\xfc\xc6J\xcf\x92\xe1\xef \xbd%\xc9%\x9aZ\x88#'</t>
  </si>
  <si>
    <t xml:space="preserve">Credit Card Loan </t>
  </si>
  <si>
    <t>b'\x11R\x01\\U\x9azH\xbea\xc3\xbd`\x06\xf1&gt;D~\xad\x8c\xa5\xd7.\xf7M/-`VG\x0fp'</t>
  </si>
  <si>
    <t>b'\x04\xb7}$\x06\xd6g\xf9`\x8cA\x8d\xaf\xc1A+\x8c\x85\xabw\x17\xb6aUnp\xf4f\xb8\xd8i\xd7'</t>
  </si>
  <si>
    <t>New Business Fund</t>
  </si>
  <si>
    <t>b'q\xed\t-\xa7\xa1+\xab&amp;\x0b[\x06\x94\xc6\xf6\xd6\xcf\x97\xde\xf3S\x14\xb7&gt;oS\x07\xb3/\xc3\xb9X'</t>
  </si>
  <si>
    <t>b'0\xfc\x10\xe0\x91\xa5\xcd\x01\xc9E9\x81n\xe2\x11\xd5\xdcN\x03rx;\xe4\x19\xba\xf9\xca\xec\xec\x8e\xff\xee'</t>
  </si>
  <si>
    <t>b'd\xd9c\x9c1#AG\xf8\xdd\xd7\xdfMbV\xdb\x12\xfe\xc3J\xf9!\\\x9f\xe8\x04\xad\x98\x1d\x08q\xa3'</t>
  </si>
  <si>
    <t>b' _\xd1|V\x9d\x7fH\x14\xd5\x86\xec\x05\x94\xcaB\x04`\x80NR\nN\x06\x8es\x07tj\xb6\n\xe0'</t>
  </si>
  <si>
    <t>b'!\x89\x03.\x0b/Q\xdc\x0fw@\x92\xe1\x96b\xbd\xce\x9f\xa8\xc1"x\x98\xfa\xb4\xbdzi$7\x127'</t>
  </si>
  <si>
    <t>b"3d\xc8\x9a\x0b\xc9\x12\xfb\x02\x08_\x9c\xd5?\xeb\xfcF\x1aq\xb2L\xc4`%\x86\xcb\x7f\x02\xc2~'\xc2"</t>
  </si>
  <si>
    <t>b':u\x17a\r\xb1ZF\xf2Y\xc2)\x98,\x04i\x19{\xf8\x8b\xe5\xad.\xdc#\x91W\xb4\xef,\x03\xff'</t>
  </si>
  <si>
    <t>b'g7\xe3\xc8&amp;\xb90\xd6\x12\x7f\xd7r\xd0\xeek\x96[\x1b\x17\x1e\x10}\xc23\x8f\x87\x83\xc4\x01\x05\x01\xc1'</t>
  </si>
  <si>
    <t>My Refinancing</t>
  </si>
  <si>
    <t>b'\xbe\xabr\xd0\xbdX\x96\x19\x8b\x18\xa5,C;\xaeo\xe0\xca\x88\xae\xc2\xfc\x8e\xa5?\x96!\xcd\xc4\xde\xf7\x92'</t>
  </si>
  <si>
    <t>A New Direction</t>
  </si>
  <si>
    <t>b'c*\x93[m\xb5\xfd#;n\x9c\xb2pV\xfe\xfb!\xea \x1d{hGa\x86\xe9\x7f\x0fm\x1dE\x0e'</t>
  </si>
  <si>
    <t>b'\x06`}J\nOFd\\\xe0\x91^\xe6\x0b\xf0\xf0&amp;\xb1X\x8d,\xd5\xae\xa0\xaa\xcf\x83f\xf1\x96"&amp;'</t>
  </si>
  <si>
    <t>b'\x1bO\xe7m^1)+\x9a\xc1l\xf3\xa7V\xf6\xdeJ\xf8\xcf\xa1\noK\x02\x16\xe2\re\xc8r\xc0\xa6'</t>
  </si>
  <si>
    <t>252xx</t>
  </si>
  <si>
    <t>b'\xffuR_r\x938\x03\xfa(\xbc0A\xa5e\xe3J\x95\xc1\xd1\x8b)\tGs\x88\xaf\xbdx)5\xf8'</t>
  </si>
  <si>
    <t>b'[\xb9\x8cV\xe2\xea\x80\x0fXz?\xb4\x1b\xac\x9c\xafSk\\\xccA\xc4\xa5\xc7\x1c\xddS\xe9\x06mg%'</t>
  </si>
  <si>
    <t>1st Time</t>
  </si>
  <si>
    <t>b'\x17\x7fR\xfd\x90\x06\xf0\xd9M\x0e\xd5SYI(,W\xa6\x0c\x1dH\xf5@\xb6q\xaa\xfa\xf1 \x05\x12p'</t>
  </si>
  <si>
    <t>b'\xc0\x80u\\\x0f\xcf3iC\xff3l\x8c`\xf62\x8f_\x0f\x16\x9bj \x98\x14\x13S\xaf\x92\x84\x96\x8f'</t>
  </si>
  <si>
    <t>One more time</t>
  </si>
  <si>
    <t>845xx</t>
  </si>
  <si>
    <t>b'V\xed\xc4\x1c\xe1\xa3M\xe0d\x0fGu\x7f\x11B\xb9 *\xc3O\t8\xe6\x10\xd2@\x02\xea\x9f\x05\xfe\xe4'</t>
  </si>
  <si>
    <t>b"\x8ed?\xc7\xdd\xc9\xe8R]o\x1f\xea\xec\xd9\xe7\x0c'\x15\xe3lem\x9c\xdc\x92V\xb8B\xb1\x12\x1e\xe1"</t>
  </si>
  <si>
    <t>b'\xaa]w\x9b\x16F\xdb\xfd=\x1d\xc1\xa3\x0c\x04\xaf\xd8\xaa\x91Ei\x98E\x0em.\xdd\x01\x1e\x94Y\x07\xf3'</t>
  </si>
  <si>
    <t>b'\x04\x14\x11\xf8,@D)nV\xc2\x1bW]\xc3\x9bg!\x00vb\xf0&gt;\xb4\xff\xd0Jk\xb1{\x92\xf1'</t>
  </si>
  <si>
    <t>b"\xe9\xdc\xd6B\xc3}\x1d6\xcet$\xe0o\nx\xb8=\x1b\xfa\xc4\xc7\xc5\x1d\xe8\x9d'f\x91\x19\xbd\\\xac"</t>
  </si>
  <si>
    <t>b'\xc9L\xedV\x8f\x81\x8aV\xe3\x00\xb8:\x99\xddC\xc5\xe1\r\xbeY\xefsh1\x14Z\xa0\x85\xe4e\xcd\x9a'</t>
  </si>
  <si>
    <t xml:space="preserve">Inventory for Business </t>
  </si>
  <si>
    <t>b'\x96\x13?\x1e$\xc9\xe9\x08G\x14b\xf9\x8b\x1c\xfb\xdd\xb0Gb\xceJ\xc4\xa0~|\xb8\xd9\x93\xf74\xce\xee'</t>
  </si>
  <si>
    <t>b'|\xec\xb4\xa8\xed\xc5\xd2\xf2\xca\xa8\xcd\x12&gt;"\xb6Dm\x06\xd6\xfd\x0f\x1f\x9b|\xf5\xca\ty\xa1\xa9\xb6\xb9'</t>
  </si>
  <si>
    <t>b'&lt;v\xf2\xf3m:&amp;R\xdb\xbeP\xc6\x88KQG\xd5\xbe;\xee&gt;^@:|\xa6\x9b\x12\xc5g\xcek'</t>
  </si>
  <si>
    <t>b'X\n\xe4\xd2\x10E\xfc\xef\xda\xa8\xe9\x96[\x9b\x9e\x89HV\x14*\xccL\xc0\xb6/\xa0\x10\x86\xba\xd2\\X'</t>
  </si>
  <si>
    <t>b'\x98\xd7\x84\xfc\x9c\xa6Q2n\xca\xd0Z\x1e&lt;]?\xd2\xb6]\x8a\xb5(\x8d5\x84\x95\xb9\xae4u\xa2A'</t>
  </si>
  <si>
    <t>b'\xa4\xc6\x10\x8d\xee\xe0\x1b\x8b+}\xf2\xdf\x9b\xfb8\xa1\xc0HO\x13\xdaDTs\x16Tk\x8f\xb4\xd6\x80\xd6'</t>
  </si>
  <si>
    <t>b"U~\x07\xb5\xefp\x13f\x18kh?\x89@\x1e\xdf\x8c\x11\x1f\\\xa2\xc6\xaei?\xb7\xcb\x96T'%\xfc"</t>
  </si>
  <si>
    <t>b'\xffa\x07\x87GZ\xce\xe2\xa4c\x1f\x0e\xd5\xae@\x7f\xd4v\xd1b\xb8\x12\xa0\xec\x7fm!\x1e\x1d\n\x9bU'</t>
  </si>
  <si>
    <t>Beginning a new life</t>
  </si>
  <si>
    <t>b'2\xca\xb4\xa5t\xd8\xf3R\xbd\xc5&gt;a\xdc\x80\\-\xe9\x1f\x8c@Oy\xf46 7\xd6\xb3`1\x96\xb5'</t>
  </si>
  <si>
    <t>b'\x93\xc2l8\xb4\xbf\xccT\xdd9\x84%\xf9\xb1\x17TK\x97+"g\xb7\n\xa04\xa66b1)\x7f\xe5'</t>
  </si>
  <si>
    <t>b'JFm!\x04\x84\xb1\xe0\\^\xc5&gt;.\xfcH\xc9\x8ci\x89\xbdT\x18\xf9=\xee&lt;H\xb2\xd4\x92\x93\x92'</t>
  </si>
  <si>
    <t>OneLoanOnePayment</t>
  </si>
  <si>
    <t>b'&amp;\x85\x1aO3oP\xe2`\x87\xe4V\xe8d\xcd\r\xd8\xd4\x10\xf2\xd3%\xa4\xf5\x1b0\xa7|\x88M3v'</t>
  </si>
  <si>
    <t>b'\xd6H\x83F\xd8\xe99\x81\xef\xc7\\\xda\x88\xcb\xf4\x1a\x06\t\xeb\x1b$\x1a\x11\xa9\xf1\xe7\x99Kmb`S'</t>
  </si>
  <si>
    <t>b'\xb6\xf8\xd7/\xb9\xa9\x8e\xf8\x8c\xabTE\xdc\x9b\xd7&amp;0\x0e\xc6\xf4u\xbeDb\x15+%X\xdc\xd4f\x00'</t>
  </si>
  <si>
    <t>b'q\x86\xa7\xe8\x15\x02\xe9\xb8\xf7\xfc\x897$\xb0\xa0\xc0\n\xce\xfd\x11\xf5\xcc1\xb2\xb6\xc0\x0c`&amp;J\xf7%'</t>
  </si>
  <si>
    <t xml:space="preserve">Goals </t>
  </si>
  <si>
    <t>b'\xe3Yd\\Ut&amp;T\\C\xe8\xcc\xc0\x80yP\xd3\x13\x10k\xe9zo\xce{\xca\xe9r\x13`\xf2\x91'</t>
  </si>
  <si>
    <t>b'\xa0R\xd4MN\x16\xa0\xdd\xd2|#Nb9\x84\xfc\x13\xf8/\xb3\xb9k\xf0\xae\x84\\\xb6h.T\xe1e'</t>
  </si>
  <si>
    <t>Interest Rate Reduction</t>
  </si>
  <si>
    <t>b'n\xc0f\x12\\\xad\x87\x9b\x06]\xe5\xcc\x18\x1d\xca\x86T\x8a\xa7\xb7\xa2\xc7+d\x99\xb1 \x17\x96\xe5\xe2\x15'</t>
  </si>
  <si>
    <t>b'H\xc4\xe5\x92\x876\xc1O\x80II^6\xcbe\xe7\xd7t6\xdf\xf5\xa9\xac]\x04\x0b\xe3\xf3\x18\xdb\xb45'</t>
  </si>
  <si>
    <t>b'1\xb7\xc7vM\x08c\x98|\x8f~ x\xe6\xce2\xf3\xe2\xcd\xa8\xcd\xc9\x99\xb4"\xcbM\x94\xb3\x0b\xb0\xe0'</t>
  </si>
  <si>
    <t>b'A\xd8\xc4b\x08\xf5P\xa3\x1d+n\xf9\xb61N7O\xc3Hi\xf3zBmQ\xfeKA9\n\xe1\xd2'</t>
  </si>
  <si>
    <t>b'\xd64M\xba\'\xd7X7jK\xc4\xc4\x8b\x1a":\xdb?\xb8\x91\xe4\xf7\\\xca\x16\xb6"\xc4\xe8\xe8\x95,'</t>
  </si>
  <si>
    <t>b'\xb7\x1b\xc1\xfa\x8a\xa2\xa2u\xaa=\x03\xc4\xa9\xe3&lt;&gt;\x80\xc7\xd9WND\x0b\xa4d8\x8a\xb3\xa929\xd6'</t>
  </si>
  <si>
    <t>Lending Club Refinance Loan</t>
  </si>
  <si>
    <t>b'\x9b\xadkk\xbc\x08\xee\x05\x87fo\xf2\x18OC;\x7f\xfdUJ\x914\xd8\xa4c\xb1"\xc3\x07]\xa0p'</t>
  </si>
  <si>
    <t>b'Ic\xa0"t&gt;U"eQ\x1e\x86\xa3&amp;\xcf!\xb9\xd7\xb6n\x16|^i\xe69&gt;\x9d\xd5o\xd7x'</t>
  </si>
  <si>
    <t>b'\xd21\xd1\xbeg\x1c-\xdbC\xeaYi\x86*\x92i\x9f\xc6j\xd9\x96\x0b\xa71\xe6;7G\xb2\x9a\xff\x9f'</t>
  </si>
  <si>
    <t>debt consolidation and home improvement</t>
  </si>
  <si>
    <t>b'[\xab\xa3s\x0e\xdd\xabHn\xd1\xda\xcf\x8b\xdd\xb9T\x92\x0c\x92\xb3&amp;\xf1~v@8\x92\xe3@\xcc\rj'</t>
  </si>
  <si>
    <t>b'GG\x94\xda\x0c&lt;\xbf\xb5y\x1a\xdb\xf7\xc4\xa8,\xaf.\xc7(`\xd3\x8b\xd0\xc5Z\xb48\x97e69I'</t>
  </si>
  <si>
    <t>b'\xcb\xbf\xf7\xde`\xa3\xa7\xcd3&lt;\xb6|:B\r\xd2T8$\x0e\xd1\xa0\xb5C\xc5\x04D\xdcu3\xdb\xa2'</t>
  </si>
  <si>
    <t>Wedding Help</t>
  </si>
  <si>
    <t>b'8;|\xe6Z\x83\x99`\xd1\xceq\xe58X\xd1W\x87\xb6\xe1{!\xa1\x1a\xa7\x88\xea\x8b\xf27\xe4\x83\xaa'</t>
  </si>
  <si>
    <t>1 LOAN</t>
  </si>
  <si>
    <t>b"'C\xfcP\xeb\xbc\xa38\xbd\xe9\rb\x0c\xce\x82\xa6\x80\xb4\x8c\xdfko\xd4VCu'_\x90Gt\xfe"</t>
  </si>
  <si>
    <t>pool and deck</t>
  </si>
  <si>
    <t>b'\xe2(\x18\xafi*\x15\x17\x08\x1f\x13(g\xb4\xe9\x98\xf9\xf6X\x92\x06\x07\x83\xd4t\xb5\xdd\xe1q\x99\xae\x9e'</t>
  </si>
  <si>
    <t>b'\xa9\xa6\x10\xcd5o\x06&amp;\xe2-\x12O\xbc\xa1q\xc1\x8by\xf3\xb3\xcd\x7f\xab\x16,\xa11\x1a\x88\x90\x9f\xcb'</t>
  </si>
  <si>
    <t>pay off my bills!</t>
  </si>
  <si>
    <t>b"\x8cAo[\x04\x16\nQK\xc2\xa1\xa2=\xd0_Q\x0c\x07\xa6\xe6o\xde\x7f\xc7\x84\xdc\x914'\xd5V\x0f"</t>
  </si>
  <si>
    <t>Business reinvestment</t>
  </si>
  <si>
    <t>b'5\x17\x08?\xb9f\xfc9S\x04\xacp&amp;\xfa\xdd\x8ak9\xc7\x80\x94\x15\x92\xa7/)\xa9\xfdR\x95\x08\xd8'</t>
  </si>
  <si>
    <t>b'\xbf}\xfb\xa7\x93\\\x7f\xb3\xfb7\xadA\x9c\xf3\x18"\x00\xa3\xe5\x88)\x17\xcc-t\xe3\xae\x99\xf2M\xd8n'</t>
  </si>
  <si>
    <t>b"\x0ewn\xa7EhJ\x15'\xe79A\x83\x02\x83n\xa3\x1a\xf2\x15\x97\xc2\xab\x95Ib\xbf+Y\xe4\x0f\x83"</t>
  </si>
  <si>
    <t>b'Q\x90\xac\x16\x91w{1\xe4\x9e\x0e2\x94:\xe4\x7f\x90Io\x8f\xbeK+\x89G\x8a&gt;\xbb\xa0\xf4\xcd\xef'</t>
  </si>
  <si>
    <t>b'F\xf1!\x97\x9e\x8e\x97S\xb6\xc7\xc4\xa0\x07\xc6\x14\x9f\xd4\x01C&lt;&gt;bK\x07D\x96\x0f\xa5r\xa9\x0fn'</t>
  </si>
  <si>
    <t>b'5\x9a\x97\\\x0c\x9d\xf8U/\x17t&amp;EIC]p\xca\xcfS\xbcT\xac\xed\x04Z\xfb^\xda=:\x96'</t>
  </si>
  <si>
    <t>b's\x18`\xcd\xcc\x90\xa9\r\xbc5)C\x15{\xa3\xfc\xcf&amp;\xd2\xcf\x8e\xf2&lt;\xc6\xb3\xfe\t\xcfwb\xe6N'</t>
  </si>
  <si>
    <t>b'B\xa9\xb6\xb9\x88C\xc8\x8asaLW\xde\xa6\xb4\x13\x1f=8\rC\xa6Q]#L\xf0\x81*\xcc\x1b\xd7'</t>
  </si>
  <si>
    <t>b'\r\xc2\xaaLz4\x0b\n\x1b\x95t\x97\xadj\xa3\xcc-\x1e\xd6?\xc4\xe3\x03\xaa\xc1\xa6\x1f\xe4\xd2\x92&amp;?'</t>
  </si>
  <si>
    <t>LC LOAN</t>
  </si>
  <si>
    <t>b'T!\x04p\xa6\x83\xa0\xf4\x94\xe6 \xf3\xabI}=\xa4\xe5_8\xf5\xd4\xd4\xe0\xbf\xd0\\#\x10\x07\xf3\x11'</t>
  </si>
  <si>
    <t>b'\xf08\xa9cee\x8e\t\xbe\xe8_\xc2\xd2FP\xe7\xfb"\'\x97Z\xbc\xa2vR\xdf\xa7\x94\xa0l34'</t>
  </si>
  <si>
    <t>CC Consolodation</t>
  </si>
  <si>
    <t>b'\xa1\x07b\xe5\xe3\xd7\xa7(}\x08W\xbe3\xfc0\xbf5\x1f \x8fS8\xb6\xdbM\x9f\x10h\x7fr\x92\x10'</t>
  </si>
  <si>
    <t>b'.\xbes\\4*?\r\xbc\xb7\x9b\xf1|\x1b\x18\x94\x94\xc9^\xbc\x97\xbf\xec\x02\x80\xce\x96\xcb\xc6y\x13\xf1'</t>
  </si>
  <si>
    <t>Home Inprovement</t>
  </si>
  <si>
    <t>b'\xc2\xa2\x91C\xd3\xf6G\xb0\x10a\x8e\x93\xdb@N\xea\xea[\x95\x7ff\xb6A"h*\x7f\xd8,.Y"'</t>
  </si>
  <si>
    <t>b'D*#%\x82\x01\xd5\xfa`Q\x9b\xcd\x1f\x9a\x83\xedc\xbd\xf6\xe6y\x04\xa3@\x17\x8a\x01\x11YI7\xd7'</t>
  </si>
  <si>
    <t>b'8\x83\x9a\nV\xe5H\xcd$z\x07\xfd\xa4\x87\x81q\x83\x9a\xeb\x93d\xa4Rv\xday\xb6n(\x01\xf8\xc9'</t>
  </si>
  <si>
    <t>b"'p8R\xb2%\xc5\x1e\x9ak~L\xd5Li+v&gt;\xd9^\xber;\x86\xf4e\x04\r;2\x9a'"</t>
  </si>
  <si>
    <t>b'\xe5\xb1\x08/\xf6\x8b\x8c\xae\xf5\xc6\x80\xa1U\x1f\xa2\x18\xdd\x14C\xc1\xec\n\xad\xff_a\xb0\xc1\xbc\xbb#y'</t>
  </si>
  <si>
    <t>b'\x1b\xc1\xe0\xcf\xd2\xad\xa2\x8d\xa9\x1a\xd6\x9etzm\x88\xdd;-\x1c\xe8\x98\xf6\xdc\xad\x1aL\xc7\x03`&lt;-'</t>
  </si>
  <si>
    <t>b'\x82\x9a\xbb\xe4\xb4\xf0K\x83\xce\xbb)\x1e\xcc\xf99\xc9\x07\xf0k\xe4\x9c1\xe7\x89\xa6f\x04\xd6\x9a\x95\x1el'</t>
  </si>
  <si>
    <t>Become debt Free</t>
  </si>
  <si>
    <t>b"\x8e[\xf2'Y&lt;\x02\x9b\xa0\xd6\xf8\xa1\x9bC\xfaNC\xc9\x82+\x19\xae\x1a\xc4\x10\xf6\xcb\x9f\xa5\xe5\xaa\x84"</t>
  </si>
  <si>
    <t>b'W\x9dh\xb9\xddXF\xda~d\x1dHU\xcc\x9d\x01!\\{\x18\xc2\x17\xb5\x00-\xa3X&gt;\xc4d\x19\xbb'</t>
  </si>
  <si>
    <t>b'_\xd4\xad\xa3\xc8A\xa4\x94\x9e%\x00\xf1\xcfb\xddl\xbf\xc5\xbdr!7\xb1\x9a\r0\x90\x0e\x19\x1a|g'</t>
  </si>
  <si>
    <t>b'\xf0\xbe0\xafL\xca\xbd\xf8\x94@\x1ai\x1d%\xe4\xd1\xdaN\x10\xab-\x15\xb7T\x8e-\xa5\xba\xc0\xe5\x1e\xf3'</t>
  </si>
  <si>
    <t>American Dream</t>
  </si>
  <si>
    <t>b'\xb9\x97\xed0E\xd0\x7f\xf4\x88-+\xc76I\x89\x95y\xfdZ}\xd3\xedv\xfe\xeb2\xa2\xd1\xd0\xd6\xeeP'</t>
  </si>
  <si>
    <t>b'\x17~\xcd\xc4\xdf\x92o\xb4\xc3"\xfc\xf8M\x16\x0e\x07\xa7\xf9\xb2\xc2\'\xd4#D\\e\x9cDZV\xa7R'</t>
  </si>
  <si>
    <t>b'E2\x0bV\xdd\xdbb\xf9:\xd9`\x905\xf6\xdft\xae[0_X\xff3\xc5r^\xcf\xa7\xc2\x17v\x08'</t>
  </si>
  <si>
    <t>b'\xac1\xe7\xad\\\xa8\xc8\xc1!\xe6\xf9\xaamhm\xb5\xd2\xf6\xb7\xd9\x8c|\x07\x88\t]\xef1\xfc\xb2\xa5D'</t>
  </si>
  <si>
    <t>b"\xc4;\x12S\xdcZ\xf7\x14\xf3~\x88C\x89\xec6\xf5\xaf\xe6\xd0\xab\x1b\xd6V\xa7\x90c.\x85\x0b'\xb2u"</t>
  </si>
  <si>
    <t>Getting Married!!!  (Please help?)</t>
  </si>
  <si>
    <t>b'\x0c\x94\xb3\xe6\xf4\x1fjO\x81\xa7O\xa3\x8a\xf0N\xad\xa1$]\xf9"\x12\x1c\x8a\xab$\x9d\xcd\xd3\xc5\n\x8c'</t>
  </si>
  <si>
    <t>b'J\xcb\t\xc8O\n.\x15!\xfa7:\x9f"\xc0\xd5xS\x8cn\xe8Z\xf3\xc8~#\x97\x88\xe4\xe3\xa9\x7f'</t>
  </si>
  <si>
    <t>b'l\xcfv\x00\xd4\x86UN\xf7\xeb\x85{\xf0\xa7r\xd2\xec\xfc\xf1\xd4\xe0\xeeE$\xdeQ\xc2AN\x08\x1d\xfe'</t>
  </si>
  <si>
    <t>Restart Loan</t>
  </si>
  <si>
    <t>b"\x05N\x01\xd9\xffPm\x02\x0f\xdc\xbb\xdc\x9d\xeb\xb9F\xdc[\xb8\xe7\xa0axJ'\xd0\xec+\xda\xd7V\x95"</t>
  </si>
  <si>
    <t>b'&amp;yj\xc2\xe3=\x14\xe7`\x97\x81\x05[MSu\xc0\xb5\xe0/K#1\x0c\x16\xf2\x88xk\xc346'</t>
  </si>
  <si>
    <t>b'm\xb3\x00\xff\xc40\x95\xd0\xcaQ\x87\x9fI\x91\x0ei\x90\xdf\n\x03\xea96\xc0\xb3?1\xf0\xaf+\x9a\xce'</t>
  </si>
  <si>
    <t>home Improvment</t>
  </si>
  <si>
    <t>b'X\xffD\x951\xe6\nc[\xce9I\x02\xb9\x08\x8e\xf6\x8e\x151\x9b]I\xbd\xf8\xa1\xdb\xfa0\x10u\xc8'</t>
  </si>
  <si>
    <t>b'\x86\xc5\xf6\xbbYt\x02\xb2\xa2\x9e\xdb\x81[\x94H4\xc9)B\x9f\x17~)\xf8\xfd5\xbe\xf6\x06s\x08\x94'</t>
  </si>
  <si>
    <t>b'\xeem@f\xb3\x1b_\xf3~Y\x01\xa9\xb5_t\x0f\x12\xde\xbc\xa5!\xc8\xa9\xf2\xf8\xbcO\xa2\x05\xeaf\xcf'</t>
  </si>
  <si>
    <t>b'Dg/L\xe5HI\x87\xf8\xf39\x92M7+\x9e\xe7\xd5| \x9bM\xbcS\xa4n\xech\x18\x9fz\x98'</t>
  </si>
  <si>
    <t>b'\xfd\xef\xebt\xe5\x14b\x9alkjH\x8c\xea\xbb\xe5\x12\xcd\x91NQ\x8e\x90\xdb\xc6r\x8c\xcb$\x07w3'</t>
  </si>
  <si>
    <t>b'q~TK\xeb\x8d\xc28\x0e\x99\xd4\xc9\xcd\xb2\xc4[\r33\x15\xf1\r\xc7\n\xdcZ\xf2\x0e\x83\xd4i\x01'</t>
  </si>
  <si>
    <t>b'\x98\x0e\xe8\xc1\xae\xd3\xc0\xb2\xd2.Zr\xb6$\xdd\xba$\xe92\x95&gt;\xa5&lt;\x9b\x8axK\x15n\xd0\x98\xdb'</t>
  </si>
  <si>
    <t>two chances</t>
  </si>
  <si>
    <t>b'1rO\x8fgh?\xf2P\x7fP\x96\xb2\x11\x86\xfc\xc8t\xef}a\xfd\x1c\xdd\\Qg\xf5\xe4q \xdd'</t>
  </si>
  <si>
    <t>b'\x99!&gt;c\xbf\xc8!G\xfe\xb7\xf5-\xf3UQ\xad\xb3\x90\x8brP\x0e&gt;\x85\xbb\x00\x1b\xf9\x08X\xfe\x8f'</t>
  </si>
  <si>
    <t>b'\x1c\xb9\x99W\xc4\xbc\xe9\x1e\x1dK\xb0\xf6q\xff\xc5x#\xac\x88\xbck\xd2\x00F\xf4/\x12\x84\x86d\x1al'</t>
  </si>
  <si>
    <t>b'\xb0T\xc4\x9e\x85\xea\x1c&gt;\x90\x19\x18)\x0b&gt;p\xf93\x93\xf0U\xd8L\x0f(8\x8f\xaf\x969\xcc\xfb&gt;'</t>
  </si>
  <si>
    <t>b'!\xc9\x8a\xb4\xbe\x8b(\xff\xc3\x91S\x92\tK\x9b\xc7\x05\xed\xbd\x10\xeb\xc3\x1a?\r\x9a\xb1B\xe4\xc8&gt;\xba'</t>
  </si>
  <si>
    <t>b'~\x96/\x81\xf4\x98\x1ek}%y\x01k\xf8\xda\xd4\x98\x94+S\x94\x12#&lt;\x16M\xdb(x)R\x95'</t>
  </si>
  <si>
    <t>b'\xa6\xf2\x8e\xf2x\xb0\x8e\x86\xf2`\xb2\xdfo\xc0Br\x91.\x04\xef"\xf9v\xca\xbc\x8a\x8eR\xb0\x04\xe0H'</t>
  </si>
  <si>
    <t>b'\xf2\x0bO\x80\xe5Ec\xf6\xc7\xa4\x9e\xbaz\xb51v\xb8\xefy\x05R\x1d,"\xe2\xfav^B\x84\x10\xbe'</t>
  </si>
  <si>
    <t>b'\xecL\xce\x1bub9\x03\x1b`\xed!\xcf\xaf\x15t9T2|\xf1[WDlUys\xa6\x87n\xdf'</t>
  </si>
  <si>
    <t>b'\xbc)\xec\x83R\xc9S\xc2\x10\x93\xf4\xbc\x11[g\xae\xb1/\t\x94h\x89\x01\x19\xba\xa5\x13v\xfbQ\xb4\x07'</t>
  </si>
  <si>
    <t>hi interestfreedom loan</t>
  </si>
  <si>
    <t>b"\x19\xb7HO\xcb\xd2\x9e$\x83z\xaeZ'-\x11\n\x1f\xb8J T\xab\x9d8\x1e\x94\x00\xa6\xd2\xc7rO"</t>
  </si>
  <si>
    <t>b'&gt;\x1f;v\xf66\xc8\x96\xd5\xd9S\xd6\x89\x05\xceL\x89-i]\xbbp\xfc\x91\xe6\xfc\xb4o\x052\xaco'</t>
  </si>
  <si>
    <t>b'b%\x0f\xc6\xe5\xe7\xe7#\xa9\xca\x8b\x17\xc0K\x1d\xb1Ma*\xb5o\xfc^,\xc4\xa1\xe1\n\x8aaEN'</t>
  </si>
  <si>
    <t>reduced interest rate</t>
  </si>
  <si>
    <t>b'\x84\xf4,\xddJ0\x9f&amp;\xa7\x8f\xf9\x9e\xc024\x83e\xe2U\xcb\xe6j\xf5\xf3\x9d\xf4\xeeV\xf4\xe8\xd4\x1c'</t>
  </si>
  <si>
    <t>b'\xfd\x05\x04|\xc6*r\x99\xc7\x82Y\xfa\x9c\xf6`$_\xc7\xa4ff@\xb6\xa1\xde\x03\xdb\x01\xbd\x17\xc6k'</t>
  </si>
  <si>
    <t>MS Energy Management</t>
  </si>
  <si>
    <t>b'L6\xc3`\xf4[\xbd9\xe1\xcf\xc54\x84\x02&lt;D:_\xa1\xe0k\x95\x91\n\xbc\xf5\xca\xc9\x1azoX'</t>
  </si>
  <si>
    <t>b'\xcfE\x05\xa2\x16~\xb7\\\x1a\xbc\xa2N\x13\\:\x9c\xc2`=6\x1cO\xad \xe9\x034\x06\xcf\xe6\xd2\x83'</t>
  </si>
  <si>
    <t>b'\x0b\xd6\x8a5\xf1\xc4\x0cm\x98Z\xc1q=\xccEl\xb9_\xba\x00)&amp;\xa6\xbey\xea\xa4\xd0"\xdf\x17u'</t>
  </si>
  <si>
    <t>Rough Start, Second Chances</t>
  </si>
  <si>
    <t>b"\xbb&lt;\x14D\xf4\xd1K\x92\xb3\xef'\xc0\xac\xd5\xf0|\xbc\xd4T\xbf\xf0\xbed Z\xce\x05\xf9\x0f8\xe3\xd0"</t>
  </si>
  <si>
    <t>b'\x88j\x13x\xf7\x1c]$\x93\x8dyl\xf2\x9c\xe2W\xcf\xe0\x90)m?\xcez\x16\xb8\xb6\xa0!\x06UL'</t>
  </si>
  <si>
    <t>restructuring of existing debt</t>
  </si>
  <si>
    <t>b'L0\xdd\xcd\x13"\xa7\x97\x061\x0b\xdb\xdf\xe4\x08b\xd3\x04I\xd0g\x81\n\x9d\x84\x847\x1cr\x00\xf6\xde'</t>
  </si>
  <si>
    <t>Mastercard Repayment</t>
  </si>
  <si>
    <t>b'(\xbd\x8a\xbd\xac9X\xff\x10\x99\x9d\xad\x04\xc2\x80\x13\xb5\x03\x8ak\xf6\xa8\xbb\xd6Ch\xa1\x9e\\\xd0\x8e\xab'</t>
  </si>
  <si>
    <t xml:space="preserve">Eliminate non-disappearing credit cards </t>
  </si>
  <si>
    <t>b'\xbd\xfaDI-L\xb4\xe1{\x8f\x93\x87s0^b\x8e\x91p{c?y0\xda\xa1\xf2\xe0\xe6\x05\xf2f'</t>
  </si>
  <si>
    <t>b'\xdci\xb9\x90\x81Y4D\x06Ez\xe3\x9c4\xb4\x0e\x0eSRJ\xbd\'"Ly\xf1m\xfd\xdb\x99\x81Y'</t>
  </si>
  <si>
    <t>High Interest CC Loan</t>
  </si>
  <si>
    <t>b'9\xee\xf6\x9dCx"\x15\x04d\x82\xb3O7\x90\x04\x15\xab\xec/\xe5zc\x06\x9c\xb9Q0\xa0\xac\xa9\xd2'</t>
  </si>
  <si>
    <t>Restructure Loan</t>
  </si>
  <si>
    <t>b'\xa4\x98 7(\xcc\xfc\xf3O\x8c\xe2E\x01\x03{\xee\x8c\xb3\x9f\x10z\xf9t\xb4\xff\xe9P\x86!?\x18?'</t>
  </si>
  <si>
    <t>b'\xe3u\xb1\x94\xe7\xcfj\xc2L\xb3\x9d\xb7\xd4\xf6\xc4\x1d\\&gt;\x03\xc2#\x99\xcc\x9b8\xa9r\xdfA\xa0\x84x'</t>
  </si>
  <si>
    <t>b'M\x138\x90\xe0\xa7\x94)h\x0cX\x07$\x1d;\xd1\xee\xd8\x9f\xe4\xdfn\x89\x1b3Hwl\xcaV\x96\xc3'</t>
  </si>
  <si>
    <t>b"X\xa3\xfd\xc0\x17\x19%rts$`\x80\x9dE\rb\xb9\x94\xf3(\xa64\x01'w\x94\xb9\x184t\xbe"</t>
  </si>
  <si>
    <t xml:space="preserve">Credit Cards </t>
  </si>
  <si>
    <t>b'\xfc\x11\xb7o\xd9\xa7\x82E\x8f\xe7\x84\xbd\x01\xe9\xed\xe6?\xb4\xa5G\xdf\xbe\xb8\x98\x07\xbak\x18\xe6\x83w\xab'</t>
  </si>
  <si>
    <t>Pay it off!</t>
  </si>
  <si>
    <t>b'\x02f\x03`\x89\xf9\xc3\x88\xae\xb2D\xd9\xb9\xbd\x98$\xa7\x06\to\x94]Z\x9f\xec\x86\xdf-\xec\x04f\x8f'</t>
  </si>
  <si>
    <t>b'\xd6LN\xef\x922\xe0D\x9b\xbaLg\x91\xd0\xbf\xa2\x97\xd8\x8ez\x1e\xdbh\xae\xb5\xf9"t\x1b\x97\xafM'</t>
  </si>
  <si>
    <t>b'$\xbc\xc4\xf7F\xfb\x03\xda\x1b\xc1\xda&gt;\xd6\xe4\x1cMt\xf1)s\xc8\x95d\x90]U&amp;\x880O\xb32'</t>
  </si>
  <si>
    <t>b'\xac\x84S\x87\xd9(\xdb\xbb,\x95\xfcl.\xb9I\xcab\xe8\xaeb_\xd4V\x05\x8f\xbf\x1dK\xbf\xb9\xdc\xa2'</t>
  </si>
  <si>
    <t>b"Q\x86\x86'\xc0\x0f\xb5`\xf7\x8c\xdb\xe5\xfa\x07\x99\x0fN\xaa\xf3\x06\x14\xady\xb5\t\x8ei\x85\xc4~X\x8d"</t>
  </si>
  <si>
    <t>Great Debt Consolidation Loan</t>
  </si>
  <si>
    <t>b'\x83]\xd2\x95f\x1c\xbd\x00\x07`\x13H\x14\x8a\xcd\xc2l5\x89\x17&lt;\xd5\x07\x82"\xf8\xb4\x98\x0b\xaf\x92\x10'</t>
  </si>
  <si>
    <t>P2P debt consolidation</t>
  </si>
  <si>
    <t>b'\xfc\x80p\xe4\x9f=\xa2\xc9\xf1e\xd5\x10,\xf4/\x84\xb7\x13\xb2G\xa72{A\x86\x96\xcb\xf7\x89\x06\x85\xd5'</t>
  </si>
  <si>
    <t>b"\xa1l\xfc\xb8\xad\x9f\xeeGV\x92%\xd0'\x15e\xa7\xa4E]\x85\xffY\x1b\x0f\xb0\xd4\xa33$P\xf5V"</t>
  </si>
  <si>
    <t>Countdown to 0 Debt!</t>
  </si>
  <si>
    <t>b'\x90\x83\xea\x11\xd6l\x10R\xe7\x8c\x83\xb8\x08\xc7X\xe2}l7M\xac@\x00\xcb;p\xc6l\x17\xb2\xf3r'</t>
  </si>
  <si>
    <t>b'\x03e\xa9m%[\x00\xd5T\x871\x15P\x9d\xa9\x80\xde\xc7\x8c#k\xf2T\r\x80\xc3\xd7\x0f\x02\xfa\x16\x0e'</t>
  </si>
  <si>
    <t>piece of mind</t>
  </si>
  <si>
    <t>b'\xb6[\xa7\xa9CH\x03\x1a\xd3.N\x1a\x10R\xdbn \xc2s_\x1eQZcq\x0e\xde\xf6\xbd\x87,\xf1'</t>
  </si>
  <si>
    <t>payoff 2013</t>
  </si>
  <si>
    <t>b'$\xab\xa6\xbf\xf4\xe9\xc1-\xf5ps\xdb\xf8\x04\xc6\x85\xc7\xcb\x80k\x18T3&gt;\xb1H\xb2\x0cM\x95\xedY'</t>
  </si>
  <si>
    <t>b'\xdc\x0f^$\xf4\xc6\x8b\x81\x08\x0c\x13\x1c2\xedcEQWE&amp;N\xac\x10\x84\xbaFV$:\xea{\xad'</t>
  </si>
  <si>
    <t>b"\xc1*u\x02\xb5\xb7n\xff\xc9\x1cW\xfb\xc7\xd0V'\\\x0f\xa4\x0c\x8f\xff\xcaf3\x9c%\x1b=\xebW\x80"</t>
  </si>
  <si>
    <t>b'\\\xb2\xb5\x9c\xc2\xb5;S\xc9j,5\x83&gt;\x02ZFT\xd8\x19\x15%\xb1J\xbb\x19\xfb\x98\xab\xfd\xb0|'</t>
  </si>
  <si>
    <t>b'\x1bI5#\x1bY\xf5\x00\xa8\xc9uU]\xc1\xd5o\x15\x9dy\\m\x84\xba=.ozc\x88\xbdr\xc7'</t>
  </si>
  <si>
    <t>b'\x90\xd8\x19\x85\xee\x00Y:D\x07\x11r4\xc5d\xe2\x00\xb0\x94G\xd7\xfa2\x14\xf4\x1a\x88\x8f\xf1\xc6\xb2\x12'</t>
  </si>
  <si>
    <t>b'`Fn"Z\x19?N\t\x9fJ\x0e\xc2\xb3\x83=u\xab\xd4\xa8JH0\xe0KQ\xaf\x9c;tn2'</t>
  </si>
  <si>
    <t>b'\xe7\x9bW:6\x13\xb7\x91&lt;\x191\xee\xaa\x9d_&gt;\xdf\xea\x9a`\xfc\xa0\x94(\x13\x9b\xc47\xfa^\x00o'</t>
  </si>
  <si>
    <t>b'\x9b?\xbd\x93\xf1r\xd7\xdaxYm\'\x84p$\x0f$\xb3%\x04\x1dR\x1c"G\xf7w\x9f\x8d\t\xac\xe6'</t>
  </si>
  <si>
    <t>b'\xfcuy\xcdz\xe80\x0c\xa6\xa8d\xef\x19O\xffb\xddAK\x81S\xa9\x0e]\x10\x0b\x9918V\xfa\x83'</t>
  </si>
  <si>
    <t>Chase Credit Refinance</t>
  </si>
  <si>
    <t>b';\xa4\x96S\xd3\xcd\xa6\xa4+\n\x9a\xf7b\xd0\xdc\xe4\xed\x8fG\x9fF\x14\x05\x023\x00O\xd2n\xaaw\xa6'</t>
  </si>
  <si>
    <t>b'u\x9c\x14\xc4%\xba\xf2e\xae:~\xe3\x14\xe2\x87\xf6\xa9\xe0\xb0\x95q\x83\x08;4\x1f\x97\xeb\xbf0\x03\x7f'</t>
  </si>
  <si>
    <t>b'\x8d\xb0;]s\x85\x87\x86w\xb2\xed\x8d\xa7\x9e\xca\xcb\x96\xfd]\x1d~Oh\xc4\xa6\xa2\x15\xb0Q\xc3\xeb\xc4'</t>
  </si>
  <si>
    <t xml:space="preserve">SUV Chevy Tahoe </t>
  </si>
  <si>
    <t>b'@\xb5\xe4b\x9b\x88z\xbb\x00wU^\xe6\xae\x9e$:\xdc\xd7\xad\xb15\xc7\x0fV\xf9\xc3\xaanx\xae;'</t>
  </si>
  <si>
    <t>b'E\xb8\xf4\xd30&lt;\xf7) ^}\xe9\xce\x8e@\xe0N!\xc3\xbe\xcd_\xa8UFAb\x8fa\xe6p\x9f'</t>
  </si>
  <si>
    <t>b'u\xde\x01\x18\xc0\x0e\x15\xc9.\xa0\x86$\xc6\xb6|L\x8a\xddU\xc1\t9\xf0a5\xdf\xca\xcb\xa5S5\xe2'</t>
  </si>
  <si>
    <t>b"8\x10f\x9e\xd2\xc0\x1bz\x96\xcb'\tOE\x84\xbf\x0e&gt;\xf9\xb1\x03*\n\xed\xc5\x94\xe0\xe5\xa4sF\x14"</t>
  </si>
  <si>
    <t>b'\xe1\x1a\xd0\xe1[/v\xeaf\xee\r&lt;\xc4\xbd\x06*\xa4\x9b\x02C7\xf1\xcb\xff\x86%\nY\xf7j\xe8\xba'</t>
  </si>
  <si>
    <t>b'\x02\xac\x16\xe2\xcd\xf3dK~\xa4\xd9g\x1aS\xc6\x9e\xfe\xaej\x0efv\x03\x91IX7k+!n\xc2'</t>
  </si>
  <si>
    <t>Debt/Loan</t>
  </si>
  <si>
    <t>b'\x14m&amp;\x11\x95\xf1L\xc3\xfb\x97J\x87h\x0e\xa9=\xdfI\x81\xc2W\xac,\xf3PzF\xd6G_ \x98'</t>
  </si>
  <si>
    <t>Car Port,Debt Consolidation,Floor Repair</t>
  </si>
  <si>
    <t>b'\xdeop\xb0\xf9i\x06\xbd\xc9{\x99\x8d,\x81t,\tN\xb0\xd5T\xab\x7fR;8\r\x9d4u\xf8;'</t>
  </si>
  <si>
    <t>harley</t>
  </si>
  <si>
    <t>b'\xe3\x00v\x15o\xab\xfbO\xed\x17\xe7F/\xa96\x86\x96\xb1\xd7\xbb\xb7\xe1\x0cA\x89\xfa\xe0\x07\x1a\xa7\x9d\xee'</t>
  </si>
  <si>
    <t>b')\x8e\xdf\xd8\xf0h\xd1k\x03\xb1m\xc4&lt;\x1cg\x14\xbf\x9c\xf91\xa7\x12\xa0\x99q\xce\xd7\xc6&lt;\xaby\xbe'</t>
  </si>
  <si>
    <t>b'\x1a\x1b\xa2\xe8\xd6;\x17\xd9\x1e \xce4Q\x08\x94\x06\x8f\x08\xfc\xaa#J\xc0v=\xb1-|\xba\x1f\x12\x88'</t>
  </si>
  <si>
    <t>b'\xe22\xc4D\x87j,\xb9\x95\x96G9h`\xe4\xd6\x86\xdc\x80,y\x95.\xd7"\x04\ty\x17\x14E\xb6'</t>
  </si>
  <si>
    <t>b'\x81\xec\x1a\x84@\x80c\xf3\x86\x18\xc6\xea\\P\xcb\xcer_\x87\xf1nxE\x80\xeb_\xc9\x0e\x97\xa7\x06\x03'</t>
  </si>
  <si>
    <t>b'\xe9\xf1(+\x98X=s\xd8\x84\xc3&gt;\xfb\xc5JY\x94\xb7\xda\xb1\x07\xc1\xec\x8e \x1e\xe5\xefb\xe1=\x0c'</t>
  </si>
  <si>
    <t>Consalidation</t>
  </si>
  <si>
    <t>b'\x9a\xfe\xc8\x14|\xd8K\xf5\xe1\x94\x03\xc3u}}\xf1\xe5\x04\xd8\xfd&amp;\x0b|b\xdf\xf86(\xe0\xeb\xa1O'</t>
  </si>
  <si>
    <t>Lower Interest on Credit Card</t>
  </si>
  <si>
    <t>b'\xe5P\xee\xecI\xc2\\\xb0\x9f\xd6\x8f\xc7\x925\xa2\xe4.\xb2\x04\xbf\xa4\x02\xceHE\xbb\xd3\x87B\xe9\xb6\xb7'</t>
  </si>
  <si>
    <t>b'\xb7\xafg\x17\x89\xdf&amp;\xa0W\nN \xde\xf6\xa4k7\x89\x018\x94\x97\xf8\xb6\x0b\xe3\x07.\xbc\xfd;&gt;'</t>
  </si>
  <si>
    <t>Getting ahead</t>
  </si>
  <si>
    <t>b'\xb6\xa8F\xba\xe0\x07\n\xaf\x15\xa0\xe56\xab\x10\xdcy\x94G\x81\xabEX\x96\x0b\xd6\xe2\xf1\xeb5\x8b\xd52'</t>
  </si>
  <si>
    <t>b"\xf2\x9c\xc9'\xc5\xadS\xbf\xe3g\xb9\xba\xcd\x83\xcd\xe80B\x9c\xfc}\x9d\xed^\xb1y\xf6\xde\xcax\x0e\xda"</t>
  </si>
  <si>
    <t>b'\x1b;N\xd8\x9aj\x89\x04-\xd7`p\xe9O\xe6i&amp;\x83T\xc7\x98\r\xb22\x16\x96\xfdd4\xef\x8eJ'</t>
  </si>
  <si>
    <t>b'\xe4K\xd2~\xf3\xe2\t\xcbg\x17^i\x1b\xd5\xc0\xc5aMl\x89\x95\xe7O\x10\x9f\x81s\xe7h\x00\xf6h'</t>
  </si>
  <si>
    <t>Debt &amp; van</t>
  </si>
  <si>
    <t>b'x\x94\xb1\x86\xb3\x0e\x86\xfbH8\xfd\x12\x1d\xca\xf9\x88\xc3\xbc\x91\xbf*&amp;^\xc5Q\xfe\x9f\xa1U\xbd$\xd1'</t>
  </si>
  <si>
    <t>Debthelp</t>
  </si>
  <si>
    <t>b' \xcdF\x05[\xda\x91\xe3\x1cF\xd3\x04=\xb0\xd9b\x83g\xb4\x9d4\xedn\xa0\n\x8d\x87!\xd0\xec\xca`'</t>
  </si>
  <si>
    <t>b'\xca\x14e\xc8\xb0\x89j\xe5\x03\x12\xe5\xf2\x1b\xe0/\x92$G\xf7\x96\xca\x81D\xc5b\xb5\x86c\x18\xe4\x9c\xd1'</t>
  </si>
  <si>
    <t>b'\xea\xb7V;\xf4\xbe\xd7\x94a\xcf\xc5\xc8\xf3M\xa2\xb8[\xb7\x13\x15\x17\xffH\xd0\x94{7\xc3\x85\xfa\x91\xea'</t>
  </si>
  <si>
    <t>b':\xff\xa97\x1d+\x82[\xa3^\xd2\x8dJ\xc6\xd5\xd9\xb3;\x84^y\x84;\x98\xcb\x94\x84\x98^G\x17\xfe'</t>
  </si>
  <si>
    <t>b'\xb8\x86\x99\xb2\xd2&lt;#\x1cF\xd6\xd0\xac\x0fW)\xf7N\x80\x90\xb7VCz\xa9QeP\xc7\x8b\xd40a'</t>
  </si>
  <si>
    <t xml:space="preserve"> Pool</t>
  </si>
  <si>
    <t>b'|\xf6MQ\x9e\xcf\xc1\xb3z\xfcw\x0c\x8f\xf2\xd5\x03\x1e]?Y\x85\x15\xc2(\xd98\xa2[\x94\xa1\xc1\x14'</t>
  </si>
  <si>
    <t>b'\xd2\xdb\x89\xde\xf2\xdb\x8c\xc2k\xc7\xc2\xf2\x11w\r5\x8a.\x8cc\x8d\xb3\n\x15\xa6Oh\xb7\xb8\xa2\x15\xdf'</t>
  </si>
  <si>
    <t>b'+I\x1aD\xa7\x88oUg\xd2\x1eT\xa8\xcc\xeb\xe9\xe1\xb2\xa5\x8cP\\&gt;\xe60\xad\xe1)i\x11Q\xc9'</t>
  </si>
  <si>
    <t>b'+^\x05\xc5\x9b\x88N\x0f\x11P\x16\xf9A\xa4\xa7\xe1\xad\xb3\xcd\xd0\xd0\xaf\xbf\xe1\x14\x01\xe4\x93j9}\xd8'</t>
  </si>
  <si>
    <t>MY LADDER LOAN</t>
  </si>
  <si>
    <t>b'RC}\xd8\xf6g\xaf$e-T;=\x87\xaa\xb3xP\xc0\xabO\xc5\xb0*\x08y\xd0\xce\xcf\xb5\xa6`'</t>
  </si>
  <si>
    <t>b'\x948\xf3@B\x9a\x12m;;\xcc\xad\xed\xee(\x03\xbd\xba\x00\\A\xf3i\xc1\xba\x9b\xf5/\xb1f\xa0K'</t>
  </si>
  <si>
    <t>b"t\xbfM\xc6\xb7\x85\xd5i\xe47$&amp;t\x0c\x9d\ryZr\xed='!6\x0cH\xbdX!\x1c#\x08"</t>
  </si>
  <si>
    <t>b'\xc2\x17yw\xca0T\xfb5\xe4\xfe\x95G\xc9$\xe4a\xe3k\x11k\x9b\xe5\xff\x14)f\xa0\xfa\xa5\x01\x99'</t>
  </si>
  <si>
    <t>b'\x899\x0eN\xffv\xc3\x0f\x0b\xfdN\x81P\xa6 \xa8\x0c\x84\xe0\x1f\xcb\xf1\xa3\xd54\xc7\xe6\xf4\xf1B\x98}'</t>
  </si>
  <si>
    <t>b'\xec\xa1\x11\x86A\xa1 Z\x84\x00!\x04\xba\xa5\xf7\xf4\xbb\x1b\x01\x9c\xdd"g\xd6\t\x9d\x86~\xc5*rL'</t>
  </si>
  <si>
    <t>b'\x00\xf9m\xaa\xbb\xbf\xed\xbc\xfd\xac\xa3\xb1m]\xfd\xdeJ\\\xa7\xab,K\x06\x8f\x1eR\xf5\xaa\xed\xe4=c'</t>
  </si>
  <si>
    <t>b'\xd2&amp;E+\xd6qI\x12\xa3q~\x1e\\;\x13&lt;\xbci\x9av\xd0\xf3D(m8\xc0%wk\x9e~'</t>
  </si>
  <si>
    <t>b':\xdah\xa0\xd7\xda`\x97\xf5\x02\xda!YR\xd2\xc1\xb2o&lt;\xcb\x08\x85\x8b\x1f\x11\xe4R\x1f\x11\xbd\xb1n'</t>
  </si>
  <si>
    <t>b'\x8b%\xda\x169~\xb6\x06\xcc\x0fa\x8a@\xa2\xe3\x86\xb9\xdb\xecY\xc2u;\xd0\xdf\xd7\xb6\xc6eKg\xc4'</t>
  </si>
  <si>
    <t>b"\x84\x1b\xb3-\x91`?\x95\x85\x16-q\xf8\xfc`~E\xff\x97DM\xaf7\xb4u=\xab\x1b'\x99\x1c\x00"</t>
  </si>
  <si>
    <t>b'\x91\xf5Uq\x82xq\x9d\x07\x90\xd8\xa4\x97\xa7\xbcm\xd4\xcb\xb5\xa6\xfa`\xbb\xce\xdb\x0f\xf2\xd7H\xdc\x979'</t>
  </si>
  <si>
    <t>b'\x13\xd9o\x7f^\xd2{d8\xc1\xb8!L\xe9\xbdu\xcd\x05\x83\x0c\xd8\x95\x88H\xf8l\xd7\x06\x8e\xe5#@'</t>
  </si>
  <si>
    <t>smart consolidation plan</t>
  </si>
  <si>
    <t>b'\xe5\xeb\xb9\x8c\xe7f&gt;\x9a\xb2\x08,/|\xe2\xbac8\x0b\xbd\xc5\xa0\xcd\xc0\x1c\xf0`q&gt;m5\x1e='</t>
  </si>
  <si>
    <t>b"f(:\x1d'\x11\xba\xbc%\x13\x9d%\xa2\xa51\x16\x90\n\xdb)\x88L5\x05G:XPHo\xca6"</t>
  </si>
  <si>
    <t>Freedom from high interest credit cards</t>
  </si>
  <si>
    <t>b'\xff,\xc3\x04\x18\xc0\x92\x19\xdb\xcep\x7f\xf3\xbf\xd0\xf8\x0e/\x15\x19D5\xadGR\xcbw\xbb*\t]a'</t>
  </si>
  <si>
    <t>Stable investment-CC refinance</t>
  </si>
  <si>
    <t>b'\xfaD\x14\x900\x95\x8a\x8e\xb6\xfd0\x05\tb\xfa6\x07\x86\x13\xed\xac\xbe\x94TlS`\xba\xec m!'</t>
  </si>
  <si>
    <t>b'\x96\x852\xb1\xe6\xcd\xebQ\xbe\xef\x19\xbc\x1c\xf0\x91\xde\x95\xb7\x8d\xb9\xa6:W\xcf\x15\xcb\\\x9a\xe6\xf2~\x84'</t>
  </si>
  <si>
    <t>b'\x8e\xec\x19\x19\x0f\x8d\x93\xe6\x1c@\xdf3\x7f7\xb9\xad\xcf19Y\xbagh\x07\xcd\xbd\xf1\xff\x8fA=\xa2'</t>
  </si>
  <si>
    <t>No more CC</t>
  </si>
  <si>
    <t>b'\xe9Yb\xda\xd4\xd5\x9b\x9f\xfb\xac\x08Qb\xf45T\x0b\xc6j\xcbe\x9d\x08\x0bD\xb74\xe8\x1e\x8b3B'</t>
  </si>
  <si>
    <t>b'\xf3%\x10\xfe\xaa\xf9+\xd6\xf2mjI\xfd\x8f\xd9\xee#\xd8LZ}|\xbaI&amp;\xd4OX#\xbc\xab-'</t>
  </si>
  <si>
    <t>b'\xa3\xd0wCt\xf7\x1f\xa0q#\xa9\xbbE\x9a\xf5\xa4\x8fH\xbe\xca\x9c\xab\xe4N\x89P\xf5(P\x98\xfbJ'</t>
  </si>
  <si>
    <t>b'\xb8\xa9\x82d\xebq\x1do\x198d\x16\xbc\xd2&gt;H/\xfc\x136\x80*\xf0z\x8b\xa3\x97\xabn=RO'</t>
  </si>
  <si>
    <t>2013 Reboot</t>
  </si>
  <si>
    <t>b'\xa8\xc1J-~\xca\xcb\xf4\x0f\x7f+p\xb5\x9e\xae\xe4\xc6\x026Fz.&lt;\xca\x9a!\x07\xa4\x90;_`'</t>
  </si>
  <si>
    <t>b')\xc9\x08\x1f"\xf0\x19\x1bm\x14\r\xe4;\x96`\x0b\xe1\xa2\xb9\xcd\x07!f\x03-\xac\x9fJ\xea\x86\xd4?'</t>
  </si>
  <si>
    <t>MY DEBT CONSOLIDATION LOAN</t>
  </si>
  <si>
    <t>b'\xbb\x08\x1d\x06\xc5\xbe\xd2\x1c{\xad\x9e:\xbf\xb3|{\xf5&lt;!)\x15\xda\xe3\x05&gt;dCR7\x0e\xc3\x9b'</t>
  </si>
  <si>
    <t>debt consolidating</t>
  </si>
  <si>
    <t>b"=\x83\x00\\'\xfct\x10\rJ6\xacP`\xe3O\x0fs9j\xed\xab\xfe\xd5tN\x07\xed\xdc\x97\xa4\xd3"</t>
  </si>
  <si>
    <t>b'&amp;~\\-\xf2\x1f\xb4\xb3\\g\x132\nmH\x83\xe3\xee\xd8v\x81\x87\xa0\xc5p\xd5\xa0\x07TG\x86\x8f'</t>
  </si>
  <si>
    <t>b'\x08&lt;\xbeL\x9e[7\x90\xc1r\xb4\xb3\xf2g\x88\xb3\x81u\xd6\x0fD{\x00\xd1\x99v \xb2\x94O\xd6\x14'</t>
  </si>
  <si>
    <t>b'[\x00\xb5P&gt;\x067\xde\x8c\x14n?$tj%\x92\x97\x8d\xc0[\x9b\x02\x16t\x02\x9c"V\xc5vP'</t>
  </si>
  <si>
    <t>Refinance high interest</t>
  </si>
  <si>
    <t>b'-\x8f\x91\xe5\xbf\xabR3\x98\xef}\x0e\xec\xc6t-\x85E%\xc8\xdb\x88\xe6\xf5\xae\x0e\xb8\xce\xf7\xca\xaf='</t>
  </si>
  <si>
    <t>b'&amp;u8\x933\xfd\x84\x1f\xc2\xe3d\xc1\x15N\x82k/\xd0\xb7\xd9\xb6\x80. \x82\xd8V\x9fF\x8aK\xee'</t>
  </si>
  <si>
    <t>b'\xacS\x0fW?~\x9aI\xbb\xf8\xebk\x00w\xae\xe62x\xef\x1a\x7f\xf8\rGt\xfa\xc8\x82D\xc6CU'</t>
  </si>
  <si>
    <t>b'ra\x11g\x9d\xf3Y;\x9de\xaf\x132\x06\xf2!.\xa7C8U\x0f,\xf5^$\x9e\xc5\xbb\xd7\xfc\xbd'</t>
  </si>
  <si>
    <t>b'\xdbS\x8f\xe1\xca\xd2\xba\x1a\xea\xf6,}\x99\xaa\xc4\x81\x1br_\xb2\x0c\xb7\xd0\xb6\x9bU\x95\x03;)\xb3\x96'</t>
  </si>
  <si>
    <t>b'(}\x00\xf0U\x97\xbe+b\xee\xd2\xdd\x94\x16)\xc6\xc0\xb7;\x00+$\xb7\xac*\xe9P \xdd\xa4\xa7y'</t>
  </si>
  <si>
    <t>b'F5\x86\xbe^\x1dy\xe3\xb0pj"&lt;+\x94O\x07\xc5|#\xfao\xb7\x13\xb53\x95\xdfnVH\xad'</t>
  </si>
  <si>
    <t>b'^\xec\x90\xd4\xc2eUq\xfem\xb5\xea\xcf\xb4\xa2x\x02\xfd\x9cs\xfbq\x00\xca\xfb\xa1\xc1\x1c\x82\xf6[\xab'</t>
  </si>
  <si>
    <t>Cash Money</t>
  </si>
  <si>
    <t>b'NWeq\xc1\xdbIb^(nh\x895\xe3n\xcf\xe3h\xc3CH\x80\x10\x94us-c\xde\x97\xb7'</t>
  </si>
  <si>
    <t>b'\x9aF\xff\xda-T\x9a9a$N\x1e\xeaL\xf0\x849\xf6Hi\xf0o\x93\x8e\xf0\x07\xfe\x17\xdb\xcb\x9fi'</t>
  </si>
  <si>
    <t>b'*\xae)\xcc\xed\x10\x84d\xa8*\x92_\xe0J\x80\xae\xf5\xe6\xbf\x03r\xd1[\x02\xf0\xb8E\x84\xd0btx'</t>
  </si>
  <si>
    <t>b'\xecT\xd0\xe4\x0eb\x8a\xb5\xda\xb7\xb3\x86\xb2a\x00Z7\xde\xaf]\x89\x0e\x9b\xa5\xed5@u5P\xb1)'</t>
  </si>
  <si>
    <t>Finance Learn</t>
  </si>
  <si>
    <t>b'a/X\xf5~\xc4\xff"\x1d+\xf6i^\xb6 \xc7\xfcW+\xb7\xcb\xd7%\xad\xa2#TQ\x91\xe7\xb2\x1a'</t>
  </si>
  <si>
    <t>b"\xd6\xf9Z\xd6w&lt;\xb4\xafMZ\x01y\xf8\xb7@\x08\nU\xff:\x87\xedF\r\xe7\xd6\xe7\xe8Q\xba\xa7'"</t>
  </si>
  <si>
    <t>b' \xa9\x17\xc6\xbb\xb1\x9c;AT\x03Y/\xec!f\xf8\xb4\xa4@\xd1\xb9\xcaX[#\xdaS\x84eK\x06'</t>
  </si>
  <si>
    <t>b'\x11\x85\xb0z4\x87\xdan\xc6\x19(\xc9\xa2\x1d\x80\xb9\xa3\xc6e.\x90\xdb\x86\xbf\x00s\x1a\x95\xac_\x0f&gt;'</t>
  </si>
  <si>
    <t>PAYOFF 2013</t>
  </si>
  <si>
    <t>b'\xf2"dIm\xfa\x14J\xbc\xf0\xc3\xbaG\x1e\xd7\xa9\x0c\xb9\xb1\x99\xd3*\xd0.\x7f\x02\xea\x07\xcaD\xf1J'</t>
  </si>
  <si>
    <t>b'k\x94"\xabI\xfdZC\x1d\xdb\xbf!j\xbf7&amp;\xcfnA\xe6\xd0\xdaD\xa7M\xf8\x15\r\xd7\x8c\xceI'</t>
  </si>
  <si>
    <t>b'{s\x8dM\xc3\x8a;\xc2\x17J\xe0{66g=\x96f\xd6E=\x07\x98\\\x9a.uu\xfbP\xf5n'</t>
  </si>
  <si>
    <t>gameplan</t>
  </si>
  <si>
    <t>b'\xf0n\xac\x93\xf6\xa0\x93\x04\xfa\x96Z\xc0\xd17\xb3\xaf\xb8CY\xc8\x04\x06\xc4&amp;\xde|y\x91\xbd,\x88\xe3'</t>
  </si>
  <si>
    <t>HOME IMPROVEMENT SHORT TERM LOAN</t>
  </si>
  <si>
    <t>b',Q\x0bpQ\x13\xa0\xa5\\\xb5N\t\xf6.\xe3\xc7&lt;\xf7=#\x8fFK\x9b\rS\x80&amp;}XK-'</t>
  </si>
  <si>
    <t>b' 9\x184\xb3J\x83[\x8b\xea\x1b\xc3\xe5r\x06\x94\x82\xd9p\x9f\x8e\xa3,0\x82\xc3\xb1\xa8\x03\x1byJ'</t>
  </si>
  <si>
    <t>Pay Off High Loans</t>
  </si>
  <si>
    <t>b'\xd2\x93\xca\x1f\xd7}\xe5\x8d\xc6\xf0\xb3\x1e3L\xdd&amp;s\x81\xf2O\x88\xde\xb9\x82\xbd|\xe6B\xe3y\x19\xff'</t>
  </si>
  <si>
    <t>b'\xd9o;N\x81t\xb0a\xbfA3\xfe\xd1\x11\x0bn\xa9\xe4g\xda\xf0\xfc\x1c\x0c\x0f\xc9\xff\x87+\x86?*'</t>
  </si>
  <si>
    <t>CONSOIDATION LOAN</t>
  </si>
  <si>
    <t>b'\xc5\x86p\x9c(\xf5^\\\xcb&lt;\xff\x1eUR\x02\xf9V?\x11\xcab\x01\x08\xddG\xfc\xd3\x17\xaaU`\xc9'</t>
  </si>
  <si>
    <t>b'\xe17\x87\xca\xc4qc\x07UAM_\x8cty\xff\xb35\xbfCo\xe5\x1f\x9d\xbf\xef\xc5\xef&lt;\xf1T\xd3'</t>
  </si>
  <si>
    <t>b'\xfe-=\xb9\x17\x85\t^\xc7X\xe6\xb0u\x1aZ\xa1\x91\xf2\x0eg\x0c\x92\x0c\t@\xe3\xf8;}\xf69&gt;'</t>
  </si>
  <si>
    <t>b'\xf1\xe7\xde\tE\x9e\x8bi\x93G\x86a\x91\xf9\xe1\xa0\xc0\xf8\x96\x03\xef\xf9\x0f_\xa2BD\x86\xd5S[!'</t>
  </si>
  <si>
    <t>Debt Freedom!</t>
  </si>
  <si>
    <t>b'\xb8\xc7/\x9b\xd7v\x1b\x19\xdcL(\xb4\x1f\x02\xc4\xe9\t\x0e\xf1=\x1bq*2AETc@1\xf0\xf4'</t>
  </si>
  <si>
    <t>b'\xd2\x91\x17\xf5\xeb\xd6\xe7\x14\xee@\xa2G\x07\x03%\xd5\xf7%\x9d*\xd1n\x86\xef\xbb\x95\xd5\xa7\xecn\x17u'</t>
  </si>
  <si>
    <t>b'\x10\x80\xe8|o\xb2\xcej\xf0HR\xa0C\x1f\x99\x18U=f\x1dh\xdb\xae\xda\xcd#\xfaB9\xc2\xe9\x9f'</t>
  </si>
  <si>
    <t>b'\xd2|\x8eu\xb5R\xfd|\x07\xe4\x95\xb6x\xa7\x92\xadq-\xf9\xc8c\xca2?g\x11\xbd\x99\xe1\xb6@8'</t>
  </si>
  <si>
    <t>household loan</t>
  </si>
  <si>
    <t>b'i\xb2\xab\x19\xb8\xb5\xf4iFr/R\x15\xe1\xb2\xc8QV\x0b\x8c\xc0\xb1\x0fJ\xee\xce\xa7\x8d\xaa\xc4k\x0b'</t>
  </si>
  <si>
    <t>Moving expenses</t>
  </si>
  <si>
    <t>b'$\x11\x05\xc7%\xf6F\xa6Yf\xf44\xe4Pib\x15\x0e\x9c)I\x9c)\x15\xf6J\xb2\x86\x16m`\xe5'</t>
  </si>
  <si>
    <t>b"^fX&amp;T:K\xc3\x1b\xdd\xcd\xfd\xfa{\r\x1e\xb2\xcb3\x83\xec\xdf\xbbb\xddH\xc0'@:-\xfd"</t>
  </si>
  <si>
    <t>b'\xdd\x8e\r\xb4x&gt;\xdd\xd1b\xde\x89I\xed\xa3\x9a"X\xc1\x81\x83\x1dS\xa5\x9dZX\xbbU\xac\x9c\x81\xa6'</t>
  </si>
  <si>
    <t>b'\xc5\xc9\x10\xd4\xed[2v)\x9c\x1e\xf4\xcd\xb0\xf7A\xdc-K\xaa^2\x94m\x1d-)\x0c\xee"\xe8\xf5'</t>
  </si>
  <si>
    <t>b's\xab\xbe\xc1\t-+\xd6c%\xe7\xf7\x9b\x82\xe2\xff\x13\xee\xc2\x92\xd6\xd4Sz\xe1\xc5l\x9fB\xcf~\xb7'</t>
  </si>
  <si>
    <t>Love that last 4ever</t>
  </si>
  <si>
    <t>b"\xf4\r\x8c\xe6\xe5\xeb\xdbY\xfd{\x81\x99\x02\xe0\xaf~[4\xc5\x97 \x1e36\xaf*\x92\xd0\xcc\xdd'\x1d"</t>
  </si>
  <si>
    <t>b'\x81\xc4p\xaaB\x0e\xe8\xecJj\xb7\x85\xc2\x0cnU\x1an\xad\xbf\xaf",6\xa5\xd2\x7fcc\\6\xc1'</t>
  </si>
  <si>
    <t>New Chapter</t>
  </si>
  <si>
    <t>b'\x88Nu\xbd.\x04.\x90m"\x12\xb9\x97f\xd9.\x86\x8b\xc3\x80{I\xf4\xf75\xb4wH\xbd\x1b\xe7\xf3'</t>
  </si>
  <si>
    <t>b"\x05\x14\x89n\x1c\\\x0b\xb2=IH\x92\x95\x0bZ\x98\xb9\x9b\xd7\xae\x90?p\xb9\xbc\xc5\x96'\xfa\x1a\xa5R"</t>
  </si>
  <si>
    <t>b'\x0fn/&lt;\xaa4\x90\x0c\xe3\xc5\xe3]2\xf5\xa1\xbd\xd5\xdfS\xd2\x9cC\x7f5^-\xf8^[\xa9\xf7n'</t>
  </si>
  <si>
    <t>debts</t>
  </si>
  <si>
    <t>b'CW\x9a\x1d EU\x97\x8f\xf7\xa6\xed`\\\x07\x05H\x15`R\xaa\xb6\xef\x0f\x04y\xe8]\x84\xb3\xd44'</t>
  </si>
  <si>
    <t>b'\xbd=\xce\xc4F\xe0}8]\xdd\xdd3\x0c\x89.=0qp\xac\xb9\xc6\xed\xcbV\xb8\xa0\xfd\xa6n/\xb8'</t>
  </si>
  <si>
    <t>High Interest Pay Off</t>
  </si>
  <si>
    <t>b'\xc0u\t9T\xa5\xc1\xf0\xacO\x87@\xf78\xd8\x99X1\x9b\x12\xa4\xc8Y#\xf8\xfbv3\xb9\x8c5\xfc'</t>
  </si>
  <si>
    <t>b'\xc3\xd0FMFl\xcb\x90\xa6\x1c\x8c\x98\xc9\x0e\xb3\xaa`b\xa1\x99\xb9\xc7\x8byZ,?\xf8\x1f\xfcB\xae'</t>
  </si>
  <si>
    <t>CC Ref Loan</t>
  </si>
  <si>
    <t>b'vk\x128"\x982~\x7f\xd9G\xbb\x90R\xfa\xacQ\xe7\xc6B#\xae\xe7\xa1j\xd3&gt;\xf8%\xc8\xf1\xc9'</t>
  </si>
  <si>
    <t>b'2\x88\x96\xf3*&amp;\x9be\xc9%\xdb\xc89\xab\xf7\x1d\x13\xf3\xac\xd7Yf\x0b8\xda\xed\x10\xf3~\xdfma'</t>
  </si>
  <si>
    <t>Major purchase loan</t>
  </si>
  <si>
    <t>b'\xfd\x04\x91^\x0e\x99ItwA\x1f6\x1e\x9f\x16\xadb?9N+\x03w\x8a\x02L\xa9\xa5\x86\x17\xc2D'</t>
  </si>
  <si>
    <t>b'\x16=\x05F\xf3\xdcw\xd3\x81\x141x\x9d\xcf\x16\x02@\xa0\x1a\xa8\x0e(@5?e\x13~E\x19)v'</t>
  </si>
  <si>
    <t>b"S\x82\x8b\xe5=\xcb\r\x1fc\x18z\xc9'\x89\xd1\xe3\xf6\x0b\xbe\xa1\xa9\x07&amp;\xb9\xbd|\xd7\xa1\x89[\xc5\xbb"</t>
  </si>
  <si>
    <t>REPAY</t>
  </si>
  <si>
    <t>b'\x9dZ&amp;\\_\xbb\x91\xcd\x9c\x08$\x1a\x15\x9b\xe7\x92\x9b\xf49\x1a\xae\xbd\xdfH\xb1\x9a\x85\xa9s\x17[^'</t>
  </si>
  <si>
    <t>credit card clean-up</t>
  </si>
  <si>
    <t>b'\xf7\x83\x82\xc1\xa3\xae\xcc\x88\x91\xe7\xd4\x0b\xe1\xe1\xe9N\x81O\xeb\xcd\xb5*\xaa\xeb\x13\x98\xa3G2\xf2\xa3d'</t>
  </si>
  <si>
    <t>b'\x95W%\x18u\xa0\xe1\xa1\x1a\x0bPK+A\x87\xf2o\x95V}\xf6\xd9dxO\x91"|qr`k'</t>
  </si>
  <si>
    <t>b'\xa1R\r1#\xab\xf2\x1cl\xe0\xb7HP\x16~u\x8d\xba\xc9\x87\xd4V\xc5\x16\x98\xb4\xba[\xef\xfaU@'</t>
  </si>
  <si>
    <t>better way</t>
  </si>
  <si>
    <t>b'\xd2\x1d\xa3\xa6\xb7\x18`\xbf\xe7\x95\xca\xe8\xa4\xf9[!\xb5$H\xd8\xd1\xff9\xe9\x98\xb4\x83\xa0\xb0\x89n\x1c'</t>
  </si>
  <si>
    <t>b'\xa6Oj\xcbF\xc2\x8a\xfc\xa7\xa8\xad\xfc\xf2\x17;\xaan\x7f\xe8r+\xcd\x1f\xb9\xd9|;&amp;\xcb{\xd3\xe5'</t>
  </si>
  <si>
    <t>b'\xb2\x81\xe6z\xd2\x9df\xc7\x967\n\x86\xa2\xc1I\xdf\xc9\x87\x06c\xe0\x96\x80\x82o\x11\x14^#\x86m-'</t>
  </si>
  <si>
    <t>b'\\j\xba\xc8\x98\x03ZD\xa1%\x9b\xb7X\xa1\x91g*\x81\xe9)\xfc\x1e\x13]\x14\xbc\xa5\xf9\x11-\x15\x83'</t>
  </si>
  <si>
    <t>b'\xd4t\xbf+\x9f\x1fR\x05\xfd\xd9\x9fLzT\xe5(\x81S\xa6d?\x93K2\xe7\x16\xb7\xa7\xc4G\x0b\xd6'</t>
  </si>
  <si>
    <t>b'x\xf5\x08\x9a\xa0\x16]gR\x0f$\xbf~\xf2Q\xe4\xc2\rf\xb1_\xe9\xa4MZLI)\xac\x05$\xba'</t>
  </si>
  <si>
    <t>b'\xe1\x17\xb8\xd4XJ\x1c\xb7\xbc5\x87\xda\xff6\x16\x15\xb4\x81\x937\xce\x81\xfa\xe5P\x9d\x12\x82-\x97\x98\xbb'</t>
  </si>
  <si>
    <t>Relocation loan</t>
  </si>
  <si>
    <t>b'f6^\xda\xc0\x91\xdfA\x8b~m\x7f\xa5h\xcbNz\xcd^t\x84\xb6?\xc5J\x16\xfe\x0bO\xecY\xe2'</t>
  </si>
  <si>
    <t>b'\x16\xb1\xdf\xaf\xa1\x12m\xc6\xec\x82\xb7V\xcb\x83\xec\xaa\xbd\xd9.\x8b\x1bK\x9b\xd9\x9a\xa2\xae\x85\xc2\xcem!'</t>
  </si>
  <si>
    <t>b'\xde\xa3\x82\x87\xcc+\xd8\xfc\x14WV\x01\x01\xb9\xad\xd0Q\xdc\xae\x16\xaf5\x07\xdc\xa0\xfcC]~\xa2m5'</t>
  </si>
  <si>
    <t>b"\x1e\x13\xa9v\x06#\xea0\xee\t\x9f\x07b\xff\x8d\xde\xb8\xea'\xb7(\xa3\xc1p\xb2'\xbc\xd7lCIc"</t>
  </si>
  <si>
    <t>b'\x14+ak\x13?D\xd2rE\x99y\xe6R\x867|\xe1\xb1\xef\xed2\xbc\x89\xc0\xa6\x161U"\xe1\xb4'</t>
  </si>
  <si>
    <t>b'q\x03\xc0\x10G\x04\xafo\xd70o2\xa2\xcf\xf2g\xf2\x1a\xe1/\x83\xa6\xa0\x16\xa9*\xa4\xbbAbZM'</t>
  </si>
  <si>
    <t>I need to get away!</t>
  </si>
  <si>
    <t>b'\xbc`\xec*\x05 \xa4\xaf`\xbd\xde\x1b\x1bXr\xda\xc4\xfbEK:d\x90 \x91\xee\xa00\xf7\x95\xe4\xd5'</t>
  </si>
  <si>
    <t xml:space="preserve">refinance previous loan </t>
  </si>
  <si>
    <t>b'5V\xe9\x05\xdd\x06\xee8M\x07\x7f\x80%\xe3\xa8\xf63\x18\x11\xd1\xab\xb2\xf9\xf5\xfe\xee\x9e\xd3\x1a`\x89\xae'</t>
  </si>
  <si>
    <t>Dump discover</t>
  </si>
  <si>
    <t>b'&amp;\x0f#\x8co\xc1\xb3h\x0e\x90\xd3ww?\x8fr\x19Ka\xc4Nm\x00\x8b\xce\x1a\xc1\x14eW\x07\xda'</t>
  </si>
  <si>
    <t>b'c\xa6\t\xcd*\nY\xf0\xbc\xd8_r\x85\x89;\xc31\xcc\xe1\x92\xfa\x15L\xf5/\x99\xf3\xc2\x06\xb2\x0e}'</t>
  </si>
  <si>
    <t>b'\xb4\x9de\xe9\xd1\xbf\x81\x97\xfeR\xcb\x01\x82-\x00\xf4\xd7\xecM\x854Y"p3&gt;\\Q\xd8+\xc7\x06'</t>
  </si>
  <si>
    <t>Dept payoff</t>
  </si>
  <si>
    <t>b"\xd0cY\xb8P5\xdf\xfc\xaf\x82i\xd3'k\xe2\x92\x17Z\x95PO)R\xb9\xd01\xd9 %j\x91e"</t>
  </si>
  <si>
    <t>b'S\x92\xe3AY~\x18\xb1W\x12V\xb42\x1d\x0b\x1b\x8fr\x92*f\x88\xb53\x1f\xb1\x84\xcd\x0bW\xca\xa5'</t>
  </si>
  <si>
    <t>b'\x0e!\xfc\xa3VhK\x99\xc5\x96N\x8b\xdb\x8c\x9f\xd8i\x03\xbc:-qy\xa3-G\x84\x9d\x11\x9a\xcc\xae'</t>
  </si>
  <si>
    <t>b'\x91H\xd1Jbc\x1d\x93W:Q~\x8c\x19\x10\xf0\x13\xa7[\x9d\xf7\x18~\xf6\xb7\x0c9M\xcc\xdc[\x84'</t>
  </si>
  <si>
    <t>caminijio</t>
  </si>
  <si>
    <t>b'\x81\xde\x99\xfe\xd2\xc8\xf5V\x063\xbfC\xee\xe53D+\xbcb\x1e\x18\xd4Fd\xe0?\xd2\xc3d\x14\xbb\xb0'</t>
  </si>
  <si>
    <t>b'\x1d\x17\x83\xba\n[\xba\xfa\xc1\xd4d\xea;(\xbac\xd0u@\xa2\xe4\xbc\xccN\x0b\x9f\xcba\x86k\x9bB'</t>
  </si>
  <si>
    <t>b'\x12\xa6\n\xf6T\xf1\x8b\xe5Ni\xee\xb3&amp;w\xbc\xf9\x90\x14Y\xd7\xd0\xee\xea\xbbA\xbb=H\xbf\xb4I\x1d'</t>
  </si>
  <si>
    <t>b'\x01\xd7\xc22\x05\xedD\xe3\xf4po\xc4-\x8a\xe7\x80\xf4\xc3\xb8\x85\x92K\x8c\xc2!\r\x7f9\xeb\xa0\xb0j'</t>
  </si>
  <si>
    <t>b'\xc3b\\0\xa9\x82o\x9e\x1di\xb6\x82\xaaQM\x12\x8f\x05\xb3\xd0\x92\xaf\x15\x0c\xf3\xca\xfa\xc9JUU\xcc'</t>
  </si>
  <si>
    <t>low intrest</t>
  </si>
  <si>
    <t>b'[\x9ay\xa9\x19"\x9cm/\x9a\x08\xbc$\x03\x05\xca\xdeK\x82\xd9\xa9\x1b\xc4\xe9\xdd\xba\xec\x99|\x8d\x98k'</t>
  </si>
  <si>
    <t>b'El\x93\xeb\xee\x01\x87r\x17\x95"T\x02~A\x05\x8c\x16~\x7f&gt;&amp;H\x90\x04in\x16\xbaZ\xbd\xa8'</t>
  </si>
  <si>
    <t>b'\x03\xd8\x979\xfd\x8fM\r\xaf\xec\xce\xe1\x9dH\xa5h\xea\x07\x01\x93Q%\xde\xf1\xb6\x0e\xdb\x9f\xa1\xf14\xe7'</t>
  </si>
  <si>
    <t>b"\xcd\xbc\xbf'\xe9\xf6\xad\xeb\xd6\x05zIw\x11\xa7\xee\x82\x16l\x04\xd8\x91\xa0\x88\x16\x14&amp;B\xd8&lt;5\x8d"</t>
  </si>
  <si>
    <t>b'\xf6e7\xfe\x84\xc9\xde\x01s\xfb:\xfc\xf7\x85\x13l\x17_\xfa\xb9p\x0f6\xc9\xeaw\x8fOqV_\x93'</t>
  </si>
  <si>
    <t>Bathroom</t>
  </si>
  <si>
    <t>b"\t\x0b_\xa2\xdc\xb9\xef]R\xa4\xe7n\x82\x95\x94'\xb3Z\xb3\rAa\xeb\xd4\xc5\x9b\xfc\xfcR\xcc\x1d`"</t>
  </si>
  <si>
    <t>CC payoff loan</t>
  </si>
  <si>
    <t>b'&amp;^/\x84M&lt;\x86\x9aB\xfa3E\xab=\xaas\xf9r\x89\x9c\xd83\xca\x92\xf5@\x17\xda\xe5\xdeZ\x83'</t>
  </si>
  <si>
    <t>b'\x88\xd5\x82x\xd6L"\xdcUn\xf3\xc8\x92\x81\r\xa3\xc2\xe3\x92S\x82\xfb\xf8\xa6\xac\x10h^\x8fI\'\xfd'</t>
  </si>
  <si>
    <t>Personal Load</t>
  </si>
  <si>
    <t>b'\xb7\x92\xd2\x90OxJ\xc2C]D+\x1bc\xe8N\xf5\xdb\xc6\xe7\xf6\x1a\xcd}\x13-[\xb2\xdd\x0e\xac}'</t>
  </si>
  <si>
    <t>b';\xaa\xce\xa0\x92W\x02h97\xadH\x0c\x8d\xcc\xb0a\xeaM\xf3b\xfdxV\ry\xf5\xd5\xa7\xa4\x97*'</t>
  </si>
  <si>
    <t>b"`\x9bvo\xef5\xc4\xf2'\x16\xe8&amp;B\xa9\xef'\xec\xc8&lt;=ZJx!^2\x17o\x97S\x8a\xfc"</t>
  </si>
  <si>
    <t>b'@l\x1a\xa9\xe3\xc8\x1f\x16`#:&amp;\xd5?&gt;m\xbed\x0e\xf9\xe6\xcb\xd2\xdd\x0f\xd2o\xe4\xce,k\x0e'</t>
  </si>
  <si>
    <t>b'_J\x97\xf82\r\x02A\xb6\xaf\xefi\xc641D\xe3\x9e\xa9:\xae\xa7,\x9c\x93\xaf\xd0\x12\xcc\xf8e-'</t>
  </si>
  <si>
    <t>b'\x10J\xcdXqM\xa5S(9}s)\xcd\xdeq\xae\xc8H\xf2\xc0\xbd\x11j\xbb\x8fNp I\xd2\xf8'</t>
  </si>
  <si>
    <t>The Card Killer</t>
  </si>
  <si>
    <t>b'Ei\x8e\xd4\x191H\xfd\xb3\xcd\xfa\x96\xba\xacc\xf3\x02\xbcG\x84%\xbb9\x7f\x86\xebV\xa8_U&gt;%'</t>
  </si>
  <si>
    <t>b'\xc7\xef.\xcf\xde\xa7K\xf2\xca\x13\xc7\x87\xef\x96\x04c\xd7\xed\xf7\xeat\xabN\xc5C\xff\xc1\x9b\xb1\x02.\x9d'</t>
  </si>
  <si>
    <t>b'\xc3\xd3\xbe\x0c\xec,\xb9C\x07\xd42\xbd,J\x027\x8f\x8d\xa7\xc9\xc1\xaa\xe8j?\x17D\x8e\xb4\xdb+^'</t>
  </si>
  <si>
    <t>Cc</t>
  </si>
  <si>
    <t>b'\x8c\xc1^I\xb5\xe0\x05B"\xe3\xaf\xafR\x7f\xd4\xcc\xee\x82\xa1tGvE\xb5\x81O)\xc2\xde\xa8/\x98'</t>
  </si>
  <si>
    <t>Clearing the Underbrush</t>
  </si>
  <si>
    <t>b'\x13?\xa7\x95;\xfa+\x90\x8c\x0bFL\xa8\x87-\xb8j\xc0aQ:B\xea@\\;\xc5y)\x9d\x81H'</t>
  </si>
  <si>
    <t>Tax</t>
  </si>
  <si>
    <t>b'@\xd4n\x8aI\xeae\xf3\xb4\xf8\xfbk\xa7\xca\x10\xe3\x8c\x00\xbd\x82I)!w\x8d\x19\xb3\xdf\x90u\x97\xe3'</t>
  </si>
  <si>
    <t>b'\x02\xcc\x80\xbd"\x15\x10\xa3\xea\xf33N\xd0V%\xdf\xe4x\x94\xb1]\xb6+\xfb\xca\xdd\xef\x93\xcd\xa6w\x1a'</t>
  </si>
  <si>
    <t>Credit Begone</t>
  </si>
  <si>
    <t>b'\xe6{\xfcS\xa1&amp;\xa1Fs\x7f\xee\xe6W-,x\xb9\x14\xf5O\x08y\x14\xa2\x99\xc4\x82\x84\x1b\xb0\xdc\xab'</t>
  </si>
  <si>
    <t>paycreditcards</t>
  </si>
  <si>
    <t>b'\x076\x8f\x80R\x0f\xb3.\xa8\x9a\x02_{\r\xd1JKB\x16(j`\xb5\x97\xfe\x88k4[\xa8|\xa4'</t>
  </si>
  <si>
    <t>Cosolidating High interest Credit Cards</t>
  </si>
  <si>
    <t>b".\x7fM\xa1/F'\r\x8e\x1b\xa8qN\x11`\x01\xfa\xf8h\xde4\x06\xbe\xdd16\xf9\xff\xb3\x9c\xc4\xe7"</t>
  </si>
  <si>
    <t>b'x\x8a\x9bc\xe0\x19h!\x15M\xaa`{B\xf8\xccvh[#?\xb0@\xed\x98:#\x957\xac\xc9\xe9'</t>
  </si>
  <si>
    <t>b"\xc1*\xad\xcb\xfb\xc3;\xbb{\x10\x8d\t\xc2|\x9f\xf2\xe2\xc7k\xeb\xb2o'\xab\xc2\x07\n\xb6\x8f\xefK\xd8"</t>
  </si>
  <si>
    <t>Home loan</t>
  </si>
  <si>
    <t>b"m^\xbem\x7f6dR\xa5\x19\x94\xa9x\xd5\xd5\x8fl\xf5\xec\x97\x00\x19\xe5\x8a\x96t'Q,\x02YK"</t>
  </si>
  <si>
    <t>b"`\xe5w\xe1Ur\x94\xc0n\xaaj|\x93'\xe6Y\xbc\xaf-m\xb6\xa8\x9aJ\x9c&amp;\x12\xa4\xb5AG\xcc"</t>
  </si>
  <si>
    <t>Debt Consoliation</t>
  </si>
  <si>
    <t>b'\xd0n\x9e\xa7\x0c\xdb\xbf\x85\xcdf\x950\xeaU\x00\x83\xde\x955\xcaUr\x95m+u\xf2\x19b\xd9\x9e\x14'</t>
  </si>
  <si>
    <t>b'RL\\k\x020\x02Q\x00\xf8\x1dH\x9c\x1b\x9f\xdaf\xb4n\x1d\x1b\xed\xc9\xed\xe35\xf3]\xb2\xcf\x87O'</t>
  </si>
  <si>
    <t>b'\xe9Vf\xd5\x10\xc7q0\x8a\xd4\xac\xd6\xc4jN\xc0\x88\xbc\xb79\xfa3\xea\xf7\xdc\x83a\x04wH#\xae'</t>
  </si>
  <si>
    <t>b'\xe3\xd2\x92\xb8\xc3\xd1\xd5+\xb0|r\x97\xcf\x1a\xec\xbf}\xa9\x90\xe9?\xd0B\n@~\xc1\x8b\x9dx\x16\xf4'</t>
  </si>
  <si>
    <t>b'\x06Z\x7f=\x7f5|;t.\x97M\xdf\xd5\xf5\x88\x14Y&lt;v-yE\xa8\xfb\x00\xb1w\xed\x91\x80o'</t>
  </si>
  <si>
    <t>b'\xf7\xb8\xc3m7\x0b\xa04\x17\xc4v&amp;e&amp;\x1f\xea\xa3\x12\xb3:\xc8\x8a\x00\x07)f\x16et\xc7\xd6\x14'</t>
  </si>
  <si>
    <t>time to do it</t>
  </si>
  <si>
    <t>b'&amp;\xef\xb7)\x9a\xae\xd1\x08\xa7U\xb9\xcc\xabf\xe6\xe2\x00\xec\x1f$\xf7D+\x1a^\xfa?\x1a\xce\xcc\xdbY'</t>
  </si>
  <si>
    <t>b'\xf9\x8cU\xdeh\xb9\x1bZ\x18\x90\xe4\x93Jg\x10\x88\x8b\xde\x99\xb53P\xce9k,\x8a\xce+\xbf\xfd\xd0'</t>
  </si>
  <si>
    <t>b'T\x92\xe3\xcf\x08\xb1\x9f@\xe8\x1fszL\x80\x86\n/z`\xa2\xa0\x12\xb6\xb4sg\xa7\xf9\x04t\xf3\x8e'</t>
  </si>
  <si>
    <t>b'\x86\x96\x166\x89\x95\x01&lt;\x8f\r`\xe4;\xc0W\x91\xd0\x8eqX\x03\x94\xe5VB\xa3\xb4\x1f\xdf\xfe\xe4A'</t>
  </si>
  <si>
    <t>To pay off credit cards</t>
  </si>
  <si>
    <t>b'H\xf9\xfbBA*\xff\xe1\x82\xcc\xb8\x8c\xe1\xa2o\xc9Mg\x81u\xb6\xee\xef\xee\xd4O,\x95CSc\xd6'</t>
  </si>
  <si>
    <t>b'\xad\xb4\xa9\x86|&lt;:\xe8\xcb\xe1~\xaa"\xfdv\xe2\xd6\xe6+\xc26\xd5\xd6\xbd\x99\xc8\xd6Rh\xda\x18\t'</t>
  </si>
  <si>
    <t>b"\x9b\x88'r\xb8Y\xa5{\xda\x9c\x8d\xdc\xbe\x92\x11\xb8\xb4\x88\xe1K\x7f\\\xf31X\x05\x83w\xf9\x84tC"</t>
  </si>
  <si>
    <t>b'\xae\xcd#!\x96\x98\xdf\xec\xc9!\xc6\x08#B\xde\x84\xd0\xfe\xe8g\xd6\rqt/\xfb=\x8a\xd2\x1d\x15f'</t>
  </si>
  <si>
    <t>mynewloan</t>
  </si>
  <si>
    <t>b"\x1c?\xad\xf8q\x17\x1b,'\x83\xe9!\xed\xb3\xbe!Y\x8dx\x13\x03\x94\xd6i\xc02\x19\xdd\x84\t\xe6\xe5"</t>
  </si>
  <si>
    <t xml:space="preserve">Breathing easier </t>
  </si>
  <si>
    <t>b"M`\x8e+\xb7c2\xcc{X{:,a\x95\x95Y\xc4]\xf1'\xd2t\xcf($m\x8e\x15u\xe0G"</t>
  </si>
  <si>
    <t>b'\xe1g\xc0f\xc5\x1b\x7f\xdb.\x1a0\\\x82\xe3\xd4\xa4\xb7\xb5\xcb\xaaXF\xfa\xdc-\xc9\xf4[*\xc4\x9ft'</t>
  </si>
  <si>
    <t>b'e\xd7\r\xa69\xad\x022\xff\x95\xc9o@\xb0\x0cc00E^Q\xce\x7f\xe38}\x8c\x14\x10\xa2\xcf\n'</t>
  </si>
  <si>
    <t>b"\x18\xf2&lt;\xe7pL\xe1\xa4\xcf&lt;U\xe7m\xd7\xe3\xd4\xa9\xc7\x14'\xd1n$\xad'3\x07\x17\x15\xf0\x04\xb6"</t>
  </si>
  <si>
    <t>b" \xf5\x96\xf3\xa4\xe5\xd1'\x93\xda\\s\xf0\x85\x97@o\x16\xc4\x117\xd9\xaa\xaf\xf6s\xbf\xd2\xaf\xdd\xe2Y"</t>
  </si>
  <si>
    <t>PayoffCreditCards</t>
  </si>
  <si>
    <t>b'\xc1\x98\xfe\x9a@\t\xeb\xe0G\xed\x96\x17\xe2\x07\x0c\xfb\x16|d#\x93O^\xe9\xd1\xcag\x1f*\xb3\xc3\xe0'</t>
  </si>
  <si>
    <t>b'O\xbb5\xa3\xccL\xf7\xff;\xcaZ\xef\xfd\x11\x85\xe6\x01p\x7f\x18\x9b\xed\xfa\x97Y(\xc6P\xcc\xa9?\xbb'</t>
  </si>
  <si>
    <t>b'\xf8p\xfdZ\xa6\xa6\x84J\xc4.P})\x0f\x10\x05\xfb\xaf\xf5\xc5\xbcq\xb0\x83v\xab\xe2\xebB\xea\x9f\x19'</t>
  </si>
  <si>
    <t>b'\xa6\x87\xd81\x13\x95\x8d\x06\xd6\xf6\x0b\x08y!\x8ei\xfd\x14\xa4\xfe\xe4\x17\xc1\xa1\x81\xa3\xd3(\xb8)e4'</t>
  </si>
  <si>
    <t>b'?\x00H\xb3\xeb\x06\x82\x96\xf0\xeaO\x03\r*\xfe\xd1\x1a\xba!u\x0f\xa8\xa8\x9d"i*|H\x9d\xfc\x13'</t>
  </si>
  <si>
    <t>b'\xb0y\xe0C\x8eR\xb0h\xf8\xfd\xea\xb8DT*K\xcb\xc6\xc4.\x0f\x05\x9dH\xb23Uwy\xdb\xad#'</t>
  </si>
  <si>
    <t>b'\xb7\xf3\xac\x9bw\x89\x92\n\xbc\xdf\x8dLVnS\x0e\x0e\xbf\x84\xbax\xce\xc6oc\xc3\xb3\xff\xfcS\xe4\x82'</t>
  </si>
  <si>
    <t>b"\xcb\xd6\x11\x9e\xff\xf7\x1f\x1f\x8b\xaex/^V\xd5\xf30/\x8ep\x11^\x10\xf76\x95\x9e\xe0qh\xb6'"</t>
  </si>
  <si>
    <t>Credit card payoffs</t>
  </si>
  <si>
    <t>b'\x97\xff\x9bc\xa6\xdc\xf5\xe4o\x86\x08t|O\xf3E\x94\x98\x8e\xb6\xa5Q\x1f\x98rO\xb47^f\xcd\xc0'</t>
  </si>
  <si>
    <t>bye bye bills</t>
  </si>
  <si>
    <t>b'\xe2\xd0%\xfe\xcf1\x90W\xf7m\x1f\xb9\xa7\x11\n\xbc\xd55\x18\x08h\xa4\xd8\xa3e\xd5\x89v2\x87\xc8\x89'</t>
  </si>
  <si>
    <t>home improvement for fixer upper</t>
  </si>
  <si>
    <t>b'\xe5h\x03\x08c\xd9\xa9;\xd2%\xe2M\xfd\xdb&amp;R5rB\xff\nS\x94\xec\x88\x81 \xe4\xcd\xf2q5'</t>
  </si>
  <si>
    <t>Set for future</t>
  </si>
  <si>
    <t>b'%$m\xe2\x10\xb5\x84D\xb0&lt;\x83\x81qk\xc9\x1d(\xa4\xe3X4\x1fY\x04|\x93P\xeazZw\x93'</t>
  </si>
  <si>
    <t>b"'m-\x95Zv\xf0\xf6\x9cJ\nG$H\xb1[\xfa?\x10\xaa\xccLf\x18\xc6R\xf0\xe04}\xe0\xd3"</t>
  </si>
  <si>
    <t>Get out of debt!</t>
  </si>
  <si>
    <t>b'\x14\xd9g\xe1\x89\xb8@\x0f\xf9P\x1e\xf4\'\xf5`"psk\xed\xe5?\xe4\xd1\xe2m\xdeZ7B\x95X'</t>
  </si>
  <si>
    <t>b"I\xd8\xdeJ=\x03\xa7S\x0cT\xb2&amp;\xde\xd5'c/\xd1[\x01\xfb&gt;*\xc7F\x0eg\x9b\x82\xe7J\xdb"</t>
  </si>
  <si>
    <t>b'\x81N\xecL\x0fn\xcf\xfdd\xcc\xb3\x819\xe3\xf6\x82\xecy`C\xae\x90\xaa7\xb3\x1b[\x82\xbc\x86U#'</t>
  </si>
  <si>
    <t>b'M8\xab\xd53\x0e\x96r\n\xa7\x18\x9c\x7f\xe3[\x08\x9f\xb11FM\xc1\xe0\xc8\x8e\n\xe1\x8f*&amp;RG'</t>
  </si>
  <si>
    <t>b'\xec\xd6\xb3c\xd8Z\xe0\x19\xa3\x0e\x94ia\x9e\xf7wwl\x02\xb69\xcfv\x13\xd5\xab\xe2\xf3\x1b\xba\xb6\\'</t>
  </si>
  <si>
    <t>Pay it ALL Off. Pls help me do it!</t>
  </si>
  <si>
    <t>b'\n\x07\xf5\r\xc2Z\xb0}(\xee\xea\x87Qw\xd2\xb2\xa2\xeb:\xe0\x92\xe4X#@CT\x97\x1f\xd2\x96\n'</t>
  </si>
  <si>
    <t>LowerAPR</t>
  </si>
  <si>
    <t>b'\x10P\x94\xc5\xa1\xb1a\x0b\xa0KoWmi&amp;\xec\xc6\xae\xb1q\x7f\xae\xe1\x1f/\x03\x8cj\x9cv\xd1\xca'</t>
  </si>
  <si>
    <t>firstloan</t>
  </si>
  <si>
    <t>b'\x8b\x8dW\xc0\x1e\xe6~\x1fZ\x1a&gt;\x19\xa23\xcf\xf9"\x0cZ!\xeb\xcc\x8e\xf4\xd0\t1\x0f\x1d\'\xbe\xa4'</t>
  </si>
  <si>
    <t>b'P\x7f\x10\xac\x95bV\xa6&lt;y\xf6@\xe9\xb9;x&amp;\x80M\xc5\x90\xa1\xd0\xbd\x8e\xecu\x91}dkn'</t>
  </si>
  <si>
    <t>b'\xfe\x88\x08rP\xbe\xe6\x81m\xd8\xa6\xf71\xe6\xd7\x7f\x97#N\x024n`M\x98\xdd\xa3\t\xa1\xfeM\xc1'</t>
  </si>
  <si>
    <t>June 2013 Consolidation Loan</t>
  </si>
  <si>
    <t>b'\xa9\xa5r\x8e\xc2Bq\xfb\x8b\x01Ov\xf1\xe8\xde\x04\x92\x83\xfe6\xd3r\x1c\x92o\xeb\xe9\xc3K\x8bR\x10'</t>
  </si>
  <si>
    <t>b"\xd8\xa4\xa9\x8c\x94\xcd\x16\xdd\x1c\xd2G;87w\x13N\x87f\xcbb\x18\xb57t9\xe5'\xab\x87\xad\x9e"</t>
  </si>
  <si>
    <t>b'\x96\xf41~\\\xf8\x82\x96y\x8eYd\x9b=\xfd\xde\x9e\x82\x83\x8ew@\xe8E\xf9\xdb\xb0\xb9\xe6:Fx'</t>
  </si>
  <si>
    <t>b'a\xeeJ\xe1e\xaa4\xce[\xe40k\xee\x16`\x08 \xbf$\xde8$\xa28r\xa0\n0w\nA\r'</t>
  </si>
  <si>
    <t>LCLOAN</t>
  </si>
  <si>
    <t>b'\x90\xf4\xbfo\xa7\x0e\x17\xb9\xc3\xfb\xf1\x02a\xb2\xa0\x16\xfd\xd8\x16\xd5\x17D[\x84\x1a\x94\x18&amp;\x85\x8f\xf7|'</t>
  </si>
  <si>
    <t>Credit Card Payoff-Bathrom Remodel</t>
  </si>
  <si>
    <t>b'\xcd\x83A2^h\xcb\xed\xf0\x9bRV\xc5\x8c\xbf\x95G3\xb5\xd0\xd0\xa7\xd2g&lt;\x19w\x9d\xd5\xce\x90\xe3'</t>
  </si>
  <si>
    <t>Goodbye, BOA</t>
  </si>
  <si>
    <t>b'\xabF\x08\xf9\xad\xbc\x08\xf9\xe8\xa6\xc7U\x81\xbeCIn\x06\xc1\xc0\xc6\xca\xfa\x16\xd7\x15\xad\xe9\xbf\x9eqa'</t>
  </si>
  <si>
    <t>b'\xa4?\xca\x84\xe1\xee\x087\xbc\x03X\x04zNz\x12\xb1+\xb9\xdc\xd4\xfd\xae0\xff8\xb9;1\xe8K@'</t>
  </si>
  <si>
    <t>b"`\xf3'U\xdao\xcb\xa05S\x94\xbb\xc4\xbeH\xe2\xf4\xc8\x9bs\x86Z\x16\xfd\x02t\xb5\xeb\xa1\x05\x00\x88"</t>
  </si>
  <si>
    <t>b'jM~\xfdV\xa5\x86N\xb8\xea\x17\xc0\x0c\x0e\xb8N4\t\xed\x15\x80\xe3%\xad\x9c\xa3\xee\xa6\xd5\xa4\x01\xb4'</t>
  </si>
  <si>
    <t>The Final Countdown</t>
  </si>
  <si>
    <t>b'Jz,\xf1\xdd)\x87\xedA\xff?\xed\xfe?\x15\xe2\x91@\xe7\xa7h\xa1K\xa8G\xeb\xff\xbb\x1a\xd5-\xe5'</t>
  </si>
  <si>
    <t>b'z\x81U\xe6\xd7\xe829j\xdf\x88\xa1\x06\xfc\xe9vd\x1f\xef5o\x8c\x11\xad\x03\x00&lt;\x1dl\xd6\xf1~'</t>
  </si>
  <si>
    <t>b'\xf0\x8b\x1c8\xecb\xcb\xd1dw\xbe[9\x7fcp\xb2J\xc2/\x1dP\x93\xf8\xb5\x1a\xe3\x17\x1f\xf5\x0f\xfa'</t>
  </si>
  <si>
    <t>b'\xe1R\xb2p\x88\x8c\x1aL\x94\xd8\x98?\xb5\xb6\xc6[\xe0\x81\xcaz\t2\x86\xf6\x7f\x8a\x00\x17\xc6?\xa1T'</t>
  </si>
  <si>
    <t>b'}\xb8f&lt;OkO\x8a\x89p\xea+\xbd!\x95\xbe\x8b\x17\x97\xb5\xe2\xf2\x90gW\x823E.=\xfb\xc5'</t>
  </si>
  <si>
    <t>My New Loan</t>
  </si>
  <si>
    <t>b'\xe4\x8ep\xde\xbb(\xdb\xa9"\xd8w\x81\xc0\xb0\xa2}\xad\x8a\xbb\xfa\xc0\xdf3\xcf\xf0\xb4\x8e\x87\x99\x9fFH'</t>
  </si>
  <si>
    <t>Lower Debt</t>
  </si>
  <si>
    <t>b'\x14*\xe7[k\xf9\xc5M\xea\x1f\x89b|U\xa3\x05\xedd\x927\xd3\n\xf1\xb8\xef\x8f\xa8\xc2\xd20\x14T'</t>
  </si>
  <si>
    <t>b'\x0fA\xb0\xa4\x12\xf7\xb4I36\x8b\x8f\t\xe0x\x9a\x9eyg:\xaf\xbb\xda\xe3N\xb84KR\\\xf9\xb5'</t>
  </si>
  <si>
    <t>b'\x0f\xe5Q\xfc\xfa\xc4\xe6\xad\x1fU\x1c\xb2\xfbT\x99\xd7`p\t\xcd\x0e\x89\xb2ew\xcfo\x17I\xf4v\xee'</t>
  </si>
  <si>
    <t>Wedding Debt Loan</t>
  </si>
  <si>
    <t>b'u\x91\x8eF\xc0m.\xba\n\x8c\x1e\xadN\x08\xbe;-\xa1\xa2\xc4cTX\x04\xb6\xbf\x1c6\x92\xca[\xb6'</t>
  </si>
  <si>
    <t>b'Ey\xda\x16\x9b\xf2\x05\xb3\xd8zx\xc1`3\xbb^C\xb5\xc7\xa2\x12\x1a\x05\x1d\x9cp\x90\xa0\xe3\x13\xbf@'</t>
  </si>
  <si>
    <t>b"'\xe5\xc1'\xe96$g\\\xef\xbeL\x16\xbdx\xb5\xa5T\x80Z\xa2\r\xb6\x00o\xbfg\xd4\xe4\xc0\xfe\xca"</t>
  </si>
  <si>
    <t>b"R\x16'\x93\x81\x07\xabN\x82\x9e\xcc\x1b\x8b\xa5\x1e&amp;!\xb2\xa2\x9d\t\xae\xd4\xd7\x11f\xbd\xd0\xb3?\x9ec"</t>
  </si>
  <si>
    <t>b'\xfa\xf1\xa9M\xfe\xee\xc3\x80\x98\xaa\xb9?:Q!\xfa\x08\x18{\xbc\xe0k\x04H)\x99\xff\x05\xd3|6\xe7'</t>
  </si>
  <si>
    <t>Partial Deposit on Home Mortgage</t>
  </si>
  <si>
    <t>b'\xfbg\xd0%\xe2\xcf\xe1N\xf5W+?\xf7\xeeA\x8b}a\xc0\xc5\xcb)\xd7}\x1e2\xfd\x8c\x17d\xe9\xe3'</t>
  </si>
  <si>
    <t>b'6\x18\xd2c\x14\xb9Gf\x00\xf4JS5\x92\xfa\xe6\n\xb6k&gt;\xf5\xf7\xea\x1e\x14~\xc6\xb4|\x0c\x91f'</t>
  </si>
  <si>
    <t>Credit Freedom</t>
  </si>
  <si>
    <t>b'\x8b\xee\xb2hL:\x9c\\\xfbH\xe9%\xe03j\xbd\xa6\x048\xf9\xf9\xd3\xbb:\xc7\xac\x8a\xdd\xfe\x9clB'</t>
  </si>
  <si>
    <t xml:space="preserve">Debt Consolidation &amp; Elimination </t>
  </si>
  <si>
    <t>b'I\x90&amp;\x96\xe5\xe1\x9e=\xce\x0fgq\xee\xd4\xa0\x13\x82g/\xef\x8e1m|@\x8cl\xdd\xa5&gt;\xdch'</t>
  </si>
  <si>
    <t>b'\xc05J\xf7.\xa1p\xea%\xe3\xd4\xdb\x17x\xba\x0e\xd6b\xef\x0c\x85ROj\xf2\xc4\xbb&gt;\x8b\xb4{/'</t>
  </si>
  <si>
    <t>b'\x82\x12\x9b\x0f\xe1\xbe-r\x1b\xfdh\xbci\xdc;\xc4\xdcv,\xaee\xc5\xbbI\xee\xfd\x92\xb6\x9c#X\xb0'</t>
  </si>
  <si>
    <t>b'\xba\x7f\x85\x8a\xfa\xd4\x05\xc9j\x94\x9f\xf8\x8b\n\\\x1e+\xb6\xb1\xden;H\xeeE Qd\xce\xf0\x05*'</t>
  </si>
  <si>
    <t>b'\xfa\x06\xb1\xda\x9f\x8f\t^\xa9\x1e\xfd\x17\xae\xa1\xbfsK\x1fM\xd3\xfayP\x96s@\x11#\xb4\xe4Wy'</t>
  </si>
  <si>
    <t>b"'&gt;\xc8\xaa}\xb3\xf7_q\xe7\x84!?+h\xcd\x80\\\xc3\x0f\xd3\xccH\xf9\xdf\x14\x9a6\xc9\x82\xbe\xee"</t>
  </si>
  <si>
    <t>b'(\x82I\x12\xfeb\xec1\xa6V\x9b\xfes\xe9\xb6\x0bCK\x15!Z\x87Q\x12\x86\xaf\xb7\xfc\x1b"\x06\xb7'</t>
  </si>
  <si>
    <t>Payment Extension</t>
  </si>
  <si>
    <t>b'\twx\xc9\xd6W\x1bLq\x0e\xf1P\xf9/9\xa04\x16*\neo*\xa6\xacQQ\x12\x9bID6'</t>
  </si>
  <si>
    <t>b'\xc1\x82\x95Y\xac\x99\xf3\xdf\xecV{Z\xde\x10\x80\xbc\xa8\xd0EI!\x8aW\xbcxq\x90\xd5\xbap\x1b\xaa'</t>
  </si>
  <si>
    <t>b'\xd860\xf5[\xf71\x0c^\r\xc6\xd0\xaeKz\xd4\n\xeb\xb0\x880]\xa3\x02wa\xab\xa0\x1fW3\xa0'</t>
  </si>
  <si>
    <t>payoff my high interest cards</t>
  </si>
  <si>
    <t>b'R5X\xcb,&gt;{\x80s\xd5WO\xb7Jj,m.Uv?)SajO\x0b\x0f\xaf\x0c\x02\x8a'</t>
  </si>
  <si>
    <t>b'\xc6g\x10\xb1A\xb7\xec\x83\xc6_\x1b\xb0\xecZV\x823]\xc6\x8f,tz\r*\\\xe9\x9a\x809\xf0\xaf'</t>
  </si>
  <si>
    <t>b'E\xecJc\xf2c\xe0\xac\x8c\xa8\xd7\x7f\x0e\xc3K\xd9\xf4\xdcb\xa7\xdf\x0e\xec\\\x9f\xe6R\xc3t\x91~\x13'</t>
  </si>
  <si>
    <t>b'"\x04\xe0\xac\xaeH\xd7\xed+\x03?\xe8\xf2\xb0(\xc5\xa5\xb1\xe1V2$|-\xdcZ\xed\xb3\xc9\xd1\x05\x1a'</t>
  </si>
  <si>
    <t>Personal/Debt Consolidation</t>
  </si>
  <si>
    <t>b'\xcf\x17\x8f\x80\x16&amp;\xe2q\x14\x00\xfc\xd5\xbd\xe1\x14KN!/\xea6Ea\xaa\x94\xaa\xb9\xf9w\xfdJ\xca'</t>
  </si>
  <si>
    <t>b'\xcbY\xbe\x97cO\xf0\x9c3\x89\t\x17@\xf0\rC\xf6\xa9\xa0+Zq\x94\x86\x1e\xa8\xcfv\x897\x16\x80'</t>
  </si>
  <si>
    <t>My Six Acres</t>
  </si>
  <si>
    <t>b"\x91\xbc\x17\xb5\xc7\x07\xfd\x03H|L\xe4\x86O\xc5\xce\xe2\xb0A!_\xc7r\xa9\x91\xe4\xdd'\xeb[\xf2\x99"</t>
  </si>
  <si>
    <t>Trying to get above water</t>
  </si>
  <si>
    <t>b'\x1b\x88\xc0\x18\xe3\xf2\xdd\xca\x00\xfcZ\x0c\xe7\x12\x1c\xd9\xc4\x9f\xea\x80"\xe9E\x86\x17\xe8\xc0\x9f\xc5\\\x99|'</t>
  </si>
  <si>
    <t>b't\xe0\xa3\x02\x10\xed\xb6dE}\x9d\xe7\xfbe\rL\t8#c+\xb2UKq\xaaB\xd0\x85\xec\xbct'</t>
  </si>
  <si>
    <t>b'L\xbe\\\xed\xc1\x8d\xd1\xdf\xd7,\xa4\xe4e3\xa5\x0f\xfe\xb4a\x8dA\xdb O\xa2\x82\xe4\x93\xad\xf0\xa7\xe3'</t>
  </si>
  <si>
    <t>pay off loans</t>
  </si>
  <si>
    <t>b'\x1e\x8fO\xec\x99\x1d\xbc&lt;&gt;Bz\xc4sEqD\x97\x1e\x1bN&gt;\xcf:\xe4\xc5\x19[\xce|{\x08('</t>
  </si>
  <si>
    <t>House Renovation</t>
  </si>
  <si>
    <t>b"\xd49%\x93|n\xb2\xb0\xd5r\x1e2,W\\9\xa1*\xaa\xd4\x17\x9bI\xfd'sL\xef\x8c&gt;C8"</t>
  </si>
  <si>
    <t>b'\x05\x1aV0a\x1fdcY-\x85\xa1xF/\xe8C\xf0\xe1v\x855\xc0\x9e_g\xa6\xec\x92\x0f\r '</t>
  </si>
  <si>
    <t>Loan for Consolidation to be out of debt</t>
  </si>
  <si>
    <t>b'\xea?3\x1e\x94CX\xd5\xfcs)\xd4\xa9\x92C\xfaP\xa5,\xf7\xa8\xc8z\xb2|\xc0W\xc0t#\xbb)'</t>
  </si>
  <si>
    <t>credit card and loan consolidation</t>
  </si>
  <si>
    <t>b'\xcb\x1e\xadk|\xc7\xad"p\xb2\x145F\xb3DJ\xba\x13\xfd\xe8P\xf0,\xa9\x96\xdc\x06\x15\xc1l\xc3*'</t>
  </si>
  <si>
    <t>b"\xeb\x11\x8cf&gt;\xb9\x82\xf7,\xa0\xe3Eg\xc0\xac\x86\x9c\xac&gt;\xaf\x07 \x1a\x84'\x89\xac\xa4b\x14\x82\x1b"</t>
  </si>
  <si>
    <t>Catching Up</t>
  </si>
  <si>
    <t>b"%)o\xfb\xee\x937\xa4\xc8V\x81'E\xf5@l\xe3?\xb8\x11\xca\xd3\x19\xc98\xec7\xa2\xda\x86\x97,"</t>
  </si>
  <si>
    <t>b'_\x12i\xbe\xbc\xf9\xfe\x98\xc2\x06\xa9\\\xe9w\x03|\x14\xb3u\xdf6G\xaa5\xd4S\x85\xfd\x03\xa1DE'</t>
  </si>
  <si>
    <t>Lower Interest</t>
  </si>
  <si>
    <t>b"\x1ej'][\x1f\x98]\x0b\xdd-\xd7\x12(5\xe1U\xfdC\xee\xef\x96\n\x1c@{A\xef.\xd2\xc0\xfe"</t>
  </si>
  <si>
    <t>b'\xc6\xddi\xa5\xde\x14\xc0Q\xe0\xe3\x9d\x96\x7f\xa3}\x85\x8dq\xad\xd2\x1b\xac\xcb\\P\xb7A=\xe5\xdf`#'</t>
  </si>
  <si>
    <t>Refinance/cash out of existing LC loan</t>
  </si>
  <si>
    <t>b'\x16\xb4.\xe6$\x80\xf3\x07\xcc\x10\xf6{\xc4\xc1p\xf3b5\xae\xb6b\xfd\x89rU\x9aK,\x04E\xcd\x01'</t>
  </si>
  <si>
    <t>b'r\x96\xf2\xf9&gt;1\xc6\x82\xa2\x8fS&lt;e\x93tb\xe46\x91-\xa8\xb7\xa0\xc33\xf4\xc9=\x1f;Q\xf3'</t>
  </si>
  <si>
    <t>b"\x13\xfcr\xd6\xf2\x10\x07R\x16\xdc\xe213*\x1d'/{\xf4\xc7\x01n/D\x18\xc8\xc9\x8e\x12}\xc0L"</t>
  </si>
  <si>
    <t>b'/\x8fn\xd41X\xa0\xd0&amp;\xff\x8f\x18)Xn\\\xe3\xf6\x10\xd4\x13\xcd\xe1\xc7Jf:o\x14\xf8=\xdb'</t>
  </si>
  <si>
    <t>b'S\xeb!\x97p\xdd\x17w\x95\xd3\xe1\xdf\xf3M\x9b\xa1\xfc\xf0\x991l\x8d\x95\xa6v\x17\xac\x00\x0b\x863o'</t>
  </si>
  <si>
    <t>b'w8\x91\x84+3\xbc\x9d\xeb\xec\x1ap0\x92d\xbb\x96\xe2\x05\x1e\xfd\xeb\x92\xf0\x82*\x83}\xcb\x936\xf6'</t>
  </si>
  <si>
    <t>b'\xfd\t\xf7C`ne\xdfG\xb1\xc5\x92\x14jW\xf9,\xfeyF\xb0Z\x9e\xbe\x1a_\xc2Bk@\x04\x01'</t>
  </si>
  <si>
    <t>b'\xc29\xfa\xce;X\xdd\xbb\xfaT\x98\xdc&lt;2&lt;\xc2\xdct\xf7\xe1\x90\xb5-\xb6\x95\x9a\x12\xf7\x9eYY\x97'</t>
  </si>
  <si>
    <t>PAYOFF GOAL</t>
  </si>
  <si>
    <t>b'\t\xc1\x9b\x05\x8ee\x9c\xdd\xa0h^H\xbcQR\xf3\xd6/\xee\x10\xb2\x94\xa3`b\xe4\xe58L\x08G\xa7'</t>
  </si>
  <si>
    <t>b':j\xbc?\x97I\xa9&gt;(\xbd\xe4/\xf4\xd4\t)\xb0\xdd\x0f\xdf\x0bqp\x89\xad\x89\xechi\x0bO\x86'</t>
  </si>
  <si>
    <t>b'_\xfe\xc7a\x95O@\x8f:\xd8~\xba\xce\x9aN\xa9\x11\x8e+\xe5\x07\xa3\xc1!\xd8\x185oY\xad\x99\xfa'</t>
  </si>
  <si>
    <t>GC's Educ.</t>
  </si>
  <si>
    <t>b'Gzld\xd5Qw:\x94\x91\xfe\xe5\x13\xc4\xee\xa4\xa4\xb7i\xe8s\x19"\xc6\xf7FR\xc0\xf05\x9e\x05'</t>
  </si>
  <si>
    <t>b'M\n\xb1B7:\x16\x06\x1a\x95\x87*x$\xad\xff`\x0b\x8cS\xe2\xb7\xf9\x08\x974\xf1\xffQ{\xb7a'</t>
  </si>
  <si>
    <t>b'\x16\x8fKq\xe9$\xd0\xdcU\xd0\xad\x87$\'\\\xca\xa3Ku\x1f\xd7"X\xafS\x82\xdci,\x1c\x95\xb9'</t>
  </si>
  <si>
    <t>b'\t\x1c\xfe\xba\xbd\xe7l\xcd\xa9vS\xa6@\xb4\x08\xdcf\xc6r1\xe8\x84\x1b\xe2i#|(\x18\xd6Q\xb6'</t>
  </si>
  <si>
    <t>b'\xb1p\n\xcf\x84@PF\xf2t\x8f\xff\x8c\xf5N3+\x18$*B\x84.av\xf5\xf4\xf1p\x94\x9f\x10'</t>
  </si>
  <si>
    <t>b'\xa4\xfe\x89\xe5_\x03x.\xf0+"\x8f\x98e]\xd61\x9c\x95\x02cY\x81(\xc8\x84\xde\xb1\x02r2\xff'</t>
  </si>
  <si>
    <t>b'\x08\x01\xb3\xab\x98/\xedY\xe9vG\xd2\xb6\x1b\xea\xce\xc3?\xaa!\xb5\x11\x1e}\xebm\xee\xf8\xf0m\xac\x8a'</t>
  </si>
  <si>
    <t>b"A\xdb\xe8$$\xe3\xca'{\xa21\xa6&gt;\x83N\xee\xa3\x9d\x0f\xe7\x92\xd5\xdcT\x8f\xaa\x06\x15\x8fi\x86\xd8"</t>
  </si>
  <si>
    <t>Swimming Pool</t>
  </si>
  <si>
    <t>b"\xb6+\x81\xefh\xd2\xfc^..\xa0\x9b\x15\xa5&lt;M}_)\x96N\xd8/\x11\xff\xf5=\xad\x01t&amp;'"</t>
  </si>
  <si>
    <t>Happy Days</t>
  </si>
  <si>
    <t>b'd\x8fA\x0f\xff\x06\x1b\x9c7\x8eh\xc1&amp;*j\xa7\xfdU\xca\xb8]\x9d\xb3\x90mb\x02Olcg='</t>
  </si>
  <si>
    <t>b"&lt;\x14\x81\x8b\x9bB'\xcfI\x16g6\x9eG\xf6w|!V\xea\x13E\xcd\xcb\xb0W\x82\x96\xb6T\xce5"</t>
  </si>
  <si>
    <t>b'\xac\xb0\xa7\xc5\x86\x9d_:\xf7\r\xfaoo\xe4#r[\x11\xbde\xedf\xf8\xea\x88\x11\xc3\xb4t\x9f\xcal'</t>
  </si>
  <si>
    <t>b'&gt;\x0em#,\xf3\x97\xa0Nm\xd8(\x82@N\x97\x85\xd0\xf5\xa6W\x0e\x8c\xe6\xdf\x05xXu6\xeb/'</t>
  </si>
  <si>
    <t>b"TZcl\xb1\xf8K\x08\x8f\xadt\xb0$zn\xf6'\x88\xa3\x87\xfa\xbc\x01\x17|\xde\x9a\x93\xc0\x95\xff\xde"</t>
  </si>
  <si>
    <t>b"\t\xdc`\x15hhc\xd9\xf5j\x96\xbd\x9a\xbd\xef\x92\x8b\x00\x03\r\xb7\x0b\xe6q'\xb0z\xd9\xd3\xecT\x01"</t>
  </si>
  <si>
    <t>My personal</t>
  </si>
  <si>
    <t>b'\xd6f\xc6J\xfd]rY\x94\t\xd0b\x10\xfb\xc4\xd0U\xd9\xf3f\x87\xe7O\xa1\t;=\xfdg\x8f\xce\xfe'</t>
  </si>
  <si>
    <t>Payoff Credit Cards After Medical Exp</t>
  </si>
  <si>
    <t>b'K\x0bW\x14&amp;7_\xeb\x0b\x90\xbe\x1a&amp;\xdaYA\x90\xd4\x9a\xff\x14a\xdf\x08\x99\xd7\x06H\xa9\xb7\xc20'</t>
  </si>
  <si>
    <t>debt loan - budget</t>
  </si>
  <si>
    <t>b'f\x00|&amp;\x7f-w.\x0f\x05\x93\xd5\x02\x8cq\xe7R|d\x95\x87\x10h\xbe\x95\x06v8\xf9D\x9e`'</t>
  </si>
  <si>
    <t>b':\xa0@uQ\x07\xbb\xae\xd4\x10D\x1f\x06S\x0e\x00\x00#=xW\xef\xb8F\xc5\x85y1\x92w\x8a\x98'</t>
  </si>
  <si>
    <t>b'\xae\xe2\x81\x87\xea\xcb\xc8\x8c\xfb\xd7\xe8\xb6\xe3E\xca\xe8\xd1\x08\xde\x89\x1cF\xed\xc7\xfbn\xd2\xa5\xb5\x18\xbd\n'</t>
  </si>
  <si>
    <t>savings4me</t>
  </si>
  <si>
    <t>b'@\x9a\xd0\x1b\xc6l\xff\xcf\x96\xb7i\xe9\x07\xd6\xd0\xe5\xb8\xd4\xdeK\xcf&amp;r\xf9C\xab\n\xb8\xb4.\xc3\xcc'</t>
  </si>
  <si>
    <t>b';\x02\xa4\xac\xe5`\x81\x13\x99\x7f\xea7\x82\x99\x14\xa8mlVq\x16\xd4\xea\xcc\xfc\x1d\xae\xcf\\\x80TC'</t>
  </si>
  <si>
    <t>loan considlation</t>
  </si>
  <si>
    <t>b'\xca{\x0c\xb3;~\xe5\x198\xa0\x17\xa8\xae\xf4f(\xd9hA\x8btR\xab\x17\x91\xde\xe5sr\xaem^'</t>
  </si>
  <si>
    <t>b'Qe\xad\xf3\xa3\xd5\xfe%\x0cG \x13e&gt;\x82\xc6K\x94\xf6=@JAAh\x93\xa6`~\xe7\xa6\xab'</t>
  </si>
  <si>
    <t>Freedomatlast</t>
  </si>
  <si>
    <t>b'=\xe8\xf6\x05\xe1\xbeP\xf4e\xce|\x0b\x08\xfe\x1c\xea\x95ff\x9cKD-\x13\x8d4i\x02\xe4shk'</t>
  </si>
  <si>
    <t>b'\xd5a9\xd5\x8bn?Y\xa7\x87\xf6\xa5g\xa4\x16\xa19\x04\x9d\x01\xaa\x97\x8bJ\xd0\x8d\xee\x18\xcc\xf44p'</t>
  </si>
  <si>
    <t>b'We\xdfcS\xd5@\xe8m\xf0\xecp\xf7\x9b\xb84@C\xf2\xef&gt;\x87\xa8\xc8\xc0A\xdc\x16\x07\x121\xd1'</t>
  </si>
  <si>
    <t>Lower</t>
  </si>
  <si>
    <t>b'\xce\x97\xe2\xc3\xb4\x04\xcf\x01\xbf\xaa\x04Z\x7f()n\xb2\xffW\xe1F\x0b\xa8e\x1e\xbb\xfe9zZ\x12\xc6'</t>
  </si>
  <si>
    <t>b'\x0e{Q4\xca}d\n\xdc\xa0%\xd5,C\x19@\xc4\x0e\xcb\xed\x1f\xf3\xb7\x0eY\xa6\xbdQ\x0cG\xf45'</t>
  </si>
  <si>
    <t>b'\xf8\xe7V\xd9\xf6\xd2\x9d0\xc0a\x08\xb5\xf1r\xa0\\v\xb9\x8c{\xfe\x80=?At+B\xf3\xa7\xfd`'</t>
  </si>
  <si>
    <t>b"K\x00\xb8Yy^\xb5j\xb6{N\x8dd\xc8\x83t\x07'[\xe6[\x16A\xbb'F\x80\x87\xf5h\xd9\xdf"</t>
  </si>
  <si>
    <t>b'\xb4\xe9\xa3\xd3\xb3\x92\x1cY/5\xa4b\x10\xf5V\x91vz\xe9\xaf#\xbc\x9fT\x98d&gt;t\xff\x13\xf9\x8b'</t>
  </si>
  <si>
    <t>b'\xea\x9fQz;v\x0fL&gt;\n\x82L\xf1W\x80\xc2\xb6l\xf2\xc0\xe9\xf1J\xed\x1d\xc7\xb6l\x07=\xc9\xea'</t>
  </si>
  <si>
    <t>ridofccbills</t>
  </si>
  <si>
    <t>b'l\x14\r\xb4\xc8@\x0eZ#\xa8\xb0\r)\xed\xf9\x01\xceN\x06\x0b\xe5^\xfc\xd1\x1a&lt;b\x9c\r\xc6`\x0e'</t>
  </si>
  <si>
    <t>My Credit Profile Regrouping</t>
  </si>
  <si>
    <t>b'\x04\xc97\xfc\xbeR\x0b\xad~s\xd64&lt;\x86\xc8\x14\xec\xa4\xbf\x84cO .\x08B\xb4m7\x01\xc5\x8a'</t>
  </si>
  <si>
    <t>b"\xe2\xbau\xad:r{\xedp\xc0\x99'\xa5^\xea\x07cD\xfa\x9c\x91\xa0M\xf3\x05\x8aY\xee\xdd\xc4g\xed"</t>
  </si>
  <si>
    <t>b't\xecO\xc1\x06\xd0\x92\xb4@I\xbc\x9d\xb5\x9e\x88\x85\xeb\x84{\x8b+\xe2\\\x02\x98\x96\x9f\xfe\x07X\xde4'</t>
  </si>
  <si>
    <t>b'\xc2r\xa1?\xc5\x0b\x9d\xdf\x8bK5JU\xbds\xff[\x05\x83\xe1gx\x81\xd8=K\xef\x94\x1e\xd2^\xd4'</t>
  </si>
  <si>
    <t>needtobedebtfree</t>
  </si>
  <si>
    <t>b'\xce\xb5 \xcf\xb8`4\xa2k\x80\xd5\x89\x9fa8\x84\xf4U\xf8\x82 \x16\x13/\xa0\xcd\\e\x08\xb36\xb6'</t>
  </si>
  <si>
    <t>b'_\xe1\xaf\xe2\x17\xe4w\xd0\x83\x93\xb1\xb7{\xff`tj\xd5\xcb\xc5&amp;\x13\xf8\xba\xf0c\xbe\x8b\x9f\xa6\xfa\x14'</t>
  </si>
  <si>
    <t>b'\x00\xb31\xd4\xd9L\xea\xb3\xbdL\x9c/\x14Y\x99Q\xafa\xb2i\x05\x10\xf8\x1a\xa5\x00\x94\xba&gt;\x129\xbb'</t>
  </si>
  <si>
    <t>b'%\x9ba\x14\x83\xefM\x87\x10\xfe26\x8b\xf1\xae3.\xd9\xab[G\xc9i~\x18kq\x13\x99\x02$\xca'</t>
  </si>
  <si>
    <t>b'3\xd8.\x94\x1a\x80B\x9c\x87\xfe\xf3\xd3\x8f@Hg\x02\xf7c\xfej\xf1^$\xda\x1c\xea^VB^8'</t>
  </si>
  <si>
    <t>b'\xfb\xdf\xe2\xc6u\x8a\xa8\x19G\xf23\x1dP\xa4\xec\xe2\xe5U\xeai\x99\xca\xe2\xc7\xf2Y\xdaL8b\x8al'</t>
  </si>
  <si>
    <t>b'\xe81\xa6\xdf\x0b\xb0.18\xe9\xa3\x8a\xb1\x14\x98\xa3\x9b\x0e\x89\xa0@\x9c"~\n\xe5\x7fS\xb1\xdc\xa9\xdd'</t>
  </si>
  <si>
    <t>b'!(#q\xf7.Y\x18\x164\xd8m`\x1a#\xc4\xe6IWQ\x00\xa5~\x82\xe5\xb3\x9f\xa5(\xb0\nx'</t>
  </si>
  <si>
    <t>b'\xaf\x0c\x9dD\x9fC\x15\xd5\xe5\xe2\xd9\xf9[\xfaS}g\xb1\xd4\x9b\xfd%^\xfekR\xa7_\xf7|\xe4\xec'</t>
  </si>
  <si>
    <t>Loan for sudden expenses</t>
  </si>
  <si>
    <t>b'\x01\xb7u\xe4X\x94\t\xb6\\\x01tx\x86u\xc3\xb1q\xd2\x8f\n\x80*\xd3\xb2\xf7(\x85\x06\xee\x1f7\xaf'</t>
  </si>
  <si>
    <t>b'\xc1:G\x1a\x0br\xf3\xe9\xf3O\\6Ck\x1e\xa2\x19\x8aV\x9c\xa9\xfd\xe2\x07\x99\\pk\x17\x04\x0b('</t>
  </si>
  <si>
    <t>b'\xf4\xe9s\xa9u\xad{*\xc6!c\x95\x9b\x02\xa5}v\xde\x15\xafg?5\xc30\x18\xcd@\xe3g\xa7\xd6'</t>
  </si>
  <si>
    <t>REFINANCE LOAN TAXES AND CREDIT</t>
  </si>
  <si>
    <t>b'\x18eB\xc2jw\xffca\x8e\xb6M?\xf0\x93r"\xc1!\x0f\x975\xdc\xe3B-S\xe5*E\xcc\x96'</t>
  </si>
  <si>
    <t>b'$\xf8\x1e\x8d]\x8b\xa2\x97R\x13\x15\xd2bE\x10Z\x82\x86~\xc0w\xfd5\x9d\xa3r\x08\xfd5.\xaae'</t>
  </si>
  <si>
    <t>b'b\xe6|\xa8\xf0\x16_\x93\xd3\xb5\x1c\xd3\xe1\xa6\xa2.\xcd\xca\xc8\x89J&lt;V\x82z:\x96\x9f\\D\xf9\x03'</t>
  </si>
  <si>
    <t>work</t>
  </si>
  <si>
    <t>b'\x02\xd2\xf5D\x837\x04\xd5\xbd)z[E\xe1(\xdaRC\xcf\xd9\xed\xbbT\xeehT\xd4&lt;\xda&amp;+\xff'</t>
  </si>
  <si>
    <t>b'\xd1\xcaj\xc5g9\xbd"\xef\xaa\x10\r!:\xa6x\x99W\xa3\xc6xs\x01U\xf7\xc9\x9b\xcb\xb4\x1f\x93\x83'</t>
  </si>
  <si>
    <t>b'\xfe\xc1\xbd\xc3\x89\xe8\x85\x0c#I\xba\xfb\x10(\x9e\xd9\xe3\xba\x94\xf8\xa5S\x8d\xf7eX\x8du\xb2\x03\xe9\xce'</t>
  </si>
  <si>
    <t xml:space="preserve">Debt payoff </t>
  </si>
  <si>
    <t>b'q\x0bJ\xd7\x9ft\x8d\x1c]{X\xc5\xd2!@\xf6{`J\x9c\xf5\xea\xe3C\xae\xd3\x16G\xe1\xec?\xa3'</t>
  </si>
  <si>
    <t>New_LPad</t>
  </si>
  <si>
    <t>b'\xe4\x10a\xe0bs\x17{\xf8\r1{:\xde\x937\x95\xd4\xa3\xf9\\\xec\x85(\xc1M$\xb2Fd\xc7\x7f'</t>
  </si>
  <si>
    <t>b'\xd1\x87}]\xb2\xeea\xde9\x0c\xaaNF\xc5\xef\x17\xe5\x99\xee\xad\xff\x95\x94zQ\xedI\x03)\x9d\x89\x0f'</t>
  </si>
  <si>
    <t>b'\xa16i\xf1\xf8\x97in\xe6q\x0e\x14\xa3g|\x7f\xb8H\xa0\xe4\xf6})rl@A.\xc6\xe5\xcb\xc9'</t>
  </si>
  <si>
    <t>b'\xf6l\xef\x9d\xac\xa9}\xeaD\xbe\xa3\x0e\xed\xf9,\xf1Sc\x83\xb9=\xd1e\xc9hT\xbaT\xad\xdc7\x8d'</t>
  </si>
  <si>
    <t>WORRYFREE</t>
  </si>
  <si>
    <t>b'\xd3Y\xcaF\x17\x94t|\xedBl_\x99\xb2\x95\xea/\xb0\xf4\xca\x9a\x08\x8c\x97_\xf7\xd0\x8a\x00{|]'</t>
  </si>
  <si>
    <t xml:space="preserve">please help </t>
  </si>
  <si>
    <t>b'\x02\x13|1\x07\xb1\x9f\xbd\xfd\xa5\xc2*\x01\xd9\x01\x9f\n\xd8?\xbb@/#\x00\x9e\xe3\xc6\x9cf\x19\xfar'</t>
  </si>
  <si>
    <t>b'\x15\xd8YT\xb8\x9ca@\xa1LvLU\xc0^P\x13C\xff\xf2#q\xf2z\xe5y z\x18]\x1b!'</t>
  </si>
  <si>
    <t>Car Repair</t>
  </si>
  <si>
    <t>b'\xd1\x86?\x16hm\x10X\xa5c\x00\x9c\x91w\x87\r\xdf\xca\x1aT=\x1brCP\xd3]\x04\x0ej^e'</t>
  </si>
  <si>
    <t>Chase Credit Card Consolidation</t>
  </si>
  <si>
    <t>b'K\xcd\xcd\xfb\x18\xb5\xfat\xa1\xc3\xa4\x16\xee\x10\xf7\x06\xae\x14a\xa6\x1c\xe8\xd2\x8aT\xa2HrL\xd0\xc7\x98'</t>
  </si>
  <si>
    <t>starting over three</t>
  </si>
  <si>
    <t>b'\x94j\xa9H\x83\xdco\xa5\xff\xfc\x84a\x98\x9d!\x88\xa8\xaf%\xae\xfb\xef\x8eC\x10\x8c\xc4\x04\xa6R\x14\x83'</t>
  </si>
  <si>
    <t>Debt Consolidation for Medical Bills</t>
  </si>
  <si>
    <t>b't\xd25\xc1\xaeC\xe5\xa9\x0cL:\xe5!\x03U\x13\xad\x16\xff\xaaZ&lt;\xa3\x10\x94\x02\x07\xe9uD\x99\xac'</t>
  </si>
  <si>
    <t>b'%Uk)\xd3\xbd{\xe9\xb0r?\x1f\xb8\xbc^\x8cbC\x08y\x99\xec\xb0M+j\x0e\xcc9Ol\x9f'</t>
  </si>
  <si>
    <t>Debt consolidation before Grad school</t>
  </si>
  <si>
    <t>b"!)f\x06Sv\x91\xc6\x18w\xd2't\xba\xdf&amp;\xb4\xc2\xf8B\x8b\x1a|\xe9\x00\x19$?\x81\xc0\x9a["</t>
  </si>
  <si>
    <t>b's9\xa3\xcf\xc4\xa9}\xbb\x1aD\xe2\x19P-\x08=\xf7%)\xcd\xe9\x1a2\xa5\x81v\x96\xf6\x06\xdbj\xfa'</t>
  </si>
  <si>
    <t>b'\x1f\xa9m\xde\xa2g\x94\xa37r\xbe|\xa1\xd4y\x80\xc2\x86\xc7\xa1\x88\xca\xe7b\x176\x97\xe7\xc0O~2'</t>
  </si>
  <si>
    <t>b'\xc4\xda\x88\x16\xe7\xac\x8b\x92\xd9F\xc5\x14D\xea\x98\xed\xab\x88&gt;\xf4\x16v\xaae\x85Y\x8a`\x85\x11\xbf\x12'</t>
  </si>
  <si>
    <t>b'\xdb\xdfE\xcf\xe9\x87kt\x10T\xc8\xedN"to4\xd9\xdf\xba\xbf\xdd\x04\xe8\xba-\xea\x8f\x1c\x8d\nd'</t>
  </si>
  <si>
    <t>b'*x\xadcl\x0f6\xe3\xf0]&lt;\xa5\xc3\xbd|\x88\xf1\x9e\x15=v`\xa7\x18fY\xddE\xef\xbb$\x04'</t>
  </si>
  <si>
    <t>b'Q\xba\xfe*\roej%\xb3\xaam\x9fd\xcf\xad\x12O\xb8\x99\x1c7x\x80uu\xb4\x84^\xff\x97]'</t>
  </si>
  <si>
    <t>b'|\x08(\x8b\x93\xca&amp;DB\xa2\x1d\xefc\x80\x89\x9a\x8e\xa7\x07\xc7\xbe\x14A\xd0\xdc\xc4\x9a\x0c\xdf\xdd&amp;\xfe'</t>
  </si>
  <si>
    <t>C. C. Refinance</t>
  </si>
  <si>
    <t>b'\xc8\x17p\xd4\xdc\xb7\xce\xa2?\xe1(\xfe\xad4\xb4\xd8&lt;\xe6\xb1\xc4O$7\xb2(\xbe_e\xfb\\\xf7\xd2'</t>
  </si>
  <si>
    <t>Fresh Start 2013</t>
  </si>
  <si>
    <t>b'l\xf4\x82r\xe5O{\x87\xb5\xeb\xee\x8b\xd8o\x85h\xa7U\xb3\xf6/\x9c\x1d\x06#\x9d\xe24\xac/2\xc6'</t>
  </si>
  <si>
    <t>b'\xf3f5t\x0e\xd3\xdep\xccn\x17\x18\xcb\x81\xd3Y1\xa9\xbdq\xb7^\x8b\xc9\xb4\xaf\xe4\xbe\xcf\xaeE\xac'</t>
  </si>
  <si>
    <t>b'z\xac\xe6\x04\xcc\x96\xab\xee\x83\x05w\xfd\x1f\xe4;\xbasv\x0ft\x03\x95\r\xc4\x1f\xa7=\x8f\xe8Wo\x8e'</t>
  </si>
  <si>
    <t xml:space="preserve">Refinance credit debt </t>
  </si>
  <si>
    <t>b'\xecQ.\xad\x81@\xeb6\xb3nA\x01\xcc&lt;\x92\xd2\x99_\xf5y\xa8\x10\x84r@1\x94\xb7=J\xdf.'</t>
  </si>
  <si>
    <t>Pay off high interest credit card</t>
  </si>
  <si>
    <t>b'c\xe30\n\xda\xda\xcfn\x08\xab\xa7\xdb&amp;\xcds\x08N%\x94\x946H\xb8A\x99\xfa\xe1\x80D@\xfff'</t>
  </si>
  <si>
    <t>b'q+\xce\xa9+J&gt;\xf0\xdf\\\xd0:D\xe6S\x96i\x1f\x04a!`1\x84\xcf^\xa4\xc4\xb7\x8a\x05\xf7'</t>
  </si>
  <si>
    <t>b"U\x8bI\xec\xdd\x1cL\x82'\xf8\xb8\xbf\xf3\x0e\x14\x8b\x85%\xab\xa7\xe4;\xa7S\x88\xbe\xf0'1r\xa6\xd9"</t>
  </si>
  <si>
    <t>b'\xb8\xd5\xdfEU8\r\x0c\xb4\x1e\xcd\xc2\xbc\xf8TC\x01\xb2\xf8\xd4\x1b\x8f\xf0\x11\x9e\xb5\x04\xf8\x80\x0eq\xc8'</t>
  </si>
  <si>
    <t>b's\x88Nh\x11\xfb\xad{\xf2\xd4\xa9\xba\x83t\x9442\x9f\xe6\x87\xf4a\rvM\xb8\x94v\xb2\xe1h\x0c'</t>
  </si>
  <si>
    <t>b'\n.\x0c\xfc\xeb"\xb9\xe2\xe7\x03#\xece9\x80\xed\xc6a\x05!\xcbr\xbf\xcc2\xe4F\xf8\x15\xe8\x10t'</t>
  </si>
  <si>
    <t xml:space="preserve">PAYOFF </t>
  </si>
  <si>
    <t>b'\x1eO-\x11\n\xab\xc7\xd2\x8c\xfaGnC\xd9\xa4\xdbD\x10P\xce\xfd\xec\x89d\xda\x13:\x83\x9a?\xda\x96'</t>
  </si>
  <si>
    <t>A tough lesson on debt</t>
  </si>
  <si>
    <t>b'\xc4\xd9?\xb1/\xab\xed\x89\xb2\xe3|4\xcf\x07\x8e\xe5\xa5K\xa1\xed\xde\xaf\x8dAIO\x80\x15\xfb\xc6\x80\xfa'</t>
  </si>
  <si>
    <t>december loan</t>
  </si>
  <si>
    <t>b"\xe3\xdc\xf6\xe6\x16\x91k\xf7D\xe9'\x18\xda\x06\x8f\x16\x05|\xb6\xa00IEK=\x16{~I\x14V\xdf"</t>
  </si>
  <si>
    <t>Bedding Business Loan</t>
  </si>
  <si>
    <t>b'\x80v&amp;\xfd\xfb\xda?\xbe\x88G5\x10\xa9\xbf\xe4\xd2}\xa4\xb1\x06\x13*\xc3\xe6\x15e\x83\x1fg\xf3\xa8\xed'</t>
  </si>
  <si>
    <t>b'\x05\x9a\x1c\xa9\xfc|`\x02\xc8\n\t\x96[sgH\xe9\x9dT\xfaC\xc8\xff-\xa3\xe4\xe8\x12 \xdf\xf3\xa8'</t>
  </si>
  <si>
    <t>none</t>
  </si>
  <si>
    <t>b'\x8c@J\xe3|\xc2\xa7\xe7\xb0\xfaG\x94\n\x18\xf8D\x9ae\xff\x06\xf6\x8e\xcbZ\xaf\x0c\xc7\xd6\xe7_i\xe4'</t>
  </si>
  <si>
    <t>b'v\xf6\xf9-~(h\x0b:\x0c|\x17\xdc\x9f05$\xc2\x94\xde\x9d\xe7\xaa\xb4\xbfE\x9d\x95\xd6\x0bA\x80'</t>
  </si>
  <si>
    <t>b"\xc1\xaex W\xeej\xf7)'\xa4\xf7&gt;\xb0u$X&lt;J?\x9f\xcc!\xf2\xf5\xfb\x1e\xa8{\x8c\x1a\xd9"</t>
  </si>
  <si>
    <t>b"}\xaai\x1b]n\x85T\x8a\x95c\x9eq\xd4\xf8dxW\x95\x9e?\xb4'\x96/I\xf4\xb9+\xc2\x88\xc5"</t>
  </si>
  <si>
    <t>Home, debt reducer</t>
  </si>
  <si>
    <t>b'\xbe\xbc\xb5\xd8\x88\xdd\xa0\x11\xb0|I"\x01\xf3`\xfd\xc8\xc7\xbf"%\xde\x01R\xe2\xe0\x8a\xa6T\xd4\xf7\xa7'</t>
  </si>
  <si>
    <t>Hello affordable interest</t>
  </si>
  <si>
    <t>b'W\xe8f\xb7\x9d\xc9\xa1\xc7\xe1/\xffW\x16\xde\x9e0\xd1r\x06ci\x98\x84\xbb\xa6\xd9\x1a\x88\\\xbe\xad\xc2'</t>
  </si>
  <si>
    <t>b'J+\xeb\x14\x1a\x87\xf9\x14\xcc\x9c\x96\x9a\x17A M-)\x01\x86\x80\xa6\xeeG\x8c\xc7\xea\xf66\xc7A\xf8'</t>
  </si>
  <si>
    <t>b'$&lt;S\xdd\xd3h!\x15\x1a7\x0e\xdat\xdf[\x18\xc3\x1d\x08"\xb8\x92z\xfe\xe9\xb0\xa9Wk\x131u'</t>
  </si>
  <si>
    <t>Consolidation Help</t>
  </si>
  <si>
    <t>b'\xf6\xe8V\x834\xcfq\x9aS\xc4\xf5D\xcbhU+\xa7#\x83DK\xa0\xf2\x1e\xae\xb5o\xd3\xca?\xb0\xc8'</t>
  </si>
  <si>
    <t>b'8Q\x14\xd7\x8c\x184\xb55\xec\x957\x83\x07\x98?\n\xe9\x080D\xa0\xd2\xf8\x0c\x1dr\xed\x16\x94\xda\x11'</t>
  </si>
  <si>
    <t>b'\xfdl\xc0\x8et\xeeI@\xf9}2\x89T\xc4Z\xc1y!`\xeas\t\x8f\xab\xc24\xac\xedj\xeb\xd2K'</t>
  </si>
  <si>
    <t>b'i\xb0\xd9\xea,1;_\xa0\xfd\x8a\xac\xb2\xd2on\xb2\xdec/\xaa \x19\xf3\x05\xde,z\x81\xad\xd5\x94'</t>
  </si>
  <si>
    <t>b'\x17+\xb5\xb5p8b\x1bq\xa1/\x99E\xde3\xb5\xc5\x0fZ7\t\x0b\xe0\xc9\x97B\xdf\xa6\xbe,\x91\xb5'</t>
  </si>
  <si>
    <t>Debt Repayment - CC Consolidation</t>
  </si>
  <si>
    <t>b'\xca\x89\xe84I\x0cJ\xdd\x85E\xce\xa2-,&amp;\x9e\xc4\x89EH8\x96A\x1b\xc2\x93\xc2\xb9\xfc2J\x91'</t>
  </si>
  <si>
    <t>b'\xb5\x08\x9dLn\x96mqc\xf6\xb8\xc1\xc9\xfc\x81\xfa\xe7\xd8\x01\xd7\x94\x87m\x96n\x84\x8c\xaf\xc1\x8bE\xef'</t>
  </si>
  <si>
    <t>Help sister</t>
  </si>
  <si>
    <t>b'*ao\xc5m\x17p\x8e8\xbb\xb3\xe2x\xd7\x82P@\xbd\xb9\x86a;j\xd8\x99Wt\xf1\x16\xe2\x14\x10'</t>
  </si>
  <si>
    <t>Heaven Sent</t>
  </si>
  <si>
    <t>b'T\xe9!\xf3\x1c\x87\x9f\x1d\xca0\xc5\xaf\xd7\x8eW\x00fv\xb1\xb4\xc4\xb7EGN\xa9\x85) #\xd3T'</t>
  </si>
  <si>
    <t>Easier finance</t>
  </si>
  <si>
    <t>b'\xb2\xcf\xe4\x9ef\x9ab\xf3`\x7f\x0e\x86v\x1dd\x95Y\x933~\x1d\xf8\x1aN\x14\x97g\x85"CH\xb8'</t>
  </si>
  <si>
    <t>b'\t\xec\xc8g\xb9pPs$\x11#\xbd\x15\x0c\xcd\xae\x9a\xf2\xdd\xcb\x0e5\xbd\xdb5\xe2\xd3\xf1\x19\xdd\xf4\x8d'</t>
  </si>
  <si>
    <t>b'\xaf=\x894\xf9\xd1\x18\x9b\xc7\xa1\x9e\xb1_]0\xdb\xf3uF\xf2\x14\x98\x9e\xd9f\xbfY\x99/[Tc'</t>
  </si>
  <si>
    <t>b'FK\xdf\xb4,v\r\xd3\xb69\x91p"\x81\xee\x822q\xe0\xf2l\xb6\x96\x98\x92\xd2\xd4hL\x8e\xa5\xb3'</t>
  </si>
  <si>
    <t>b'Js\n\xc6\xc3\xe5\x0c\x13\x11:\x8c%\xb3\xaa\x931J&amp;\x8f\x00\xf8*\xaf\xaa~\xa5\x92\x0f\x1eu\xc1\xd5'</t>
  </si>
  <si>
    <t>b'\xaa\xee\x90=\xda\x03h\x9b4\x04\x96i\xa7-lX\xbaOC$\xaf\xe1\xf6\x8c\x87\xd8\x83\xc3\xd6\x1beu'</t>
  </si>
  <si>
    <t>b'\x9a\x15k\x16\xb0\xd8\xc4\xeegK\xad\x947|\xa6u\x7f\xe8\xf6Zu\x96\x90Aa\x9cY\tF\xda\xffK'</t>
  </si>
  <si>
    <t>easy</t>
  </si>
  <si>
    <t>b'\xdb\xb3\x03p(\xe9\x11}\xd6II\xb8o\x8a\xa7#\xa0\xc5ka\xb2\x08\xc9b\xab\xd5m\x88\xea1O\x1e'</t>
  </si>
  <si>
    <t>loan consolidation mission</t>
  </si>
  <si>
    <t>b'\x9dY\xee\x178\x1b\x90\xd3q\xdc\xa3&gt;\x14\x16\xb3\xady\xb5\xae&gt;\xdf@\xa7\xff\x89\x9a\xde\xae)\x99F|'</t>
  </si>
  <si>
    <t>b'\xce\x98Xo]\xab\x1c5\x0b\x9e\xd8\xe7\x12\xf2[\xa4\xf8\xae\x01\xe8"l1\xae\x1f!S\xfe\xbc=G\x95'</t>
  </si>
  <si>
    <t>b';\xd1\x04\x87\x9a_MM_?\xf6\xd1\xbe= @\xc8\x8c\xc1\xd0}\x069u\xc7\xe0\x0f,8\x0e\xc9\xd7'</t>
  </si>
  <si>
    <t>b'\x9e\xa9\xc3\x8a\x84\x13\xf3\xcf\x1b\xde\x02\xc7\x85\xf8\x98\x9a\xeb\x82\xd5\x88\x86\x94r\x14\xa5j\xa8{t)h\xcc'</t>
  </si>
  <si>
    <t>b'\xa2"GZ\xa7\x82X=\x81\xf4\x96c/.\xb2?i)\xf2\x9c]\xa2b\xdc\xe3\x8c\x99\xf9\xc4Y1\x0e'</t>
  </si>
  <si>
    <t>b'\xba#1\xd4\xc4\xd4@\xdd\x93\x15\xa3\x85\xe8B\xd8\xca/\xb2#\x96\x8d\xec\x93\xae\x18\xcc"7\xc5.\x0c\xe9'</t>
  </si>
  <si>
    <t>b'\xfa\xbd9\xc7\x10\xd0+\x1e\xa3\xca&lt;\xf4\x17\rL)\x89\x18\x17\xdcB\xbc\x99\xd1\x80\xca\xf0G\xe4\xae\xff\x9a'</t>
  </si>
  <si>
    <t>b"-\xc8H\xd6\x14\xbc\x9a\xa0k\xfc\xe2p&amp;\xb3W\xd2\x8f\xa4&gt;\xc9\xa6\x03qr]'&amp;\xec\xcb\xf8l\xbd"</t>
  </si>
  <si>
    <t>b'\x88\xc96K\xc8\x1f\xe0\xc4\x16\x12~\xdb\x11\xdb\xdb\xccK^\xd7^9\xbb\x1dQWX\x05\xe8k\xc0!\x86'</t>
  </si>
  <si>
    <t>b"\xce\x1cR\x91\x1b\xa0\xf3\x1d\x93\xdf\x06!\x93\xc8\x10n\x1d\xdb\xc7\\\x92'\xfa\xd1\xb2\xd0%\x1d\xf4\xc1\x0cq"</t>
  </si>
  <si>
    <t>b"M#\xd2\xf4\xb5\xf9l\xf4z\xcas'\xc7&amp;\xad!\xff\xa6_\xd7`\reD\xac\x9b]?\xe8\x1b\x08r"</t>
  </si>
  <si>
    <t>b'\xc73\xbf&gt;\xd5\xcdq\xac\x8fw8\xd1\x04\x85"\xed\xe7\xf4/\x19\x8d\x99\xc9\xa0\x0f"\xd4\xd5\xa3\xca,\x9d'</t>
  </si>
  <si>
    <t>b'\xcb/u\x99C\xda\x7f\r\xa5I\xcf\xef\x13\xb6J\xa7\xe4\xd8\xd7\xab\xda\xd8r\xd9C\x17\xf8\xbe\xc6\rK\x03'</t>
  </si>
  <si>
    <t>Paydown loan</t>
  </si>
  <si>
    <t>b"\xc9\xe3\xc4\xc2p\xc4\x89\x7f\xa6}\xee\x07\xec\xad\x92\n\xdf'Z\x01t\x8b\x02\xddBd\xff\x16\x8e\xad\xa0("</t>
  </si>
  <si>
    <t>b'\xaa\xc1\xd4\x99ws\x00p\xd9\xaf\xe3Y{NX\n\x97\xb7\xe6\x84\xdb:\xbb\xf5\xe5\xfcq\x86\xaf}z\n'</t>
  </si>
  <si>
    <t>b'%\xf0\x9dk\xcd\xe2\x17\xadR\xf4\xeb\x8eFT\x9bYh\xe0\xf4\x92\\\xb8e\x83\xd9\xdbOq+h\xc2?'</t>
  </si>
  <si>
    <t>nodebt</t>
  </si>
  <si>
    <t>b"z\xc9\xe4l(tC^a\x19\x13\xe2\xfd\xd8\xfb\xb1\x89\n\x7f\n-\xf2{m\xd1\xaf'bU\xd8m\x1b"</t>
  </si>
  <si>
    <t xml:space="preserve">DEBT </t>
  </si>
  <si>
    <t>b's\t\xabU\xb3*Ie\xecE\xde\xf5*\x01c\xde&amp;\x9e\xf0vSY\x04unY\x82\xa9\x93H\xf8\x91'</t>
  </si>
  <si>
    <t>b"\xf7@\xdb\xa2\x17\x0e;'\xeb\x8e\xd8\xbc%\x8c3\xea\x84\x18\xe7\xc2'\xb5\x0eL\xb7\xbb\x84\x11\xf4\xc9Z\x98"</t>
  </si>
  <si>
    <t>b'\x07\xca\xd8\x01@\xe9|-\xe30\xb6\xaa\t\xecP\xf2\xc9H\x95U\xf7\x99\xd7\xae\xa0k\x08\xa1T\x08\xaf\x8c'</t>
  </si>
  <si>
    <t>Payoff high rate credits</t>
  </si>
  <si>
    <t>b'\xf9\xb1\xa2S22\xcc\x13\x93\xa7\xb0\xacm\xd5\xf5\xbf\x8e8\x1d\x02\x93Qfy\xe7D\xe0\xef\xee\x87\x9b\x03'</t>
  </si>
  <si>
    <t>Convert detached garage to efficiency</t>
  </si>
  <si>
    <t>b'f\xbb{\xf5\xcb\xd6\\\x87Dx\x13\xa5UK\xc4\xa5\xa6e@\xf1\x85\x06\xab\x83\x02(\xc8Z\xe4\x9e6"'</t>
  </si>
  <si>
    <t>cleaningup</t>
  </si>
  <si>
    <t>b'\xfb\x8e\x11\x98`4qP2\xe3\t\xb2\x0b|\xbb\x94\x0f\x06\xdcjX\xed\xaf2\xb1\x04C\xd0\x1c\xe5uk'</t>
  </si>
  <si>
    <t>b'\x8ab7qci\xbav\x1f\xb6^\xebY\xb9N+\xb7\xc4\xa5\x85\xc99\x1b\xd7\x95\xccVD\xa4?&lt;\xa5'</t>
  </si>
  <si>
    <t>finally getting out of debt</t>
  </si>
  <si>
    <t>b'(%\xd8\xb6yu~j\xba\xfd\xed\xb8\x03\x1ap\x04k,O\xab\xbdG1\x0bU\x0e\x17\xac\xff\xaadB'</t>
  </si>
  <si>
    <t>b'\x7fi ntp\xbe\xc9\xa1\xe0\x1a\x18\xe6/\x8e\xbc\xb9\xf1\x9aOTk\xe4|?\xab\xaa\xaa~!\x92\x81'</t>
  </si>
  <si>
    <t>b'\xeca\xa1"\xd8\xce\xf1\x08x8f^N5\xa7\\@\xda\xd3\x95zi\xb1\xac\x8e\x95w\x01T\x0c\x17u'</t>
  </si>
  <si>
    <t>b"\xd9\xab7\x00'\xe5\xc2\xe8N\x17\xc6\xf4EA\xa4\x19t\xbeC\xa2\xe5\x89/Z\xf3\xa2\xd92\xc0\x1b\xee\xe0"</t>
  </si>
  <si>
    <t>b'\xeeU\xe0B\x00\xf9\xc97\xcf\xd5\x7f\xb5r"\xc0}\xc2GkgX9I\x83P\x0b\xa9\x96F\x9f\xd6x'</t>
  </si>
  <si>
    <t>b'\xa7j\xc3}\x10Oq\xbf\xd5A\x8e3\xdc\xe3\xab\x08\x03J\xd9\x01bL\t7\x15V\xa5\xcbV0\x12\x84'</t>
  </si>
  <si>
    <t>b'\x91\x95\xc7\xf9\xd7\x9c\xd3\x91jZ0e\x11\xca\xc0\xd7z9\n\x89\xe5\xef\xda\xa6V\xe1\xb3UBh\x99k'</t>
  </si>
  <si>
    <t>b"\x95\xeb@\x99\xb0\xdby)\x07\xf4\xaav\x1e\xc6\xea\xeefE\xd5SA\xf4\xc6\xa6\x15c'T+!\tq"</t>
  </si>
  <si>
    <t>b'E\x15N\x9a3#{\x07,\xe7\x8c\xc2\n\xebl\x8e*\x11oRe\xe8\x98\xb4\xd5\xe7\xcd\x86^\x95F7'</t>
  </si>
  <si>
    <t>b'1\xda(y\x93\xe5k\x934\x0c\xfc\x10\xf7&gt;\xf1\x7f\xbak\x9c\x02\xeb\x8ag\xed\x18\xda\x10F\xf5\x9aw\xce'</t>
  </si>
  <si>
    <t>b'\x84\xef\xd2\xa6\xd9\xa0\xc8\xa2\xf8O\x1b\xb8}\x00\x04\xa8\x08\x02\xd2\x7f\xe1\xafB@\x85\x0cM\xee\x1d\x15\xd7\x87'</t>
  </si>
  <si>
    <t>b'\xb4\x93;\x05J\x9bN\x96\xf3\x11\xd1P\x7f\x95\xf43\xda\x12\x85\xf1\x87\xeb\xb8\xa6\xec&lt;\xa2\xb5\x1e\xc5\x8a\n'</t>
  </si>
  <si>
    <t>Credit card help</t>
  </si>
  <si>
    <t>b'^\x03K\x1b[O\x9d\xe1^F\x1c\x08\xf0\x03\xf0=Z\xdf\x8f\x18\xfb\xd7\n|\xf5w\x15\x01&amp;\x83\xea,'</t>
  </si>
  <si>
    <t>b'\xef\x93Xg\x85$\xc4\x82\xf5\xb24\x7fhe\xc4\x97w\x17\xdbk\xe7eU\x9c\x12 \x89W7lr\xd2'</t>
  </si>
  <si>
    <t>b'C\x8bu\xde\xa5\xf4\xa4\x94\x19\x8a\xef~\r\xb0\xb7\x1aS\x9d\xec\x10\xb8\x83\x89\xf7L&gt;\xfb\xaaBk\xf8\x05'</t>
  </si>
  <si>
    <t>b'\x86\x03&gt;s#\x0c\xe0ME@\xb0k\xe1\xb0&gt;\xd9S\xc2]\xe2\x89\x99K\x90\x84[\x89z\xa3\x13T\xfc'</t>
  </si>
  <si>
    <t>b'\xe2\xae\xe6\nb\xbd==\xad\x04G\xe3\x9eH8\xa0\xf28] \xcc]c\x99\xb5\x8c\xeaj\xd2\x19\xa8Q'</t>
  </si>
  <si>
    <t>Reconstruction</t>
  </si>
  <si>
    <t>b'\xf99)\xe0\xea\x95\x1b\xfc\xf2\x7fP\x05\xbaz\x8b\r\xe6\xac\xf7^\x85\xb1\xd8g\xed\x8b\xb9;\x043\x9c\\'</t>
  </si>
  <si>
    <t>b'}\x06\xf32D\x8c\xbb\x9f\x7f\x87\xf1\xa5o\x96G&amp;\xb6\xc6\xf02\x12\x1a\xc9\x9d\xfb\xcb\xdc\\\xab\xe3\x05\xb9'</t>
  </si>
  <si>
    <t>b'\xa3\x9b\x82\xf1\xad\xfe\x7f\xf4;\x08\xfby\xa8^A\x0e\xd1t\\\xdf^\x86\xd1\xb6\x1b\xb7\xdcr\x02\xec\x80&lt;'</t>
  </si>
  <si>
    <t>b'\xfd\x13#\x07\x15-\xd4fq\xdd"\x10l\xff\xb5b\xb2Q\x8c\x86\x06\xb7\xd2\xb4a\x99\xc5\x1a\xd3E\x12i'</t>
  </si>
  <si>
    <t>b'Sj1yQ\xd9\xb2\xd9\xbb\x1d&lt;\x06e\x14\x8e"g\xd2\xc9\xb3\x8cqU*\x18\x03\x95U\x19\x94\x8e\x81'</t>
  </si>
  <si>
    <t>new loan</t>
  </si>
  <si>
    <t>b'f\xdd\x11\x91\\M\xcd\xbaV\xff\xaf\xe0\x00\xaa\xb4va\n\x7f\x13\xb4DD\x1e\xb2o\xc2\x1d\x9c\xfa8\xe9'</t>
  </si>
  <si>
    <t>b'A^\x98iv\x12\x97\x18\xe8\xab\xf5\xcb\x17\xd6Y;\xc6\xa0h\x92\xc5+\x86\xa4\x04\xfa)\xea\x17\x97;\x19'</t>
  </si>
  <si>
    <t>Responsible Debtor</t>
  </si>
  <si>
    <t>b'/\x02\t\xf2\xcb*\xab\xee\xbd$\xde&amp;\x13a-:W7&gt;\x9f\xd6\xa1 _\x8eRH\xf2\x12#T\xc0'</t>
  </si>
  <si>
    <t>b'|\xf6\xd4\xfa=\xe6 \\\x85\x8aH\xc7\x95\x9b\x1f\xc5\xc3\xf5\x1fFa9\x9d0\xf1\x9dDAM\x08\xe3T'</t>
  </si>
  <si>
    <t>b'\xc4\x0b\xde\xc8\x7fZ\x14\x16\xc2\x93F\xe1m\x1cn\xcc\x98\x91\x9e6\x9e\x89\xd4\xcb|\xe8v\xd0\x06\xd6\xbd\t'</t>
  </si>
  <si>
    <t>b'u\x0c\x84\xa0\xb0\xfe\xb1+\xc9y\x00H\x9di\x11\xfa\xda\x8b\xb8\xec\xa5\x80\x0b\xb9D\x90 \xcao\x15\xeaf'</t>
  </si>
  <si>
    <t>paying everything off in 2 years!</t>
  </si>
  <si>
    <t>b'\xea\x8a\xba\x96\xbe\xe3N\xe1^S\x04\xaf\xf5\x06\x16\x88\xe2\xe5\xb4\xc2\xcc\xa8\xbaWd{\xb2\xe7\x9d7\xc6`'</t>
  </si>
  <si>
    <t>b'.x"N\xa2H\xb7@S\xed\xf7&amp;\xe4\x8e\xffG\x9bf\xec\xc4\x07\xee0\xfeg\x0c\xc7\x18@\xdc\t\xa2'</t>
  </si>
  <si>
    <t>b'E\xc0\xaa/\xc4\xad\rc\xc3\x06\xfa\x897\x0bq\x87m\x9d\xc5]\xc4\xc3\\-n\x13c\xce\xc5\xd3\t\xb0'</t>
  </si>
  <si>
    <t>credit card fund</t>
  </si>
  <si>
    <t>b'\xcd\x13]n\xed&gt;\xfbq\x83\x96\xc2\xba\xbf\xff\xd0\x01\x0e\x19\xea-\x0b\x83\xbe\xd7\xfd\xce*J\xfe\xd27\xeb'</t>
  </si>
  <si>
    <t>b'\xa5\x95wYT\xc3\xdb\xa5t\xb3FL\x95m+\xe9\x9a\x8a\x16[-\xc3k\x82\xa7.\x9bR\x10xXO'</t>
  </si>
  <si>
    <t xml:space="preserve"> Home Improvement</t>
  </si>
  <si>
    <t>b'CP\r*\xa197\xe6K\xa79\xc6\xf4\x88\x91!T\xde\xfa\x05u\x10~JN\xd1\xaf]\x16\x15\xecD'</t>
  </si>
  <si>
    <t>Debt Crusher</t>
  </si>
  <si>
    <t>b":GW'\xd5\x1d\xae\xdbi\xf5(\x00#\xa1\xd9\xe1\x0cO\xc9-y!\xaa\xef\xb7.\x03l\xc0c\xa4}"</t>
  </si>
  <si>
    <t>My pay off some Bills</t>
  </si>
  <si>
    <t>b'q\xa9\xd7Z\xdd\xb4\xd4\xecs\x11\xcdh\x18h)YZ\xb5\x1f\x9a0L\xf3\x1e\xd8tl,\xfa\xba\x08\x9d'</t>
  </si>
  <si>
    <t>b'_\\\xa7S\xa8\xf9\xaaF Nw\x83j\x8e\x11\xf0\xdc\x86%hp\x81]\x0c}R\xb0\xce\x89]\xc4/'</t>
  </si>
  <si>
    <t>b'\x9d`WE\r\x18\xb4\x06\xd8\x0e\xc2\xcaw[S"\x01#`5@\x04\xaa\xccH\x81&lt;\xe1y\xb8\x1d\xf8'</t>
  </si>
  <si>
    <t>Getting it all together</t>
  </si>
  <si>
    <t>b'\xaa\x88SX\xba\xc3\xa1%\xfbDO7\xe8\xc7Lz14/lU\xca\x99\xcd\x8d\xd4\xea\xf8\x98\x81w\xf1'</t>
  </si>
  <si>
    <t>b'H\x0f\x08G\xc9Us\x9d\xa9\xb7\x97\xb6U\x0c\xf6\x10\x02r\x1c-\xd3\xe6\x9b\x83$*\\\xb9\x91\x03\x13\x10'</t>
  </si>
  <si>
    <t>Getting it together</t>
  </si>
  <si>
    <t>b'\xc4SEA\x90\xa2\xcb;V\x87G\x1c\xd6\xec7Y\xde\xdf\x8a\xf5\xbb\x91\xb2\x11\xec\x87=\xc20&gt;\x9e\xee'</t>
  </si>
  <si>
    <t>b'\x8f\xd3&amp;\no\xc1\xa6&amp;\xb4\x8a\x04\x8e\xb9\xb4\x02\x8b4\x81\x18\xe9\x7f\x91\xba\xf1y\xae\xd7H\xaf\x88=:'</t>
  </si>
  <si>
    <t>Chase credit consolidation</t>
  </si>
  <si>
    <t>b'WZ\xb1\xb9\xb3_\xce\x8a\xed\x00\x9b\xed\x99\xdb\xb5\x127\xf0\xcfM\x01\xa2\xcb=k\x19\xac\xd0\xe1\x9f\xfd\xbe'</t>
  </si>
  <si>
    <t>b'Pz\n\x9ag\xdb//\x1b\xc4\x06\xc6\x9ep\xdc\x98\xa8`$\x9d\x9cB\xe4\xf4\x8b\xa3r\x8e\xb0u\xab\x10'</t>
  </si>
  <si>
    <t>b'bg\xf9\xbe5\xb3c\xf8\xee\xfe\x13n\xbcKdU\xdb\x95\x84k`@\xdf.\xe5\xa7\xe5zb\xd0[%'</t>
  </si>
  <si>
    <t>b'GH\t3N\x8e\x9c\xab\n\xd2\xfa\x15)Y\x02l\xafA\xe8\x89q\xe1\xbb\xed\xdd\xae^\x18\xa5\xe0\x02\xc0'</t>
  </si>
  <si>
    <t>b'\xb4\x98\x94@7\x00y\x82\xdc\xad\x10\x13\xab7\x1c(C\x83\xa4\xbd\x8b_:pv\xf1\xe5\x946\x08\xaa\xf5'</t>
  </si>
  <si>
    <t>b't\x9aK-D\xff1\xd8\xed\x1a2\x1d\'z\xf8W"\xb2\xe1g#kH\xe3\xec\x0b\x8d\xfe\x0b\xa3?\n'</t>
  </si>
  <si>
    <t>b'\xa0\x87)3 %J\xc3\xf4m\xc2\xb2\xc0a\x07\xac\x00\xcan\x9b\xc2us\xc7\x0f\xcb\xea\\\xe9\x87\xc1Y'</t>
  </si>
  <si>
    <t>b'\xcbz\x97V\xd8\x12y`\x16\x7fq\xdf_\x05\x95,\xc1O_\xe3;\xd3\xa8&gt;]\xee\x7f\xab\x99\xe9Sl'</t>
  </si>
  <si>
    <t>b"\xbd\x98\xc1\xe1\xdb\x98x\x1b\xfa\xcem\xdd'\xe8\x86,\xde\x15\xc3\xf96\x8e\x84N\xe2\x9f\xad\xdfr\xd7\xa8\x1f"</t>
  </si>
  <si>
    <t>need money</t>
  </si>
  <si>
    <t>b'q\x0by\x8d\x12mc\x8c\xf0I*\x8es\xc3\xe2\x0fc\xf6)\xe4\xac&gt;\xe5&gt;\xf4(\r[d%\x8ak'</t>
  </si>
  <si>
    <t>b'rV\xdb\xbf\x8c\xdb"\xef|\x9e\x1e^Lt\x95\xe1\x92 9-s\xf0\xc4\x8d\xa5\x91~P\x96r\x9fR'</t>
  </si>
  <si>
    <t>b'\x90\x82Z\xc9\t7\xfa\xb0P\xd8s\x82\xe8\x01\x01\rjR\n\xcbS\x03\x07\xb2\xc50\x88 \xb2\x8a\t\xe8'</t>
  </si>
  <si>
    <t>b"\xec\xf6\xff.19t\xd7M'd\xcb\xe0\xb1;G\x11L\x02\xdd\xc0\xf0\x031\x96\x96\xdc\xe7\x12\xde7J"</t>
  </si>
  <si>
    <t>b'v\x96\x9c\xa4\xd7@\xbfYP\xdc\x1cK\xd0\x17c\xec\x0e\xfb~\x039\xd9\xfeu\x1b\xdc*i\xc6\nd\x96'</t>
  </si>
  <si>
    <t>b'\x84y\xd9\xb4(&lt;\x82\xb7x\x9d\xbd\x16\xa3\xb1"\x83\xaf\xb8\x99\xab\x03IX\xc2\xb3\xa0\x97\x84\xe9\x8eN\xad'</t>
  </si>
  <si>
    <t>b'\xb3I\xd3\xc1\x80\x1d78r\xc3\x9aFW\xe1R\x17\xcds\xff\x1e9Q&amp;K\xb7\x18\xee\x98\xe8\x84p\xe9'</t>
  </si>
  <si>
    <t>b'(y\xfd\xdc\xaf\xe8u\xb6\xe41&gt;\x14\x96\xba\nU\x85\x01\xa3&amp;[\xf9\xd3f\xd2w\xedJ\r\x81\x87\xd6'</t>
  </si>
  <si>
    <t>Rat Race Removal</t>
  </si>
  <si>
    <t>b'\rXJ\x9b\xc5rqp\xa2\xdc\xc0r\xd6R\x8f\xa6h\x01d0\x80\xe1\xb2.\x8fV\x9d\x1f\x8d\x1aw\xa3'</t>
  </si>
  <si>
    <t>debt repair</t>
  </si>
  <si>
    <t>b'l\xeb\x9a\x9a\xa6\xe4\x8c\xe0\xee&lt;\xe6%R]q\xce\x87\x1eP\x0f\xe7\xd8\xe78\xb4V\x8d\xdd&gt;\xac5\x8b'</t>
  </si>
  <si>
    <t>b'\xadt\xd5\xbcf\x08-\xde\x87\xb7\xa7m\xf3B{\xa0n\xff\x827\x08\x0bq\\E\x13d\xde\xde\xea\xa6\xb8'</t>
  </si>
  <si>
    <t>b'\x87\xa8\r\x0e\x99\xaf\xc3\x9c\xc5\x8fX!\xc7\x9d|z$\x83h\x06\xadF\xf4\xe5\x86\x90s\xe3\xc9\xe5*\x80'</t>
  </si>
  <si>
    <t>b'\xa3\x94\x94\xc7%\xd0 \x9c\x88Bv\x8c\x0e\x16\x96\x1d\xba\x9b\xe8\x96\x97\xbc\xb6X\xf4\x05\x1d1\x98\xca[w'</t>
  </si>
  <si>
    <t>b'O\xbc`\x9f\xb7l!\xc5\x10\xd8\x1a\xaa\x0bsB\xf8(a:\xda\xb9\xb9&amp;\xe6?\xd0\xeaI.\x0cf`'</t>
  </si>
  <si>
    <t>b'\x99Kk\t\xeb\x18\x80V\xdf=\xcdu*a\xd8\x93\xe0\x81\xa0E\x01b\xb5\xd1!j\xf69\xdc\x92\x94C'</t>
  </si>
  <si>
    <t>b'\x12\x19h\xa0\xa9\xac\xc0I\xa8(\xe6N\x1e0\xad\xea\xee"\xa9U\xab[\xf1\xc8&gt;&lt;F\xde:\xed\xb0\xe7'</t>
  </si>
  <si>
    <t>b'c;\xde\xc9\xaa\xba\x91\x97\xe0Q\xbd\xed{\xd0\x0c\\r1\x10\xd3\xf2\xa2\x82\xa4w]Hy#\xa9\x1a\x96'</t>
  </si>
  <si>
    <t>LendingClubLon</t>
  </si>
  <si>
    <t>b"4\xd0\x0cx\xca\x81\x801\xd1\x00\xc6\x83\xd9\xff\xe3\x99\xd2\xc5C;j'\xc39\xb8Af\x9b\xa3\xd5\x07\xa7"</t>
  </si>
  <si>
    <t>b'Y\xea]B\nGt\xe2J\xb7f\xc85%\xd5D\xf0\xc2\x99,H\xe5!\xbd\x91l\xc2\xc7\xffP\x11\x1f'</t>
  </si>
  <si>
    <t>b'\x8a\xe6\xb2\x00Tc(&amp;s_\xfaj\x0e\xe7\x80E\xbc\xc6v\xdf\xd7?I6\x1d\x8f\xf9\xb6\x8fH\x85\x17'</t>
  </si>
  <si>
    <t>b'\xca\xd5\x9a\xebm~\x0bz\xc9\x8e\x85|\x8d\x7fkh\xe8w\x8ff\x16\xf2\x84\xa4E\xc1G\xad\xfb\xc2p\xe0'</t>
  </si>
  <si>
    <t>Excellent Candidate Debt Consolidation</t>
  </si>
  <si>
    <t>b'\xceW7\x7f?\x889\xdb\x1e~\xdb\x9b&amp;\xee\xae\x0cz&lt;\xf32\xad\xbeY\x02\xea\xce\x17&gt;\xc0\x1e&amp;\xaf'</t>
  </si>
  <si>
    <t>b't\xd6\x9c\xe4\x81\xc3\x8a\x07\xd8\x0f\xa1\x06@\x8e\xc2c\x05\xef\xec\xd2\xbcP\xd8\xe9W\xfd\x84\x95a\xd4\xb2\xd7'</t>
  </si>
  <si>
    <t>b']\x93yD\xee0e\x8d\x9e\xf7\xfa}@u\xe3\xbc\xe9\xc0\xc6\xff\xedm\xc1\xa6l\xbd\xd0s\x9b\x01\x1d\x1f'</t>
  </si>
  <si>
    <t>b'\xeb\xdc\x8b\x92\xee\xfb\x00}\x05c\xdd\x8f6\x0eA\xfd\xdb\x9f(\x0f\x08l\xfc\xe2K\xf59\x04\xe1\x07\xc6-'</t>
  </si>
  <si>
    <t>Positive Future</t>
  </si>
  <si>
    <t>b'\xc1h\xf5\xab\xb0\xaacK\xb1\x83"\x11*7\xe1\x1e\n\x87d\xe8_\x96)\xc9\r\xea\xf5\x89^\xe9\xf0\x99'</t>
  </si>
  <si>
    <t>b'\xa1I\x92\xe5\x015\x82\xf3\xb6\x04\x06Sd\x854\xd1&gt;C:\xe7\xbb9\xa3\x00\x11t&lt;\xbd\x8c\x95\xef\x12'</t>
  </si>
  <si>
    <t>APR reduction &amp; consolidation</t>
  </si>
  <si>
    <t>b'\xed\xc2\xf2\xfe~\xd7H\x0b\xeeN\x17\xdb\x1e\x87\xc9\xd4w\x91\xb0FP\xb0#]\xad\x97\n\xbe\xbe\xeeV6'</t>
  </si>
  <si>
    <t xml:space="preserve"> C &amp; C payoff</t>
  </si>
  <si>
    <t>b'\x00!T#\xa7\x83TD]U\xd9[\x9b%&lt;\x81P\xd2NFT\xec\x08\x06\xe0\xd8\x87?\xad\xe3\xe71'</t>
  </si>
  <si>
    <t>b'\xc4\xab\xcd\x1eo\xe7A\xcc1\x06J#\xc1(\xeb\x16\xe9\x01\xe0\x1b~\xc6\rq_[?\x81y\xbc\x9d\xf6'</t>
  </si>
  <si>
    <t>b'\xe0x\x05\xb0\xefz\x96`\xe4\xf4t\x86T\x91f|\x0c\xfa\x93\n\xbe\xe1\xdcD\xc6(\x0cr\xae\xd6\xa9\xbe'</t>
  </si>
  <si>
    <t>b's\x80\xa8\xc6\x90\xa2\xa2\x85\x962NG\xf3\x8ef}j\x82\xec\xac\x8e\xc1\x84\x8b\x8d\xaa@\xdfG\xa2Z\n'</t>
  </si>
  <si>
    <t>b'\x18\xcd\xbc\x8a\x8f\xdb\x01#\xf2\xee\xc2L\xaf\x97\x1b\x11\x02\xa5p[\xd48V\x8e\xf9&amp;\xea:\x9an\xca\x9f'</t>
  </si>
  <si>
    <t>b"?%\xb1\x1d\xe6\x10\x85\xa7\xa4\x83\xaa\x95\xebd(:mo\xce\xc21\xdf\x9fw\xa3\xbb7\xddL%5'"</t>
  </si>
  <si>
    <t>b'\xd7t\xd4\xbb\n\xa7Sk\xd6\xa0)xV"\x9c\xe5\xcf\xc9\x17\xa7u\x1aAi\xce\x8c\x10G\x9d\x0c\xb5\xac'</t>
  </si>
  <si>
    <t>b':\xb7\xb8\x19\x17B\x8b\xd7\xfa\x93\x187P\x98\xe320\xe8\ror\xf7cH9\x07\xa7\xf5\x1eR\x91\xd4'</t>
  </si>
  <si>
    <t>Payoff Loan</t>
  </si>
  <si>
    <t>b'\xd0\x17\x9a&amp;\x1c\xdf \\\x15ve{\xe6\x9b\x08\xcb:\x08t\xb3\x9b\xc1\xf9{\xea\xe8h\x88c\x91%d'</t>
  </si>
  <si>
    <t>b'\xe9\xf7\x81&gt;\xb2\x95A\xf4\xae\xc4{m\x13bE]\x93\x17\xba\xe9\xb5pw\xc5\xe3\xf2\xf4S\x8c&lt;u\x0e'</t>
  </si>
  <si>
    <t>b'I5\x069\xee\xf6\x1a\xa8z}B\xfc\xa5\x90\xa9\xf6\xc3\xd8Z\x86l\xea\xa4\xda\xa0\x81\x9a%\xfcj\x9a\x15'</t>
  </si>
  <si>
    <t>b"\x1b\x04\xe5\xad)B-\xfc\x1a\xbdqc\xecy\x9d\xed\x8b\x133\x04%,'\xc6\x89\x13\x01\xdd&gt;|z\x06"</t>
  </si>
  <si>
    <t>b'\xed{\\:\x8f\x02\xad\xb6\xf9\x8ef\x91\xeb5\x8e\x14*\xcb\xf3&amp;\x9eX\x08\xeay\xda\x92b\xd6\xeb\xe7z'</t>
  </si>
  <si>
    <t>b'0}\x81e\x92\xa6\x0f\x8c\xab\x956!\xdef\x0cZ!x\x010\x94\xf1\x85\x8dj5d\n\xfcJ\xe4&gt;'</t>
  </si>
  <si>
    <t>Credit Card Reduction Goal</t>
  </si>
  <si>
    <t>b'::Q\xc3\x11\xffeU\xc5\xdc\x04\xcdq\xf6\xfd0`\x96G\xe0%pu\x079\xcaL\xf5$\xe0\x17\xcb'</t>
  </si>
  <si>
    <t>b';H\xb7Ls\xe8.\xe0\xf3\xf7\xfd\x8b\xe7CC7O\x7f?\xe0\xed\xdc\xf9 N\xb2H\xad\xf3\x8b\xf9\x85'</t>
  </si>
  <si>
    <t>b'fS\xb4\xd6-\xd2\x92\xdb\x82\xb0K(\xd8\xe2\xaaI\xf2q\x0eB.\x89D\x96\xec\xbe\xfe\xb6\x07%\xb9\x86'</t>
  </si>
  <si>
    <t>b'\xa4\xd1x\xc2/je\x01\x05\xf3\xa2\xce$M\x89L?\xd8\xab\x82\xa5\xa1\xf4\x9ap\xca\xd6\x02\x9b{@-'</t>
  </si>
  <si>
    <t>b'\x89Yw\x82/\xb78\x17\xfb\x08\xca\xe5\x12\xd0\rT\r\\\x97\xcb\xef\xb9g\x8e\x15\xf89X\xcd\n\x8cY'</t>
  </si>
  <si>
    <t>b'\xc2\xb8\xc4YgYc\x9a\x98\x97\xe8\xe9\xd27\xb1\xa3i\xc2\xee&lt;\xc1\x03\xdc\xd9\x10|5i\xb5!\x02w'</t>
  </si>
  <si>
    <t>DEBT LOAN</t>
  </si>
  <si>
    <t>b'aH\x9f9\xc6\t\xa6KL\njk\xefg\xb8\xfa\xa1j\x0e\x94\xd6t\x9c5L\xb7?K\x8b\xff\xbfV'</t>
  </si>
  <si>
    <t>b'A\xb5\xf5\xdd/R\xc4\xc3\x1d\xae\xa09\x93X\x8c\xf6\x16c\xe9B\xf6\x8b\x1e\xa1s@\x836c\x062\x97'</t>
  </si>
  <si>
    <t>b'D\xe8\x86a\xbf(\x9b\x9eX\xbd\x13LG\x9d\xf1=\xa0\x8e\x06\x15\x08\x86W,\xd7\xac\t\xaa3(\x90A'</t>
  </si>
  <si>
    <t>clean me up</t>
  </si>
  <si>
    <t>b'k\xcc\x91W\xa5\xee\xf4\x00\x8a\xb5a\xf9r\xd4\x84I\x01\xf6G\xc4\x19\x11\xcf`\xee\xba&amp;\xd5\x8b\xc3*\xdc'</t>
  </si>
  <si>
    <t>b"?\xb3s\xb2/\xb1e\x83&gt;P\x05`!\xa9r\xd3b\xc1\x00\xaa\xecQjV\xf3?'\xdf9\xc8n\xd5"</t>
  </si>
  <si>
    <t>paybacks</t>
  </si>
  <si>
    <t>b'\x1b\xf0\xfc\xec\x96U\xa8J\xcc\xe9\xea\\\xffo\xe2E\x15\x04\xbaTI\x15\xd1\xb6rB\xf2\xed\xeaV\x05['</t>
  </si>
  <si>
    <t>Debt Payoff and Consolidation</t>
  </si>
  <si>
    <t>b'\n\x16\x99\xe9\x11\xafyBG\xe0\xeav\xcf%\x01_\xd3\xcc\xfdx\x04\xc2\x15\xa9\x80L\t\x89z\xdcd\x04'</t>
  </si>
  <si>
    <t>b'b\x94\t\x9b\x02o\xb20&gt;\xb1\xce\xdc\x92\x0c\t\xa8\xe7\xc1\xe9\x0b-6\xb6\x825\xac\x80\xe4\x1e\xbdI+'</t>
  </si>
  <si>
    <t>Credit card rate reduction</t>
  </si>
  <si>
    <t>b'_%\xb1\xa4\x94x\x9ciG\xdf\xeb\x01\xac\xebg\xbb\x0e\x105L\xc7\x94k@\x99\x97~~.\xaaD\xe3'</t>
  </si>
  <si>
    <t>b'@4\xa5]\xb8\xd2\x0c\xb1\xdcV\x12\xb4\xf3\xcd\xc3\xb2\x19U\x1a\x84^T\xe6\x91YU\t\xd3{\x94\xde\xc9'</t>
  </si>
  <si>
    <t>My Lake Home Loan</t>
  </si>
  <si>
    <t>b'z/\xe1xC\xdf\xc16\xab\x1d\r\x96\xf0O\x19\xdd}\xe3\xe0\xc1\xe0\x97/\xd5\xa7&lt;\x15U\xd2X\xfeA'</t>
  </si>
  <si>
    <t>b'wE\x9a\xd51\xdfU\x96\xa5\xe4jx\x17\x9e\x85\x8a\xb7\xf0&gt;j\xa8&gt;\rfo\xb2\xc0L\x80\x0eR\xc9'</t>
  </si>
  <si>
    <t>b'^\x86\x05\x1b\x9d\x1e\x9a\x9e\x93\xfe\xaa\x16\xa8\xc4\xeaT\x1f\x84\x04\xa0\xa3\xd1fR`\xb3\xd4\xe2J{\xf6\xdf'</t>
  </si>
  <si>
    <t>b'\r\xe0\x83\x0bb\x94\x7fNU\x05}u\x96\xd0\x88\x8b@.n\x7f\xc3r\xad%\xd3\x85\x10\x9a\x03$\xd0N'</t>
  </si>
  <si>
    <t>b'\xa9\x07k\xe1v\xf4\xb5\nU\xbd\x83/i"\xa3\x99\xaf\x18e"\x93k\xc7\x8c\xac\xfd3\xba\xb8\x93\xda\xa4'</t>
  </si>
  <si>
    <t>b'\xa9\xec\x01M\xad\xd3\xa5\xba\xc8R\x9c\xc8\x937`\x16\xb8\x13)!\x8eO\xadG\xc5d~B7\xa3\xff\xb9'</t>
  </si>
  <si>
    <t>Credit Card Reduction loan</t>
  </si>
  <si>
    <t>b'\xf3\xf56\xa2\xc2\x04/c~VO.\x9c\x18\x9d\x08$,"();\x88\x1d~\x95\xe0\xe9s\x9e&gt;@'</t>
  </si>
  <si>
    <t>b'\xa0\t?\x17\x7f\x1a\x9bVg\x8e\x9b\x86\xbc@\x17\xf8~4Z\x13\xb1P\xa2\xef$/7/\x92\xf5\xd5\xf8'</t>
  </si>
  <si>
    <t>b'Fl\xe6\xe9\x15\xde\x90}\xec\xce\x10C\x01/\x8a4\xdc\xd8\xdc\xd6w,\x1b\xb2\xdd\xcd,\x88\x13Y\x17\x03'</t>
  </si>
  <si>
    <t>paying off debt</t>
  </si>
  <si>
    <t>b'\x1b]\xc2e"\x02\xc5\xc3\xf7g\x87\xb1\x01\xaa\x1c\xf0\xa6\xfc(\x85\xae:\x15\x8c\xa5\x84V\xdb\xf9k\xe5\xca'</t>
  </si>
  <si>
    <t>b'{u\x1fj\x8e\xa3\x96:[jL^\x8a\xdb\xb24\xdb\xa7\x9c\xf7\x99{\x83\xaa\xa9*\xcbb0\x13\x93\xf5'</t>
  </si>
  <si>
    <t>DON'T GET MAD, GET EVEN LOAN</t>
  </si>
  <si>
    <t>b'`5\x13\x91\x82\xdb\xaf\xa3\x86(:\xa97\xceB\x80\x17Bb:Ld\xcf*F\xbd\xe0\xc0\xd4\xe7U#'</t>
  </si>
  <si>
    <t>b'\xb1\xda\x0bQ\x91\xad\x17\x16\xf6\xb8vU\x02\x02\x92K2\xa0Z\xef\x17\xa4\x8eptD\xff\xd3@\xd7!p'</t>
  </si>
  <si>
    <t>b'\xcd3\xcdb\xda\xe2\x8b`!\xc5\xbfs\xc1&gt;\\\x1eD\xcaA\x12\xd8\xc2\xaa\x11}\x11G\x13\xacKo\xd4'</t>
  </si>
  <si>
    <t>H.I. Loan</t>
  </si>
  <si>
    <t>b'W\xf8)\xf9\xb9*\x91\x07\xe4\xca[\xbc\xc2D\xbc\xb3\xa8\xf9~\xcf\xd2\xde\xe7$\x06\x98~\xec\xcc\xa0\xae\xb4'</t>
  </si>
  <si>
    <t>b'\x81E\xf7\x856\xda\xb0E\xbe~|\x00\x05\xf6\x93Q\xc5\x80\xa8\xa1\xd7Z\x9f\xc8\x7f\x02I\xac\x84\x86\xecw'</t>
  </si>
  <si>
    <t>Paying off bills</t>
  </si>
  <si>
    <t>b'\x01\xa3\xc4t\xa7\xd8\xf8L]\x1fx!D\xee\x11yQ7\xc0\xfc?\x0f\x91Y\xb2\xfb\xb1\xf7~\x10\x98\x0f'</t>
  </si>
  <si>
    <t>Simplifying Payments</t>
  </si>
  <si>
    <t>b'Y;*\x83\x98\x92\xb5\xcc\xc3\x1ek\xa4a\xe2esLrq\x05y\xe2F\x81O2\x0c\\\xff\xcb\xc2v'</t>
  </si>
  <si>
    <t>Lending Club Refinance</t>
  </si>
  <si>
    <t>b'\xe8K9m\xf0\xa2c\xbahO\xcc+T\x9e\xc1\xf3\xf3\x83}\xd2\xd3rG\x95*\x97\xfe\xb6\x8a\x03\x0b\xda'</t>
  </si>
  <si>
    <t>b'\x14-\xe2\xd6\xa0\xa1S\x1f\x89\x0c)6\xae/}?\xbf\xdf\xd8\xf7q81\xdb\xa5\xec\xed\xdayW\x8d\xdd'</t>
  </si>
  <si>
    <t>b'\x93k)\xad\x05\xa6\xc9@\xe6\xc6\x94\x11m7\xc8\x02\x91=\x14\xee\xb4\x92\xa5\x14\xd9\xcf\x82\x90jb\x01\xc4'</t>
  </si>
  <si>
    <t>b'\xeb\x14\x19\xf6[\xce"\x9a\xf1\x08Ng\x0c\x06n&gt;\x8b\xbe\xcfr5\xdaH\x13\\\x92\x98\xb0\xb0pY\x19'</t>
  </si>
  <si>
    <t>Loan Consoldation</t>
  </si>
  <si>
    <t>b'p\x10P\x96w9R#/\x90\xa1\x0c9\xfb\xa9X\xbd\x9d\x0b[\x06\xac\x02\xe4$\x9fi#\xb0\x91o\xe6'</t>
  </si>
  <si>
    <t>b'\x1eQ\xde`xs\xeb\x85\x06\x81\x17\xa6J]\xfc\xfc\xc03h\xb0H\xa9eS\xf1\xfd\x95\x05\xa3\x0c{\xd6'</t>
  </si>
  <si>
    <t>b'!\xac&lt;r[D\xec\x06I\x94\x9f\xe6\x0b\xc4\xb5\xf0\xeb,@\xdb\xf2\xa0\xeeQT~\x7f\xec\xf7\xc7\xb2\xec'</t>
  </si>
  <si>
    <t>b'\xf7A\xddC\xf3\xb8\xc2V\xe5+\xba\x95\x15\x91\xf0\xb9{B\xf0\\1\x81\x88\xc7*\xa3k\xa5\x93\xf1\x9b\xb1'</t>
  </si>
  <si>
    <t>b'\xd3rN4\xfb\xc3$w\xabM\x05\xc3dbO\x94Y\xd8\xecG\x07\xc4\x05\xc6\xf5t\xa6\x8d\x8d\x19\xa5A'</t>
  </si>
  <si>
    <t>b'Et\xee5\xa3\x96n\x85\xdaT\xc1\xfd\x0c\xec\xc0?H7\xb4\x8c\x01#\x94\xc0\x02r\xe2m\xc3\xdc\xf0\x97'</t>
  </si>
  <si>
    <t>b'}\x8aHr\xc5\xa8\r\xd8i\xcb\x86c0\x00\xa8\x04\xf3G\xea\xdf\x83`\xc1P\x15\x06\n9/\xe34\xdf'</t>
  </si>
  <si>
    <t>b'\x88J 4?E\xc2A\xd6.\x89\x85\xcaa\xff&lt;l\r\xe7\x19g$\xcf\xfd\xa4\x07\x1c\x80\xd1j\xf6\x14'</t>
  </si>
  <si>
    <t>b'%mv\xcd$\xcc[\xba\xc0\xa5\x0eZ\xcc\xdf\xddL\xed\xdeKyg\xdev\xabI\xfb\xfb\x93|03\xc7'</t>
  </si>
  <si>
    <t>b'\xdb\x90u\x18\xa7\xcc\x8c\xef\xa5\xbb\x7f\xd9\x05@PXvV\x9c\xcf\x83\xf20\x14s\xbe\x85\x8b$2\xbf\xf9'</t>
  </si>
  <si>
    <t>Debt pay off and home improvement</t>
  </si>
  <si>
    <t>b'\xb2\xf6\xb3i.\xa7!\xe9\xf0\xf3\xef\xc7\x97\x00 \x9a\x14\x7f\x1d\x0fe\x97\x98\xa5\x86\x03|\x85\x1b\xa4UP'</t>
  </si>
  <si>
    <t>DebtFree2013</t>
  </si>
  <si>
    <t>b'\xbf\xa8\xb9\xf8.\xb3f$\x83\xa6\xcc\x98\x9b\xbc&lt;(\xcb\x82\x91k@\x0b\xb5\xe1V\xaf\xf1\n\xd7\xc3\xcd2'</t>
  </si>
  <si>
    <t>NEW AND PROSPEROUS BEGINNING</t>
  </si>
  <si>
    <t>b'\xd9\x90\xe8\x8bq\x87\r\xfd!\x9d\xe6K\x85W\xa3\xb0b}ip&amp;p\t\xca\x9d\x14\xeba`1\x96r'</t>
  </si>
  <si>
    <t>b'\xc5\x81~\xef\xd7\n\x9e\x05\xcbZ$*\xccm\\\x16P&gt;\x0eB\x9bC\xdf\x95\xd2\xc1\xb9|b*\xd2G'</t>
  </si>
  <si>
    <t>b'\x93|@68\xafq:\x8d\xeb\x95\x12\xdf\xa1\xb9\xa2\xc8\x96\x84\x979\xea6*j\x1dhZ\xc4\xce\x03\xda'</t>
  </si>
  <si>
    <t>b"9\xa1\x84\\\x80\x19o\x97\t\xd7\x12_\xb7\xa5'\xc6b9\x93\xa57\xbd\xe1r\xa8\x01\xa2Yn\xcc\xae\xdb"</t>
  </si>
  <si>
    <t>b'\xa6K\xe0\xf5K\x18\xc1Cd\xca\x1e\xd9yL\x9a\xfc\xa7\x96\x1c4\x02\xdd\x00\xe1\xe9D\x88h\xa1\x1eR&lt;'</t>
  </si>
  <si>
    <t>Pay Off HIgh Interest Rate Credit Cards</t>
  </si>
  <si>
    <t>b"\xf0_\xd9\x88'\x0e\xa6\x0f\xf3\x18\xe7\xae9Z\xd9=m\xcc\xba\x1b&gt;\x81\x05+\xf0?\xecK\x10\xd5`\xee"</t>
  </si>
  <si>
    <t>b'\xea&amp;\xef\x02\xbb\xbf\x8c\xa6+\x07\xfdq}\x00\xe30XZ\xd9\xa7\xc70\xea\xce\xdcS\x9bZ\x10^\xab\x1f'</t>
  </si>
  <si>
    <t>b'\xd6\x13K+\xe6\x0b\x07t$\x8c&amp;\x96\xdb\xbb&gt;k\r+-\x98\xa2J\x80\xd9]\xb7\xc2\x8f\tC\xe7\x7f'</t>
  </si>
  <si>
    <t>b'\xab\xe0\x10\x89\xdb\xf4\xd8&lt;\xc7\xbb\xcbm\xbe\xff\x1f\xab\xe9\xfc\x80\x9f\x03@\xf3\xf2\x10\x05{\xfflN\xa5\xe3'</t>
  </si>
  <si>
    <t>b'*\xdeYH\x89\xc9%\xdf\x82wnl5\x92J\x9e:I\xfb\xcf5"D\x03\xb1\x1f\x05\x7f\x9bK_U'</t>
  </si>
  <si>
    <t>b'}4\xab\xcb\xf9~\xc1\xed\xd3\x82\x94\xbd\xf0]\xa1\x15QP\x81\xd0\x99-\xc2\xfc.\xbd\xc5+e\xdf:\x8f'</t>
  </si>
  <si>
    <t>b'.\xee\xe7.\xe9\xa1\xcb\xac]M\x1d\x1c\xb6\xb0\xfd\x0cX\x8f\xb7\x9a\xe3\x90U\xdcm\xb1\xf6\x9c\xea\xf8Q\x80'</t>
  </si>
  <si>
    <t>b'\x0c\xbc\xc1\xa6\x8b\xb7,\xb5\xca\xde\x99\xbeP\xa7\xc6\xedM_\xef\xba\x1f\xcb\x18!\xd1\xcd\x02n\x8bz\xd3@'</t>
  </si>
  <si>
    <t>b',\xcb\xc8K\x92\xfax\xa8\x94c\xf4N\x00\x86\xf9\xb8dQG\xb6\xf0L\xcf~\x13\x077\xa5\xc4X\xa0I'</t>
  </si>
  <si>
    <t>Debt Consolidation Load</t>
  </si>
  <si>
    <t>b'\xc4\xbc\xdc\xdac\xc1\xf6\xb82\x90r6\xf1^aX\x16\x8b\xca\xb6s\xbcf\x83\x08\x85(\xa0\xa6hR\xd7'</t>
  </si>
  <si>
    <t>b'wm\x89\xce\x9dgD\xa3yH\xa2@2\xac\x9b$\xd8l\xa5\xe10\x9e{\x87\xbf+\xcb\x93h\x8c\x92\xc6'</t>
  </si>
  <si>
    <t>b'\x1d\xa62\xcf\xeb\x1c\x0f\xee\xd2]\xdf\xa9\xd6./\xc8w\xbcrQv\xc1\xc3%hT\xa4\x8fI\x9c-\xbf'</t>
  </si>
  <si>
    <t>b'\xce\xd5\xefx\x84-{\x049\x19\xc3\x07\x03\xe5\xb0\x8bDG\xde?\x9cM\x93\x9ei`[e\xe3\x02\xd4\x7f'</t>
  </si>
  <si>
    <t>Personal Bills</t>
  </si>
  <si>
    <t>b'o\x82^\xfd\x9c\xb8\xe4\xa7]\xb3%\x93\x01\x85\xcf[=N\x9a\x0bm\x0f\x9c\xfd\x16\xbb\x8e?v^9\xe6'</t>
  </si>
  <si>
    <t>b'A\xd31\x17\xc3\xd4\xec\xe6:7\xce\xbd@\xaa90\xfc\xb2F%\xeee\xd2\xe4T\xfc\xa2\xa2\x85\xa5\x93\x90'</t>
  </si>
  <si>
    <t>b'\x91\xaa\xa7TS;}\xea\xdc\xb8p\x10\xcc\x98n(\xaa\xea8\x94L\x9cA\xc6\\\xe3\xb9\xe1V\xea\xf1\x92'</t>
  </si>
  <si>
    <t>Christmas</t>
  </si>
  <si>
    <t>b'\xf7\xfb\xa3\xb8\xd6\xd7`\xdb\xa1s\n\xce\xd9\x88\x16\xdbx\xa4\xe1%\xe2|v\xfd\xfa\x04l\x9a\xcf\x0b\xa7\x0e'</t>
  </si>
  <si>
    <t>b'\xf4C\x08\xfeg\xb0\xc4\\V\x17\xf0.\x89\xf6d\\\xbe@%/f \x91o\xc5!2\t5%\x0bR'</t>
  </si>
  <si>
    <t>b' \xa3uh\xf2\x05n\x9eQ\xb7D\x0b?\xc4\xdb\xae\xbc~\xba\xf2\x18\x90n,*\x1f\x8f\xfc\xa1\x02\x98\xe7'</t>
  </si>
  <si>
    <t>b'\xc9\x10\xb6\xe40\xd5\xff\x14(#\n\x13\xef\x8d6\xcd\xc9KfB{\\\x1fbKu\x07\x16\x19\x9a\xd2,'</t>
  </si>
  <si>
    <t>b'rJ5r\xcc\xef&amp;\xdb\xd3\x9bO\x18s\x93\xd3=\xba!K\x19-\xcb\x05\x02\x86\xaaAj\x88\xdd\xaen'</t>
  </si>
  <si>
    <t>b'X-\x88a\x0c(\xb0}\nL\x15\xadOA R\x12\xaf\xa3\xf6r\x03q!S\xd1\xefx\xca\xde\xb7\xd1'</t>
  </si>
  <si>
    <t>Bill Consolidtion</t>
  </si>
  <si>
    <t>b'N?%\xa9\xcc\xa6\xa0\xa3\xf5t\x99\xa1\xcd\x88$\xb0\x9ct\xa2Mx\xc9vc\x80\xbex\xd8\xf7{\xe7^'</t>
  </si>
  <si>
    <t>b'Z\xf2\x8djA\xc7I\xad\x11]i\xde|z\x0bX\xf8&amp;\xef\x127\xb1`KjD*=\x92\xfe\x16\x8b'</t>
  </si>
  <si>
    <t>b'\x8c@]\xd5EMV;\xe2\x82\x1b\xe1\x1d\x87\xc0\x89E\xf6h\x82\x95k"\x8d\x10eV\x1eM\xf1|\x17'</t>
  </si>
  <si>
    <t>b'D9\xd907\x9b\r\xe4\xd7\r?\xe2\xf4\xc0)S\xef\x96\tN\x06\xf1d\xf0\xf5\xd79\xeaV/\xb9\xbc'</t>
  </si>
  <si>
    <t>Hospital bills and IRS payment</t>
  </si>
  <si>
    <t>b'\x8c\xdf\xe5\xe1-\xd7\x1e\xe1@\x1d!\xb9\xadB\x17h\x93w\xc0\xc0\xa7\xc4\xca\xe4*\xe6\xc7\xd5Z\n:\xe4'</t>
  </si>
  <si>
    <t>b'h\x87K\xeb\xd5\\\x813GU\x92\x01q~\x12\x04\x85\xdf\xb1\xb1\xdf\xe8\x8cs[\x05}\xc8\xd0u\xc3\xfb'</t>
  </si>
  <si>
    <t>Surgery</t>
  </si>
  <si>
    <t>b'?%\xadrq\xdeC2\x93\xd7\x9c\xa7\xa0u\x15\xe1{\x06-\xf1.&gt;G0N\xf5\x10N\xb2\xf6\xd3\xdc'</t>
  </si>
  <si>
    <t>PayBOA</t>
  </si>
  <si>
    <t>b'R\r8\x03\xdd\xb0K\x89\xcb\x17J\x85\xb7\xc3g\xcch\x9e\xa9&amp;}\x0fV\xed\x1f{\x96\xb8\xda\xaf\xa0p'</t>
  </si>
  <si>
    <t>b'j\x16\xbd\xa5X\x84\xefJ\xe23_\xb0\x9c\x10Ai3\xed\xd8A!\xe5\x9blWI0\xccV:\xf4*'</t>
  </si>
  <si>
    <t>b'\x02[\xa2\x10.\x08ZX;;O\xd7\xfbf,\x94\xdbG\x9ac\x81\xdf\xdf\x80\xec\xd2U+\xe3\xd2z\xb6'</t>
  </si>
  <si>
    <t>b'(U\xde\xd7V\xb5\xc3m\xfe\x95\x84,S\x9a\x13W\xa0s\xe5\xa1z5\xa7\xb8LxO3\xd17\x12\x1e'</t>
  </si>
  <si>
    <t>b'\xf1P\x83M\xd6tj\x11\\=\x03\xb5p\x8d\xde,\xde\xbc&gt;\\s\xa8\xf0(\nf\xff;D\x00w\xce'</t>
  </si>
  <si>
    <t>b'\x1e\xd0\x1a\x87=&gt;\xa4\xdb\x98\x18@\xc2\xf2 \xdc\t\n\xbaX\n\xe9\x88\xa4\xed\xff9\n\x14\x8d\x04\x84\xd3'</t>
  </si>
  <si>
    <t>b'\xeb\xcd\xe1\xee\xdcv5\x9b\xe9\xfe?\x08O[\x153\x15\n\tv\xc0\xe7\xb5h\x19V\x9bb\xa8 \xf1R'</t>
  </si>
  <si>
    <t>b'\x9e\x06\xf3\x03n\xceZ\xe5D\x00\xc6E\x9d|2\xab\xe0\xd6\x8bO^8c\xcf\xfdG\xe8\x19Xx\xb1\xf3'</t>
  </si>
  <si>
    <t>b'\x19\xdd\x81=\xe5i\x14\xde\xb3/P\xb7\xe6Y\x1d,\x7f+\xe9u\xd4\xaeE\x81k\xb9p\x8f\x80bgu'</t>
  </si>
  <si>
    <t>Get out of high interest debt</t>
  </si>
  <si>
    <t>b'p\x8f\x0b,\xcd2\x07SL&gt;\xf6\xe7\x95\x97{\xa7\x9b\x8b\xa0\x9d]\xaa\xdb\xe2\x19\x0e\x1c\xb0\x803\xfc\x05'</t>
  </si>
  <si>
    <t>b'9A\xe0\rzF\xac\xd4B\xa411\xc6\x9b|\xba4\xfb\xd5Q^\xb0\xc6\xed\xd1\xd7\xc8\xa5\xed\xc25f'</t>
  </si>
  <si>
    <t>Back on Track</t>
  </si>
  <si>
    <t>b'\xcf\xa8\xab\x8b$\x0f\xbf\xbc9\x11%\xa7\x932T7Y[\xac\x80fQ\xd1\xbc\xcbU\x90\xa0IM\xe5\x1a'</t>
  </si>
  <si>
    <t xml:space="preserve"> GOT MY LOAN BABY</t>
  </si>
  <si>
    <t>b'6Ka8\x07*R\xae\xcc\xc5\xd5\xc9\xc9?\xaf;\x87 \xb4-\x05\xbcx\x04\xed\xd6\xb4\xbc\xb9\x044)'</t>
  </si>
  <si>
    <t>freshair</t>
  </si>
  <si>
    <t>b'g\x89u\x91T#3\xfe\xac~\x82W\xc3h\x00a\xd4"I\xd8\xef{\x8b\x82\xc8`\xc0\x84(\x85\x99\xa9'</t>
  </si>
  <si>
    <t>b'Yk\xb7u\xc9\x88\x10\xc2O\x0cJ#\xc6\rO\x1d\x8e\xda\xb9\xe5[T\xeby\xc1|G\xeez\xd3\xee*'</t>
  </si>
  <si>
    <t>b'56W\xe5mO\x9d\xbc\x84\xfb\x10:{\x8f1\xf3\xa9@\xc91z\xe1\x98\xa2\x81\xfb\x10\x1f]]y\x15'</t>
  </si>
  <si>
    <t>b'\x97@\x80q\x87nn\xb4\xc5\xd3\x00\xe6\xb41\x18"-\xcf\x7f\x9a\xde\x0ea\xf3\xa3\xc6\x16&gt;\xcf_\xd7\x07'</t>
  </si>
  <si>
    <t>b"5x\x12~\xb5\xcc\x94\xa0G\xb6\x92\x05N.\xa7\x12dANC\xb3'`\xb3uP3\x1f\xe5R\xcd\xe7"</t>
  </si>
  <si>
    <t>b'\x1b\xca)\xe1\xaa\xc94*\x05\x9b\xdc\xa4\xbd\xb0}\xa4\x88\xa7\xd3Si\x81\xeb}\xdb\x88\xaf\x04\xad\xdf\x7f\x8a'</t>
  </si>
  <si>
    <t>b'\x9e#\xc4\xff\xc0b\x01\xef\x9f\xb1\xef\x01\x88\xd3\x1b+\x94\xa3(\xe7\x17\xb2\x96{;\xe6\x13\xc3f\r\xebH'</t>
  </si>
  <si>
    <t>b'\x9e!pH!\x84\xc4\xb8o\xde\x80\xc62\xd6\xbc\xb9\xd1\xe5\x9fp\xf3\xcePr\x83\x9a\xbd.hs\xa9\xe3'</t>
  </si>
  <si>
    <t>b'}}#\xdf\x0b\xca\\\x17\xa6n\xa0\xa4\x95k\x91\xb5\x94\x11\x1ex\xc9\xd8\xb4$\xc6\xc0\xd784\x06\xd2\xb2'</t>
  </si>
  <si>
    <t>b'\xca\x8c\xf7\x86\xd3\x80\x01\xd5\x97\xa6\xb2\x02\x16\x82\xc7MR\xfd1%\x8e\xb2\xf4il\xba\xd5\xa3\x84\x07DJ'</t>
  </si>
  <si>
    <t>b'.\xe0\xb3\xc9.\x1fL\x88\xf4\xdb\x9a_\xc7$8\xa7\xf6\xf0\xf4/i\x82\x92\xb8\xe5\xbe\xc5\xfbcSw\x82'</t>
  </si>
  <si>
    <t>An overdue vacation</t>
  </si>
  <si>
    <t>b'Q\xbcCn\x949Q\xc6\xc9TF\xd1\xa4A\xb7\xe4\xa8\x9a\xe5\xfa\xe2R\xda\xd7([\xd8\xff\xa2(\x9c\xe1'</t>
  </si>
  <si>
    <t>hospital bill</t>
  </si>
  <si>
    <t>b'\x19\x89\xe5(\xaf%d\x83i\xf7X\xb6\xaa\x9aZ$\xc4ez\xf2\xac5`\xea\x11,X\xb1\xd5\xac\xa8,'</t>
  </si>
  <si>
    <t>b'\xfe{\xc68\xce\xbf\x1eF\xfd4Y\xab&gt;\x8cX"\xb8;\xcf\xa4\xa6\x11\x924\xa8^\xad\xeao\x83\xbei'</t>
  </si>
  <si>
    <t>b"$\x17\xd8.\x88\xb9|\x9a\xc2\x85\x80\xa7\x1b\xd1y~\xea\x8b'\x80\xd6:\xee\xd8\r\xd3\xb8T\x9d\x11$\xb1"</t>
  </si>
  <si>
    <t>b'\x7f\x9fp\x02\x9f\xdb\xe1\xa9\xea\x9e&lt;\xfd$x\xd8\xd0@\\\xb7\n\xf8x\x94\xaaY\x88\xadf\xaa\xff\xd9\x87'</t>
  </si>
  <si>
    <t>b'\x0b\x97\x7f\x0b\xdc\xf6\x19\xde\x9a\x059\x11\xdaia\xaa\x89\x9b\x9dE\x89w\xe3\x1dL\x90\xe8\x85A\xc5\xb51'</t>
  </si>
  <si>
    <t>b"[\xfa\xcc\xb5\xd2\xde\xc5C\xa2'\x11\xde\x9c\xc9r\xc3\t\x85\xbd\x96\x8c\x1b\xd7'}\x86\x02W\xa8\x88\xda\xd6"</t>
  </si>
  <si>
    <t>b'\xd4W\xb6v\xc5\xaa\x84\xcfT\x15\x97\xbcy\xdf\x89&gt;\xf9\xb3\x8f\xbf\xd3\xe8 i \t\xf1\x846\x18\xafx'</t>
  </si>
  <si>
    <t>b'\x80\no\x02R\xb8&lt;\x07W`\xd0B\xfd\x9d\xfa!\xcd\xf1&gt;\x8c\xf0\x81\xf5\xa1r+\xb2\xe7\xa1`Ru'</t>
  </si>
  <si>
    <t>lower interest on several credit card</t>
  </si>
  <si>
    <t>b'\x8fVp4\xfa4\xedc\xe8\xd3\x13\xb6{\xd9Vs&amp;\xf3\xd6\x8e\x96.\xc3\xa1\xa2\x1b T\x8a\xc5Y\x89'</t>
  </si>
  <si>
    <t>b'\xc0\xb7A\xb4\xd5\xa3g\xc4\xee\xf4\xcc\xa7@C\xf8!B;\x1fi\x9b~\xdf\xd6\xe8\x19&amp;J\x1f\x9bXQ'</t>
  </si>
  <si>
    <t>b'\xd6\xcf\xe4v\x99&amp;&amp;\x1b\x18\xb3\xb7\x15\x9f"\xa4&lt;,\x8b\x17x\xd0\x19\x9a8-\xa5S\xc8\xb93cn'</t>
  </si>
  <si>
    <t>b'^[\xc8\x93\xfa\xc0!FN\xba5\x0b-(x\xd4\xe2\xfa\xc4\x84\xc9\x0c\xd8\x1b\xd8\xc1"\x10\x81\xa0#\xc5'</t>
  </si>
  <si>
    <t>b'^\x81\x05(\xb1\xf3\xc8\r\xf5aD\x8d\x01\x83\x10\xc7\xb2f;-_\xf1\xc1\x8a#*)\x9f\x1f\xc9t\x14'</t>
  </si>
  <si>
    <t>homecare</t>
  </si>
  <si>
    <t>b'\x85\xc0Ka\xb3\xfc&gt;#\xa4EZ\x8e\xd3m\xe1:7\x8f\xe6f\xa0|\xb8\xe75/\x07\x8f\x7fr\xad4'</t>
  </si>
  <si>
    <t>Credit Cards Used for School</t>
  </si>
  <si>
    <t>b'\xc0.\xc2\x88^\xfa\x85+(\xfb\xbd"G\x8b\x84&lt;u\r.v_,\xde\xff\x80\xe4\x94\x0c\x1d\xc9ZN'</t>
  </si>
  <si>
    <t>Pay of Credit card debt</t>
  </si>
  <si>
    <t>b'\x17\xe5\x8aM+\xf2/\xf5\xae\xa9\xd7?M7\x13\x90\xd7\x96\xc9\xb6E\x02\xcfSv\x1a\x81\xf8\xcbsM2'</t>
  </si>
  <si>
    <t>b'\x94A\x8d\t\xac\xe7\xe8i\xf9\x1c\xb0X\x8aC\xc9\x94\x80\xea\xf2\xbb\xe5\x0c\x88\x98!\xa7Z,\x02\xb8#\xc6'</t>
  </si>
  <si>
    <t>b'-\x13x\x10\x8f\x05`\xd8}\x82\x12&gt;\xbbg\x14\xff\x91i!\x05\x12\x9dq\xa8nJ\xb41\xd1F\x15\xdd'</t>
  </si>
  <si>
    <t>Consolidated Debt</t>
  </si>
  <si>
    <t>b'\xf2*\x16s\xbe\xd7\xc7\xf8}7\x0c\xc9\x9cK\xbc\xa7\xb4y\x91\x9b\xf3\xadE}\xa2\xf0\xd6\x946g\x96V'</t>
  </si>
  <si>
    <t>b'\xe6\xa0G\x8fA\xbb\xc1\x173\xdc\xb9\x92\xfc\x07\x9fd\x1c\xd0&amp;\x8a]x\xbfb\x1eWO\x9co\xe3\x906'</t>
  </si>
  <si>
    <t>get rid of high intrest credit cards</t>
  </si>
  <si>
    <t>b'NF\x96\xa0Y\xbd\xb7y\xdbP\xc9\x11[k\xca\x93\x1b\xb7y\xc6\n\x85\x9acrC\xf5\x91\x80\xf9q\xc6'</t>
  </si>
  <si>
    <t>b'p\x1e\xd6\x83\xdb\x0c\xfaG\xad\xd0QG\x1b@\x11ig3\x96\xb4\x07\x04\xdc\x00\xde\x97F"\xcd\xea\xf8\xf5'</t>
  </si>
  <si>
    <t>b'P`8g\xe6\xdc\x08\x8b\xb7\x1ejY,\x0e~\xb2Z\xa6\xea9\xdfm\xab\xa6Yn\xec\x9e\xbe\xed.\xb0'</t>
  </si>
  <si>
    <t>b'\xdfJ\xd6\xb7%\x93\x97\xfa\x81 \xd7l\xa4\xc4_|\x88\xf6\xe5\x89\xfaY\xcc\xef\xc6\xb1\x86o\xf4\xc0\x1a\xcc'</t>
  </si>
  <si>
    <t>Ample Cash Reserves</t>
  </si>
  <si>
    <t>b'\xf4+]F\x8a\xa2`w\xf3r`\x9b\x9e\xe3TtxC\x0en\xf1,\x91z\x9a:\x1f\x89l\x18\xbc\xf1'</t>
  </si>
  <si>
    <t>Card Loan</t>
  </si>
  <si>
    <t>b'\x00QC\x1f\x15\x84E9s\x8fe\x17\x19\x98v\x97\xffKk\xf7\xd3N6\xb0nm\x85\x8a \xd8p\xd3'</t>
  </si>
  <si>
    <t xml:space="preserve">The loan </t>
  </si>
  <si>
    <t>b'\x8e\xd83(l,\xf3&amp;\xc9Nr%\xd5\xb0\x164\xfc\\_\xdc@\x86\xc1cW9g\x97\xc3u\xd1\xff'</t>
  </si>
  <si>
    <t>b'\x9b\x9e\x19\x8c\x96\x1efY\xc6;\x15;\xba\x88y\x12\xed\x06\xae\x95&gt;\xe8\x8a\xa3\x98&lt;\xe3\xea\xfa\x9d\xffJ'</t>
  </si>
  <si>
    <t>antiques loan</t>
  </si>
  <si>
    <t>b'\xcc\xd68\xcc\xd5\xbc\xb9\xf7\x15\x97\x95\xe5&lt;5\xc6\xf6\xd4b\xc9\xed[\x18\tw\xb3\xdc[\xe3\xe5d\xa0G'</t>
  </si>
  <si>
    <t>Short term</t>
  </si>
  <si>
    <t>b'\x07S\xb0\x16\x90\xd1&gt;2)\x99\x82W:\x9f\xbf\x1f\x91\xe6\x9c\x9c\xb7\xbdEc\x8a\xfd\xc4enu\xd7\x8b'</t>
  </si>
  <si>
    <t>b"S\x8f38%\\#\x1bf}C\xd5'(\x03-\xef\x05\x11\x870%?\x92*5\xec\xc4\x0c\xb3@\x9b"</t>
  </si>
  <si>
    <t>b";Nn\x9c&amp;\x03\xac'3J&lt;\xe83\x8d\x9e\x8b\xba\x8aF:\xfd!\x8bx\xa4\x9a-O\x1e3\x9fg"</t>
  </si>
  <si>
    <t>b'\r\xa8Y\xaa\xed?\x05\xbf\x93\x1d\xedG\xa4\xf4}\xcf\xa4d#!-\xce\x0c\xb3\x0c%\x99O\xaf\x99\xe4u'</t>
  </si>
  <si>
    <t>Three card pay off</t>
  </si>
  <si>
    <t>b'a\xad\x10k\xfc\x88\x91\xcbr\xd2\xa2\xaf\xd5\xdf\xac\xda\x90\xe3\x8b}x@\xa3\xe4\x11y\xc4\xdcF\xf3\xf7I'</t>
  </si>
  <si>
    <t>CC Payoff Project</t>
  </si>
  <si>
    <t>b'\xae\x02\x03+c\x17\x1f\x89\x97\x96\xc0\x0f\xa5[\xf6\xda;\xfd\xd1\xd9&amp;\xd2\xf9\xb1N\xed6\x0cAC\x0c\x9d'</t>
  </si>
  <si>
    <t>b'\x87\xaaVw\xfetf\x7f\x01r\xbd\xc5\xb6\x08\x94M\x06A\xa4t\x9d]\xfb\xed\r\xe0\x08imD!J'</t>
  </si>
  <si>
    <t>b'\x03\x8dvZ\x9e\x18}\xa4oS\x8d\xa0\x86W&lt;2q\x9e\xfa\xd7\xd4\xf5\x16\x03\xdb\xcfD\ni\x05EP'</t>
  </si>
  <si>
    <t>creditcardpayoffs</t>
  </si>
  <si>
    <t>b'\x80\x01B1\x8e\xa6\x96\xc3@)\xee\xbc\xe12\xcd\xbcX\xc6\xa4\x89D\xa8f\xf4kq\xdb\xd8\x89J5H'</t>
  </si>
  <si>
    <t>b'_N-\x0b\xc7o\xa5`\xce/\xa7g\r\xdf\xfcE\xf8\xb2\xb5&gt;\x0c\x8a\xd0\x11@\x04\x8c\xa1\x12b\x7f\xec'</t>
  </si>
  <si>
    <t>b"E.\xaa\xef\x86\t\xdf\xdc\x1e0\xff\x81\xfe\xe1c\xf8\xf7\xdb\xb7U\x97\xbcr\x11'\x04c\x18\xb2\x93AL"</t>
  </si>
  <si>
    <t>Down to Zero</t>
  </si>
  <si>
    <t>b'\xa0\xa7\x07\xdb[xYP\x01\xcb\xdd\xb7\xae\x04\xe3\xff\xcf\x07l\x86K\xae\xca\xc9\xe9$$\xc2E\xfdB\n'</t>
  </si>
  <si>
    <t>b'\x12;\x9c\x18\x84\xf2X\xf9\xf0\xd6\xd2}v\x8f\xb9U\x13\xee\x8f\\\xb5A\x10\xdf\xda\x0f\xb8(\xa8\x08Gl'</t>
  </si>
  <si>
    <t>b'\xc2U&amp;\xc0\xc1\xdeT\xe3BAQ\x93\xd4b\xad\xdf$\xa4\xea:\x1c\xaf\xff\xe7\x98\tif\xa6F\xb5\x1e'</t>
  </si>
  <si>
    <t>188xx</t>
  </si>
  <si>
    <t>b'\xf9\x97l\x7f(\xed\xd6\xaeZ\xdb0\xa7G\xdc\x85Q[\xf12j^\xd9\xcf+\xbfy\xb9\x89\xc6\xe0M\x0f'</t>
  </si>
  <si>
    <t>b'\xa3\xa3&gt;\xf3j\xbd\x1d\x9b\x15\xcbwOg\xd1\xa1\x10M\xab\xd7P\x02\xae\xddM\x89R\xa2A\xc2\xc7\xcdF'</t>
  </si>
  <si>
    <t>Lower my rates</t>
  </si>
  <si>
    <t>b"\nY\x1e\xce'\x18\xad\xa9q\xbd\x99i``i\xaa\xda\x8f\xd3J\xec\xc6&lt;\xe4R\x12\x16\xaaL\xefm\x92"</t>
  </si>
  <si>
    <t>b'\x034\xb9\x82\xcc\xe3 L\xe0\xed\xa2\x9c@{\xad\x00c\xb5FT)yOu\x0f\xdd?\xbbt\x1c\xa6\x1a'</t>
  </si>
  <si>
    <t>Nautical</t>
  </si>
  <si>
    <t>b'G\x84%\x9f\x0bI\x0c\xebGe\xc1\xdb\xa9\x02\xf8\xb6\x87\x98\x19\x0b\xd1\xe0\x00\xf9\xadK\xb7M\xf1!\xd6\xc2'</t>
  </si>
  <si>
    <t>b'\x81\x15\x845t\xab]\x92\x12\xdawb\xbf\xe1\xcd\xd5q~\x94)Y\x19E\xf9\x16c\xb7p\rD\x04\xa1'</t>
  </si>
  <si>
    <t>b'SwIJ\x0f\x11\x1b\xee*[L\x90\x06\x9c\xa5\xb0\x99\xe0\xfc;\xf9\xdc\xcbi\xaf\xecJ\xdd\x82JVP'</t>
  </si>
  <si>
    <t>AC Replacement</t>
  </si>
  <si>
    <t>b"\x9c\xf1\x03\x9a\x98\xb6\xeb\xe32\x0c\xb34\xa8D\xf0\x8eS\xd5\xb9\x12\x11Q\xa6'\x86\x0fN\xec\xa6\xb7\x97F"</t>
  </si>
  <si>
    <t>b'\xcc\xf4\n\x9eP1!\xc4\xb0\xf0\xbe\x98\x83ho\xb9\x8e\x19*\x070\x87;\x07[\xbe\x1e%\xa8_@V'</t>
  </si>
  <si>
    <t>b",\x10\xb0\x03c\x9f\x862\x08\xdc&amp;'\xf3\xe5\ns~\xd0I\xed\xc1\x87m\xe4j\xf7\xfaF\n\xc9\x84\xef"</t>
  </si>
  <si>
    <t>consolidate debt/student loan</t>
  </si>
  <si>
    <t>b'\xack\xf9@\x04\x86\x11W\x8fc]\xa7\x8ah6\x04\xfa\xec\xa3\xea\x83\xc42\xf8\x10\xbb+\x03\x06\xf3&lt;['</t>
  </si>
  <si>
    <t>CC refi loan</t>
  </si>
  <si>
    <t>b'\xe1EY\x85\x80P\xc8\xb1*\x04q\xef\x1c\x96AER3C\xf4\x81\xf9\xee\xbb\x08\x9a"(\xd9\xe6\xb0\x08'</t>
  </si>
  <si>
    <t>b'C\xf7\x82C\x1f\xa7o\xb1\xd0g\xf9-\x96\x93\xa4\xdcD\xd1J|\x0f\x11\x80,(!\x83)"b4\xf4'</t>
  </si>
  <si>
    <t>Home Improvement and Consolidation</t>
  </si>
  <si>
    <t>b'\x07\t"\xf7\xfcC\xba\xe9\xe1\x83\xbd\xc9\xa2uv\x06~\xe2;\xc3u\x04\xe4+\xc6B2\x8b\x0f\xed\xbb%'</t>
  </si>
  <si>
    <t>Bill Reduction</t>
  </si>
  <si>
    <t>b'\xa0p\xc0)\xa1\xbe\xc8\xd2x\x7f\x91\xb3Ev\xea\x80\xff\xfd\xdaI\xf1\x1d\xa7\x15r\xd6\xfe\x9bI]\xc7\x00'</t>
  </si>
  <si>
    <t>b'\x88-C\xce\x97\x02L?BHl:\xd1ZCA\x83\x8d,V#\x8b\xa3`\xbd\xb4Q\xc4H\xfe-\xdf'</t>
  </si>
  <si>
    <t>b'W~V&gt;u\xe5\xb0~y\x8d\xfc`\xecB|-h\xd9j\n\xe3\x1aM\xc7h\xb5&amp;c\xc2\xeb\xce\x7f'</t>
  </si>
  <si>
    <t>b'\xd8,\xdf\xac_\xb8E\x8d\x1d\xcd\xa9\xc5\xd2\xc2\xe6\xd3D\xbdfU\xe87cg\xf8\xf5s\x9c2\xa1\x16W'</t>
  </si>
  <si>
    <t>b'\x0b\x16\xe0\xce\x8f\xcf\xe7\x19Gs\x9a\x00\xb3\x9f\xfa\x9bv\xd8L]\xee0\xe2\xa1\xeb\x12\x15g\xe0\xaa\xad\x0f'</t>
  </si>
  <si>
    <t>Fast loan2013</t>
  </si>
  <si>
    <t>b'\xed\x04\x08ZT+\x00\xfc)\x87\xd5\xa8\xd7M@z\xf9\x17\x15\xfa\xe0,\x9d\x0c\x81\xb6\xce\xe41\xe2\xb6\x10'</t>
  </si>
  <si>
    <t>b'\x1a\x9bHOnl\x89\x1c&gt;I\xc8\x83\xddN\x05\xdbf\xc6h8\x81K\x15\xc0\xf6L\x97\xb0\xdbC\xaeY'</t>
  </si>
  <si>
    <t>b'\x1a\xdf\x18\xfaf\xea\x06A\x8br\tvg0\xbe=\x91\xc8\x93\xaa\x84\xe46-\xb2\xb4xa\x1b\x19\x9dB'</t>
  </si>
  <si>
    <t>b'\xf3\xad\x0c\x1b$oy\x90\x198\xa7\x1e\xc3oW&gt;\xcf%\xa6"X\xb9 \xa7\xe1Y\xe32\x9c\xd4v\xce'</t>
  </si>
  <si>
    <t>b'h\xdc\xc4\\%\t\xc0W\xcc\xf4\x02+;T\x1d\xee\xd4\xc7\xc9\xbc6\x1a\x16\x9f\xd9\x9c\xf5\xc8\xa1D\xa8['</t>
  </si>
  <si>
    <t>b'\xb3\xc3d\xd4\x0c\xfd\x93ULO3"\xad[v\xb4B\n\xc5\x84\xb2o\x8a6\x1d\x88\x99\x99\x02S=2'</t>
  </si>
  <si>
    <t>billpayoff</t>
  </si>
  <si>
    <t>b'\x1f\xdf\x02\x94\x15]J\xb6\xe7\xc3\x18\xa9\xda\xb2\xbe\xffP\xc6\xd4\xae\xfe\xf4\xcc\x1d\x07\xbb~;\xa8tDg'</t>
  </si>
  <si>
    <t>b'5\x9f\xb3\x99\x9a"\x04\x8a\xe1\xe2\xf0\xce\xf0\x85q&lt;\xa4\xfa\x8a\x06\x89\xcf\x0e=-8\x14\xbeF\xb7\x1a\x8d'</t>
  </si>
  <si>
    <t>b'\xad_\xe5\xef\x05N0_e\x16O\x02\xf3\x0b\x0e\xa9\tI\xcaP\xb6\xd7\x99j\xeb(VC\xd6\xfb&lt;\x0c'</t>
  </si>
  <si>
    <t>Replacing my roof</t>
  </si>
  <si>
    <t>b'\xf5\x0ca\xdd\xa7,t\xac\xab:K"\xab\xc93\x8b_\xed&gt;\x17/\x0b\x0e\xe3\xf1&amp;\xd3\xd8v\xfd9I'</t>
  </si>
  <si>
    <t>b'\xce&lt;\xfdH\xdaR\xeb\xa5\xd3l\xe0\xda\x15\xadX\xb0IJ\x12\xa3\xe5\x94\x0e!\x86\xa1\x9b\x19\x00z9['</t>
  </si>
  <si>
    <t>credit card dept</t>
  </si>
  <si>
    <t>b"s'\xc7_\xfc\x05\xac\x04Px\tN1\xcd\x1f\xce?Q\xf5\xe5\xc3\x021`\xaf\xc0\xed\x01\x81\xf4_M"</t>
  </si>
  <si>
    <t>b'\x16\xa13xo\xbd\x9a\xf4\xb0\x84\xe14\x91\xcd\x12D\xe0%us6RcrNQ\x10\x97\xd2\xebcj'</t>
  </si>
  <si>
    <t>b'\xdb\x1f\xb3\x97\xeb\xf2,\n\x99\x06\xa1q\x01w\xefd\x9b\x81&amp;\x1d_\xa84\xfa%\xdfX\xf0\xda\xd7\xa7\xd4'</t>
  </si>
  <si>
    <t>b'\x13\xc9\xdb\xc3\xe8\xda\xd6\xb4]\x11\xb0\x03XSy\x99`\x14#\x8c\x1cQ\x1di\xec\x07N%\x17\xf7\xf2\xa2'</t>
  </si>
  <si>
    <t>b"\xa7\xe9h\xdb\xb1\xde|*2\x07\x82'\x1a\x16(\x84\x86$\x99\x8ef\xf9\x88\xf6\xf1\xce0\\qW\x05\xf0"</t>
  </si>
  <si>
    <t>b'g\x08\xd9\x92B\ne\xf4F\x8b\xb5\x9c!\xafb}\xd6Xwr\x19\x80L\x1dziU\xec\x85\xee4\x8f'</t>
  </si>
  <si>
    <t>b'D\x19\x1c\x92&gt;\x07\xb5\xcb\xda\xf1\x06\xd2\x87\x1f\x1dq\xdb\x8eG\xed\xd2\x15\x8aJ\xbbr\x0f\xeb\x91U\x87\xc3'</t>
  </si>
  <si>
    <t>b'\xaac\xd1\xc5J\xce\x0cR\xca\xc4p\xe7\xd4X\x8f\x1bY\xde\xb02x\xf7\x97\xe2Q\x84\x9e \x1a\xdar\xa0'</t>
  </si>
  <si>
    <t>b'\xf1&lt;\x10\xac\xb3\xaf4\x07\xdfe\xb3a\x93\xbf\xab\xb4j\x8e6s\xdc\x9b\xd7\x04 F^\xfa\x95\x91\x82\xd7'</t>
  </si>
  <si>
    <t>b'\x82[\xb0\x93\xf7\xfb\x82E\xd8\xc3\xa9C=P\xfa\x94\x88\x83\xbf\x13}\xff%\x94f8\x88XX\xe2Cj'</t>
  </si>
  <si>
    <t>Helper Loan</t>
  </si>
  <si>
    <t>b'\xcc\xd5X\xd9\xd2\xef\x0e)\xe6\xc2\xd1{"\xa9\x11\x03\x021\xf9\x94&amp;\x1b\x17\xab\xfaF\xe6qA\xd5q\xfa'</t>
  </si>
  <si>
    <t>'Get out of Debt and Save' Loan</t>
  </si>
  <si>
    <t>b'\x8dw\xd0C\xc9\xd0E\x17\xd8\xe8\x8dj(p7&gt;\xeb\xfaiS\xfdb\x9a\xb0\xce\xd3\x9a\x98\xdd\x1ey\xee'</t>
  </si>
  <si>
    <t>b'`\xbb@\xcaO\xa07\x8d\x8b\x96\xbeD;\x1f\xdf\xdby\xb9\xf2\x17\xbd)\x19\x03{*G\xc2\xda|\xd0P'</t>
  </si>
  <si>
    <t>b'\tP\xaaa\xddo\x15wXK4\xc4\xae\xa2\x18L\x8f\x05\x0fd*(\xf8\xc8M\xfe\x8d\x8e&gt;qR\xe0'</t>
  </si>
  <si>
    <t>Family First</t>
  </si>
  <si>
    <t>b'&lt;\xcd(y\xf7\xa6\xd1\x0ef\xe49\x92\xf4\x0e\xf6\xf7\x1fdd\xcd\x86O\xe7C\xd1\x98\x16\x8fo\xed0\xa8'</t>
  </si>
  <si>
    <t>b'\xc7\x9d\xaeE\x92V\xf2\x97Emm\xbb\xf6Q/\xaa\xd939G/\xdc\xa9/\xfcc\xe5\xf0\xbd\xe7\x95\xd1'</t>
  </si>
  <si>
    <t>b"a\x08\xc0\xd6C+\xfc:G\xb3Z\x15!'\xe5\xa5\xf1\xdfS\xdc\x8fn\x12\xb3\x7f\xbe\xa7\x95F\xd7T`"</t>
  </si>
  <si>
    <t>b'\x96\xf4v\xff\xd02\x12\xca\x1f\xf7\xc4\xab\x1bbr\x00\xcd!\xd0\xc2H)\x93\x0e5i#u\x0c\xe8\x14*'</t>
  </si>
  <si>
    <t>b'S\x8d\x93\xbc\xe8u\xc4\x90\x07\x1ez\x81\x8bz^\x0b\xd5w{\x99S\x85\xc3\x1c\x15\x9c\xf0*\x9c\xd7\x1ez'</t>
  </si>
  <si>
    <t>b'h\xd4\xba"0\xba\xdf@\x11\x02[\xbe/7\x8b8hV/\x19\xa2\xf6\xa3\x9f\xbb\x1b\xb5\x94\xd3\x8e\xcb\x91'</t>
  </si>
  <si>
    <t>b'\xdch\xdbE\\\x145\x0b\xbb\xe1\xf8:\xc0]\xea\xf8\xe3\xeb\x99\x93NV\xa8\xdc\x83\xf5n\x80K\x1a~='</t>
  </si>
  <si>
    <t>b'_\xc5X\xb1\xdb\x16\x06V\x9d\x1ec\\\xed\xc1\xad\xaa\xed\xb2\x15\xdb[\xf69\xbe\xacP\x95\xf3\xc1u\xa1\x8c'</t>
  </si>
  <si>
    <t>b'\x15\xe7\xda\xe4\x9a\xc9\xcacB\xdcv"\x86\xa9n\xd3\x8c8D16z\x1a\xc5\'@\xb9\x9eg\xd9\xed\x1a'</t>
  </si>
  <si>
    <t>b'bP\x061+9\xb8\xd2O?}\xb3p\xafsdk\xe2\x8c\x8ec\xb5\xa5\x1a{\xb2Xh\xb4%\x91\xb3'</t>
  </si>
  <si>
    <t>b';9\xe7\xe9\xba\x92\xea,\xc1:\x02}\xcf\xbfZ+\xcapG\xbe\xc1V\xa1\x10\x01\xc5\x1c\x92\xaa~\x13\xf3'</t>
  </si>
  <si>
    <t>Relocation to Chicago</t>
  </si>
  <si>
    <t>b'Q_q1~\xcb\x1dK\x1b|\x99\x04B\xc5\n_\xee\xa3\xab$A\xdd(gxk\xd6\x83\x86H1\x00'</t>
  </si>
  <si>
    <t>pay of credits</t>
  </si>
  <si>
    <t>b'A\xe4i\xddu@?\x00\xfe\x83\xfa\xf6\xa2\xe7b1\xf1\xb5\x19\xf9&gt;m3\xc4i7\xc0n7\xbc\x98`'</t>
  </si>
  <si>
    <t>Life is good</t>
  </si>
  <si>
    <t>b'\xa6&amp;\xdb|\x91\xbf\x83\xfa\xe5\x04\xc6Q\x0c\x11\xdd\xf5\x1f\x17\xd6$o*4\x95\xdcP4\x9f\x83\x93\xbd\x9a'</t>
  </si>
  <si>
    <t>Debt Consolidation/CC Payoff</t>
  </si>
  <si>
    <t>b'\x92\\sh\x99p\xb4\xc5\x8fwk\xafe+\xc4\xb0\xe2\xcd \xb8\xb5\x8e.\x90\xe9\x07\x8c\x16\xbdx*o'</t>
  </si>
  <si>
    <t>b'\x81\xe0\x92\xe8\x80Z\xd2H\xf9\xf3{\xd7l\xd9\x0e_"\x08\x1c\xfb\x99.\x9a\x0c\xfdhPOc%\x16/'</t>
  </si>
  <si>
    <t>b'x\xba\x11\xfb\x97\x18\xf6\xed=\xff\xe5\x90\x8a\xe9\xee\xefm\x7f\x16\xa3\xa5\xe4\x1f\x10J\x9e\xaf4w\xd7w0'</t>
  </si>
  <si>
    <t>b'\xef\xa8&gt;`]\xe2&gt;q\xa1\x16\xbd)\xaf\x11xl\r@g\xcf(\x03\xe2\xa5\xfc\xad\x95\xe2&gt;vX\xd3'</t>
  </si>
  <si>
    <t>b')\xb3]\x16\xa1\x84\x080\xf9\x04\x8a\x8a\xc9p\x1d\x06\xdbA\xca\x86T\xf1T\xf1\xbe\xbf\xefV\xa2 1}'</t>
  </si>
  <si>
    <t>b"\xfa\x0fNT\xfe\x9bid\xa8\x1c, 0\xdb\x11\x8b\xfft\xa4\n\xbe\xfa'\x89\x9eoD\xeb\x89\x82\xb2\x18"</t>
  </si>
  <si>
    <t>Home down payment</t>
  </si>
  <si>
    <t>b'V\xda\x1a\x16\xb5\xebN~\xcbY\x9a\xff5o\xedf\nR7\xf9\xa0\xb4\xaf\x82\xfd\x95|\xda\x8b\xb3E\xb6'</t>
  </si>
  <si>
    <t>b'\xbe\x03oq\xec\x11e\xa3t\x9eTJ\r\xde_\x81\x83\x83V\x13\x92\xda)Q5=$\xc9\x89\x02\xbc\xc4'</t>
  </si>
  <si>
    <t>DEBT CONSOLIDTION</t>
  </si>
  <si>
    <t>b'\xa3\x19\x99Jm\x86jC\x0b4\xc8a\xd3\x13\xc35(\xf5\x10\xdbU\x9a\x85V\x17\x19\x95\xde\xfd\xc5\xc5\xb1'</t>
  </si>
  <si>
    <t>b'\xda\x0f\xbf\x97\xe1\x8b\xbc4b`y\x99\xe0W\x19\x16\x8bQ$\xa0\xad\xa9\xb3m\xefH\x8e\xdb*\x00\x0c\xf5'</t>
  </si>
  <si>
    <t>b'\x1f`\xd2\xf1\x8d\xe1\x7f\x94\xc0\x1b\xfd\x9dX\xfc\xce\xd3u\xa4\xe6&gt;$\x80\t\xe7\x8a\xf3v\xfb9\xd1!\xf6'</t>
  </si>
  <si>
    <t>Responsible  Credit Loan</t>
  </si>
  <si>
    <t>b'F;x\xbar@E\x90\xd6\xde\xf5\xe6\xbd\xb7A\x15!\xf8Ke\xbf\x85_+\xe8\xab\xbeJ\xb1\x7f\x1f\xa6'</t>
  </si>
  <si>
    <t>b'\xfe\x9bz\x01i\xec?\xe1Kk\x98\xf2\xd5\xfa\t\x97\x92\xe1\xe0\xe7c\xcb\xff`c,`\xcaH^\xc9\xf0'</t>
  </si>
  <si>
    <t>b'\x80\x95a\x86-\x81k\x7f\x95\xff\xb2\xef\x1b\xa8\x15\xc3"\x96\x96\x07}\x98\xa7\x02q\xe0\xec\xbf\x93}\xa1D'</t>
  </si>
  <si>
    <t>Credit Card Payoff! Yippee!</t>
  </si>
  <si>
    <t>b'\x0b2#\xd0+\xad\xf6\x04q\x94\xc8\xec\x06\xcc\x93\xc41,\xa7fFu\xc3\xd2\xb5f\n\xb0\xa7\xf8\x13\xab'</t>
  </si>
  <si>
    <t>Help to Consolidate Credit Card Balances</t>
  </si>
  <si>
    <t>b'\xb6\xea\x7f\xcf\xc1\xcf\x97RF\xe0\xed\xc5\xf4\xd2\x06\xbdc\xd0\x1d\xa8\xe8\x9e\xb9Kk\x1b\xa1\x8eL\x17\x8a\xa0'</t>
  </si>
  <si>
    <t>a new tomorrow</t>
  </si>
  <si>
    <t>b"J\xac\xae\xdb\x9d\x7f\xe0xY\x99\xc3O\x1e\xbbD\xa0\x14L\x033\xc9&gt;x\x138\x84'\xd3\x8d\x02\xfc\x1f"</t>
  </si>
  <si>
    <t>One loan one payment</t>
  </si>
  <si>
    <t>b'IV\xa1\xd7\x15\xe1\xd1\xc3\x0eRf$\xd9)a\x04\xdc\xc6\x9d\x12OP\x95\xc4\xa1\x96\x03_\x08\x12\xc8X'</t>
  </si>
  <si>
    <t>b'\x8b\xa6*J\x14U\xf9\x07\x8b\xe7\xf1\x19\xc7\x9amg\x12\xa8\x80&lt;q\xc4\xab\xae\xb7?4k^\xbb\xa6\xb9'</t>
  </si>
  <si>
    <t>b"\x14\x84i\xbb')\x86\x96\x92%z\x11r\x8a\x92jF\x1ac\x12+\xa5\xaf\t\xd8\xde\xb9\xef\xd8;G\x8d"</t>
  </si>
  <si>
    <t>b'\x85\xf9 .eh\x1e\xdf\x05\xe1\xb8\xb1\x9d\xe2!|&gt;F\xe7\xf4\x98\xcd3\x06\xee\xf9\x824N\x87m\x05'</t>
  </si>
  <si>
    <t>investors unique title</t>
  </si>
  <si>
    <t>b'\x83\xcb\x0f\x1fF\xca\xbdG#\x8c?.\xed\x9dt\xe0\x0e\xde\xc3\x17\xd7\xbd\x01\xfc\xd5\xd4\xc4_\x059\x00 '</t>
  </si>
  <si>
    <t xml:space="preserve">Beneficial/Citi </t>
  </si>
  <si>
    <t>b'Y\x12\xef\xf85\xd6\xdfl\xe6\xdb3\xd0\x86G\x1bQ"YT\xf6\x1ev\xb4\xa1\xce\x08\xc7n\x8f\xdfG\x87'</t>
  </si>
  <si>
    <t>b'\xf9\xe3\x8a\x0e\xd4g/\xda\x82\x8d\xe7\x1b\x99\\\xdb\x89H\xb0Q\x13\x19$\xab\x8f\x88\x81\x80\xa9y{\x08\xba'</t>
  </si>
  <si>
    <t>b"\xe1'\xdd`\x19\x81\x152\xa2]\xff},\xfe7\xe8\xf7\xd3Y\xc1N\xc3\x97\xed\xa8a/\x17A\xaa\xf3&lt;"</t>
  </si>
  <si>
    <t>b'\xfe}\xda\x91\x14v\x83&amp;\xe5v\xbf\xdb4&gt;2\xca\x91\xe8\xb8yS\xb2\xe6X\xeb\xcb\xa6\xd4\xb0Owf'</t>
  </si>
  <si>
    <t>b'\xee\x117$\xacA\x9f\xd0\xd3\xbe\xf4c\xcb\xf3W:\x9e0\x013!\x14\xc5\x9a\xab}\xdcoX\xb3\xdf;'</t>
  </si>
  <si>
    <t>b'iU\x07\x8b\xb7Z\x15v\xfd\x0co\xb6m=\xe2\xad\xcf\x1cK\xc3_\x191\x05T\xd6\xe2\xa6\xb5\x0ev\xb3'</t>
  </si>
  <si>
    <t>b'\xac\xcdr\x14\xbb\x9cmP],}\x04K;.=\xa0p\x06\xf4\x83&gt;\xef\xe7\x0eX\xa3&lt;[=\xfb\xd0'</t>
  </si>
  <si>
    <t>b"\xa7\xa8.8'\xbd\x8c\x00\x03\x8e\x8c1\xf5\xd9Tv\xa4$\xd9h\xbbq(\x8e\x1a\x8d\xdbQ\xdb\xd0\x8a\xc0"</t>
  </si>
  <si>
    <t>b'\x05&gt;(\xa9\xcf\x95O\xf4\xc6\x1eS\xbf\xfe\xadN\x80B\xd0Q\xa6N\x12\x86\xb3\xfa\tE\xa9\x951\x86\xc0'</t>
  </si>
  <si>
    <t>b'Ge\xea1\xf6\xdb\xaa\xc9\x90\xa6\xb4~\xd8\x83)&amp;\xe7\x8e\xc0S\xf8\xae\xf1\x89F\x84\x8b}\x0e\xfb\xff\x16'</t>
  </si>
  <si>
    <t>b'D\r\xcd\xfb\xd2\xb4?\xad\xef\x9ajT\xbbv7\xa4\x9b\xe0\x13\xbd\xe9\x99\xab3u\xb0\x86\xe0\xfcX\x9bz'</t>
  </si>
  <si>
    <t>b'\xa2\x11R\xd7\x99\xd2\x1c=\xbf6P\x89E\xcf\x88]\x83&gt;\x91t\x17@\x9cJ\x94\x1e\xe9\x1a*s\x8a\xc3'</t>
  </si>
  <si>
    <t>b'\xc4$\x88\rS\\\xa0j;\x8a\xef\x92M\xfdo\x13\xbb\x17\xa8Ik\xd6\xe4\x0e\x08\x0bR~\xd1\x8dA\xfa'</t>
  </si>
  <si>
    <t>Free of debt</t>
  </si>
  <si>
    <t>b'Ht\x93k)\xb1\xf2\xd6.\xd0\x0e\xd4\x0ee\xc4s\x0f\xd1g\xca\xbc\n\x06\x17\xe9\xb5\xa9\x8e\x8a\x11\x1a\xbf'</t>
  </si>
  <si>
    <t>Move On Loan</t>
  </si>
  <si>
    <t>b'\xbc_\xde\xbe.`\t`\xc4:u+\x10d\x11\xaa\x1aG}9\xf0\x0e\xcaM\x7f\xab[)\x122{v'</t>
  </si>
  <si>
    <t>b'\x9a\xe1Z\xb0M\x9f\x90\x17\xb7)\xc7z\xe1&amp;\xb5E\xe1&gt;X\xd9\\P\xdf$\xe8\xa7f\n&lt;\xbe\xbe\x04'</t>
  </si>
  <si>
    <t>b'\x08\xf0\xcb\x1c\xca\xff\xad\xbbG_\xd36\xf8\xaa&amp;g\xf3\xe4N\xdb\xc0\x1dn\x0b\xc0\x96\x95*@\x88\r\xf7'</t>
  </si>
  <si>
    <t>b'\x98\x95:\x0708d\xe00\xc4\xb0\x02qfb\x9a\xcb\x18\xc0Q\x90cA\x0f\xc2\n\x8e\xf5;\x04\xad\xb6'</t>
  </si>
  <si>
    <t>b'8\x8b\x7f\xda\xa7\xfc\xecT\x82\xef\r\x14O\x8e[&amp;\xd6(\x03\xcf\xba\x89\x81\xa2@\xfeI\x920\xdb\x90\xa0'</t>
  </si>
  <si>
    <t>b'\xb0\xe5\x9aR\xf9\xbcT\x00jW\x0e\x08\x11\xa4\xff\xc3~\x9a\x13J\xf2\xdf\nB\x070z\x8a\x92\xa7\xb5\x03'</t>
  </si>
  <si>
    <t>b'4DA\xa5\x98\xeamwF\x1b\xe9\xee\x82\x866\x05\xf8\xf1\xc4\x8d\xc0L\xcbc\x191\xe6Q\xe7\x07\xc4\xe0'</t>
  </si>
  <si>
    <t>Constant debt</t>
  </si>
  <si>
    <t>b'pyc\xdc\xc9\xd6\xa8F\x95\xc9\xf9\x89\x93L^\x8d\xed\xd9\xe7r\x1d\xc0\xfc\xa4\x16\x07+\x10e\xd3h\xde'</t>
  </si>
  <si>
    <t>b'\xf0~\xcf\x82\x07\xcbiJL\x14\x89\xe2\xe7\xd9oZ\xb7\x95\xa68D\x0b\xe9}\x1b"\x82(\xb1.\x1a\xff'</t>
  </si>
  <si>
    <t>b"P4\xddN\xd3\xda\xcc\x9b'\x1d \xceT\x97Q\xb3\xb8\x04o\x02\xa9A\xe6V\xf0'\xdd\xd8\x05\x8f\xd8\x15"</t>
  </si>
  <si>
    <t xml:space="preserve">Fingers Crossed </t>
  </si>
  <si>
    <t>b'\xbb\t\x11\xc4\xa3\x9d\x82\xb9\xe1\x81l\x93\x06\xbc\xcb\xed\x15g\xac\x94U\xa9h\x07\xae\x0b)\xf8\xbf\xb57\xd5'</t>
  </si>
  <si>
    <t>b';\t\xc2\xbeJ\xdeA\xe6\xc8\x9d\x88\xb4\x99\xa3\xcb\xba\xcct`\xa8\xd3\xc7Uv\xec\x05\xcfqfc\xcf\xc8'</t>
  </si>
  <si>
    <t>b'\xd9/HS\x7f\xd5\x18\xd5\x96-j\xfe\xc0\x8eA\xf4\xf3\xa2y\xe9\xc2\x86\xcd\x90\xac\xfdpb\x1d\xd9f\xc0'</t>
  </si>
  <si>
    <t>The One</t>
  </si>
  <si>
    <t>b'tX\x0bCkn\xfc\x1a\xab^R\xb74\xab\xf4%&lt;\xc1\r\xb3\xc5U\xff\xb9\x9fP\xf9uDa\xcbq'</t>
  </si>
  <si>
    <t>b'W\xd4\xd7J\x91\x06A\xc1\xec\x82l\x88\x04\x1a\xe77\xaeH\x90x8\x9d`YTfC\x9c\xf0\x03\xbfl'</t>
  </si>
  <si>
    <t>CardPayoff</t>
  </si>
  <si>
    <t>b'n\xae\x10\xbd]Mk\xe3\x9f}\xd8G\x19R7\xd4\xf1\xe1p\x16\x0f/\x91/\xce\xb6\xbe\xc1\xfc]P\xc7'</t>
  </si>
  <si>
    <t>HELP LOAN</t>
  </si>
  <si>
    <t>b'+\x85\xbfQ4\xe5j\xd68\xe1\xd6~M\xb2P\xf7\x9e\x15\xd2Q\xb5\xbb\xdf\xec\xa2\xe8&gt;l\x0f\xf9&gt;\xff'</t>
  </si>
  <si>
    <t>b'.\x00\xa8\xd5\x89\x1cyhK\xe3\x8d\xc4~\xde\xd6\x05#\x18\xe7ub\xe0&amp;\xfc\xb3\x07\x83\xae\xc7\x14&gt;\xfa'</t>
  </si>
  <si>
    <t>Paidoff</t>
  </si>
  <si>
    <t>b'\x1b\xbci\x06\x8ai\xea&lt;z\xc1\x03\xe9)K\x1b\x10\xd2t\xa1GOJ\xb9\xcb\x8a\xce&amp;\x11&gt;\xba\xad\xc3'</t>
  </si>
  <si>
    <t>Building project</t>
  </si>
  <si>
    <t>b'\x81\xaa\x9b7\xf0Q\x8c&gt;\xb6R\x7f\xca\xec\xa7K+\x92&lt;1\xaaG\xa7eJ;\x83\xcfc\xda\xeb\xcd\xbc'</t>
  </si>
  <si>
    <t>b'\x8f)\xb8\xd29E\xca\x87\xdd\x86o\xd4d\x1f;\xa7\x81\xc1\x7f\xd0\xed\x08\xe4\x01\x0c\xcbS\xf7\x00p\x13\x01'</t>
  </si>
  <si>
    <t>b'j\xc6\xb8\xf4X\x1b\xb3_^\x0eg\x8c`\x86\x04\xd5\xa2\x13Z\xad?\xe7+\x17\x18\xfb_t\xd6r\x0f\x08'</t>
  </si>
  <si>
    <t>b'\xeb\xa3\xa2\xae\xd2\xc7\x87q\xdb\xa2\xf8&gt;\\Z\xa3\x91\xb4\xf4\xf6\x05\x85\xd0\x99\xbe\xd4)BG\x97\x00\x16j'</t>
  </si>
  <si>
    <t>b"\xcf(\x9eK\x1f'\x0c\x84\xac\x83p1\xbam\xb84\x04\xfd\xf4\x9f\xe7\xa0\xab\x10\xed,\xbe\xbd%\x91\xb0\xfa"</t>
  </si>
  <si>
    <t>b'\xd6\x19\xf5\xd7\xe1\xaf\xac+F\xf5\x86\x9f-\xb4\xfe\xa1B\x05t\xc2\xf9\xb5\x197\xe2Zx\xdd*\xd7\x841'</t>
  </si>
  <si>
    <t>b'\xad8\xf1t\x14|[\xf9Z9\x1b6\xa5\x1dV\xe9\xbeqq\x17/1x&gt;\\\xb8\xd1\xe1\x84\x12\xf1\x86'</t>
  </si>
  <si>
    <t>Freedomfromdebt</t>
  </si>
  <si>
    <t>b'\xa8\xc3e\x89\xe3v\xfd\x05\xc6\x9a\xb0\x12\xd6B\x12\x91\xfbO"h\xa8o\xc8\xebG\xd4\xa5\xbe\n\xd5\xe8\xca'</t>
  </si>
  <si>
    <t>b'\x9f\x15J\x97\xff\x0b\xe5\x0f\xc6&lt;/\xbb\xba\x1c\r\xea+\x0f\xfd9\x17{?\x94\xfc\xe1\x11&lt;\x1a\x87\xe9\x01'</t>
  </si>
  <si>
    <t>b'o\x83\xc7SR\xbaG\xf4\x98\x1b\xfd}\x84c_ \x96\xfc\x18\xca?\xaa\x92\xd0\xf6B}\x9fX\xc5cx'</t>
  </si>
  <si>
    <t>b'\x99.\xc2B\xca5\x9b\xf7\x8fQ\xefo\xe9N\xd8`\xa4\x1d\xde\xa2w\x92\xcd\x10z\x8f\x89\xf5\xe4FU?'</t>
  </si>
  <si>
    <t>b'\xc7\x8a\x0fFK_C\xc4\x9f[&lt;\xf5\x0c.\xc90H2\xf2\x80\xd8M\xe4v M2|eye\x0f'</t>
  </si>
  <si>
    <t>b'\x16\x04\xade(\xdfn7h\xa0\x0e\xfe\x97\x83\x82\xe1VKhK\xac\xa7\xfd\xc6-0\xc6\xf9\xb5@pI'</t>
  </si>
  <si>
    <t>b'\xe3\xc9\xacW/q&amp;\xe33\r\xd7\x88\xf0k#-O]L)\xcfb+,\\Q\x9a\x9c\x8eQ\x12\xe5'</t>
  </si>
  <si>
    <t>b'6\xd2?\xe1\xc0\xa9\xe0\x0f&lt;\xff\xa3\xf5[\x974\x99\xbf\xf8\x9c\xb4\xd4\x85\x8e\x80\xc2\x8b\x96]"`\x86\x19'</t>
  </si>
  <si>
    <t>b'\xe4\xeel\x0f\xea\xc3;\xa4\x10\xc40\xba0M\xb0\xa9u\x9c\xca\xb2t\xd1\x8e\x8e \x13mL\xb5\x88\xbb\xd1'</t>
  </si>
  <si>
    <t>b'j\xec%\xd8\xd6\x96\x87\x98\xe7\xdaLS\xa2as\x0c\x06\xd5uD\xa3\xcf\x0e\x05`\xd6\x0b!r9\xe1\xe6'</t>
  </si>
  <si>
    <t>Get of debt loan</t>
  </si>
  <si>
    <t>b'\xe2{1\xef.q\xc41\xef\xdd\x94\x14\x15\xb5xL\xf2\x8d\x1a2\x8ed{G@Z\xe2\x95\xe0h\xa6\x03'</t>
  </si>
  <si>
    <t>b'\xeb%cr\x88\x1dF%\xb22\x885\x96\x03\xddf\x99\xcb\x98\xa5r\xb1OYc\x19\xad\xb0\x1b\x85\xeai'</t>
  </si>
  <si>
    <t>b'iB]\xa5\xf4\x16\xbe\x97\xc7h3\xa1;\x92\xf8x \x04 b@R\xa0\x0e\x1f\x1e\x1f\xf7\xf5B\xc4\xf5'</t>
  </si>
  <si>
    <t>b'\xf4\xd5\xcf\xcfl\x10V\x8c\x92(a$\x93!\x06\x01W\xdars-\xbar\xb7\xec\x82\xe6\xed\x80\x9eM.'</t>
  </si>
  <si>
    <t xml:space="preserve">Interest rate reduction / consolidation </t>
  </si>
  <si>
    <t>b'\xac\xb1\xd2\xf2XEeA\xach\xce\x1fc$\xe7\x1a\xb6\xcd\xba\xfe\x94\xc6+\xd2s\xe4\xf6\xebe\x14\x14\x18'</t>
  </si>
  <si>
    <t>b"\x86~\x98\xac\xaf\xba\xa4BR|\x12\xb7\xcc&gt;\xe1\x07\xb7\xfb\xeevr\x02\x83\xc3\xd2p\xfa'\xff\x87\x86\xc9"</t>
  </si>
  <si>
    <t>b'\xf63"\xe6\xd6\xd6L\xa2\x1d#\xf1\x8cc\n\xce4\xb7.\x88\xdf\x07\xf7\xb2I\xcb\x1b*6\xc9\xab\xe8\x1d'</t>
  </si>
  <si>
    <t>Relief 1</t>
  </si>
  <si>
    <t>b'}7\xba0\x97\xaa\xf1b\x8b\x0c\xea\xa5\xb3c\x03BnOkd\xa3\x8b\xc2\x9b\xbd\x02)\x95\xce\xa2\xb7t'</t>
  </si>
  <si>
    <t>b'\xfc\xd8\x88\x00\x03h\r\xa0F\x130\xa9\x148+n\x14\xd0*\xcch2\xc9\xa9\xd5\xd3\xf6\xfe)\xf4\x00\xbf'</t>
  </si>
  <si>
    <t>b'\tY\xec\xe2\x830\xc1\x99\xe2\xf1\x91\xd3\x0b\x1d\x13QP\xac%\x01\xf7-\x1f\xc4\xdc\xba\xed\x184\xb4\x8f\xd9'</t>
  </si>
  <si>
    <t>b'\xcb\n]K@R\xcc\xcd\xe1\xc1d@\xb5\xe1\xa0IH\xd0\xa0Cj\x03\xce\xb5\xbe\x04\x18\x1f\t\xdb\xd5\x10'</t>
  </si>
  <si>
    <t>Getting ready for college.</t>
  </si>
  <si>
    <t>b'\x97\x1a}$J\xfd\x1c\x9ct\xf87\x81\xc0\x9fYg\xc1\xf7F@X\xb9\xc4\x8e\x1eZ&gt;Jt\xfd.\xb8'</t>
  </si>
  <si>
    <t>DEBT refinance</t>
  </si>
  <si>
    <t>b'~\x03\x86\x19\xear|\x04\xfa\xc5\xe8+$o\xa8,\x7f\xfc\xfa\x848\x10\xa9|\xfbs\x82\x8b\x83\x99\xd2\x99'</t>
  </si>
  <si>
    <t>b'6Zn\xae+W\xd16\xfa\x06S\xeee\xfd\x95n\xc1#\xc7\x120\xa4a\xc2\xee\xda\xe9\xf86\x9e\x17\x0c'</t>
  </si>
  <si>
    <t>Reorganization financially</t>
  </si>
  <si>
    <t>b"$Q\xab\xa4\xda;{\xb7!\xe4\xcf\xc1\xa7\xee\x8dS~\xba'\xc8\x854p)\x86\xe2\x04\xa8\xc9b)5"</t>
  </si>
  <si>
    <t>b"\x11'\xdc\x06r\x99\x96\xa7Yo\xa0\xed\x86\xd1\xab\xb3S!wT\x15\xae\xd6\x88\xe3\xce\xbe.\xa9/\x95p"</t>
  </si>
  <si>
    <t>b":g\x93k^\xa8\x1c\xe7l\xdd\xe32\x1c\xe0\xb8\xbc\x8f'\x19\xd0\xb7_\xeay\x98\x00`\xa3\xbb\x0b\xbc\xd1"</t>
  </si>
  <si>
    <t>187xx</t>
  </si>
  <si>
    <t>b"Z\x13\x83\xd4\x83\xff\xfc\x1a;\tZ\xa6f\x19^\xb2f\x03\xf6\x11\x17\n\x1e'\x169\xd8\x19&lt;\x14\xa7\xe6"</t>
  </si>
  <si>
    <t>Debt Control Plan</t>
  </si>
  <si>
    <t>b'\x96\xcf\xfe\x8b\xe3 \xaeN\x94r\x06@@S\xff\x06\x90\xf2\xa3\xef\xcefJV&gt;\xfe\x8e\xa4\xaa\xbbm\xb6'</t>
  </si>
  <si>
    <t>b'\xc6\x9aE\xbeE\xc9\x9a\x84\xb1\xf9\xf7t\xe2i\xe4a\x8f\x94\xdc\xe9\x92\x95\x8b\xad\x82\x1d\xedI\xf0\x961H'</t>
  </si>
  <si>
    <t>CC-Consolidation</t>
  </si>
  <si>
    <t>b'`z\xa4-\xea\xfdN\xfdKCm:;\xf1\xe635rR\x9c\xc2\x8d*\xc8-\xb7\x0b\xbb\x177\x0c&gt;'</t>
  </si>
  <si>
    <t>Auto/con</t>
  </si>
  <si>
    <t>b'\xe2\x8fbC\xae\x05\xff\xa9E\x9ay\x1eH\xb7%\x80\xde\xc5\xcc\x84/\x037\x16\x00\xd8I\xc0js\xef\xe6'</t>
  </si>
  <si>
    <t>b'\x022\x1a\xe2 \xd2\x0eI\xb5g\xb6\xd9;\xbf\xd1Qx\xa8$-\xceq\xacu\x1cz\xe5\xb7~T\xcb\r'</t>
  </si>
  <si>
    <t>b'32\xd3hn\x86\xde\xff\x85\x82\x8c\xe1G\x91NH-\xc5\x1f\x1e=?w\xc9(W\xc68\xc5\r\x1a$'</t>
  </si>
  <si>
    <t>b"\x98U\xf0\x9f\xbdUB[\xcej\x86{\xce\x02\xf6\xc6\x0c&amp;\xb2]'V\xc5!\xddT\xc3\x9dBUj\x88"</t>
  </si>
  <si>
    <t>b'\x9d|AZDG\xa3G\xd8)\xf4B\x00\xf3\xb1\xf9\xa1\x06\x1a\xa9\x98\xb1cT\x97\xb8\xac\x1c\xd6fq\x0e'</t>
  </si>
  <si>
    <t>b'\x91\n\xde:D\xc9x\x10a\xb1\x82\xf9yT\xe2"\xe9\xf0"-\xdbz\x0c\x16\xbb\xc1\x8d\xd9l$&lt;\x88'</t>
  </si>
  <si>
    <t>b'\xdai\x16Q\x92+\xc7\xe2\x16,:\xf1\xce\x89hp}\x08~\xc1+t\xba\x00\xe1\xab \xf5\x8e\xb5`\x02'</t>
  </si>
  <si>
    <t>Water Heater</t>
  </si>
  <si>
    <t>b"'vk\xd9d\xff\xc6L\x1b\x0bt\xf8S=\x1dA\xdeg\x15\xc7\xf1#\xb7\n\xf3G\x9c\xd7\x1c.\xa9\xff"</t>
  </si>
  <si>
    <t>b'\xc9:`\x88\xee\x1ew\xa7h[\x19k\x95\x86\xb0\xf1F\xfb1\xe4z\x18\xd0\xda\xab\x91Q\x089\xe0r\xe6'</t>
  </si>
  <si>
    <t>b'\x91\x0e\r\x1e/\xf6\x90\xe1\t\xddy\xcb=\xf3+1\x97\xff\x07]z\xc7\xe0:.k\x11\x84\xbf\xaa\xcfv'</t>
  </si>
  <si>
    <t>auto repairs</t>
  </si>
  <si>
    <t>b'\x0c\x0b\x18\xee\xe5_sb\xe3F\xb4\xcd\x95v&amp;\x94^\xff\x0c"~\xe1x\xe8a\xad\xa7G\xf1\x0b\x82\x9d'</t>
  </si>
  <si>
    <t>b'\x96S\xad\x1e)+U\xd5\xb8R\xab\t\xf7\x98\xaaD\xec.:\x17E\x16\xb7M\x1f\xfe\xbb\x8a\xd9?r\xeb'</t>
  </si>
  <si>
    <t>b'j/\x935\x0c\xf7\xeaF1~\xc7\xe3bL\xb20\xd2)\x9a\x08\x0ce\xd3\x05\x81\xa6~1t\x80N}'</t>
  </si>
  <si>
    <t>b'\x99\x91c\xb0\x00\x19\xbdag\xce"E\x03\xc1\xa2\xcc\x87\xa1\x08\xd94\xf0\xb9\xfeF\x18k{i\xb4\xfc\xb3'</t>
  </si>
  <si>
    <t>b'\xd8PEEu\xecO\x00+\xbc\xc5(\rg\xae\xe0\x1a\xb8\x1d\xddkng\xba\xe9=\x05N\xe0\xe1\x93\x14'</t>
  </si>
  <si>
    <t>b'f\x085\xf3\x87\xc0T\xbf\x96\x08\x14N\xce\xb6\xbdeL\x16\xb9\xa8\xc6\xa6\xd6PS\x92E\xfc\xa8j&amp;\x92'</t>
  </si>
  <si>
    <t>b'\xcc\xf0P01O\xd5\xc9\x1dE\x84\xf0\xc1&gt;$\xad&amp;B%^-\x7f\xdf\xb2\x08\x0c\x94|\r\x0c\x01\x91'</t>
  </si>
  <si>
    <t>b'\x02\x9d\xf9\x1a\x88\xa7\x8aE\xb7RG\xb9\xce\x1al\x10\xe0\xc1T:p\\Md\x868\xf2\x1f\xd4\t6\xd4'</t>
  </si>
  <si>
    <t>My way out</t>
  </si>
  <si>
    <t>b'\x08i\xda\xdb-7\xbc)\x7fd\x06[\xfa\xd5o\xfe\xaf\xd3:)\xfe\x0b)\xaa}\xf6\x0e\xf9&gt;\x7f\xf2\xc3'</t>
  </si>
  <si>
    <t>b"_\xeel\xbe\xdfH\xbb\xd5w\xa7\xf7'\x0f\xfa\xd0^sx\xce[M\xa4=2\xe4\x81\xda$\x83\xed\xd5\xc1"</t>
  </si>
  <si>
    <t>b'\x98\xd1\xff%\xc4\x10J\x97\xa9\xb1\x93\x0f\x1c\x9c\x14\x0b\xae\xf2{\x96Mj\x13\x0e\x03&amp;I\xf4\xcdwn\xd7'</t>
  </si>
  <si>
    <t>b'\x8f\x9bX\xcc\x0f\xd7|\t=\xb9\xa7\xa1\xcb\xe7\x1f\xab\x83\xf8/B\xf5"\xc2F\xa4\xd4\xfcE\x0f\x97S\x9f'</t>
  </si>
  <si>
    <t>b'\xf5\xab3\xc7\xb0\x07\xa3\xef\xd0{\xa0n\xf2\xa5\x184Ky\x9f\xc5;\xe9\xf0\xc9ap83\xaa\x9f\xf3\x84'</t>
  </si>
  <si>
    <t>pay my debt</t>
  </si>
  <si>
    <t>b'\x03\x03\xe6\x11*\xe9\xd5]\x8a\xcd\xaau\xb4\xde:\xe6C\xa5\xd6\x99\x85\x11\x17~2A\xdej\xcdd\x8f\x15'</t>
  </si>
  <si>
    <t>b'\x86\xb5\xed8R\xb4\xf5\xc3A\x83\x14\xf0&amp;\xb7\x8a\xcb\xc8\xd2\x18\xfc\x1c\xcd\x88\xe3:}\xdaC+\x94H\x93'</t>
  </si>
  <si>
    <t>b'\xbd\xc5GC\xed\x0fX\xac\xdaNe\xb9\xf03\tc\xa70\x86\xbd\xdf\xb7\x11"\x9c\xb9\x14z+\xebZ\xda'</t>
  </si>
  <si>
    <t>Debt Restructure</t>
  </si>
  <si>
    <t>b'\xea\x92\xbef\xbfa\xcfzn~\xec\xddU\x8e\x1f\x0f\x8f\x7f\xdcu\r\x12?V\x0c\xf9\xb0l\r\x86\xb5\xc8'</t>
  </si>
  <si>
    <t>b'\xf1\xf8\x01\xf2\x0c,_\xde\xe0O\xdf\x17F\xc1\x0e\t\xa2T\xdd\xe1\xa3U\xc7\x81\xde&lt;\xf9gl\xc2P}'</t>
  </si>
  <si>
    <t>Close to being debt free</t>
  </si>
  <si>
    <t>b'k\\R\xfeGQ\x14\\\xc0N\xee\xa0\xb9\x82\x86\x1f\x11G\x15,\x87\xcc\xb8\xcd"\x12v\x0f\xd3\xe0\x8e\xa3'</t>
  </si>
  <si>
    <t>b'\xa2\xafg\x0c2Zsli\x1c\x91\xb7#\x89ZH\xa7\xab9\x02Z\xa3):\xc7\xce\xb7\xa3B\x97c\x96'</t>
  </si>
  <si>
    <t>b"\x8b\x10.\xda\xb2\xff\xddR\x1f$\xac\xab\xc4\xa27\x99\x91\x10'\x96\x8d\x8c\xb6\xf6\xa3GU\xf6\xa3\xa8\xd1X"</t>
  </si>
  <si>
    <t>Pool Replaster</t>
  </si>
  <si>
    <t>b'\x8b\x07\xcd\xd10\xe0\xc2,\xec\x8cS\xbf%9g\xa7\x8a\xfe\xfa#\xd5\xd9/\xae&amp;Kf{\xe2|\x06\xf8'</t>
  </si>
  <si>
    <t>b'$\x19\x14\xe9\xa0\xb8\t\xcd\x06\x0ba\xfe\xa8\xebJ\xd9\x0fM\x81\x9f$\xf1u\x0c\x9c\xa7\xe5\x8a\x9aTr\t'</t>
  </si>
  <si>
    <t>b'{\xa0v\x87\xf3/b\xc8\xccB\xff\x19\x00&lt;++\x0f\xb1\x18X\xcd\x08R\x9a`\xc3\xc1\xdc\x9fN\x84\x04'</t>
  </si>
  <si>
    <t>Bank direct monthly payment</t>
  </si>
  <si>
    <t>b'(\xcd\xbfw\x81)\x98B\xbe\xed\xd5\xbaw\x16-\xe6\xc1Zfu\x8f\xf9\xc7\xa0\xf6D\xa3\x94\xb1\x83\xa4\x12'</t>
  </si>
  <si>
    <t>b'{\xce9!V\xc2\x82X&lt;z,\xceKi\xfe\xc0\x90\xe5H@\xd3=3o\\\x98c\x9b\x0c\x93\xaa\xef'</t>
  </si>
  <si>
    <t>b'\r\x8c\xa7\xfc\xfb\x86\x94C\x8c\xc1c\xf1\xed\x8d+\xc5\xfc%\x83\xeb\x8c\x1e\xe04\x08;\xae\xbf\xda\xb3,\xcf'</t>
  </si>
  <si>
    <t>b'\x8a\x9e\xdc*\x04\xc9\xbe\xd3&gt;HW\x14\x9f\xc0\x94f\xfb\x01\x99\x99K\xe7\x84\xaf\xe0]`\x05Mnx\x97'</t>
  </si>
  <si>
    <t>b'*\xb0\x1b\x1ei\xa8\xdf\xfas8\x07C\xa6a\xc0\xc3\x07\xfe+\x96*5\x17P\x9e\xcc\x17\xe0\xbc\x81\xb5&amp;'</t>
  </si>
  <si>
    <t>b'\xc1O\xf4\x17\xb9n4a"#\x86\xbf\xf9\xed\xe1o\xc5\t\x0c4dQ\xd0+G.}\x11fT]A'</t>
  </si>
  <si>
    <t>b'\xe6,\x86\xd3\x9c\xfc:\xad\xc9\x98\x1a1\xb9`\xc0\xa86\x88\xdf\xe0\xcb\xda\x97}P4\x91i\x84\xde\xc1V'</t>
  </si>
  <si>
    <t>b'u\xc4\xf5\xb9*\x0b}\xcdd\xd5\xb1[\xec\xd5\xd6c+B\x124\xb5\xa3\x04\x8d\xef\xa9\xdc\xe6N\xd4\xc33'</t>
  </si>
  <si>
    <t>b'\xc4pX\x00U(\x96\xb5\xa5\x86\t}\xff\xdb\xde@!^x\xf6\xa6\xcb\xb5/\x91\xb3J\xbbj\xc6\xeah'</t>
  </si>
  <si>
    <t>Get on Feet</t>
  </si>
  <si>
    <t>b"\x90&gt;\x14\x94\xea\xbc\x94\x00\x13\x0e\x1e\x19\xc0\x91'\x94\rb\x1c\xa7\x9c@y\x14@a\x91\xd6\x90\xe9/w"</t>
  </si>
  <si>
    <t>pay off to loan</t>
  </si>
  <si>
    <t>b'j^\xa7\xdaw\xba3G\x9a&amp;h?\x181k\xa4\xcc\rD\xda\xdb\x895\xe2\xa9|x\xed\xe7e6\xc7'</t>
  </si>
  <si>
    <t>b's;\xd1!i\x8d\xd4\x16\xb0\xc3\xc2\xbc\xdc\xa6\xa4Ib\xc7\xf9\x0b\xbf\x17\x9c\xbf\x80\x8f\x84\x0eoz\xf8\x9d'</t>
  </si>
  <si>
    <t>Boat Loan</t>
  </si>
  <si>
    <t>b'\xa8\xd6\xee\x1e\xdf\xc1\xb3K\xcax\x92\x8c#\xae\xb0\x00V\xbc\xb4\x19\xc1\x8b\xc3\xb7\xf9\xc6\x90\xf1\xc6\x7f\x1c\xd0'</t>
  </si>
  <si>
    <t>b'\x19zG\xff\xfda\xa8\x12\xbcNR\x87\xc2\x05MM\xab\xdc\xd8\xa5\x9f\xf4\x00\xc91\xb9\x85H\xaf\x19\x8a\x14'</t>
  </si>
  <si>
    <t>b'\x07LT\x19x\xb4\xd3p%Rj\x05S\xf6UWM\xc9\xb6\x10\xf7\xcfR\xa8\xed\x97\xb6\x8e\xab$zt'</t>
  </si>
  <si>
    <t>b'\xb0O\x94\x90\x06\xba2tj(E\xa7@\x94\xc1F\xb8\xce\xb0\xb27\x03:l\x06\x1e\xf8\xfd\xef2&lt;\xad'</t>
  </si>
  <si>
    <t>b'\x94C\xd7\xb0t\x0c\xc4\x9f|V\xef\x19\x81\x9d\xeb\x85#\x08\x0b\xdf\x0c\xd0.\xaa\xab\x05\xa8Mn\x8bC\xa4'</t>
  </si>
  <si>
    <t>b'yH\xaa\xfc\x03\x0e\xd2]\r\xbb~\x04T\x1b\xe8P\x7f\xa6i"\x8a\xb87\xe9\xee\xb1\t\xbd\xd6\xefpF'</t>
  </si>
  <si>
    <t>Goodbye to credit cards</t>
  </si>
  <si>
    <t>b'\xf5?I\xe4\xb1\x9d\xebp\x13\x9e\xc8\x89\xd9\xa3oA\xec\xe6\xf4.;\x04m+\x8d\xb1\xb7\xc0\xa0\x10"\x81'</t>
  </si>
  <si>
    <t>b'\xd2\x8f\x83\x92\xed|#\xe7\x1bv\x88\xa8\x07\n\x8d\x05Zl\xb2Gv\x87\xa4Uk\xab\x01\xe3\xe7%"\x0c'</t>
  </si>
  <si>
    <t>b'\x0e\xc5\xdd\x0f,a\xc9\x86ET\xf9\x9di&lt;\xc8\x0cz0)\xe0\x90\xc2\x8f\x1d\x01Q\xb2T\x9d\x9c} '</t>
  </si>
  <si>
    <t>b'\x81\x12#7\x10dj\xab.\xb9;\xffH\xc3\x15\xaa\xec\x93\x8d\x86\xec\x10\x00S\x18+\\`)\xe7t\x90'</t>
  </si>
  <si>
    <t>b"T\x8b\x8c'pH\xb9\xe5W\x92\x1aPc\x03\xd8v\xceW\xa7,\xceNk-%\xaf\xa1\x9f\x19\x8a\xaa\x06"</t>
  </si>
  <si>
    <t>b'\xf8w\x13\xa49\x1ek9\xe7I],&amp;\xda\xbfr\x99\x88\xfeqz\xb8\xdd2L\xf8\xc5\x86\x1c\xbe\x89\xb2'</t>
  </si>
  <si>
    <t>b'`J\xe3\xc6\xfe\x12\xa0\xc3:\xdb\x03&amp;O\tww\x03\xc6\x08\xd6&amp;`\xda\x1e\x9df\x8a\x8c\xcb\xa9u\xea'</t>
  </si>
  <si>
    <t>CC debt loan</t>
  </si>
  <si>
    <t>b"\x81\x82\xc6\xd3z\xde\x86\xe6\xe4\xfe\xf7!\xe9\xe4\xeeO\x0c\xac7&amp;DDM\xd6\x03\x1e\xbe'\x12?\xe1\x88"</t>
  </si>
  <si>
    <t>b'^J\n\xbeFY4L\x18\xd4\xe1\xa0\x10\xbf\xb9\xd8\x01\xeb\xa3\xa3\xca\x93\xcc\xb0\xfa\x96\xd63\x9fR:\xd6'</t>
  </si>
  <si>
    <t>b'\x17\xcc\xce\xc7\xf3\x99j\x0b\x1c\x14\xeb\'\xc1J\xe7\x15\x07\'\xc6\xeb\xc6\xa3\xe3$\x8f\x15\xc8"\x87\xfa\x99\xf6'</t>
  </si>
  <si>
    <t>Happy Ride</t>
  </si>
  <si>
    <t>b'\x04\x85\\ea\xbag\x18bYQ\xbd\xd8\xf5\x1ff\xa1qc\x97\x13\xd9{~\xa9\x0e4Z\xbavn\xc5'</t>
  </si>
  <si>
    <t>2nd Car</t>
  </si>
  <si>
    <t>b'\x9a\xdb\x08\t\xf0\x98\xb0\xac\xd5\xb7\x0b\x81\x04q\x05:&lt;\x86\xb9\xaf63\x19\xfc\xfa\xa3\xa7\xa4\xabU\x8b\xe7'</t>
  </si>
  <si>
    <t>Paying off some debt saving money</t>
  </si>
  <si>
    <t>b'\xc9\xe9\xa81b\xcd\x90\xba\xf3\x92S\x01\x86\x0eZ\x92/\xa5\x97\x02\xad\xef\xd3\x85\xda\xc7\xdf\xe4\x97\x04\xcc\xe2'</t>
  </si>
  <si>
    <t>b't\xf9\xa7:\x8e\xcazsr\n\x98`\x9d\xcc*\xe3/\x92*9\xf0.\x8e\xc4F\xcaC\xbcf4\xe4\x10'</t>
  </si>
  <si>
    <t>b'xB\x8b\x02\t\xe8\xf8\x8b\xaei\xcfa\xa27\xc8P\x89q}\xef{\xe9\xe0,`"0\x83\xfd\x9d\x1d\xf1'</t>
  </si>
  <si>
    <t>Wedding fund</t>
  </si>
  <si>
    <t>b'2\xee\x91\xbb"\xb2k\x8dI\x06\x06\xf4\xd0\xbbmZ_\xb4\xa0/\x07r\x85\x03\x9f\xfd\x01B\\J`\xc0'</t>
  </si>
  <si>
    <t>b'\xffy\xc8\xbfa\x9bE%\xb1\x94o\xea&gt;t\xaeN\xe0x\xb1\xec\r\x94\x1c\xa8\x89*\xba\xf8fO\xfaI'</t>
  </si>
  <si>
    <t>mine</t>
  </si>
  <si>
    <t>b"i\xc7\xaf\x87}\xd23{\x9c\xba\xf1\xecj/'o\r(2\x95\xea\xa62\x0c\x8f\xd5e\x12\xf2Q\r\xfd"</t>
  </si>
  <si>
    <t>pay bills</t>
  </si>
  <si>
    <t>b'w\x8e\x7f\xc3~\x04MUA\x8eS\x9cb\x13\xb1\xe0&amp;\x92~z\x05\xc2W1\xa0\x05\xcd\xf3\xfa\xe2S\xd0'</t>
  </si>
  <si>
    <t>b'\xf3;.\x82\x13Y\x0f:b\xdc/\xcdS\x19XW\xb1\x04\xbd\x08\x82D\x928\xe2_\x9as.\xb5AQ'</t>
  </si>
  <si>
    <t>CC Combine</t>
  </si>
  <si>
    <t>b'\x9a^\x83\x95\x0cIh\x00\x91\x00&amp;\xf7 \x07\x8d\x1a\xd8\x95&amp;\xf0C\xf4q\xbb\x1am\xaa\xfb\x1f\x87\xc4\xe7'</t>
  </si>
  <si>
    <t>House loan</t>
  </si>
  <si>
    <t>b'7h\xf0\xf7\xc7F\x96\xbb\xfd)\xaa_\xed\xe0\xe5[\xf0so\x9b\x05\x01\x88\xa8\x1cd^^R\xca\xed\x15'</t>
  </si>
  <si>
    <t>b'\xf5@\xbfd\x0b\x14\x9cz\xa2\xbe\xc6\xa2\xfaCX\x9a\x93/\xcb\x13]\x12\xe9J\xeb\x9ej\xac\xdc\xd4A&amp;'</t>
  </si>
  <si>
    <t>b'b\x8a\xd0\xcfi\x8c=z\xdd\x90\x86$e\x8b/\xa3\x9e\xc1\xb08\xf3\xc3 CA\x86"\x8b\xc4\xb2Z\x08'</t>
  </si>
  <si>
    <t>Garage doors</t>
  </si>
  <si>
    <t>b'\xbe\x1e\x86\xd2I\xd1\xecR\xec\xbfhL\xb5\x0e\xd6\xa8=\xe4$\x7f\nC\xd3\xd1\x17G\x93at6\xf4\xef'</t>
  </si>
  <si>
    <t>b'\xa5\x89R\xe7BQp?\x9a&lt;\x16\xb9\xe6\xedEZc@\x996lm\x05\x93\xbd\xe5\xdc\xa3&amp;\x9e\xad\xbb'</t>
  </si>
  <si>
    <t>b'Ow\x13G\xd9\xf6\xb2\x11\xc2\xd8Zv=\xf5\xab\x99L\xebtD\xe1\x96C\xd1\\];\x9d@\x1bD\xb5'</t>
  </si>
  <si>
    <t>Mototcycle Loan</t>
  </si>
  <si>
    <t>b'\x12X-\xff\xb8`(\xb3\xeb\xdfh\xd7\xe8\x0fA\x0e\x0cO\xb1"\xa5*3\x9b\xe7\xe8y\xd2\xfa^\xd5\xf1'</t>
  </si>
  <si>
    <t>b'\x85\xb9t\xf4\xdfx1nB\x96:\xe6:/&amp;,^#\x05L\xb4\x16\xf0\x81\xf7\xa7\xa6EY\x16D\xc9'</t>
  </si>
  <si>
    <t>b'\x1b\x81\xb0+\xfai&amp;J\xc6\x89\x92\xd8[\xbc\xdb\xc2p\x94\x0e\x8accw\xfa\xb3q\xa8\xa8R\xfb\x12\xca'</t>
  </si>
  <si>
    <t>b'#\x0b\xb2.\x8ab\xec\xf3\xe8\xf3\xe5\x1f8,x\xd3`\xc3\x8bB\xf75-n.3a\xf1j\x93\xbd\xe4'</t>
  </si>
  <si>
    <t>b'q\x89\xac\xb2&gt;\xc0y\xe3\x11\x8b8Ez\xa7\x18\x8a\x03^\xb3\x19-\xa56\x8aZ%\xe3\xb5\xf7\xf06\x05'</t>
  </si>
  <si>
    <t>b"\xf9\xd9\xa0\xed'r\xb6\x9b\x95\xd0;E\xcb\xee\xd2c\x86~\x17\x0bD\x9b9#\x9c_\xb7\xf7\x81Lm\xa3"</t>
  </si>
  <si>
    <t>b'w;eO\xd6-46\xbcw\xe5a\xb6\xe3\xf6\xfa\x06*(\xf7c\x8bq\xc2\xb3\xc6\x85J$r\xd7\xfd'</t>
  </si>
  <si>
    <t>Truck needs</t>
  </si>
  <si>
    <t>b'w\x9cr\x95"\x1ccH\x82=\xb9\xd3\xa8\xc8\x05v\xe9\x18\xc5\xbd\x0eK\xff\x85\x1e\xe6R];o\x85\xd9'</t>
  </si>
  <si>
    <t>b'\xe7ZJn\xe8\x04\x92\x93\x8b\x18ZxD\xc1.6\xe2\xa7\xf6\xff\xa7\xe1\xa5\xfc\xb9\\\xaf\xf0\tFK^'</t>
  </si>
  <si>
    <t>Debtfree</t>
  </si>
  <si>
    <t>b"\xb7\xce\x99*nv\xb3`L\xf1\xbe1e'\x94;7\x0e\x9e\xaf\xc8:9\xdb\xa1\xb98\xa8Ic\x13Y"</t>
  </si>
  <si>
    <t>Term Consol</t>
  </si>
  <si>
    <t>b'\xdc\x1dY\x99\x19\x9d\x8fQ\x15\x80B\xec\xaa,6@\xa4\xcf\xacv\\\xa5;\xf0\xb5\x81;\xce\xe1`\x05\x16'</t>
  </si>
  <si>
    <t>BUSINESS ACQUISITION</t>
  </si>
  <si>
    <t>b'\xc8\x0c\xaa\xd3\xbb1\x8cCbv\x12&lt;B\x97\xa6\xbd\xc6`\xf3\x82\x02\x1b\xa3\xadf[&gt;\x93\x05\xd0\xc6\x8d'</t>
  </si>
  <si>
    <t>b'wFM\xe4\x1f\x8c%\x0b\xdc)\xc4\xaf8\xc5q\x9cA\x99\x05\r\xa4\x07\xc0\xc3\xd3\xad\xd8.,\x8a:\xbf'</t>
  </si>
  <si>
    <t>b'\x12q\xac\n\xefw\x17\x99\xd1oT\x8en\xdb\x1e\xf6\x96\x06\xefl\xfc\x88z\xe3\x1a[\xe3\x9e|\xad4i'</t>
  </si>
  <si>
    <t>b'\xff7v\xc4O\xcb\xb5\xc2\xd2\xf2\\i\xb8\x1b\x0e$2\xf1\xef\x9et\xb0\xb6R\xacMX\x84FF@\xf4'</t>
  </si>
  <si>
    <t>143xx</t>
  </si>
  <si>
    <t>b'}\xe6\t\x0e\xd5\xd4O\x8a\xd6%\xf5\xd0\xe2i\x87\xc5\xac\xa2\x02\xb7\x1c\xaa\xb7Qb3v6\xc0\xbc\xfb\xb6'</t>
  </si>
  <si>
    <t>b'\x7f\xd8c?\xfby]\xe8\xd8re\xf2\x85\xed\xac\x81$\xe6\x9d\xa4\xa7\xfd6\xdf\xd03y\xe11u\xb5\x8a'</t>
  </si>
  <si>
    <t>b"0\x80N\xcd\xadnq\x9cskQ@cj\xdc\xe2\xc9'\xac\x91\t3m\x810\x15?\xf6\xdc\xed\xcf\xb9"</t>
  </si>
  <si>
    <t>b'=\xbf\xb1Z\xd0\x99\x92\xe6\xc7Q\xf7\xb0R\xeb7\xda\x08y\x0e/\xfaGZU\xbc\xe0\xef\xa0\xd1\x95%\xf9'</t>
  </si>
  <si>
    <t>b'O\xaf\xb0[#u\xa1H\xfc\x0b\xa9V\x9d\x0c\xe5\x19^\xf5i+\xbe\xf08}8\xf9\x1d\xdc\xaf)D\x1d'</t>
  </si>
  <si>
    <t>b'\x94\xb26\n\x9b\x80b\xcd&lt;\x7f\xc7\x1b$\xa5|L\xb0\xff?M\xbe\xa0\x80\xb8\xacU\x1f\tD\xedpI'</t>
  </si>
  <si>
    <t>Debt Consolidat high Interest Credit</t>
  </si>
  <si>
    <t>b'\xf9\\\x91E\x11\xb2\x19\x8dD(\x8b\xabd\xa2d\x81c\x85gO\xb7f+PI\xf0\x9bL\t\xb8A\x16'</t>
  </si>
  <si>
    <t>b'\xd1\x8e\xe5\x10\x87k\x01i\xf7\xd9I\x03\x004F\x87\xa2\xd2,\xc4+\xa7\xfcH\xdb\xab5\x96\xb3\xb1\xb7+'</t>
  </si>
  <si>
    <t>Business Growth</t>
  </si>
  <si>
    <t>b'\x0e\x1f\x8116\xa0g\xcb\x8d)Fj\nx\xe7\xb5j$l\xd4\x04\xc9\xb4\xc4\xe0\xd4\xc2\xe5C\xbe\xca\x1b'</t>
  </si>
  <si>
    <t>b'\xc36%\xd7Lq\x9eu\xa0\x1a\xa7\x0e\xe5\xa0\xad\x7f\x16\xf8[\x82\xa4o\x00\xa06\x1d\xc6`Ov.L'</t>
  </si>
  <si>
    <t>b";t\x9b'\x82\xea+\x9fK\xe1\x00\x99cZ]0R\xb1\x84\x12\x1f\x89w\x1a\x1b`\x8a\xc7\xaf}\xd2}"</t>
  </si>
  <si>
    <t>Lowering Loan Rate</t>
  </si>
  <si>
    <t>b'\x1a\x86;\x845\x01m\x84&amp;N\xc4\xe3\xd8\xb3\xcd%bJ\xc3\xa7\xb2\xc8\xd0\xe6\xa0,\x14\x89\xf6:\xdc\x01'</t>
  </si>
  <si>
    <t>Card Refinance</t>
  </si>
  <si>
    <t>b'\x0c\x1b\xfc\xf8=\x1e@\xd5\xf3\xa1_5e\xbe\xc0\xf0\xaf\xd81\n}\xf9\xf5\xf4\xd4\xec2|\x0c|\x1e\x80'</t>
  </si>
  <si>
    <t>b'\xc6\xa2\xd9\xa1\xef\xec\x11\x07\xeeB~\x96t\x1e\xa1\xc4\x8b\x19\xe8\xb1J\xf5W\xd2\xd83\nD\x8c\x90\x15*'</t>
  </si>
  <si>
    <t>b'\xdb]\xbc\x1c\xd0\xd6\x995\xb6j\x80Bs\xfa\xf5\xe6\xf9\x95\x97G\xf2\x01\xf5\xab\x86\xbe\x19\xb0\x8a\xbf\xe4\x99'</t>
  </si>
  <si>
    <t>b'\xba\xd30\xa6\xc6\x8ci\x87\x1b\x02nV#0\xda\x94\x86\x90/\xebd\xa3[\xeb\x02\xc9\xbbt6;do'</t>
  </si>
  <si>
    <t>b'\xc1\x06\xd4@\x04\xe6\xd50\x8bElM\x1f\xc9\x8b\xd1\xb2\xfdyVR\xad\x88\xaeSVq\x9b\x81 \x00\x19'</t>
  </si>
  <si>
    <t>Repair</t>
  </si>
  <si>
    <t>b'/\x82n&amp;\xaa\x1d\xe2\x82\x14\xf5\x02Q{\xe0|\x85\x7f-\xa4\x9d\\\xe4S\xd7\xdc\xe3,\x9eAE(\xa0'</t>
  </si>
  <si>
    <t>Working capital</t>
  </si>
  <si>
    <t>b'\x8a\x07\xa3\xb4\x19\r\x06cw\xbcA\x9a\x82\x07\xdfa\x1e\x17Qe\xf3\x7f\xf1"\xe1\x87\xbb\xd0\x8c\t\x7f\xf2'</t>
  </si>
  <si>
    <t>card consolidate</t>
  </si>
  <si>
    <t>b'v*\xfah\x9a2\xeat"\x9d\xf0H,\xa6_\xb0E\xc1\xe1\xf4\xce\xcf\xd1\xfei\x1dC\x9d\xea\xfb7\xf6'</t>
  </si>
  <si>
    <t>b'\x19\x92\x1b\x7f\x9e\x87\xa1CDaWt\xa1Z\x1f!\xa8x\xd6\xb8\xb2\x91\x85\xd4\x11\x0eA\xf2\x88\xc0\xb6\xf3'</t>
  </si>
  <si>
    <t>Basics</t>
  </si>
  <si>
    <t>b"\xf8\x0c\xb5b\xf1\xac\x93\x9a\x036\xa4\x9e\xce&gt;\x83\x1b\xca+\x7f\x18i\xbb~9\xc7\xcbu\xc0'z\x04c"</t>
  </si>
  <si>
    <t>Wells Fargo Payoff</t>
  </si>
  <si>
    <t>b'\xa0n~\xef\x88\x93.=\x08f&lt;&lt;\xf9=\xc6\xa4`L\xfb\xa8\x0c\xa8\x14\x1f\xd6\x8d!X\xfaBZ+'</t>
  </si>
  <si>
    <t>Debt Consildation</t>
  </si>
  <si>
    <t>b'\x1cG\xb7\xcd\xc3\xf1\xda\n\x17\xe0\xf2g/9v\x13\x11D\xb9\xc0&lt;\xcd\x9a\x99K\xad\xdf\x1b\x11}%\xc3'</t>
  </si>
  <si>
    <t>b'\x81\x80\xa7\x08^,\xce\x08\x1a\xe7y\xceO\x16A\r\xb1\xd0\xeb\xabU\xd1\x14\xcb)\x0c\xd5\xa0\x95+&lt;\xeb'</t>
  </si>
  <si>
    <t>b'$y\xd8\xe7+\xe0\x95\xf4\n\x0e\xf4$\xa6\xa7C\x1e\xa5\xe8.\x89]\r\xf1*\xd9\x0b\x9d&lt;\xb0S\xb2\x8f'</t>
  </si>
  <si>
    <t>b'!\x0f\xc5Z@\x7f\xb6\xc1\xf80m\x85\x0b\xa3G\xa8I\xed\xd7\xb9D\xc1^\xd4#\xd1\xc1\xc3~H\xb7\x14'</t>
  </si>
  <si>
    <t>b"KE\x94\x98\x98M\x19\xb4\xaem\xb9l@$\xfb\xba]'\xdfiKi\xef\x05;\xc7w\xf5\x97(\xe0\xda"</t>
  </si>
  <si>
    <t>Pay Off Credit Cards 2012</t>
  </si>
  <si>
    <t>874xx</t>
  </si>
  <si>
    <t>b"\r\xbe\x18o\xc9CmG\xdb\x88\xce\x8e'X\xff\x0f\x1b\xad\x16\xb9\xa3\x02\xc8\xa8\xa4e\x07\x0fT\x9dL\xb2"</t>
  </si>
  <si>
    <t>b'qXL\xc7\x93\xfe\x93\x01\xda\xfc9\xe5\xae\xa8\xb5\x89L\xc6\xfd\xdc\xb9\xc9@\xa8~\xac\x97\xb3\xd8\x95\xefW'</t>
  </si>
  <si>
    <t>b'\xcf(F\x8c\xacT#\x1c\xe4\x1e?V\x06\xdf\xd1\x1bN\xb5C\xac\xefv\x9f\x89\x99jI\x03s\xe9QQ'</t>
  </si>
  <si>
    <t>b'\x87\xf0+\xc0\x82\x15\xbeM\x07l\x8e\xcazAd\xc5M\xadH\xe1K\xdc\xc6FP\x80v/\x02Q\x11\x18'</t>
  </si>
  <si>
    <t>b'\xb9\xd2\xfb\xb7\x7f\xf8O\xafC\xb9\xb6\xd5/b\xb0\xa1wBt\xd7\x18\x84\\\x01E\xc3\xd7\xe5-\x9c\xcb '</t>
  </si>
  <si>
    <t>b'\xd2wDB3)R$\x1ed0{6\xb9\xdf\x0c\x9b\xcaSG\xb5\xc0\x15\xea\xfeu$\xfa-\x1eC\xeb'</t>
  </si>
  <si>
    <t>b'U\xbc\x0b\xd5\xf3\xee\x8d\x847\xf0\xa6\x84v\x04)\x89\xf07\x15Yq\xe281B\x1e\xab\tvN\xb0b'</t>
  </si>
  <si>
    <t>b'\x8f\xbcwX\xcc\xcdMM$\xd2\x8e\rl\xfak(I~\xad\x9d!\xbd\x97\xb5A\xce\x14:\xcd]\xe3z'</t>
  </si>
  <si>
    <t>sun room</t>
  </si>
  <si>
    <t>318xx</t>
  </si>
  <si>
    <t>b"\xfa'\xa9\xb6\xb2\xbc \xa3\x9bVzj2J(c\xf6\x97=\xd3\tw\x9bjD\x83M~G\x04-\xcd"</t>
  </si>
  <si>
    <t>b'\xb1y]\x0f\x8f\xfe\xd7\x96\xeaob&amp;\x80D\x9e\xdd\x9a\x1fg|\x84 i\x9cn;\x08\x04%\xf4\xc0\xd0'</t>
  </si>
  <si>
    <t>b'8\xf0\x05D\xe5\xb3\x17o3\xeaa\xa9t\x91\xac\x9eT\x93\x94\x00\x99\x15m\x85\xaa\xa9\xd7C\xbc\x02\x81\x03'</t>
  </si>
  <si>
    <t>b"\x1c}\xa9\x05'\xa9\xb9\xce\xb1z\xadY+\xaa\xb1\xad&amp;fY-\x91!\xb9\xc1\xbc*\xad\x80)\x99\\1"</t>
  </si>
  <si>
    <t>b'\xec\xcf0\xfb\xc2\x00\x8c\xe1\xc1K\xb8[\xd6\x01|s\xb7\x0b\xb5\x02\x90&amp;\xad\x9c\x90\x02\xee\x1b \xff\xb5N'</t>
  </si>
  <si>
    <t xml:space="preserve">Credit card </t>
  </si>
  <si>
    <t>b'\x02\x16\x8c\xc9]\xc6\xdf`\xbf}\xf7\xad\xe6\x86z\x8d\xac\x94%\xe7I\x83dj\x8a\xcc\xa8\x88F\x95\xdf\x99'</t>
  </si>
  <si>
    <t>b'\xefs\xf5\xa7\x96\x10\x9a\x9a\xba\xac\xd1\xcf\xbe\xf1\xb1\xff\xf1W\xe8\x96\xe8\xa1J\x9b\xce\x8b\xf2=e?so'</t>
  </si>
  <si>
    <t>b'f\x92\x1c\xa5\xb4X\x83\xd2\x12{6Y\t\xb3\xfb\t_1\xba\x0b\x08\xb4\x1fXA\x1a\x1d\xadgo\xe6l'</t>
  </si>
  <si>
    <t>pay off high rate cards loan</t>
  </si>
  <si>
    <t>b"&gt;\xe6\xf0\xec\xec\xfce\x7f\x89\x1c\x9aKS~\xecj\x83\xa5'Q\xab\x12\xaaF\n\xdb \xfb\x1387\x9d"</t>
  </si>
  <si>
    <t>b'\x88o\x840I\xcc@\x08\xe6\xdb\xda\x9b\xb5\xa67ah\xcf\x9a2\xaf`^H\x87[\xd0\xd0\xd8\x11\x85~'</t>
  </si>
  <si>
    <t>b'y9\xdfC\xe7|\x19\xfefFG\xb1\xb5\xac0N\xe9\x1c\xa0\xa1\x8a\xd4-\xd6\xe3\x9e\xa1(+\xb5\xf0\xed'</t>
  </si>
  <si>
    <t>Dream home</t>
  </si>
  <si>
    <t>b'r\xfc\xadf&amp;c\xb8\xa1\xfd\xa4\xccS\xe4\xf2\xc51\x9d\xa5z\xfc\x9cO\x8e\xfa\x07i\xff\xd8|V\xd1\x12'</t>
  </si>
  <si>
    <t>uwillberepaid</t>
  </si>
  <si>
    <t>b'\x02\x83d\x1c\x02C?\x9a\x0f\xcf\x01%\x85\rG\x8a\x11]\x03W\xcf^\x98\xe0\x1dQu\x92SQH\xc4'</t>
  </si>
  <si>
    <t>b'\xc4ar\x04\xbe:\xcb/\xa9n(S\xc8$\x8a\xd5\x0fHC\xae\xd5\x96\xa6V\xac\xb4\xb9\xe7kjL8'</t>
  </si>
  <si>
    <t>b'\xfd&amp;\x13\x9a\xb9\xf0\xbc\x99+\xd4\xebK\x15e\xb0\x0b\xffFcA\xd0\xc6\xc6\xf4A!\xc4n\xc4\x18\xff\xe7'</t>
  </si>
  <si>
    <t>b'\xe4\xfb\x89\xbb\x84\x0e\x17-\xec\r\x97mN2\xa9\x83\x91~\xf3s\xc0\xaa\x1c5\xa9\x96\xe5XBKEN'</t>
  </si>
  <si>
    <t>b'Xx\xae\x86O\xcc]\x0f\x90\x98Z\xff!M\x95\xec\xcc\xcfIiy\x80\x82\xa6\xc5\xc4U\x8b\x11\xec\t\x8d'</t>
  </si>
  <si>
    <t>b'x\x9f\x1b\x96\x02I6\x88e5\x80\xd6\xb1\n\xb6r\nQ\xbf\xec\xc5\xab\x00t]\xe0\xf2\xbc\xeb\xb7&gt;\x19'</t>
  </si>
  <si>
    <t>b'\xc7\xea\xb3O0=\xca\x10\x87v\xf5\xb3\xb3\xdc\xa2\xd4\x8d\xd9\xae\xb5\x97\x10~9\x82\x8d:v\x9bs\x86e'</t>
  </si>
  <si>
    <t>b'\x8b\x15\x17\x0f\xe8\xd4\xd9Y&lt;%r\x06\x89\xc7\xc9\xd9\x1d\x88?NW\xc5\xbd\xd6\xb4?\xb7b\xf7Q\xfea'</t>
  </si>
  <si>
    <t>New CC Consolidation</t>
  </si>
  <si>
    <t>b'\xac\xec\x06\xac\x9cY{\xae\x10\x01\x1c^\xa2\xf2\xd7\xc1\x8f\x9f\x97\xc0\xa2g$\xf1\x1c\xeey\xb5\xc7\xabf\xf6'</t>
  </si>
  <si>
    <t>590xx</t>
  </si>
  <si>
    <t>b'\x89I\x0b\x7f\x1aHF\x8d=\x122\x94\x1d\xafN\xa2]v\xf8y\xbdhMkj\xf4dl\xc06\xe6\xe8'</t>
  </si>
  <si>
    <t>b'p\xaeyb\xdf\x13\xac\xa3\xa6\x84\x9e\x9d@\xc2!\xce/\xf5C\xc6\x8e\xd0\x9diY}\x08\xeaPXf('</t>
  </si>
  <si>
    <t>b'\x07\xda\xac\xdf\xb1\xe0(\xac\x16\x83\x8d&amp;\x03\xca\xb1\x01\xee\xe7\xf9y(M$\xb8"\x8b\xd1\x1c_S8\xab'</t>
  </si>
  <si>
    <t>b'\xf6\xccf\x12c^\xb4\x0f\'4\xc5\xbcB\x0fk\xc1u\x11\xc3\xe2\xf7"\xad\xc0\xb7\xda\xc2_\xb6\x19\xe1j'</t>
  </si>
  <si>
    <t>b'\x971}\xcdEt\x8f\x93\x06\xd5@\x0c\x7f\x8f\x05c\x85f\xd9\xf2kB\x832\x88\xd3\xdbH\xf7\x99\x98-'</t>
  </si>
  <si>
    <t>b',\xd6\x03\xc7\x9av\xd7I=\xeb\xe2\xb3\xc6\xa8\xc0&amp;(\xf6\x1a\xec\xeb\x05\xe1s\x1f&gt;EI\x8cXu\xaa'</t>
  </si>
  <si>
    <t>b"\xa8'\xb4\xdf\xc1\\\xd6\t^\xe5\x98\xfdH\xb7\xe9\x82\x1abo\x00\xb5\xce\xcf\xbc\xd0\x9e \xa0j\xbcZ\x89"</t>
  </si>
  <si>
    <t>Leap of Faith</t>
  </si>
  <si>
    <t>b'\xb8\x90\xb5}\xf7;\xc7aY\x1e#\x0c\xa3\xe9+\xab\xd8\xc6\xb1"\xb5\xbc\xa2`5N\xd3\x864\xc9%\xb8'</t>
  </si>
  <si>
    <t>b'\xfa\xec\xfbS\x0b\x9b\xad\tg\x1a?\x9c\xd4\xa8u\xbcy\x83\x99m\x8e\x19T7Z\xf2\xef\xc8\xd1\x14{\r'</t>
  </si>
  <si>
    <t>b"\x863\x8e\x7f\xc1d7\x94\x9d\x9ao\xe4G\x85\x8b&gt;\xfd.\x8e\x06'\xea\x1e\xe9PS\x1c\x8f$\xad\xd6\x85"</t>
  </si>
  <si>
    <t>High rate personal loan refinance</t>
  </si>
  <si>
    <t>b'\xd1o5\x1ad@\xb2\xf1q\x05\xfcL&gt;\xc3\xab"8\xe4\xb8\xa9\x92:\xbd\xc9T\x10\r\x97 {\xad`'</t>
  </si>
  <si>
    <t>b'v\x0f&gt;\xc9\x08\xbc\xc6\xac\x0b\x80\x8b!\xde\x9a\xa6\n\x82\xb5tx\x8a\xce\xee\xf0\x9bT_\x1bgA-y'</t>
  </si>
  <si>
    <t>Squaring Things Away</t>
  </si>
  <si>
    <t>b"\xc8l\x8b}x\xc8u\xbd\x13\xba\xd2\xfa\x0en\xc2\xfc\x99\x1e\x10\xd0\xa0\xd2(\xc7'.\xd4C\x8e\xa1\x9ae"</t>
  </si>
  <si>
    <t>b'\x9f^\x02\xf7W\x05\xb6\x7f;\xed\x1f!d\t\xc0 \xf6E\x12?\xbb\x00\xc3\xf9\xbe\xe7\xb0\xf74\x99Y\x0f'</t>
  </si>
  <si>
    <t>b"\xa6\xd0A'W\x163\xa2\xfb\x8eP\xd0/\\_\xb0\x1b}\x17\x83T\xde\xa8\xa3\xf6O\xa0\xa1\xcd\x17\x15\xba"</t>
  </si>
  <si>
    <t>b'\xb0\x97\x8d[ &gt;\x0e\x9a\xf9\xd57\xd2\x80\xaa\x92\x06\xb8U\x80_AU\xb9#w\xc6O\x90\xab\n\xe8='</t>
  </si>
  <si>
    <t>b'z\x1c\xf6\xd7]lN\xe6\xaf`\xf3qZG\xe1v\xa5\xe1w^\xbb\xca\xfc\x9f\xc1ro6\x1b&amp;\x9aG'</t>
  </si>
  <si>
    <t>b'\xf5\x8f\tAi|\x18\xd8\x1e\xca\x1b\xe83\xbf\x14S*\xcf\xd6\xa5\xb4\x8e&lt;\xff\x10\xb0J\xd2\xe4\x86\xed\xca'</t>
  </si>
  <si>
    <t>b'\x05m\x97\x9e^\x07k\xf2\x0f\xf0\x92\xa4V\xb9\xb1\xff\x04\xf6\x12\x9cRo\x1a\xee\xf2z\xbfZl\x1d\x07\xfc'</t>
  </si>
  <si>
    <t>b'\xae\xdc[\xc6\xc1\x8cf\x8d\xe3\xaf\x94M\x8f[\xde8t\x8c\x87w\xee\x1c\x8d\xcfH$\xc1\xb3\x1ePJ\x94'</t>
  </si>
  <si>
    <t>b"\xa0f[)\x1a&lt;\x9a\x0f\xfc\xef'\xd7\x1f\xfa\x80\xf1\t\x126\xb6N`&amp;*1\x89\x9d\xcb\x14o\x1b+"</t>
  </si>
  <si>
    <t>b'\x93\x94!V\x13\xe7K\xdc\xdd\xc7g\x1b\x8c\xa7\xc9\xb6\x17t\xcdQ \xfa\x9a\xe05.\x8d\x1c\xdb\xaf\x90\xb8'</t>
  </si>
  <si>
    <t>b'\xa0]\xb7\x02\xc8c\x1b.\xaf\xe0]$ \xc0\xb4\xd3\x1a\x1f\r\xdf\xd9v\x91\x90\xb0\x13\x02d\x01\xda\x02\x91'</t>
  </si>
  <si>
    <t>b'\x87FL\xe2\x9e\x9fx\xfb\x9c[\x82\xa6\x8a\xf9\x9b\x85\xadA\xc1\xaf\x1aU\xdf\xe0\xb4,\xf3#\xd2\x9c\x1d\x08'</t>
  </si>
  <si>
    <t>Float</t>
  </si>
  <si>
    <t>b'\x18\x94O\x9c\x07\xf2\xf3\xc6\xc4\xcb\xb8dl\xf9]*\x8e\xaa\xe8\r\xac\x0b\xb9\xd4\x0c\xbd\xa1\xb3\x92}k\x11'</t>
  </si>
  <si>
    <t>b'\xda\xd5\xef\x87\xbeZ!\r\x05p\xab\xcd\x7f*\xf8\xa6\xf7\xab\xc7\x82\x94\xa2!\xdd\x17\xf2\xb8!]\xfa\xad\xd7'</t>
  </si>
  <si>
    <t>b'I\x03r\xa2\xe1\x7f\xeb\x93?\x9c\x10\x97J\xc0M\xfbV\xfbX\xfd! \x9e\x00\xa7\\\xe8\x1dWB60'</t>
  </si>
  <si>
    <t>b'\xe5\x0f\x07\xa2?\xbe\xc8\xb8h\xf9\x7f@\xb1\xa75\xe67\x97\x1e\x10\x91\r\xc3\xc6\xa9P\xd8Po\xec:\x8d'</t>
  </si>
  <si>
    <t>b'\x86\x08\xf9xN\x1e \xf6\xc0\xd4\x14/\x86\xc6o\xc6~\xfc6\x82U\xadU\xd7\xab\x10\xa3\xef\xf2\x01\xb7\x00'</t>
  </si>
  <si>
    <t>b'\x07Q\xecbysG\xb8\xee\x81(=/\x8c\xce\xd9/\xe8\x1e\xff\xdc4\xfd\xa0Oa\xbc&lt;F\x87\n\x0e'</t>
  </si>
  <si>
    <t>b'I\x0fl\x18\xaf\x9c\xaeo\xc9\x19\x8c\xa1;\\\xbd+\xc8\xb0\xa8\xeb\x8f[\xe8:@K"7\xad\x1f\x9c\''</t>
  </si>
  <si>
    <t>b')Y\xd6T\xbeD\x8eUC\xe4\x1eDE\x08\xc9\x9bt\xe1\xaa\xa0\x10\xce\xeb\x05.$\x11&gt;|\xc2\xddl'</t>
  </si>
  <si>
    <t>b'F\x18\xa6\xb1+-\x14V\x04\xc5\x83\x92\xde\xf7\x0c\xa3H\xc3\xa4\xa8s\xe60\xb3\xb3\xd1U\xaa4^\x81\xb8'</t>
  </si>
  <si>
    <t>Debt Conslodation</t>
  </si>
  <si>
    <t>b"\xfa\xb7\x00\xc4\xf6&amp;\xcd,\x90\xa9&amp;\x9c\xbc\x8c\xf8k\xd0Q\xb3C\xd3`\x88\x91S]\xb54\xac'Lo"</t>
  </si>
  <si>
    <t>Free and Clear</t>
  </si>
  <si>
    <t>b'\xd0i\xf1\x85jg\xe1\xa2\xa3\xa8\xa1\x1e{\xf5T\xea\xbd\xab\xa4e\xf8\xab$@\x18\xc5\x1a\xc1{\xe9\r)'</t>
  </si>
  <si>
    <t>b"\tMu\xcc\xa96\x16j$\x9d\x90\xd7\xdb\xd3s\xf6m5R[-/\xb0|'\xdb\x1c\x02\xe4\x16:\xc2"</t>
  </si>
  <si>
    <t>b'2\x80`N;A\x8b~0R\x8a\x91U\xaa\x15n,d\x07wvy\xf5\xb7"\xf3\xbck\\\x05\xb3\x11'</t>
  </si>
  <si>
    <t>b'-\x1fBf\x17\x90S\xfa\x13\x19vj\xaaL\xf0k\x06\xe7\xe9\x92U\x90\xcc\x9f\xe1\xf7\xee\xff+F\x9c!'</t>
  </si>
  <si>
    <t>b'7\x869\xb4\x96\xf9\xdf\x9d~\xf3{+\x1a\x084\x1ar\xc8Z1\xa3\xb0\x8eJu?\xdb?8\xc6m\x15'</t>
  </si>
  <si>
    <t>b'\xd6\x87\xa7\x1c5\xeb.{\xbf\x87\x18^\xef\xf0\xcb\xf8\xbaz\x860lr\xa3\x8f\x86\x9c\x8f)\xba\x14\xa5\xf5'</t>
  </si>
  <si>
    <t>Loan Consolidation Blitz</t>
  </si>
  <si>
    <t>b'\xbc\xf4\x82\xed\xdf\xb1IE\x95\xff78\xdc\x96\n\xc7\xaa\xb4\xe8J*y\x19/M[sl\x9b\xb1\xaa\x07'</t>
  </si>
  <si>
    <t xml:space="preserve">2013 debt </t>
  </si>
  <si>
    <t>b'2\xf0\xa3=\xc0rG7\xea\xe1&gt;#F\x8a\x9c \x13\xf2F\x17\xab\xa1.\x9e`\x00\x05\xd8QaQ\xe6'</t>
  </si>
  <si>
    <t>b'\xd9a&amp;C\x12k\x96y3\xf46+\x1b\xcd\x1b\xc7\x9a\xee\xe5\xfa@\xa7\x11\xca\x1e\x06\xa3\x03\xfe\x82\x19&lt;'</t>
  </si>
  <si>
    <t>b'\x89\xe5\xcc\x1d\xcc\xdf8\xb6\x9a\xd8\xad\xd8\x8b\x9c$\x1ei\n-\xa4\xc4\xebjRb\x98\xef\xa0c\xe6\xd3d'</t>
  </si>
  <si>
    <t>b'\xcb\x10\xf1\x10\x0fj\x84\xbb\x11p.\x90\x8c\xe4\\\xe6\\\x14\xf1\xbf/\xb3\xdc5/\x90\r.V\x89\x9d\xd5'</t>
  </si>
  <si>
    <t>b'\xdfq\xb1\xa7\x98\x1cAL\xba\xf5\x9e&lt;\xaf\x1eI\x12\x81\xc9Zz\t\xc4OQ\xe7\xf3C-\x82,\x8c\xf4'</t>
  </si>
  <si>
    <t>b'*\xcd\xfb&lt;5\x8a\xa5\xdb\x08\x1d\xa5\n\x89\xb2\x8dH\xd0\xf7&gt;\xfapyY\r\xd9\xe8\x84\xce\x13\xab\xa66'</t>
  </si>
  <si>
    <t>b'\x06\xbe\xf6vQD\xab\x90\x16\xb6\xf0\x02\xa3\xa4\x1dMf\xa8\xc3T\xec\x93\xc3\xb1\x8fl\xd4\xf4*=g\xe3'</t>
  </si>
  <si>
    <t>b'\xfc\xa3\xe5\r\xbc\x95\xe0\x98\xec\xb5;\x8d\x1c-\xea\r\xdf\xa93\x93g\x15S\xbci\x01\xceGt\x0f\xcab'</t>
  </si>
  <si>
    <t>b'\xb4\xd9\xa7/\xa4^\x87\xf7\xa7\x0e\x15*\x0e\xc4\x86\x14\x91\xaeR"\x9e*k\xca\xd0J"\\S\x03\xcb!'</t>
  </si>
  <si>
    <t>b')\xa5\xc5\x88\xd4\xb9,\xab\xeb\xfa\xaf}\xb5\xf2k\x1b\x08\xe8\xb6O\x1e\xc6U\xbe\xa4\x99\xdd\xc6\xbe\xf1\xd8\xab'</t>
  </si>
  <si>
    <t>b'b\x84\x94@\\KB\xee\x02[x\r2\xa4\x9e\xe2\x07\xf9|r\xc9\x12\x1a\x84eAa2f\xc9`!'</t>
  </si>
  <si>
    <t>b'4\xbd\x03\t\xdb\xfc\xdco4\xaf\xcf\xc1\xc4\xab\x15\xa2\t[\x1d\xe6/\x80\xe48\xf14\xb6\xd7\xb5\x1fi\x92'</t>
  </si>
  <si>
    <t>b'tt\xd1(U\xa3\xa9\x05-\xee\x8eo\x8dK\xd4\xd7\xf5\x81 \xfc\x03\xc9\xa5\x9b\xdc\n\xf6j\xa0\xbcTz'</t>
  </si>
  <si>
    <t>b'\xb2\xb01\xb8\x11\xb8T\x0f*\xd0=R\x95\x8eT@/\xe9:\xd6\xcbc\xf9|&lt;\xa9\xdb\xbaK\x88/\xed'</t>
  </si>
  <si>
    <t>b'\x0bT\x81\xacq\xb2\xa4a\x84/u\xa8\xc1\xbf\x9dg\xb6\xc3O~\xef\xaa\xafL\xe1DD\x14=\x17\xf1\xcf'</t>
  </si>
  <si>
    <t>b'h\xd5\xe7V\x0c\xcd\xe4\xc6\xdfx\xd7\xc1)^\xc2\xb3\xf3\xa2\x95\x98\xbd\x05.Cv\xda\xdf3;\xdb`$'</t>
  </si>
  <si>
    <t>b'!\xfedf\xd9q\xed\xa2`\xb8\x84\x96p@\xc0g\xd7\x10\xe4\xb7\x17\xbf|\x9a\n\x9a\n\xf5A\x02\x80\x05'</t>
  </si>
  <si>
    <t>b'Eyxo\xf1\xa0\xa0\xdd%\x80B\x9f\xab\xc7V\x19\xab\n\xa2?+\xff\xb5\xaf3\xe5\x90W\x02\xa4\xee\x97'</t>
  </si>
  <si>
    <t>b'8x\x07\xcc\xa1\x95\x7f\xa9\xb9P\xd4\xec\xd2R\x1a_i_/\xd4Rgl[\xe1Eo\x04M%W\x1b'</t>
  </si>
  <si>
    <t>Debt Consolidation/Improvement</t>
  </si>
  <si>
    <t>b'9\xd2}\x15CK$\x96\xf2R}\xb3N3\xe5 z\x94\xc1\xcb\xc1\x8f\x97\xb7g\xfb\xf8\xef\xacLg\x0c'</t>
  </si>
  <si>
    <t>b'l{B\x9a\xe9\x19\x14\xff\x05kd\xd6A\xc0\xfa\x8c\xc7\xd8\x19[\xf2\xd5B\x93R\xecj\xfd\xac\x1bF\xe6'</t>
  </si>
  <si>
    <t>b'\xae\x9cL\x95\xfb\x01\x03=\x93\x96\x11}\xee`\xcf\x81\xd0\x8f\x82s*f\x88e\xfcAS\x99]\xd6\x14\xe5'</t>
  </si>
  <si>
    <t>b"\x8e\t\x9a\xc0\xad\x0c\xbb5\xee\xf1bH\x16\x80\x11\xc36\x85n\xa7\xa2\xad`,\xbf3W|\xc4'\x93\xa6"</t>
  </si>
  <si>
    <t>b'P"\x9fbL\x15\x14\xdel\x0b\r\xe3ScZ\xed\x9e\xfe\x9d\x87B6\xbe\xf8\xc2\xaaN\xb1\x89\xedX\x83'</t>
  </si>
  <si>
    <t>b'\x07\xb6\xb7\x80\xdb\xdb\x8bno\x0b\xf3s\xbd^:\xdd\xee\xe5"\xe8\x9b\xfd\xdc^6D\xfekS\xfeVt'</t>
  </si>
  <si>
    <t>b'b\x83\x9e"0\x11b\x9d\xf6p7Q\x8emq\t\xf2\xac\x1a\t\xfa\x1e`\x88\xca$O\xdfT\x8b\x96\x0c'</t>
  </si>
  <si>
    <t>b't\xa1WJSA6\xb3\x97\xc2=\x04\x01\xd7gh;\xfbB\x07p\xe2\x7f\xce\xcf\xa50\xe3\t\x98\xb9\x13'</t>
  </si>
  <si>
    <t>b'\xf5\xae\x0e\x17C\x8e\xe4\x83\xef\xee%n\x88%\xfc2Te\x07K\x18t\xd8\x06\x9d#E8\x18B\x9a\x87'</t>
  </si>
  <si>
    <t>b'\xf41\x94q]ZTd\xa5\x9c!\x1a:\xb8\x83o\x0f\xcb\xc8u\xd3$\xdd\xf3f\x0e\xfa?\xe7\x9b\xab\xfb'</t>
  </si>
  <si>
    <t>Convention travel and lodging</t>
  </si>
  <si>
    <t>b'3\x95\xc6\xc2O\x8b\xbb\xff^\xeaL\x89\t\x97\xb2K\xc5\xaa\xa0\x14\xed\xda8J\xc7\x055\xeb\xd3,\xb8F'</t>
  </si>
  <si>
    <t>Product Photo Business Equipment</t>
  </si>
  <si>
    <t>b'\xd0\x9ev\xf8\xe7\x13\xa7\xb8\x89\x8c\x16xM\x14\xa6,|\xa1\xcc\x89\xb5\x00%\xd9qc\xd4\x91\xedw\xbb\r'</t>
  </si>
  <si>
    <t>b'a\xe5\x0fZw\xaa\x963\xb7\x87\xe3\xdc\xb3&amp;S\x90\x01X\x14\xfa9\x99\xb0.\x90b\xab9\xcb\x8f\x8cn'</t>
  </si>
  <si>
    <t>credit card payment s</t>
  </si>
  <si>
    <t>b'\xce\xdf\tf\x0b\x1c\x8e\x8aP\xa7\xde\x10\xcc\xc6TDG\x9e:\x80\xd4|\xe0\x1a!\xb22\x9d\xea\xe5P\xa2'</t>
  </si>
  <si>
    <t>Pool Vacum</t>
  </si>
  <si>
    <t>b'\xf4\nM\x1c\xe4\xef\t\x10\x93\xbc\x88\xcb\r\xb6}\xcb\xa3\xc4\xd8L\x0c\x82\xe2\x1aNCk\xd9\xe4\xdaE\x9d'</t>
  </si>
  <si>
    <t>I've Lost Interest in High Interest</t>
  </si>
  <si>
    <t>b'[X3\xa3\xfd\xd4\xa2\\\'\xffg\x121("\xd7M\x85@]\x8b\x8b\x1f\xfc\x88\xe39\x02\xa3.;\xc8'</t>
  </si>
  <si>
    <t>b'\x97\t\xbb\xd9\xd31\xaeh&amp;\xb1t\x9d\xe6\x0ch\x9e\x01B\x91\x89\x8e\xf1\x06\xfe\xf4\x1fl\xae\xf2CW\xdb'</t>
  </si>
  <si>
    <t>b'\xac\xb1\r\x05+0\x12X\x80\xc3\xc8NL\xa0\x05\xef\xc1\xe7\x1e\x87T\xf7i\xf4\x1b\xb1\x0e\xaf_\x95\xccg'</t>
  </si>
  <si>
    <t>b"\xd2\xf8\ti\xd6k\xa7D\xa6g\x04\xbc\xdf\xf5W\xa6\x10\xf4'\xa3\xbeC\xb1\xb3\xa9u\xa1:J[\x8c\xff"</t>
  </si>
  <si>
    <t>b'\xb1\x97\x1e\xce\x0b\xb7_!\xed\x8f\xc4\xda\x1e4L$\x9d6\x81_\x97l\x8f\xd7\xb4AYw\xd2\x87\xb3\xcc'</t>
  </si>
  <si>
    <t>b'U\xe9\x94\n\xee\xab\xf1Kj\xe7\x1c\xd1\xe4\xf2a\xc7\xe6\xe6O\x8dV|3m\x14\xfd5\x94\x84\xbeK\xaa'</t>
  </si>
  <si>
    <t>Money for ME</t>
  </si>
  <si>
    <t>b'\xe0En\xb7B\xc1}c\xeb\n\x03\x19@o\x14\xe4\xadMr\xa4@\xf5\xb4e\xf3\xd8\x84\x80F\xb8*\xa2'</t>
  </si>
  <si>
    <t>b'u~\x8d\x05\x9d\x922\xcb\x8d}\x9a(\xb3\xfb[D\xfc\xde\x1b\xc6\xc0u\x8cSY\xd9\x82#=\xc3\xd7j'</t>
  </si>
  <si>
    <t>Money Saving Loan</t>
  </si>
  <si>
    <t>b'/\x9f\x93\xaf\xd9\x01\xc5\x17FrtGN"\x18\xcd\xf5K\x80\xad\xd4e\x8f\xfa\xc0OoI\xa4&gt;\xc3t'</t>
  </si>
  <si>
    <t>misc improvements</t>
  </si>
  <si>
    <t>b'\x9er\xd6\x83\x08\x02\x00pu\xb5O\x9a\x8a\x9f~\xbfd\x0f\x15\xf8D\xad%@\x7f\xea,S\xcd\xfcU\xd1'</t>
  </si>
  <si>
    <t>Home remodeling</t>
  </si>
  <si>
    <t>b'\x8ad0{i\xdc)\xc4J\xad\xdd\xccQl\x8bi#\xbd\xff\xc4\xb9\xefn\xe8\xf2\x9eDy\xbf\x82\xe8\xab'</t>
  </si>
  <si>
    <t>b'\xe6,Iu#\xce\x84\xfc\x1b\x00"\x95\xcf\xe50\x94b\xc4\n\x9e\xbb|\x87\xcedOo\x90h\xa7\xd3-'</t>
  </si>
  <si>
    <t>b'\xa0\xc4\x83\xfd 3D.\xf8T\x1f\xf9_\xbaP\x1e\xea\xee3\xc4\xb0\xea\x84`t\x0b\x80\xae\x00?\xc4\xe9'</t>
  </si>
  <si>
    <t>b'if\x9ef\xdf\xc8\xcb\x17\x85\x9dp&lt;\x03y\xe3\x84b\x1d\xb9J\xd6p\x9bh\r\xdcN)Y\x10\xb9\xb0'</t>
  </si>
  <si>
    <t>b"\x9a\x11\xb7\x1d\xf5\x04\x92\xc1'\x07\xc1\x7f\x1c%\xe2\x94\xad\x18\x9f\xc5\x02&lt;\xd5\xefZ5T\xbf\xe1q|\xed"</t>
  </si>
  <si>
    <t>b'P\xfd\x17/lr\xe9v\x89\xf6\xef\xe9\x04\xc9\xf5\tqr\x1cy\xb18\x93_c\x16;\xc7M\xe59&lt;'</t>
  </si>
  <si>
    <t>b'&lt;\x1fRdMr\x91G\x14;\n\xea*Z\x19&amp;\x84\xa3_7J\x05Yg/\x83\xd8\x07\xfd|7c'</t>
  </si>
  <si>
    <t>b'\x05\\\x1d!\x13\x944y\x81\xa8\x01\xbbI\xb80\x98`\xc9\xa3\xf1\xc5\x12L\x9cG\xe4\xf7\xd1$\xc2\xcei'</t>
  </si>
  <si>
    <t>b'6\xad\xdc;\xd8\xe0K\x9c\xb0\x84\xba\x84sf\x8d\xbf\xa3\x96\x7f\x8b\xaa7\xf6\xa3\xd3\xbc\xae%\xb7\x16|t'</t>
  </si>
  <si>
    <t>Amex b gone</t>
  </si>
  <si>
    <t>b'\xefl\x98S\xb5_6i\xc6$\x80\xea\xd0\x1f\x9a\x12\xb4\xab\xf8\x9f]\x08#z\xe8\xfaL\xa6\xb0\xe8\x1eU'</t>
  </si>
  <si>
    <t>Doggie Debt</t>
  </si>
  <si>
    <t>b"\x99\xe2\x9f\xe7\xd5g\xa1\xbb\xc8\xc1'\xe0\xd9\xdf\x1djL\xebj\xd0xsB\xd7\x8es\x95WO\xab\xcc\xfe"</t>
  </si>
  <si>
    <t>b'\x0c,\x0bdL-/W\xd88\xa5FD\x16P|Q\xeb\xbc5\xd8\xe4\x80\x9b$\x80\xf6Zt\x85\x19a'</t>
  </si>
  <si>
    <t>Debt Payoff Loan</t>
  </si>
  <si>
    <t>b'\x1bP\xbe\x84\x997Vi\xd1eB\xaf\xe1\xa6]\t\xde\x95\xaez5O\x17\xfch\xcdbS\xa2\xe8&amp;\xe3'</t>
  </si>
  <si>
    <t>VACATION TIME</t>
  </si>
  <si>
    <t>b'\x8f!\xab\x93\x92\xfc\x97\x8ej\x17\xcc\xfd\xdd\xfb\xf5\x82\x99\x18\x17E\x11\xc9\x03\x7f\x19j\xf3\xe2\x1dn\x97\xb9'</t>
  </si>
  <si>
    <t>b'u\x13\x04\xa6\xcd\xcb\x9fB\xc6\x1b\x8d\x87\xf9\xfd9\x1e\xc7\x9d\xc7\xba\x8aZ&gt;d]bEC\x8d\xbd\xb4\xfc'</t>
  </si>
  <si>
    <t>b'\x11\xcd\xf4\xc2\x1bw\xa8\xa9\xf6\x14c\x83\x0e\xe6[\x9f7M\x9a9x\xd2%w\xf5\x0c\xc9\x87l\xbeFU'</t>
  </si>
  <si>
    <t>paying off credit card debt</t>
  </si>
  <si>
    <t>b'\xd2X\xf8\xd3\x84\x8bk\x1a\xe8\xe4\x95\xca\xfa|\xb9\x01@4\x0b=\xb9\x00$\xa3\x0e\xc0\xf7\xe2\x07\xc8\xbb\xb6'</t>
  </si>
  <si>
    <t>b'NT\xb9$\xcb{\xbd\xeb\x04o{[\x147\x8bb\x0b2\x0f\x1c\xa4&amp;W\xc5\x81~\xf0f\x83&lt;\x86t'</t>
  </si>
  <si>
    <t>b':\x82;(f\x94\xafM\xdb58T\xdd\xc8\xc9\xf5!\x9e\xc1Pk\x85q\xed\xa1\x1a\x90\xc6[-!\xca'</t>
  </si>
  <si>
    <t>b'Z\xbet/\x01\x1c\xa2\x8c\x16\x7f\t\xe9r\x87\x94;N\xfd\xa4`\xd0\xae\xf9\x83*z\n\xc1o\x88\x06\x97'</t>
  </si>
  <si>
    <t>b'G\xde\xb0\xda\x8e\x82"v:\xdd\xbf\x8d\x80\xb6\x00r\x8b#\xc0R\xa7\xfc\xc0\xe1E\xc1V\x88\x93\xfb\x08\n'</t>
  </si>
  <si>
    <t>b'\xd6\xa1\xd6\xaf\xbd\xbbDs+f\xb0}\x0c\xc0\x8c\xbd\xc8\xd9|9\xddi\xba\xcd1\x1d/\xd6\x070 \x0c'</t>
  </si>
  <si>
    <t>b'T\xbc\x803r\x8b\x93\xb5F\xab%d\x86\xbeq-F\xee\xa4k\xe0[gc_\x82\x06\x1f\xcf\x04\xe2!'</t>
  </si>
  <si>
    <t>Third time's the charm</t>
  </si>
  <si>
    <t>b'\xa1*c\xcb\xec\x83\x01\x93\xb0\x92\x11d\xb2b\xd9\x15\xc5B\xdf\x9e\x10t`\xfa\xd6\x05\xd9\rcL\\\xad'</t>
  </si>
  <si>
    <t>Business capital</t>
  </si>
  <si>
    <t>b'\xfe\xb0\x01E\x96R@&lt;j\x15\xab\rj\xda\xb1\xc4\x1c\x18\x1b."\xa7\xe47\x83\xf2\xbd\xb2\xa1@\xed\xbc'</t>
  </si>
  <si>
    <t>b'\x97\xc2\x99\x19&amp;z\xb3\x85\xdb3&lt;xr\xcf\xf4A\xb4\x11\x1c\xcaay\xa8\x0f\x9e=\x95k\xb1\x07\xb9$'</t>
  </si>
  <si>
    <t>b'5\xc4Y\x86\xec\x82\xb8\x9c\xc1\x01\xed!\xbf\x89`\xf3A\xa0w\xe7J\xb8\xd6s\x95\x15\x0f\xcf\x14\x10\xbfi'</t>
  </si>
  <si>
    <t>b'\xeb,\x89)\xb9\xf2p\xed\x1a\x03\xb4\xee\xa5KS\xf1Y\x93\x93\x94\x9e\xd3J\x11\xf1\x04\n\x98K\xc5\x8e\xeb'</t>
  </si>
  <si>
    <t xml:space="preserve">Debt freedom I have a plan 2 owe no man </t>
  </si>
  <si>
    <t>b'W\xb4\xc9Wd\xd2\xcc4\xab1\xb0dN\x1fw\xf5\x00\xae\xec_r\xe9\n\x93}\x05\x12jh\x8c\x02\xf5'</t>
  </si>
  <si>
    <t>b'\xb2w\xb9\x8c;;\nIl\x11P\x9bB\xdc\x0f\xbe\n\x8c\x1869\xf0i`\x0c\x16*\n\x87:\xee\x9d'</t>
  </si>
  <si>
    <t>b'\xea\xb0\xce\x85\xf4\xa4\xda\x8b\x11\xfcd\xd2[\xf1\xfe\xbe\xa6\x8c1\x05\xdbjw\x0b\xa2\xe3\x14\x03D\x02)\xa3'</t>
  </si>
  <si>
    <t>b'\x98:\xa4 \xea\xd3\xca\x8eD+\xad_\xe6a\xe1+(j\xd6\xfeV{C.\x95\x97x\xbd\xc0\xc0,&lt;'</t>
  </si>
  <si>
    <t>b'C@\x1c\x11\xbf\x12S,\x8d\x0b4\x13\xb0\xd1\xc9hAE\x18\xda\xc2\r\x80\xa8l.\xd5oNgw('</t>
  </si>
  <si>
    <t>b'\x8d\xe9^\xaf\xaf\xd1SNv\xc7\xa5P\xaa\xc0rHkM\x00Ap}\x9eI\xddVe\x98\xd0\xf5a\x0f'</t>
  </si>
  <si>
    <t>Debit Consolidation Loan</t>
  </si>
  <si>
    <t>b"z\xde\xe9\xc2\x01\x1c\xca\x02\xea\xe7sx\xbd\x0cS)4\xc1L'\xd2\xe9\x00\x8d\x9d1\xec%~X\xa2\xc6"</t>
  </si>
  <si>
    <t>b'\xf9\n]\x7fo\xde\xdd{\x93\xe4jL\x94\xebo\xeb\xe9\xbc\x9c\xf4)\x84}\xbc\xd0\xa0H\x95&lt;A\x03&gt;'</t>
  </si>
  <si>
    <t>b';\x0f\xfc-8\xb1w)\x0c\xd3\xbd\x8f(\x96\x96z/M\xd2\x87\xe7X\xd1a`\x99\xddVJ\xcc\x1ao'</t>
  </si>
  <si>
    <t>b'\xac|w7\xae3/F\x8a0\x1a=\x8fu\xaf\xbd\t\xa3\xa6\xf2\xe78e\xe8e\x8bS\t\xb4\x8c\x8a\x05'</t>
  </si>
  <si>
    <t xml:space="preserve">Medical </t>
  </si>
  <si>
    <t>b"\\\xf6wg \xec\xf8D'\x92\xd8tU\x1d\xd8I\xe6\xc3\x1d\xc6\x1f!GJ-Vg\x95V\x90*Y"</t>
  </si>
  <si>
    <t>b'A\x10\xec\xc1\xb2\xdeU\x9d\xb6\x12&gt;\x8cI\xe5\xd9\xac\xde\r\xf5\xe2EB\x00\xe4\xc0@A\xb9\xf5\xbc\nZ'</t>
  </si>
  <si>
    <t>b'0\xa9[\x856\x8d\x7f\xf1\xab\xd1\xd1W\xda\xbbW\xe3h\x12\xf2a"99\x04\xab~\x9b\xdaId\x08\x0f'</t>
  </si>
  <si>
    <t>b'\x830\xe5q\x93\xd2G\x04\xb2mu42J\x9c\xddy\x7f\x8d\xeb*\xff}MJ\xdd\xacu\xd7\x85K\x1f'</t>
  </si>
  <si>
    <t>Unexpected Move / Debt Consolidation</t>
  </si>
  <si>
    <t>b"\x8a\x12;C\x89a\x89\xfd'6}\xcb`\x81f#\xafU\xfaN\x1dT\x9c\x85}\x0c\xd4\x9d:\x0f\xd3\xfe"</t>
  </si>
  <si>
    <t>b'\xd6g\x95\x00Jj\xf8\xf0\xf8k7\xaa!k]g\x86O\x0f\xa8\x9b\x0bT\x1cYeJ\xb4\xf6\x85\x8ag'</t>
  </si>
  <si>
    <t>CC Pay-Off</t>
  </si>
  <si>
    <t>b'\x0clp\xab\xde}\xea\xc0\xcdi\x17\x06\xb8\xe0\rd\xda\xae&amp;\xba7\xe0\xe4\xbc\x16JA\x90\xf3\x8f\x80\xa2'</t>
  </si>
  <si>
    <t>b'!5\x8e\x8d\xc0\x90\xd6\xb9\x01?(\x1av\x7f\x06\xc9\xa5\x94S\xdd\x05\x99l\xa1\xca\ru\xb7\xbe\xde\x82\x95'</t>
  </si>
  <si>
    <t>pound of flesh</t>
  </si>
  <si>
    <t>b'\xdew^\x1c\x96!ZEn\xf5\xb7\x87\r\x94\xe1%$\x0f\x97\xbdu\xab\r-~\x8eh\x81\x8c \xfc\x1a'</t>
  </si>
  <si>
    <t>b"\xc9e\xaf:\xd0\x17k\xd8\xba6u6\x97\x8d\x02\x12\x02\x10#C'\xf5\x11vQ\xf6T\x00\x13\xec}\x95"</t>
  </si>
  <si>
    <t>b'\xf5\x14/|\x98\xb8\xfdrK|\x15\x87Aen\x96\x1fY\xef\x14\xdc0J\xba\xc2Fs\x91\xae\xcd\xb5\xaf'</t>
  </si>
  <si>
    <t>Credit Cards will be under control</t>
  </si>
  <si>
    <t>b'\x88\xf6\xc94/Y\xe8,\x89\x9b\xcd\xe2\xd7\xba\x80&amp;8A\xdb\xdd\x84\x7f\x99\xc5\xe1s;a=\xd26\x9a'</t>
  </si>
  <si>
    <t>b'\xdb+k\x04\x90\x1e\x0eF\xafRV\xa9{\x00\x9b\xce\xc5:{\xb1\xf1\xa3%\x9f\x10\xf2\x04\xbe\x8b\x13\xb62'</t>
  </si>
  <si>
    <t>Work loan</t>
  </si>
  <si>
    <t>b'f\xd1\xfa^)\x9bedc5\xd3\xc7\xa7"\x1d\xc5\xdfs\x9e\x12[h\xaf\x83\xb8\xfa\t\x01\xbeu\xfcf'</t>
  </si>
  <si>
    <t>The "Debt Payoff"</t>
  </si>
  <si>
    <t>b'\x19\xc9w\x94(\x9e\x04jqy..s\x95\xb9\xda\xc9\xf5\x7fm\x08\x01H\xd4\xc1\xd8\xbe\xc8sg+\xc1'</t>
  </si>
  <si>
    <t>b'g\xa9\xedhY.)\x9a\xb2\xd7Gn\t\xa8\xd0\xbd9\x12w\x06\xa0\xc1r\x12\xbc\xabJr\xe1f1Z'</t>
  </si>
  <si>
    <t>b'\xc1n\xf0L\xfe\xcb\xe6L\xad\xd17\x1ds\xeao\xc7\x94\xdf?{"\x8f|\xcb#a\x97\x0b\x0b\x91\xffH'</t>
  </si>
  <si>
    <t>Honda Car</t>
  </si>
  <si>
    <t>b'\xab\x04wl\x06\xc6\x0c\x82,\t_\xf1\x82:\xd3U[\xf5\n\xc5!\xc9\xe9\xb8A\xfdA\xf0\x98\x13\xc3\x92'</t>
  </si>
  <si>
    <t>b'\xe7\x00\xc6\xc9\x14}r&amp;\x08\xeef^0[\x93W\x16s\xce\x17\x93\xbd\xfaN\xa4\xdc\xa0\x84\x93\xbe\xc0\x08'</t>
  </si>
  <si>
    <t>b'\x1b^\xf3\x8aB%\xc9BW\xc3&lt;\x11r\xd9\xb3\xa3o9N\x99:\xb9A\xcf\x91J\x82\x11\x9dC\xff8'</t>
  </si>
  <si>
    <t>b'm\x88\x00\xd5\xef{G}\x85\x94\x91\x17\xbc\x973h\xe8\xf6\xf2\xf2\xe0uR\xcf\xf3\x89\x07#\xdf\xf5\xc3\\'</t>
  </si>
  <si>
    <t>b'\xca\x16\xfd\x7f.aEG\xe0\xe9l\xa2\xe3\xf5uw\x06A\xc5\x98\x06\xa58N\xe6\xe0m\x9b(\xf8\x8b\x92'</t>
  </si>
  <si>
    <t>b'\xd8\rj\xe3o\x10=Gu\xd0\x85\xfd\xd63\xa3\xb0\x7f\xd0\x92\x81\x05\x85\xf7\xdfq\x14\xc9 M\x07i\xa8'</t>
  </si>
  <si>
    <t xml:space="preserve">LC Loan 2 </t>
  </si>
  <si>
    <t>b'\x0cSy\x1f\ri\xef\xaa\x9c\x18\x0fI\x7f\xa37\xbfx\xcd\x05\x05]&amp;w\xa9\t\xc2\xda\xb9\xe7\x8ec0'</t>
  </si>
  <si>
    <t>b'e\x93\xbb\x17\xf4\x0cpZ\xb9\xeb\xc5\xe3\x8a\x8a\x93@}\xdf\x86~\xaa\xe1\x08_h\xdf(q\xa4\xf8yv'</t>
  </si>
  <si>
    <t>b'u|\x0f\x03\r\x17R\xd3\x83j\x80g2Y\xeeHN\xd8\xe1\xc6\x19\x98\x1cI\\C\x893ve {'</t>
  </si>
  <si>
    <t>Road Way To Freedom</t>
  </si>
  <si>
    <t>b"w\x8e\xeeSeF\xc5Iu\xe7A(q\xeaA\x82\xff\xd7;'\xe6\xc3\xf5\xf8\xef\xd0(^D\xd9}+"</t>
  </si>
  <si>
    <t>b'\xca\xc5\xe9;\xaeG\xc4\xb3h\x15*B*q\x18\xca\x8d\xfd\xd8\x0c\xe8\xf5$\x16b)o\xd6\xec\xbb\x95\x0f'</t>
  </si>
  <si>
    <t>b'\xc9\xca\xac^\xf5R\xb5\x96iL"\x05#\xb1\xe1te\x9b\xa3\xd4 )\tvTl\x8d\xf8\xe0\x1c\xc8\xb9'</t>
  </si>
  <si>
    <t>b'.\xbeE\x0c\x0c\x18\xe8\x86\xdc}\x8a_\xda#\xa5\xaf\x88\xf5\xac\xa3\x15o\xe6\x94-\xc0\x12\x90\x12\xd6\x19\xb7'</t>
  </si>
  <si>
    <t>Mobile apps</t>
  </si>
  <si>
    <t>b'\xd1\x87\x16\x0f\xb7\x84\x0eF9\x90\x99&lt;\x15\xe7\x02\xb8#\x01\xa5\x94\x10\x96\x84\n\xc6\x9b\x8f\x8e\x10\x02-%'</t>
  </si>
  <si>
    <t>b'\x1a\x9a.\xae\x04e\x17|j&amp;W\xfa\xf7RC\x02\x8a\xa7\x91\xc4\xf2U~\x9b+\x8f\xf3\xd8&gt;tZ%'</t>
  </si>
  <si>
    <t>b'\xe9\xd8Z\xdf\x92\xc2\xf9{\',\xb6\xa9~\xac`E"\xc7,\x12f\x93F\x9a\x1a\xfcP\xf8\xbb\xc7&amp;\x19'</t>
  </si>
  <si>
    <t>b'kU\xbd9\x1c\xf3\xa5\xb2\x1b\x8dj-\x86\xf7cz&amp;\x03p\xc3\xd3\x9f?7\x90\xc9\xaa2\xad\xa1qn'</t>
  </si>
  <si>
    <t>b'\xd4Z\xe0\xa8\xb3e\x97AJ\x05\x90\xe80\xc2\x08\x87\x00O\x91o\x97|\xbd\x8bT\xc1\xa5\xc7\x01\x01\xfb\xac'</t>
  </si>
  <si>
    <t>b'|u8\xfd\xd8K\x82\xe5\xf2\xbf\xd3\x9a\xcf\x8am\x93\xab\xd4#\xc6@\xa1h[Oa\xa0\xb1e\xf8\x8d\xa4'</t>
  </si>
  <si>
    <t>b'X8\x83\xe7\xa8\x12?\x13\n\x01_\x0cM9\xd6\x9c\x84m\xafFl\xbaOQ0e\xe4\x1e\xd1i~B'</t>
  </si>
  <si>
    <t>lower intrest and monthly payments</t>
  </si>
  <si>
    <t>b'A\xe4\x95\xadI7z\x16gCHe\xfe\x99\xbbB\xfc\xda%\x86\xb5K,\t\xef\xdc\x99\xad\xa7\xa6\x01$'</t>
  </si>
  <si>
    <t>b'N\xd9\xc52\xf7n\xb6\xb1\xce\xcd9T\xd6o\xa0"\xe8\x82\xfd\x0e\xa0\xd0\x1e}AWu\xff\x84\'\x9f3'</t>
  </si>
  <si>
    <t>b'j,\x81\xdd\\1\t$\xd4\x9a\xc40(K\xe4v\x82\x99UO!\xef\xc2:\x12\xe6\x19/\xda\x7f\xfaa'</t>
  </si>
  <si>
    <t>b'\x12\x1d\xd3\xe2\xab\xbe\xb6\xdc\xce\xe7&amp;9\x90\x8f\xeeQ0e\x1d\xef\x0c\xd6\x19\xe3\xcdh9\xfa{\xed\xc7\x10'</t>
  </si>
  <si>
    <t>debt reduction</t>
  </si>
  <si>
    <t>b'\x9aUB[0\xca\xc3\xceq\xc8\xf8\xf4M\x02\xa5K\xcc4\xfeE\xa2r\xf7\xc2\xafp3\xafso\xb8P'</t>
  </si>
  <si>
    <t>home project</t>
  </si>
  <si>
    <t>b'\x98\x93\x10ZpE\x15\xa0\xf2\xd1\xb8m&gt;;\x19\xe8\x03:&lt;\xa5\xc8bF#\xf0\xc7Y{\xd8-Z\xbf'</t>
  </si>
  <si>
    <t>Bill payer</t>
  </si>
  <si>
    <t>b'\xdc\xbdN/\xff\x03\x86a\xbc\x00Q\rF+\xabUi\xe4\xd9\x84M\xb9\x16\xfc\xb8\x93aa\xea\x85\x8e\x9a'</t>
  </si>
  <si>
    <t>b"\xc4OBK\x85\xad&amp;$\xf7\x81j\xbb7M\xb0'g\xb0,\x9c\xe5YJW\x03AqY\xc8\xec\xa5\\"</t>
  </si>
  <si>
    <t>CreditCardDebt</t>
  </si>
  <si>
    <t>b'\x85\xc4\xac\x95\x96\xbb\xac\xb7\x00\xb9 +\xef31\x88\x02w\xc9\xb4\xcf\xc3\xf1T\x0f\x8dH\xe0\xb7MC{'</t>
  </si>
  <si>
    <t>Light at the End</t>
  </si>
  <si>
    <t>b'\xc0v\x87\x8eF\x8b\xd2,\xc4\xd4\xd1\x1eh!\x15\xac\xfb\xc5&amp;\xec7\x1d\x00cKS\xd7\x82\xb0W\x0c\r'</t>
  </si>
  <si>
    <t>b'99\xec1y\xf7Cv\x98\xf5\xa3\x02\xa4kwt]1\x17\x87\r:\x96\xe1\xd1!&lt;\x02\xbdR\xca\x82'</t>
  </si>
  <si>
    <t>b'\x1a\xf3\x00\xa3\x83\x9a|g\r(\xff\xc8\x03\xdd=\x0c\xe8\xa9\x91_L\x0f\xa5#V\xe5\x01\xb5P\xb1\xc5\x8d'</t>
  </si>
  <si>
    <t>b"\x14\xf9\xb4\xf4#p=6J\xfc\xf8\x9a\xe7P\x95'j\x89\r\x0f.Aq\x0eG\x07\xad\xb5\xd15\x86\x94"</t>
  </si>
  <si>
    <t>Personal Loan 2012</t>
  </si>
  <si>
    <t>b'K\xe7\xa5|\xf47\xf5\xf0\xec\xdby\x06:D\xe8\xc4:\xc3\x82d|\xfc\x07\xba\xa9\x87~wcrx\xc2'</t>
  </si>
  <si>
    <t>b'\xcc\x0e\xde"\xf0\xc1\xbd\xbfP\x9a\xd9JI\xa2\xabo\x19\xbeR\xe5\xeb\xa2\x08\x0c\x99\xfew\x1d\x9d\x08\xf5&gt;'</t>
  </si>
  <si>
    <t>Small business</t>
  </si>
  <si>
    <t>b'\xe6\xc1\xe1\x06Q\xdba\xbd\x9ff\x7f\\d\x03\x18\x18\xbd8g1\xd2\xf6\xe1\xfb\xa7UxkS\xa0{\xa3'</t>
  </si>
  <si>
    <t>b'\x87\xda\xdaQ\xc9N$\x1aT;=\xdc\xceU\xf3u4\xae\xcf\x01\x85\xbf\xcce\x86\xdb=\xf3\x9fD\xebM'</t>
  </si>
  <si>
    <t>b'N|\x02\xe9\xc5\x8c?v\xdfc\x15k\xd0T\xa34Ww\xf3q:x\x11\xcdqj~\xd3\xd4W\x06D'</t>
  </si>
  <si>
    <t>b'F[\xe5l\x16\xac\xca\xd0&gt;\xc9\xa9w\xc0Wp!5\xe0\xa9\xa6\x15Q\x1e}y\xd1\xfb\x1esj\x0c\x8c'</t>
  </si>
  <si>
    <t>HomeRemodel</t>
  </si>
  <si>
    <t>b'A\xe9pED&gt;v|\x8d\xb6M\xe8\x06\x83\x0f\xb8^r\xf4gr%c\xab\x1c\xb4~\xf7&lt;\xcd\xb9\xe0'</t>
  </si>
  <si>
    <t>b'F\x90\x94&lt;3\x13b1\x92\r?\x80\xd4\x8e?\x1a\xfc/\x03Q\x10\xad\xb8\xbc\xfc\xb6\xb5\xf4X\x924/'</t>
  </si>
  <si>
    <t>Credit consolidate</t>
  </si>
  <si>
    <t>b"q\xb9J\xe2_\x9f\x1b'\xd8\x89\x87g\x90\xf5\xb2\xa9A&amp;\xc0\x14\x0c\xcc\x9e\xa00\xa5\xf5\xd2`\xb6RZ"</t>
  </si>
  <si>
    <t>b'\x8c\x02x\xae\x19P\x03\x8cD\x8a.\xff\x9f\x8f\xa8\x8a\x19\xb6\x94\x19\xf5\x04Iq\x03Y\xf5J\xcbb\x88\xcb'</t>
  </si>
  <si>
    <t>Debt Payoff at Lower Rate</t>
  </si>
  <si>
    <t>b'S\xde\xaa\x8d\x8b\'\xa4K\xffLg\xb2c\x8ew\'\xd4\xb7o\x8d"\x19\xc1\xc9\x85\xcd\x8d:-\xe1"\x10'</t>
  </si>
  <si>
    <t>b'G*1\x8e)\xb44bY\n3\x99X\xee1\x80\x84\xe8\x92\xc1\xc48{\xa7r\xf5\x8cR\x05\xfcu\x9a'</t>
  </si>
  <si>
    <t>New life</t>
  </si>
  <si>
    <t>b'\xd2\x85+Cx\xf4a\x87\x13\xf8X\xa3\x8b\xe5\xb3\xaa\x97\xa5_\x14\xaa\xef\xd0\x17)\x0c\x7fg?\x19J@'</t>
  </si>
  <si>
    <t>55chevy</t>
  </si>
  <si>
    <t>b'~\x7f\x8a|\xe5\xb5\xd2\xbbi\xa2\xf1b$56\x076\xdb4\x06\nj\x94\xaai0\x1bh\xc6s\xca['</t>
  </si>
  <si>
    <t>b'\xd4\xc4B\x1a\xd2Ndl\xf3\xb1\xdc\xaa\xe8!_c\xcc\xf5Jim\x97\x7f \xc3\xd2y\xf1\x01\xeaO\x9f'</t>
  </si>
  <si>
    <t>Wedding Plans</t>
  </si>
  <si>
    <t>b'9\x9eZa\xa8\xb3\xa0\x895\x8b\xcd\xf0\x91\x01\xc5\xe7?\xe1b\x92\xe9\x82\x90\x85\xe8Yao$\x1a\xbbI'</t>
  </si>
  <si>
    <t>b'\x078j\xe6X\x16\xb2\xd5\x8e\xfa\xb9UC\x91\x95\xf5\x13t\xc5\x02\x02\x17\xc6#@\xe5\xe2\xe8O=\xba\xb0'</t>
  </si>
  <si>
    <t>b'&lt;E\x9bMd\xdf\xb7\\\xaaZA\x95u\xb5~l\xbfBYD^7K\n`\x03\x1f\x95G4\xc5\xc9'</t>
  </si>
  <si>
    <t>b'\xbf+I\xd89p7\xf4X\x82]\x02m\xbag\xa1&gt;a\xa1\xbb\xda\xd5P}\x7fG\xbd\xe7g\x9e=\x90'</t>
  </si>
  <si>
    <t>b'B\x98\xf2\xec!\x96\xadV\x8fw\x98\xd1\x8a\xc9\x97\t\x88N\x80\xf9\xfa\xc0\x05\x07g\x83a.\xdc\xbd!&lt;'</t>
  </si>
  <si>
    <t>b'\xf3\xd2m\x0b\x7fT\x16t\x07R\xb4\xfb0\xe5\x1e\x8b\xb7Q\xcd\xa5K&lt;t\xa9\x9dS\xc2\x0b\xc5\x14&gt;\xfb'</t>
  </si>
  <si>
    <t>b'_\x8a\xcf\x16\xac\xe4\x96G\xd8) \\\x97\xc4u$\xbd&gt;vpg\xe2\x04\xf7\x9f\\\xb1@\xd7O\xeb\x91'</t>
  </si>
  <si>
    <t>b'\xeb\xa4w\xd9By\xac\tf\xa7/~\x06\xd3gL\x00+\xa92T\x9b\xe0~\x19\x7f\xee\xa9\xda\x8b\x8fo'</t>
  </si>
  <si>
    <t>b'\x7f3Gm\xcb\xd1\xf7\xf9\xb7\x124\x00\xa7,\x96\xb1\xce9fB\xe9\x86\x91\x00\xbf\x12\x93\x9eM\x9aV('</t>
  </si>
  <si>
    <t>b'\xbeI\x05\x85\xaa?9\x13.\x12q\xc2\x8e\xf7\xaed\x9d\x16%\xdfc\xb7\xa7\xef\x0f\x8d\x9fo\xb9\xedQ}'</t>
  </si>
  <si>
    <t>b'l&lt;\xd7Lot\xf6L\xcbh\xec\xda\x0e\xd7]\x88\x9d\xe3i\xc3\xd5/J9\xf0\xf5\xc0\x9dV\xff\xe6V'</t>
  </si>
  <si>
    <t>Start over</t>
  </si>
  <si>
    <t>b"\x94p\xd6\xe4ak\xda\x98\xf9\x1cH+\x8c\xa2\xfc[i\xb4\xed\x17BZ',(\x17\n\xbf\x99\x03\n\xff"</t>
  </si>
  <si>
    <t>b'\xd5\x9b\x83\x19\xd2\xbaW\x91R\xcc\x1d\xaf2tt\xfa1\x91\x01\x0b\xee\x1f@\xdc}\xf0\xe33"\xbb\xa3\xec'</t>
  </si>
  <si>
    <t>b'X\x9f\xac5:\xfa\xb0\x04\xa9J$.\x9d\xb15X\xb3\xbbM\xc8\xba\xc5\x91\x1e\x9e\r\x88\x0b\xb4\t\x0b\xe0'</t>
  </si>
  <si>
    <t>b'\xae|9\xb8\x13\xea\xbd\xbe\xe4\xfb\xd1\xd5\x00rO\x1f\xb9\xcdk=i0-\x98\x93\xd8\xfdW`\xb9D\xce'</t>
  </si>
  <si>
    <t>b'W\xe0\xfd%\xf6Z\xdb\x01\x92#\x87\x10  ^H\xd1\x98\xac\xc5\xf5\xc0\xf2r\xd0\x1b\xf7B\xc7}\xdd('</t>
  </si>
  <si>
    <t>b'\x93\xac\r\x87\xae\x88\x80\x15\xd0\x89O\xe9\x18J\xcdP\xeeBT\x87\xe9\xe1\x93\xcb\xe1\xf8\x82\x92l\xad\xa2\xd8'</t>
  </si>
  <si>
    <t>b'\x0b\x9cs\xb8f\rm\xba\xb4b\x00\xa4\x13]B^N\x12x\xd9\xa1\xb4\x94_H\xb0R\xa4\xb0G\x81\x1a'</t>
  </si>
  <si>
    <t>b'\xdc\x82\x03\xcb\xcb\xde\x0b\xb2X\xdb,\x024\xb0\xa4r~\xeb\xaf\xaa\x01\x12\xee~\xc1\xc4\xd3\xd9\xefDI\xbb'</t>
  </si>
  <si>
    <t>b'\x8d&gt;\xcd\xa3\xa6\xc7\xd0\x8d\x1bU-\xd9y\xba\xe5.\xc7N\xc4&amp;\xbaB\xf3T\xb8&lt;E,\x9a=\xc5\xc8'</t>
  </si>
  <si>
    <t>b'3\x82L[y\xd5b\xac\x9f\xb6\x82\x95\xa4\xf8S\x86\x8a\xe8\xe60\xcd\x05\n\xc5=\xadcK\xcb\x89\x1cY'</t>
  </si>
  <si>
    <t>b'r\xb6\xb7\xb8\\\xee\xa9Q\xd9L\xf9\x84\x91\x8c*\xa2\x1b\x0eV\xbb\xaaP\xcd\xae\xdb&gt;\xf3\xb2\xab\xa1\x92\xdc'</t>
  </si>
  <si>
    <t>b'q"U\x1f\xa0\x17Z\xc6\xce\x93WH\x0f\x1f=\x0e\x1b\xe56QmI\xee\x99*\xdf\xf8\xf1dj\xfbr'</t>
  </si>
  <si>
    <t>b'\xb5!\xfd \xaf"\x01\xc1F\xe4\xfc\xfd@\xd0I:\xb4\x08S\x9b\xf6\x9cG\x95Z\x8cE\xeaR40\xe4'</t>
  </si>
  <si>
    <t>b'\x0b\x99\t-\xe2\xff=)"\xb0=H\x03\x8b\xe8x\xc7\xcd\xae\x16a\x9e\xfe\x86\x0c\xf2D\xab\xd7\xa0\x1d\xd8'</t>
  </si>
  <si>
    <t>b'\x85\xb7R\x9c\xec&amp;\x8bR\\\xa8J\xbco\xd0\xb6,^.\xbe\xb9\x87\xe1(\xf8\x18\x06\xf4\xef\x80u{-'</t>
  </si>
  <si>
    <t>b'\x08R1\xf5\xa6n;{\x109\xbe*a\x1b\xe5\xb1M\x1f\xd3\xecE\x17_\xa8\xbb\x1eI\x87\x89\xfe\x0b\x84'</t>
  </si>
  <si>
    <t>b'\xc2.\x10=-4)]\xe9j\xdaE,\xa2o\xf2\x14\x03z\xb0\xf21\x13\xfe\xd3\\\x905\x00\xe6\x98\xd2'</t>
  </si>
  <si>
    <t>b'\x03\xc8?I\x97\x02\xb4\x90[\xe2\x8d\xf5\xdb2*\x98\xa9\xb7\xec,\xee\x91dy\xe7lg\x96\x8e\xb2{B'</t>
  </si>
  <si>
    <t>Debt consolidation/ get a house quicker</t>
  </si>
  <si>
    <t>b':\xea\xe1\x06)h#\xe3\xee,\xd1\xe9\x8b\x8f\x17\x0b\x1e\xe3&amp;\x98z\x13\x92\xfea\x121a\xe8\x10\x8d\xdc'</t>
  </si>
  <si>
    <t>b'\x1b\xf6\xaf*\xe0\xd96\x1eo\xf0k\xbc\xb3\x7f,\xa1\xb2\x99\xff2\xfa_\xfa\xf6\xc4]\xcc\xdcw\xf3\x1ao'</t>
  </si>
  <si>
    <t>b'\xa31u\x17\xc3T\xae\xff\x02z\xa6\x18\xf7\xc9^\n\x83^\xadN\x1c\xbf\xd2s\xae\xc0\xdc\x92\xecp\x9aB'</t>
  </si>
  <si>
    <t>b'{\xfc \x0bT5N\xeb\x9c\xfd\xb50n[\xbe\xfc0\x04\x8f\x16\xd5\xac\xb4\xef\xc3=c:*5\xc0\xfe'</t>
  </si>
  <si>
    <t>b"5s+6'y\xa2~9\xf97\x81T\xa0y{\xad\x15\xd2\xe8\xe0\xfe\xbc|\xa7 \xeb\xd7\x8a\xb3a$"</t>
  </si>
  <si>
    <t>b'\xea\xba\xcck\x85;4Xc;rJ\x1a$6\xa6\xb2a\x17F\x1b=g4\x8a\x07\xca\x06\x89\xc0\x89\xc9'</t>
  </si>
  <si>
    <t>b')D\xd7\x07w\xe5t.\xe9\x88\xb6|\x97:\xcfy\xf9q\x9a\x07d\t&gt;&gt;%\xbcL\xdb\xc0\xa0*\xa7'</t>
  </si>
  <si>
    <t>b'\xdd\xdf\x86~1\rL\xfdT\xc9\xd0\x93\xfaWH[\xee\xb1H\x07 \x10AY\x96:\x1e`\x12\xc2O\xad'</t>
  </si>
  <si>
    <t>b"N\xe80\x06\x8caR\xe2\ng'\x8a\xf5\xc9\xbb#C\xb6SJ\xe3(\n\x98^\x07=\xe4\xbd\xd3\x96\xb9"</t>
  </si>
  <si>
    <t>b'0\xbe\x02\x19py\x96};\xe2\xa4\xb5\x80\xdaW+\xba\x87\xa2\x81\x9eos\x9d\xc7\x9dym\xe3\xa4\x0eY'</t>
  </si>
  <si>
    <t>b'\x9c&gt;\x82\xf3\xac\xa97\x1a~\xe2\xfbL\xcb*\xd0J\x00KZ\x16M\xcc\xe5\x14j\xf6\x80\x94~\xe9_\xba'</t>
  </si>
  <si>
    <t>b'F\xfcw-p\xfc\xe0\x1c}\xde\xf3koY\xe0\xd4\xc9\x05-:\xdb\xe5\xb2\x89\x80Vh\xd1I]u\\'</t>
  </si>
  <si>
    <t>b'\x10\x99\x1e\xdd\xe6c\xbbqs\xe6\xd4LA\x08\x93\xc7\xb7\xea\xf5\xc6\xd0\x19bO\x1c\x996j\xfd\x1f\xba"'</t>
  </si>
  <si>
    <t>b'\x9f\xdd] \x89\xd0\x06\x14\n\x93\x85\x99"\xe0\xa5\xa2\xb0\x9c\x8c\x85\xeb\xc1\x8e\xa7+\xbd\xcc\xcf\x04\xcfu\xa9'</t>
  </si>
  <si>
    <t>somemoney</t>
  </si>
  <si>
    <t>b'y\xc7\x11R\x89U\xb2B\x80`;\xc8\xee\xdc\x06\x94\xbc\x9d\xff\xee\x8f\x88\x91%\xb9\xba^\x86W\xb2\x96\x06'</t>
  </si>
  <si>
    <t>b'\xce\x05oR\xb9\xc4\xc1E\xf85\xa7\xd8\xd4\xc2\x1d.ko\xfd\xd0\x8d\x9b\xc2\xf2\x9d\xa4Z\xdb6\xf9\x89B'</t>
  </si>
  <si>
    <t>Lower My Rate Consolidation</t>
  </si>
  <si>
    <t>b'\x9d \x00\x9b\xdcn$P]$\x7f/\nEl\xcd\xc1\xf1%\xe0Y)\xb5\xe0\xd0\xfcb\xc5\x88\xb7\xba\xb9'</t>
  </si>
  <si>
    <t>b'\xc7\xf4\xc6\xc5\xfdA\xcc\x8d1Nyc\x9a\xac\x16#\x01\x03\xc1S\xd2\x9b\xf3\xec\xa4v7\x11\xd2\x8bw~'</t>
  </si>
  <si>
    <t>pay off high interest credit card</t>
  </si>
  <si>
    <t>b'?\r\xd9i\xda\xd6\n\xf1\xb0\xd7\xf4\x1c\xf3\xdf\xcbmte\x08m\xba@\x06I\xf7.\xa7[\xcf\x16\xae\xaa'</t>
  </si>
  <si>
    <t>b"\xd7\x98'|K\xb3\xfe\x96\x11\xa1\x1a\xf6\x95\xb6%N\x1e\xd5m\x8dX\xc6\xce\xf1\x833HJ\x1d`\x18\xa2"</t>
  </si>
  <si>
    <t>b'\x8c\xf6"\xc9\x8a[\x01\x94\xceX\xda\x90l\xd5\xf6\xbdd\xb6\xd8N\x0e\x93\xa9\x93\x14*h\x9eQd\xe8\xdd'</t>
  </si>
  <si>
    <t>b'q\xac\x9b[67Y\xf4\x02+)\x87\xc8\xec\xd4\x1bfyRf\xd8\xad\'\x7f\xab\xf7\x81$\xca"\x87\x1b'</t>
  </si>
  <si>
    <t>March 2013 consolidation loan</t>
  </si>
  <si>
    <t>b'*\xf9\x1b}\xd1d\x8e\x1e\xf1\x9a\xdfb\x1b\x0b\xaev|\xd0\xfe^y:\xd0\x08da\xf44&gt;\x1e\x92('</t>
  </si>
  <si>
    <t>b"5l2\xa9W\x80\xcd('F\xf0\x01\x88./\x9e\xdf\x89\xe6\x9e\xe5\xf0\xa9/\xcfDH \xfc;\xca\x0c"</t>
  </si>
  <si>
    <t>b'\xbe\x8a|\x11\xdb\xa8T\xc9\x06\xbf\xdcV\xa8\xb5B\xe3E!\x06_J\x93\x91&gt;H\xc2\xa2l\xa1a\x03\xbf'</t>
  </si>
  <si>
    <t>b'\xd1\x1a,9D\xb5\x0b\xfbC\xbc\xa9ww4/\xf8\x18\x18\x9cs\xb3\x875\x99h\xf8Y\xf1\xc2\xe6\rf'</t>
  </si>
  <si>
    <t>b'\x13-\xf9\xe7\xe0\xbe\xaauY\x1b\xa2\t\t\xe5\x05p-m\x17s\xfdo\x9a\x02a\xf0\xb9,\xbc`\xb1\xdc'</t>
  </si>
  <si>
    <t>b'\xfb\x02\x8c\r\xd9\x14\xfaK\x96*\x12Igy[\xb6\x05\xc4\xe4x\xc0\x00\xa8\x01\xd6x\xd9\xa8SUK\xfc'</t>
  </si>
  <si>
    <t>b'\x99\x1f\x93\xfa\xde\x17\xa8\xe4\xde\xbd-\xeb\xb5\xe3\xbd\xc1\xcf\xc7=\xf5\xbfn\x075\x9e\xe7%$\x0c\x04\xe7y'</t>
  </si>
  <si>
    <t>Garage / pay off credit cards</t>
  </si>
  <si>
    <t>b'\xacLhl\x91\xbd\xbdD)&amp;\x94\xdc\xca\xe57\x8e\xe1\xb8Y\xd0\xe3?\xf0\x11\x10\x08\xec\x9a\xdc\xa3)|'</t>
  </si>
  <si>
    <t>b'$r\x84\x1c\xcc\x168\x890{a[(p\x06\xd4\xdcq\x9bu\xca`\x85/\\\x91\xd5R\x06\xfc;0'</t>
  </si>
  <si>
    <t>b'yw\xbdd\x1a\x05\xee\xb6\xfe\xc0)\x8e=\x91\xf2\n]\xe2\xb7\xb1L\x010\xbd\xeeNnG\xc1\xb7\xa1\xdb'</t>
  </si>
  <si>
    <t>Slay the Amex Dragon</t>
  </si>
  <si>
    <t>b'\xa0\xef\x8d\xb7\x9bV\xf8\xca#@\x82w\xb7\xf6\xa8\xdd\x1d\xd8\xb8`\xecqZ\xd3\xb96\x03\x87\xe5k\x0c\x96'</t>
  </si>
  <si>
    <t>Cosolidate</t>
  </si>
  <si>
    <t>b'\xc6\x04\x9b\xb30\x8f\x99\x15EyYt\x11\xfch\xba}\xe3\xcb\x9a\x14\x9ae%\xe9\xec2\x81.\xc9\x18\x01'</t>
  </si>
  <si>
    <t>b'C\xab^\xfd\xc60\xab\xd6\x06|H\xe1hA\xea7\x89u\xf2\xe0U&gt;\xb7\xfc/5\xc5(\xc8)&gt;R'</t>
  </si>
  <si>
    <t>cc debt - I don't miss my payments</t>
  </si>
  <si>
    <t>b'\xe2\xce\xb9X\x04\xf0\xf4M3\x1b\x83\x1a\x7f\xe5\xd4\x0e=)\x7fg;\xbbk1\xf2BlvjU\xb4d'</t>
  </si>
  <si>
    <t>b'\xfdp@`\xd0\xeb\xe4\xca\x7f\x02\x7ff\xd0\x1b\x86\xbc8\x03\xb6\xfcHk\x94K\xb8\xca\x99\x92\x04\r\xb9\xc5'</t>
  </si>
  <si>
    <t>b'\x17\xc9\xbd\x96\x0b\xa5\xbe\\&lt;*\xf8@"\xf1\xd8\xff\xc2o\xaa~\xea/\x1e5\xa3\xc9lerb\x051'</t>
  </si>
  <si>
    <t>b'M\xdbJF5km\x9e\xd7y\xe9\xf5\xcd\xe0P\x05w\x95p\x80\xa7h\xcf95\xbc\x13\xde\xdes\xa9k'</t>
  </si>
  <si>
    <t>Make it so!!!</t>
  </si>
  <si>
    <t>b'\x89\xa2\xec2\r\x1f\x8e\xf1\x87\x05\xbd"\x1f\x85\xd8\xbf\t\xe7\xa3"\xf8\x89$b\x10\x9ah\xc9\xafTN\xed'</t>
  </si>
  <si>
    <t>Credit cards/wedding/IRS</t>
  </si>
  <si>
    <t>b'\x89\xd7\xa8\xa0\xf8\x90T\xff\x17]f\xc0\xb77\x8e\x88\xae\xbc\xca~F\xcaj\x8a\x97\xac\x8b\\\xa8&amp;xP'</t>
  </si>
  <si>
    <t>b'\xed\xd1\x19Yts\x91\xdcQs\xf3\x15$\x95[d\xe6\xb1\xad(\x94\xdb\xe3\xb1\x94\x8ec\xffO(\x00\x17'</t>
  </si>
  <si>
    <t>Consolidation Loan Loan</t>
  </si>
  <si>
    <t>b'v%\xaeIj\x1f[\xc2\xf7L\xca\x8a\xc6\xfb\xba\x18\xb6\xc8\xec{\\\xea\x05X:H+&amp;\x9cr\x12\t'</t>
  </si>
  <si>
    <t>Debt clean up</t>
  </si>
  <si>
    <t>b'*+\x94\xf1ya\x02F\x86\x05\xca\x84\xd2\xe2\xd5\xb6\x9d\xd1\x11m\xd7\xba\x93\xf2M\xbc,a\x0cX\xef\x1c'</t>
  </si>
  <si>
    <t>Time for consolidation and be debt free</t>
  </si>
  <si>
    <t>b'4\xf2y\xe9\xab\xf5YR\xe1\x17\xfb\xf8\xfc\xfa\x7f\x14r\xa9r;@*\xd3\x13\x03\x12\x84$\xdd\x15\x9c\xe4'</t>
  </si>
  <si>
    <t>Loan credit card refinance</t>
  </si>
  <si>
    <t>b'\xf4\xe4\x8f[}Fr@\xc6*u\xc8r\xd4\xbbR\x8d\xd9\xb3\xfc\x17\\\xda\xddh\t\xe5\xcc\xa8c\xef\xbc'</t>
  </si>
  <si>
    <t>b"&gt;\x82=*\xfb\x12\x0c\x826\x08\x8e'4\xae\xa7\x18D\xd5\xc5B\x9fM^\xf4&gt;ZhBv\xc2i6"</t>
  </si>
  <si>
    <t>798xx</t>
  </si>
  <si>
    <t>b'\x99\x15\x92WY-\x8d\x98L=\xa8\x95\x8e\xa5&amp;W4\x8d\xbdr\xe7ln\x02\xf2t\x80\xa4 \xc6\x1c\x15'</t>
  </si>
  <si>
    <t>b'\xa6=\x92\xf8\xc3\xed?|s+ZM9v\'\xa9\x01|\x7f\xa1\xe6\xe0R\xcbG\xff"\x90~\xc0\x05\x92'</t>
  </si>
  <si>
    <t>b'm\x9f{_X\x05h&amp;\x9f\x9f\x1d\x92\xbb!\xfe\x9b\x17.\x8f\x94\xce]\xaa\xc71 t\xc0\xa7C=b'</t>
  </si>
  <si>
    <t>404xx</t>
  </si>
  <si>
    <t>b'x\xf8\xca\xbc\xdbo\x8c\xfa\xcb\x8128\x83vL+(Hl\xa6j\x10\xe1\xf4!\x8f\x82\x19\xc2\x0f\x914'</t>
  </si>
  <si>
    <t>Used car business inventory loan</t>
  </si>
  <si>
    <t>b'\xeb\x1b\xcb\xd6=\x1aP$X\x04\x94\xc8*\x99\x9f\xa2\x16mm-sY\x16\x17\xbb\xd3\xc1_|\xe3Y\xa6'</t>
  </si>
  <si>
    <t>b'\xbd\xee\x7f\xa9\xf1\xc7L\xbc\x95\x88\xf8j2;\xff\x9fv&amp;\n4\x9d\x8c\x0e\xcd.)i:\xab\x8en\xfa'</t>
  </si>
  <si>
    <t>b'\x1e\x0b\xf5\xbb\xb4\xf0\xdd\x9d\x8c\xd9\x17\r\x7f\x9a\x87\x18 M\xa6]t[\xdft.\x1e\x9d1\xd9\xc9\xab\x8c'</t>
  </si>
  <si>
    <t>b'\xa2DG2\x8d\xf5\xff*\xed8\x9e\xd0\xab.\r0\x13Q(&lt;\x97O\xca\x16q\xe0\x87T\x11A\xd8\x99'</t>
  </si>
  <si>
    <t>b'\xe1\xe8\x9b\xc3\xc1h"\x06\xa4\xff\xe7\xccO\xed!\\\xed\x00UI\x16@q\x80Y*\xc2\xec\xc7]\xea\xc1'</t>
  </si>
  <si>
    <t>debt overhaul</t>
  </si>
  <si>
    <t>b'\x83L\xc3\xa4\xed\xe7\x13\xa1\x99\x87\x1b\x02\xb1i\xaa\x90@`\x83\xea\xd0\x19I\xd2\xcb\xca\\\xb9\xbd|"\x8c'</t>
  </si>
  <si>
    <t>b'\x87\xef\xd6\xd1rT_\xf7\xa0\x0e}f%~\xdb\x81\x05\xd3\xab\x94|\x11\x13]\xd9\x14\xfe_x\x0c\x02z'</t>
  </si>
  <si>
    <t>b'\x81\x04EF\x9e\xd7[D5\xfev\xc6\x13\xe4\xa8i\xf1\xf7;B\xf5\xc73\xc5\xca\x9cA\xe34\x96\xdd\xc9'</t>
  </si>
  <si>
    <t>b'\x0c\xe1j\xba1\xfeE\x82\xebL%\x92\xcfC\xb4\xf7\x8c\xcc\x1a\x94\xf0\xd1j\xdf\xd3f\xc2\x85{9\xbf\x81'</t>
  </si>
  <si>
    <t>b'\x068\xb4\xfeh\xe53\xb3\xac\xaa\xc2\xc9\x0c\xf1\xe3\x03\x92\xaa\xd4\x0b\xe0\xa29\x15x\xad\xd2\x15f-E)'</t>
  </si>
  <si>
    <t>newstart</t>
  </si>
  <si>
    <t>b'\xc0U1\x90v\x92\x9a\xc3\x18\xc2\xb3\xe9\xf9)\x8f[\xa3!_e\x13\xb1{\x07z\x13\x187\x1b\xfc[\xcb'</t>
  </si>
  <si>
    <t>b'(\x8e\xa2/\xc0\xdbgv\xa7\x02t)\xb6n;\xc9\x95?\xcf@\xa6T$M\x00\x87T\x1b9\x1b\xdf\x90'</t>
  </si>
  <si>
    <t>b'\x0f\xdf\xcd\xb0\xc4?\xc7\x9b+\xc1\xd57\x1d+\xa8+N\xac/\xe5D\x86\xf8\xf1m\xb6\xc4\xe0\xcd\xc9#R'</t>
  </si>
  <si>
    <t>b'\x03\x03\xd0k\xf6\x0f]I\xa2\xd4\x97IO\xf4P\xfb\xc5\x92\xad[\xe1q\x12\xec"\xed]\xec\xe5\xff\xcb&amp;'</t>
  </si>
  <si>
    <t>Consolidation depts</t>
  </si>
  <si>
    <t>b'\x99\xa8\xcd\x8f\xbb\xc7b\x81\xa9{\x90.\xe7\x8a\xcf\xcd\xee\x95_\x04\x91+e-\xc5\xa8\xf0\xaaA(*\xf0'</t>
  </si>
  <si>
    <t>Consolidations</t>
  </si>
  <si>
    <t>b'\x87$\x1do\xc2l\x87cp\xaf\x82\xa5\xc9\xb7\x84\x10e\x84\xdeBO\x15\x1f\xa7\xa6\xa52KG\xba{\x9b'</t>
  </si>
  <si>
    <t>b'\xee\xa9\xef\xdcP\xf6\x14\xd6\x00\x97hD\xcab\x11\x940&amp;\xb1u~\xf1=:\xc0l\x900/\x15\xd2\xe4'</t>
  </si>
  <si>
    <t>b'\xd9\x14\x95:ZR\x8e\xb0\x8f\xf8=P\xea\xd1\xa56\x02.\xa2\xfc\xb8\x91\x8a%1\xcc\x15\x1d\xee&amp;\xb95'</t>
  </si>
  <si>
    <t>b'\xdaX$i\x91:?\xa1N\x8fs\xee\\\x82/S\xd0f\x1f\xc9~\xa3\xd8p\xd5\xac\xfa\xc9\xe1r~M'</t>
  </si>
  <si>
    <t>b'\x02\xc1T&lt;\xe8\xc8\x8e\x9c\xc5lI\x93D\xcbJ\xec\xe5\x0c\x1f]\x9b\x9f\x90@x\x15@\x13V\xcb\x82\xa9'</t>
  </si>
  <si>
    <t>b')\x91Oa\xad\xf2\xadZ\xcf\xf8\x80\xf5\xa1\xabj\x11\x85gU\x9f\xceL\x02\xc0\x17I\xc2\xf1\x9df\xe8\xac'</t>
  </si>
  <si>
    <t>b'\xb5\x8f\xb8_\xfa\xf6Q\x9e\xf1\xf2\xd6\xd1\xc6\x83`\xe0\xc8\xe2Ii\xady\x15\x1cU\xe5a\xfctpr\xe7'</t>
  </si>
  <si>
    <t>private party vehicle purchase</t>
  </si>
  <si>
    <t>b'd\x83\xca\xa6R\xfd\xc4:\x0f\x0cC\xf6\xc6&amp;\x96*}\x8c\x06\xb2\x00\xe5\xaa\xa7F$9u\x01\xa5-\xa0'</t>
  </si>
  <si>
    <t>Daniels Defense</t>
  </si>
  <si>
    <t>b';\xaec\x8d\xd2\xb1e\xce\x0f!\xef\xf3?\xf0(\xbb\xcc\xf2L\x13k\x7fN"O(t\xeeQ\xadT\x85'</t>
  </si>
  <si>
    <t>Gun purchase</t>
  </si>
  <si>
    <t>b'\xd0\xcb\x82\x93\x8c&amp;\x95\xb2\x8f{`\x9c\xbb6\x9e\xe5\x83\x1c\x9e\xedy\xcan\xd3\xb1\xc9\x0b|\x1a\x1b\xbdQ'</t>
  </si>
  <si>
    <t>Redistribution</t>
  </si>
  <si>
    <t>b'&amp;\xc52%\x06{]v\t\x8f\xbe\xe4+*\x1f\xf9\xa9m\xc6\xa6\n\x13\x8a\xda\x12\xef^\x1b\x96\xc8\xd7\x0b'</t>
  </si>
  <si>
    <t>b'\xea.\x16\xe0)\x9fQ\xe6m|\x17\xd78h\xab\x13\xd8\xfed(\xae\x96\x1f\x18\x83\xdf\xe5\\\xf0\x98\xf3\xb4'</t>
  </si>
  <si>
    <t>Medical Bill</t>
  </si>
  <si>
    <t>b'\x9cz\xe9\xc5:5\x80\xf6\xd5|\x92o_\x85\xb9\xbc\\\xb1*\x83\x0b\x92\xeb\xc6\xc4\xe4Z\xc64j\xc6\xfd'</t>
  </si>
  <si>
    <t>b'\x9f)\x0f\xba\xc6\xf7\x81\x93\x05\x97u\x94Zm\xdb|\xe2\xc3\xebr\xfc\x81\x9dSPn\x19\x11\x84\xee\xe1\xf3'</t>
  </si>
  <si>
    <t>vacation loan</t>
  </si>
  <si>
    <t>b'T\x9e\xacI1H\x8a\x80\xae\xa4\xfa\xaa$\x89Y\x93RJz\xf5\xd1]\xc0\x01\xab\x9d\xb0\xb4\x99\x19Ov'</t>
  </si>
  <si>
    <t>Vacation loan</t>
  </si>
  <si>
    <t>b'v\xe9EH\x03\x0f\xa9\x84C\xf3\x140\xb6\xc7\xc7^d?C\xe0\xa5\x03:_N\x19\x88k\x02\xd7\xcaw'</t>
  </si>
  <si>
    <t>b'\xec\xa8\xcbm\xd8@\xcb&amp;H\x8a\xd2\xab\xb3\r\xe6T\xe4\xe7D\xc1\xd5\xd3\x1e\xfe\xbd_\x8b\xc3(\xe3`?'</t>
  </si>
  <si>
    <t>b'nJ\xb5\x01H\xce\xe3\xa8k\x97\xe4\xb1`pr\xbc]0\n\x8a\xb2Q&amp;7\x9b\xb2\xdf&lt;1l,\xeb'</t>
  </si>
  <si>
    <t>b'\xbcu\xdd\x1e1\xc1\n\x18@\xf9"\xab\xbc\x95\x82\xc6\x10\xb9\xf3\x1a7\xc4\x08\x93g@\xda\xe3%z\xb9\xd7'</t>
  </si>
  <si>
    <t>b'\xf3\xd9ba\x88\x01\xfb\xa9\xb5\xc3\xf7\x1d\xa6p\xef\xcc\x94\xca1\x91\x84\x81-\xf4\x84\x94\x8bKEY\xc6\x00'</t>
  </si>
  <si>
    <t>Medical Payment</t>
  </si>
  <si>
    <t>b'\xdbmJs\x82\xf5X\x82\xef&lt;\xba\xae&gt;\x12o\x85\xe7\x83\xc8\xad\xfd\xe2%\xb9\x15\xd7m\xdaA"\x0b\x94'</t>
  </si>
  <si>
    <t>b"\xe39\xe5H\xaf\x9en\xed\x97\xe0\xfb\x04k4\r\xa8`\xfe\x14[\x91\xdd\xb6'\xf6\x85I\xa9\x16J~d"</t>
  </si>
  <si>
    <t xml:space="preserve">Crunching the Credit Crunch </t>
  </si>
  <si>
    <t>b'\xb8\xd1\xb2\xf2!\xb5\xd0\x11DD\xa1\x10\x83Q7\xe7\xee9\xa9\xbb\xff\xc85?C\xf6{\xb3R\x06\xfd@'</t>
  </si>
  <si>
    <t>b'&lt;\x1b\x9a\xc5{0\xb4\xeb\x17\xc8U\x1a\xcf\xad\xc4\x9b.\x85?\xa3\xaaO\x1a\x06`A\x97\x82\x08n\x05\xc8'</t>
  </si>
  <si>
    <t>b'\xa3 E\xcepI\xefL\xfb\x99\x00\xb3\x1e\x87\xd6\x02\xb8\xc5\x84\x05\x93\xb4#\x84|d\xee\xc0\xf0\x82D\xfc'</t>
  </si>
  <si>
    <t>b'\xe9\xfa\xf0wP0\x8c("\xc3}\x9c\x0cH\x03\xb3w\x8f\xbc\xd8\xf0\x93@\xbe\xa8\xc7\x1c\x8a\xa5\x03\x9d8'</t>
  </si>
  <si>
    <t>b'\x8a\xca\xedB\x9aL\xefU-\xaf\x1a;\x9f\x18_\xb7\xb7\xaf3\xc8\x97F\x16\xf0&lt;\x12\xe7\xcd=\x85\xf5\x18'</t>
  </si>
  <si>
    <t>b"\xa7\x9c\xe0s\x18b'n\xb4\xcb1\xed\xbc\x15\xa3W\x8cJ\xadPR\xef\x12\xfc@\x96\xe5\xb7*u\xb5\x16"</t>
  </si>
  <si>
    <t>Car Repair and Vacation</t>
  </si>
  <si>
    <t>b'#d+\x9e\xf3$\xd5D\xd9V&gt;\xc4\x01\xde^Y\x87gqm\xca\xb9\x17*\x9d\x01\x01\xb9P\xfb\xc4\xe9'</t>
  </si>
  <si>
    <t>b'T\xe3E\xe28\x12\xa5o\x8e\x91\xa0\xf0}\xa0/\xfe\xe6C|\xfb\xd3\xfe\x9d\xd6E\xd4/\xdf\xa2\xc9\x0b%'</t>
  </si>
  <si>
    <t>Air/heating System</t>
  </si>
  <si>
    <t>b'0\xd8Y\n\xcb\xf2\x85\xfb\xe7\xa0\xee\xdf\xccoz\x8d\xe0\xcdPw\xb5\xecp\rKgK(\xf8\x0e\xd2\xb0'</t>
  </si>
  <si>
    <t>b'\xa52\xe4I\xce~\xb4\xe2\xfd1\xd0\x86\xf2\x1a\xe9\xaaXv}d\xf4@\xfc\xa5\xf0&amp;o\xf4\xc1Z\xaf:'</t>
  </si>
  <si>
    <t>b'\xfc\xf1/%\xf7\xdc4\xcc\x16,;\xe62&lt;~\x1a\x1c\xc6n\xf6\x142f\x15\xa5\x0fb\x8c$\xd6\xb6\x97'</t>
  </si>
  <si>
    <t>b'\xfa\xaab\xcc\xb9{\x8b\xa8\xff\xf5xskcR\x85pkJ\xcd\xca\x9e|B/PsC\x14\x12\xc7\xf3'</t>
  </si>
  <si>
    <t>b'\xe7\xfaF\x9b\x0c\x8fr\xefY\xec^\x12\xc5&amp;\xd7\x1e\xb9\x9b\x97\xf5\xfb]R\xd2"6\x97\xf3\x1c6\xbb\xad'</t>
  </si>
  <si>
    <t>b'\xd6\xab\x07\x955%\xe2\xe9\xd7\xb1e|M\x94\xb1\x96@\\\xf0ok\x9d\xd5L\x92\xb1\xf8}&gt;\xfc\x19\xc6'</t>
  </si>
  <si>
    <t>b' B\xde\xb3S\x0e&gt;@P\xa2\x92J\x02\xe3\xa3\xc7\xfa\xc9\xdey,\xc26\xd1\xfd\xdb\xe8\x98++{\x03'</t>
  </si>
  <si>
    <t>b'}B\x9c\xce\xbeTM\xd1\x00\xa7\xd9&gt;v\xa2R2\xe8p\x1f\x1b&gt;u\x91\xd8@m\xd7uY]\x13\x81'</t>
  </si>
  <si>
    <t>b'\xd1\xa7AW0\x87\xef\xfa\xa2\xbfi)(\xe9\xda\x10\xa5\x1d\x92\xbb\xb8\xea\xa7\x99IE\x81\x84\x08\x8747'</t>
  </si>
  <si>
    <t>b'(B+\xbd\x9c\xee\xe0\x8d6oWd#\x90\xe8(\xac/\x84\xa3=q\xff\xebO!\x9f? u\xd9X'</t>
  </si>
  <si>
    <t>b'F\xb5\xea\x81FE\x18\xfa%\xdba\x7f\xa5\x00}\x83\xdf\x8a\xeb\x06\x0f\x19&amp;0\xb2\xca\x84\x9f`\xcc\xd6\x8c'</t>
  </si>
  <si>
    <t>Wedding Album</t>
  </si>
  <si>
    <t>b'\xddRU\rb~\xe0\xf3\xb8\xcf\xa8\xf5\xd3\xd2w\x07\xbfV~0P\xd3W$\xca\xe4\xc6|\xcfC\xb7\xd7'</t>
  </si>
  <si>
    <t>b'\x9f\x9b\x9a\xbfUQ\x19\\\xcc\x0c}\t\x81+E\x8by\x1f!\x8e\x01\x9b\xe2\xe8H}Z\x0f\xdc \xe4\xe2'</t>
  </si>
  <si>
    <t>b'%|\xde\x04A\x96$BN\xaeb0\xaaL\x85\xb4\x19&gt;\x84\xf5\xea\x00gN\xa8L\xfd \xa1`\x03\xd5'</t>
  </si>
  <si>
    <t>One Main Financial Loan Pay OFF</t>
  </si>
  <si>
    <t>b'\xacIN\x11w\xdf\xd6f@b0\xbeW\xe8\x84\x0e\xf3\xa1e*r\xaaU0\x99\xd3e(\xfd\xc4\xaeC'</t>
  </si>
  <si>
    <t>b'Q\x16=]\xcbJ;Fd\xde\xf6\xb4x\x0c\xa9\xafLs\xf3\xfe*\xcc\x8b\xb6OL\xddC,\xcb\xae\xf6'</t>
  </si>
  <si>
    <t>b'0\x9d\x1e\xc5\xa9=L\xa4R\xaa\\\x0f|m\xda\x86\xa4b\xdb\xa2\x7f\xef\xaf\x8c\xd8\xf5gZ"\xe80\x1e'</t>
  </si>
  <si>
    <t>To get back on the right track</t>
  </si>
  <si>
    <t>b';E\x8d\xe5\'\x13\x9d\x8fG\x95\xf8\x17"\x84\x0c\x95\x88\x19%6\xd6_Q\xbbZNSNkX\x16A'</t>
  </si>
  <si>
    <t>b'\xf7W\xd8\xaa\x04MY\xaf\xaa\xfa\xe8P\xb4^\xc8\x14\xb6d\x96\xa9\x88\x04\xea\x88\x05\xac:\x9a\xae6\xf0#'</t>
  </si>
  <si>
    <t>Pay off2</t>
  </si>
  <si>
    <t>b"'\xf8\xebA%\xcdM\xb3\x86\xa5y\xd0\x9b\\oC3Z\xcbj\x0c\x85\xd0\xd4\xfc\xbd\xb1\x1c\x1e\xf3\xf8\xc3"</t>
  </si>
  <si>
    <t>b'\xde\x1f\xb8\x03\xdbPS\x05O\x98q\xda\xd7\xc5\xb8\x899\x12\x85\xc4)\xc3u\xb7\xe4\xae\x9b\x08\x13\xbb-\x1e'</t>
  </si>
  <si>
    <t xml:space="preserve">refi </t>
  </si>
  <si>
    <t>b'\x15\xf5p\xbc\xa0dQ\xd6\xe2\x13\xdd\xc7\xa3GV\x0b:\x986\x0f`\xac\x87\x91\x19\xca\x8f\xd0\x9b[\xf1M'</t>
  </si>
  <si>
    <t>b'W\xbbM\xf0\xd4\x06\x8a\x89L\xb8r\xfc\xc4\xec\xdc\x88\xedr\xd8\xde\x9eQ\xd9c\x81w\xf7;\xaf[\xb2\xc0'</t>
  </si>
  <si>
    <t>Short and Sweet</t>
  </si>
  <si>
    <t>b'%]\xb18lTa\xe5B\xe7\x07\x84j\x05V:w2\x94\x14T5\xb9\x0e\xfc7\x84\rl\x90\x19\xa7'</t>
  </si>
  <si>
    <t>b"\x10g\xd7\xd2\xdc^\xa9\x8f\xbe\x80\xe8I;jV\x93\xda\x1c\x1b\x8b1\x98\xc5q'\xae\xd0/y\x97\xb4~"</t>
  </si>
  <si>
    <t>b'\xb18;\tv\xfe!\xa1\x9ePz(\xc2\xfd\x05X\xd5\xd0f\x9dr\xfb\xe1V\x1b\xbf\x96\xc3\xbbrP\xa5'</t>
  </si>
  <si>
    <t>For Mom funeral</t>
  </si>
  <si>
    <t>b'\xe7\xa6g\xeaw\xe1\xa2\xff\xd6C\xd0\xae\xd5\x01\xb0\x08\x1e\xea\xaf\x07\xbc\x12\xffQ\xc1\xa24&gt;\x8b\xb9\x7f\x12'</t>
  </si>
  <si>
    <t>b'i&lt;Z_\x03\xf5\xa8\x9e\xf7[\xdbQ\xe2\x05f\x9a\x1b\x168\x80\x0e\x1c\x0c\xc2\xba\x8b@u\x94@x\x0c'</t>
  </si>
  <si>
    <t>private</t>
  </si>
  <si>
    <t>b'\x9c\xd3\x04\xdb\x17\xb9\xe6\x8c4\xe9s\x86b\x14xR\xa0D\x96m*\x81\xd9\xf7x\x99_\x9a^\xd1[0'</t>
  </si>
  <si>
    <t>b'P`\x1cto\xbfGG\xa8\xe8\xadtY\xd4\xea\xbd\x119\xd7\x173n\xb5\xa5\x16m\\\x8e^\x96\x7f\xe6'</t>
  </si>
  <si>
    <t>debt consoladation</t>
  </si>
  <si>
    <t>b'\xb4\x01\xce(\x9d\x9a\xc1y\xf8\xeb\xba\x83,\x95\xdc\xed\xbc\x8d\xf8?C\x1a\xb9\xf7\xb2)(\x91\xbb\x99\x8e\x8b'</t>
  </si>
  <si>
    <t>Condo</t>
  </si>
  <si>
    <t>b'\xce\xe1\x8a\xc8\x12\xc1G4\xfe\xed\t\xabVKnh4\xea\x9c\\\x15\xdc\rom[\xd9\x9a\x1a\x8c{h'</t>
  </si>
  <si>
    <t>b'f\xa30\xa2\x06\xc0\x043\xf7\xe0\xda$\xa9[\xa0\xb7\x7ff\xda#\xd2\xf7GCk3\x15\x17%\x95\x1e\xc6'</t>
  </si>
  <si>
    <t xml:space="preserve"> Debt loan</t>
  </si>
  <si>
    <t>b'b \xfcce\xe5\x8c\x92\xc6_\xf8\xc1\x9c\x90)8\xeb\x1e\xa7\x8a\x97\x02\xca\x07\x8d\x1aL\x1a\x8ew\xc6\x01'</t>
  </si>
  <si>
    <t>b's,.\xe0\x0fG\x932\xc3-\xe7\xd3\xab\xea\xd2\x9f&lt;\xbe\xecw\xcf\xe5.-q\x19l\xcc\xf2;\xba\xaf'</t>
  </si>
  <si>
    <t>b"\n.\xb3\xa2mK\x08w\x81\x97\xa0\xc2\xa0\xdf\x8e\x03\x1a\xf8'\n\xff\xf4p\xe4W\xdf\xb0$}I\xa3\xed"</t>
  </si>
  <si>
    <t>b'\xbc\xbaRB-\xcd\xe9\xc8\xd2\xadkL\x17\xf5\x8b\x00\x1c\xbc\xd0\xd9S\x93\x10\xc5|1\x0fq3D\x91='</t>
  </si>
  <si>
    <t>b'!\x81\xa3\xe8U\x8c\xf0Zn\x17\x9f\xf77\x8aS\xf3\xdd\xf5\xbf\xc3\xc0\x85\xaa\xd8\x0c\xad\xcfA\x13\xe7\x1aV'</t>
  </si>
  <si>
    <t>b'\xa6/\x8a"\xcb\xa7[\xbb\n\xa8d\xfeL\xb6\xa2\xcb`\x8a\x16%\xaaEMyK\xa9cvu\xfbLd'</t>
  </si>
  <si>
    <t>Home/Debt Improvement</t>
  </si>
  <si>
    <t>b'\x12\xb5\x840S\xc8\xc6\x99M\x19\xda\x1c\xff&amp;L1\x17\xe5D`\x18F\x0b}\t\x0cw\xa1\xde\x0e\xd7V'</t>
  </si>
  <si>
    <t>Bye Bye Credit Cards</t>
  </si>
  <si>
    <t>b'\xf8J&gt;\x96\xcc7\xa7\xa5\xf5\xce\x9b\x967\x97ipu\x8f"_\xda\xdc\x1du\x97\xdc\xc7\x12@{\xe2\x9f'</t>
  </si>
  <si>
    <t>b're\xb6d_N[\x1ek\x1e\x1eU`g\xcaN\xba\xd9,\xcb\xac\xb7LHio^\xcem\x8eq\xd1'</t>
  </si>
  <si>
    <t>b"\x96\x7f\t\xda{\x17\x85*'\xe5\xac:\xf0\xd0\xd0YE\x8f:\x12/\x16f\x14t(\x90aX&amp;\x8bu"</t>
  </si>
  <si>
    <t>PAY OFF CREDIT CARD BILLS</t>
  </si>
  <si>
    <t>b"\xbaz\x86\xb2\x0e\x0e!\xcc\xea\xa0\\\x81fv\xe3'9\x98\xf35J\x9f\x16\xbc2\x16\xd3/\xfc\xef\xacO"</t>
  </si>
  <si>
    <t>medical loan</t>
  </si>
  <si>
    <t>b'\xe1\xd4\xffl\x06P(Yw0\xdarSn\xd8\x90c\n\xa2g\xf1\xe1\x9e\xde&lt;\xe9\xc5\xb4\xa2\x8b\x98\xd4'</t>
  </si>
  <si>
    <t>b'\x1f\\\xcck\xba\xbe/\x00,\x8c\xd2\x99}\xed\xc6\x84\xa9*\x10\xb5\xc2\x89h\xa6]\x8e\x90\xb2FS\x05J'</t>
  </si>
  <si>
    <t>all cards</t>
  </si>
  <si>
    <t>b'\xbe\xb8R\xa4\xfe\xc7\xe5\x8bh\x86\x8d\x81\xf0\xc3\xc7/\x91\x03\x942\x13\x05\xc3A\xa80U\xb7\xefNR\xb5'</t>
  </si>
  <si>
    <t>b'\xfb(\t\xda\xad\xed\x16\xdc./\xb2\xc7j\x958\x90\xaa/G\xa1*\n\x9b\xd5\xc3\xc2L\x03\xcc\xd0X+'</t>
  </si>
  <si>
    <t>b'\x86\x0e\xd9&gt;i\xa6\x89\xc2\x7f\xaa\x9f\xb6\xd1/,^{\x81\xbf\x9a\xcd\xca"\xad\x8d@fB\x0c\x8c\x1dL'</t>
  </si>
  <si>
    <t>problem solved</t>
  </si>
  <si>
    <t>b'8\xce\xd8\x80\xaclSq\xad\xf7&lt;&gt;\x93\x058\xdb\xa6\x03r\x9e{\xaf\x88LY\x8e\x84\xa8&gt;n\x82\xcf'</t>
  </si>
  <si>
    <t>debt consolidation and home repairs</t>
  </si>
  <si>
    <t>b'\xe2%\xd2\xfb&lt;!\x1b)\xd2\xa7)N\x8a\xe0c\xa2t\xb1\xb6\xb4\x84\xfe\xd4\x07\n\xbe\xbb\x1f;%T\x9d'</t>
  </si>
  <si>
    <t>b'x\xb4e\xed\xb2\x04\xd3&lt;\x1c\t\x06QT9\x94\xbbv\xb8\x15"\x9b*=%$9s\xc2&lt;\x88\x9e\x03'</t>
  </si>
  <si>
    <t>b'\xc7\xa3\xcf\xad\t\x05\xb2pC\x0bGL\xf0\xf61\x98\x1c9\xea\xfd\xbf\xad\xcd\xfc-w\xf1\x8c\x04\xd6\x8d\xf3'</t>
  </si>
  <si>
    <t>b'M\xd9\xd5\xd27\xedT\x7fe\xc6\x18\xf7o\xfc\x1d4l\xab\x8a\x15\x81\x97}\xd3\xb4S$\xd6#v\xa4\xd8'</t>
  </si>
  <si>
    <t>Debt Consol.</t>
  </si>
  <si>
    <t>b'\t\x93@\x88%\xdf\xcb\xa7\xdda\x8c4\xa3\x80;\xe3 =!0\x02\x87\x98%\xce\xf4\xe3\x9e\xbf\xaa\xcb$'</t>
  </si>
  <si>
    <t>Consolidater</t>
  </si>
  <si>
    <t>b'\x97\xa2\xeb\x92\x0b\xae\x8d4\xe2T\xd2\xce\x0em\xfc\xb6\x04\xd2p\r\x0eW\xb6\xa8\xce \x82\xf0F1\xdc\xff'</t>
  </si>
  <si>
    <t>b'\xe9\xc7&lt;\xafd_\xe9K\xf6\xf2\xde\x11\xb9S\xbe\x81\xa5\xf2 aw\x9d\r\xbc\x9e\x98%S+.q\xf6'</t>
  </si>
  <si>
    <t>b"]\xd9\xbb\xc0\x85\xd15\xfc'\x1f\x17\xe0\x80'\xa5\xab*)r\xed\xd3\xae\xf8\x83\xaa\xdf&lt;\x04\xbbR\x9c~"</t>
  </si>
  <si>
    <t>b"B?\xdc\xe4\xbbp\xe0\xed\xe4\x8aG\xc6F\x18\x17L'4\xd7\x93\x93|\xab\xd5\xc6\xd9\xe8\xb5\x90\xaf\x81\xf4"</t>
  </si>
  <si>
    <t xml:space="preserve">One payment </t>
  </si>
  <si>
    <t>b'\xe7\x18i\xf1\x16\xbe`R$m\xd4\xb3\tDd\x99\xc6\x0ct\x8d\x92\xb5#$.v\r\x04g\xa2\x1bp'</t>
  </si>
  <si>
    <t>b'\xdaD\xb5(\x80[\xaf\xd2\xd0\xc6X\x84\xa2\xc3\x8bk$\x11\xac\xdcES\x81\xa6L\x0f\xf6\xfc\xa1\x94,d'</t>
  </si>
  <si>
    <t>b'\x19\x12)w\xeeZ\xe2\xad\xed\xe3\xf4\xa1(3\xb3\x8e\xd9\xce\x89E\x82\xa4;\xf5\x18}\xbe\x18:\x01\xb4\xb9'</t>
  </si>
  <si>
    <t>b'\x96\xf9\x87\xdc\x04Y\x83\xad\xe2\xe1\xc4\xd1s\x00\x18\xc1G\x13Q\xeaYE\x91\x0bp\xcc\r\xe2\xd7cM\xe1'</t>
  </si>
  <si>
    <t>b'g\xe19+\x0b\xaei[{\xb7\x92\xccw\xec\xd0\xd6u\x02\xc0\x03\x039\xed:Lt\xac\x13K\x1d\xb2\xa6'</t>
  </si>
  <si>
    <t>b"i^l\xce\xdf\xac\xd8\xe5\xa0\xb4\xfdW\xc7\xb3:\xdd-\xc0\xa4'\xa80\x01Q=\x91W\x96\x9fn\xdd\x18"</t>
  </si>
  <si>
    <t>b"\xd2(:t'8\r\xbd\x82=_\xc6o9 v\xe3\x1d\x06\xb4y=\x02\x1dlg\xac)g\xe3\xa6\xcf"</t>
  </si>
  <si>
    <t>b'^\x1b\xaa+\xc3\xf0\xdf\xeb\x0f\x1eRh\xd8R\xc1\xf7\xe5\x86\x0e\x93\xc2\xb7%\x0e\x14\x0c\xf3o,`/\x01'</t>
  </si>
  <si>
    <t>b':I\xd3\x8fFF\x07G\xc4T\x8f\xc7K\xe3\x02\xe2#\xf9\x01\x91\xac\x12V\xb2fb\xba\xb1xq\xa4{'</t>
  </si>
  <si>
    <t>Credit Card  payoff</t>
  </si>
  <si>
    <t>b"\xd6`r4'\xc6\xee\x11?1\xb6WS\x0b\xf9\x8e\xbf\x97\xb7\x8d\x82\x1c\x14\xab L\x1b]\xb2}S?"</t>
  </si>
  <si>
    <t>b"G\x87m\x14\x05\x1bOP\xc0\x16\x86~\xba\x88\xb2\x88\x01\x0f}.\n\xfb\x07\x14\x8c\xed\x05|\xd6'\xa0\x9a"</t>
  </si>
  <si>
    <t>b'*+=\xeb^\x93 \xb1A\xd3\x12\xb9\xe8\xae5\xde]j#,;\x07r\xb4XR\xfe\xf0\x96\xed\x86\x1b'</t>
  </si>
  <si>
    <t>CREDIT CARDS</t>
  </si>
  <si>
    <t>b'\xc1\xdf\x8f\x82+A|\xd8 \xd7\x1fvC\x87Rg\xfd\x8b\xaa\xc6m\xa8mr\xfa}pD\x03Q\x84\xef'</t>
  </si>
  <si>
    <t>b'\x07Y\xb5\xaa[rr\xb6\xdd\xdd\xa5\x17fEv\x19\x87\xeb\x7f\xd6\xcc\xb6!\x19\x91\xf6\x99\xc7\xa8\xb1b\xab'</t>
  </si>
  <si>
    <t>Credit card freedom !</t>
  </si>
  <si>
    <t>b'*\x9a\xd8U\xda&gt;\xfb\x9d\x86\xb9\xacZ4l\xfa\xa1\xfbK\xa4h\xadF\xaa\xed\x94F\xc14\xd6\xe4PA'</t>
  </si>
  <si>
    <t>b'N\x02\xcf\xc1YX\xda\x9fe}6#\x17\xb2\x84\xf6S\xd8\x00^tz\x92\xd8\xbb~\xc1q)P\xa7\xc6'</t>
  </si>
  <si>
    <t>Card refinance</t>
  </si>
  <si>
    <t>b'\xf6GK\xa8\r\xe9\x1a"\x84\xfd\xd8\x90\xf0N\xd7\x18\x98\xab\x16\xc7\x03\xc4\x1d\xa1\xbb"\xbe\x14&amp;\xed\xcbf'</t>
  </si>
  <si>
    <t>b'fxaG\xad\x9dA\xe0c\x8d\xc2}"\xd7\xee\xf2c\xff\xe4\x8e\x88\xff\xb2\x97\xd3\x92\xc3\xb4]\x10*\xd5'</t>
  </si>
  <si>
    <t>pay of credit cards</t>
  </si>
  <si>
    <t>b'\xba\xf5Y2\xfa]@)\xef\n\x1f\xf9^\x07\xf9\x9f\xbb\xbcU\x9d-u5\xc3\n\xe3\xce\xa2\x01\xd17\xbd'</t>
  </si>
  <si>
    <t>Taking the debt to the mat</t>
  </si>
  <si>
    <t>b'\x01]Bc\xf1\xac}W\xde\x8d\xc67;Y*/\x80n1\xb4\x13\x7f\x18\xda\xab\xdfF\x1f\xcf\n*\xd1'</t>
  </si>
  <si>
    <t>b'\x01\xfc\xf0%\xdd-9\xb2\x0b1\xbc\xdc\xbb\x14_\xff\xab\xfb\x9f(\xa0\x82\x9e\xad\x0e=\xff\x9f\xd8\xde\xf9\x0b'</t>
  </si>
  <si>
    <t>b'\xaf\x14O^J\x9b\x00\xce\xdb\xf4\xf7U\x0f\x9e\xafne\xac\x87m?\r\xc8FT\x93$\x80Yb\xd5\x80'</t>
  </si>
  <si>
    <t>b'\x1f\x06\x86\x1d8\xce\xaa\xe7\xeaB\x90\xeaL\xbbS\x81\xd8\xc6\x05[\xe6\x97\xc2\x8f\x9av^s:f\xb1\x03'</t>
  </si>
  <si>
    <t>b'\xfc\x8e\xcd\x82)\xdb\x9c\xa29\xe9\xe3\xb3\x05\x00\xe3C\xcd\xcapa\xfd^u+5\x82\xe6M\xc1\xcb+X'</t>
  </si>
  <si>
    <t>b'\xc2\xf0`\xfa\xc0 \x04\xea\xf3\t\xa2;0\x03c\xeb\xf5ML\x16j]=\x98w\xe9\x1c\x1fR\x02\xa2s'</t>
  </si>
  <si>
    <t>b'\xfd\xe7\xba\xc7\x04+X\x02\xb4\xe1Mf\xf3\xc1lL_\xe9\xe9H+\xc4N\x07P\x81\xcd=\xa7\xcbO\xfe'</t>
  </si>
  <si>
    <t>b'm\xdf\xf3\x18x\xef{\xa9\xde\xaa\x18\xe2T\n\xa4x\xd0\xce\xf1\x82KxU\x1c\xf8:M\x11\x1d\x15\xb1\x06'</t>
  </si>
  <si>
    <t>gatewaytofinancialfreedom</t>
  </si>
  <si>
    <t>b'`"&lt;L\xfeJn\xa8@mv\xa5\x1c~\xc2\xd9\xff\xff&gt;dY\x982\x0f\xfc2\xdcT\x1f\xf1\x10\x9b'</t>
  </si>
  <si>
    <t>short term</t>
  </si>
  <si>
    <t>b'\xa3\xed:\x1f\xccP\xd2{\x03\x08\xab\x0e\x96J\x85)#\x10\xb9\xc2\x1f\xc17piH\xf7\xeb@5\xad\x0e'</t>
  </si>
  <si>
    <t>Debt Relocation for First Home purchase</t>
  </si>
  <si>
    <t>b'\xb9\xa6\xf9\xa0\xce\x9b\\\x18\xf6=\x12\xeb\x1e\x19\xdf1\x95\xf6\x03n\xde\x01\xd3\xbb\xc0!|\x91\x85\xb6\xab\x16'</t>
  </si>
  <si>
    <t>b'V\xf9!\xd6\xe8\x05*\xf1\xbf\xd3J\x0c\xf7\n\x1b=\x1d\xeaW2\xad\xba\xee\t-\xc8o;\x12{\xd5U'</t>
  </si>
  <si>
    <t>b'\x13y \x82\xe2A!\xc8\x99\x18\xe6\xa9\xf7\xf3#y\xc7\xb1\xd6\x02\xdfb\x08\xab\xbb\x1cL\xaa\xfa\xdfi\xb3'</t>
  </si>
  <si>
    <t>b'\xcf\xe8\xfa\xc4\x02d` o;k\x9b\xc7\x87\xc3n\xe5\x8a\x81\xb7\x07\xfc\x8f\xe4\xf87\xa6\x0e\x1d\x82\x88\xd2'</t>
  </si>
  <si>
    <t>b'\x89y\x14\xa0\xf9\xdb\xa1K\x08\xc5w+\xf6\xb2\x16\xb87\xaeZ\xfbf\x11\xfc\x7f\x13"0Mnn\x03\xb8'</t>
  </si>
  <si>
    <t>b'[\x1e!\x19\xa9\xd1O\xaa\xaf\xc7;\xd2\x0e\xe1\xbc \xd6dSF7\xe4\xbc\xb0\x06\x8fWP\xc2\x82$\xab'</t>
  </si>
  <si>
    <t>MyRelief</t>
  </si>
  <si>
    <t>b'\x8c\x1c\x15U\xfe%M\xe4\x13\xee\x00iR\rEQ^D\xc1/\xe12e\xd3A-\x1c\x03\x97n_\xcf'</t>
  </si>
  <si>
    <t>b' \xf0X\xb7]\xa96\xe4\xe6J/`\xf2\x8d\xa25\xc5\xc9\xfe\n\xeey\n\x8c\x9e\xa6\xc6\xe6\xa6\xacK8'</t>
  </si>
  <si>
    <t>b'\x01L\xdd3O@\x03\x03K\xcf\x94/\x97\xe7%\xd7O=\x8d\xf1\xfb\x95c8\xdby\x83\x95=\xf2y\x02'</t>
  </si>
  <si>
    <t>b'\xdc\xf1\x80\xdbC(\x9e\xf4N\x91\x81\x06\xc8\x1ca4g\xee\xaf\x90\xa3\x86Y\x17\x19`\xca$1\x95r\xe5'</t>
  </si>
  <si>
    <t>b'\x98\x92S-AB-\x8f\x9f,\xf05y!\xaer\xd9\x9e{H\xd3&lt;\x16aV6Ar\x19\xf4#\xdc'</t>
  </si>
  <si>
    <t>b'\x93\x00\x01\x18+\x06\xb0\xa1?\xe4\xc1\xfd\xda\x84\x1b\x04O\x1fM\xda\x1b\\\x1fU\xbes\x14\xf6\xa5\xfe\x83\xbe'</t>
  </si>
  <si>
    <t>b'\x87\x84\x8f\xd7\xee\xa8\xe6&amp;\x82\x96R+=\xf3O\xd1\xaej\xab\xe9G\xbd\xc4\x1d0@\x80\x8f\xee\xbbP\xc4'</t>
  </si>
  <si>
    <t>b'\x91_p\xc7\xb2&lt;+\xae\xec\x07b\x996YY\xacV\xe3\xb8\xda(;\xf2h\x81J\xc5\xae1\xd3\x8f\xe8'</t>
  </si>
  <si>
    <t>b'&lt;\xa3\xe5\xbd\xaf\x81\xe0\x05\x11\xfa]\x1a\xaf\xb4\xa3\x8a,\x8f\xf6W\xfb\x0e\xac\xc0\xf0\x8f\xfd9K\xb5\x9a\xa8'</t>
  </si>
  <si>
    <t>Freedom For Financial Organization!!!!</t>
  </si>
  <si>
    <t>b'\xcdi\xf2\xc4\x91\x94\x9d\xa6\xd2I\x12\x83}\xea\x01\xe3V\xc7\x13gn\xe0\n\xdb\xdbZ\xd8G4bo\x8d'</t>
  </si>
  <si>
    <t>b'l\xd5*\xb6\xb5L\xc6\xc2;\xddl\xbc\x96\xef_\xf7\xa3\xbeW\x8d;th\xea\xe9\xc3\x1b\xa0\xf5\x12l\x84'</t>
  </si>
  <si>
    <t>Reduce monthly bills</t>
  </si>
  <si>
    <t>b'\xed\x8f\x04_j\xaf\xbc\xa7\x1dl^ \xac(R\x13\x83\xf2\xfe\xd3*\xc7&amp;;\x14\xf4\xa5\xe2\xb5\xb6\x98\x85'</t>
  </si>
  <si>
    <t>b'\x96\x8d\xfd\x9dF5P\x7f\xa1V\xa9=\x93\xa2\xbd\x0b[0Ec\x0e\x1d?(\x92\xa0\xbd\x1fJe\x97\x91'</t>
  </si>
  <si>
    <t>b'6\x81\xc5#\x16LBA\x1aw6\x14\x85\xae\xa2\xaeB\x7f\x16\x85\xb4-1nW\x1b\x10\r9r\x7fT'</t>
  </si>
  <si>
    <t>debt Consolidation</t>
  </si>
  <si>
    <t>b'K=w\x94I\x81\xba\xbdF\xfd\x1en\xa6\xb4\x7fu\xbcPz\x87Ya\xf3\x81\xded\xbev4\xa7c\x86'</t>
  </si>
  <si>
    <t>Pay Back Dad Loan</t>
  </si>
  <si>
    <t>b"\x89~D\xe5\x0c.Fl\x0eA:D}\xf1Sv\xc0\xd0\x82'Uy7\xa6N&gt;\xd0v\xc0\x1e\xe3\x0f"</t>
  </si>
  <si>
    <t>b'5\xc2\xd3\x9b\x01,i\xb6Z\xb1J@\xe6\xd9Ahy\x9fSm\xd9\xfb\xc2\xc6\xa4\xceH\x18O\xba\xd5\x99'</t>
  </si>
  <si>
    <t>b'`Xj\\s\xc6\xc1\x95\x82T2\x9d\x7f\xd8\xbe&gt;\xf5\x14\xd6W\x90T\xc44\x0b-\x13\xd1z\xdb@\xc0'</t>
  </si>
  <si>
    <t>b'W\x1f\xd8\xe5\xb4\xc81:`"\xbe\xcdV\xeaFpV\xd0\x80fb\x90j\x07 \x80\xe1\xffB\x13\xf6\xe3'</t>
  </si>
  <si>
    <t>b'nD?\x1d\xc8\xdc|V\xfd\xcb\x9a\xf9\x00\xe0\xfa*p\x8e|;\xd4\xee\x9f\xb1+\x8e\xe8u\x1a\xe6\xe8I'</t>
  </si>
  <si>
    <t>b'\xbeq3\xfe3\x99\xb8uU\x1d996\'\xdaXp\x071K\xb1\x08R3\xce-\xd1"\xe1\x8e\xf6\xe9'</t>
  </si>
  <si>
    <t xml:space="preserve">Transformation </t>
  </si>
  <si>
    <t>b'\xda\x8c\x1awt\xd0D\xe8\x1d]-\xbf\x1a\xda\xcd\xadU\xdbX\xd4\x9b_\xee\xdc\xb25(\x1c\x15]\xdcP'</t>
  </si>
  <si>
    <t>b'\xcd\x16\xcb\xb0\xcf~G\xf1\x0f\xdc\xec\xfa4\x85\x83I=\xfe\xe8\x9b\x00j\xf1\x94\x1f\xffO\xc1\xee\xfej\x9a'</t>
  </si>
  <si>
    <t>b'yu\x92C\xd4\x13*P\xe2\x1f\xb6\x8a\xd4\xc6yK\x02\x9f\xa8\xccV\xaff\xc1\xe3\xf6\xdex\x87\xd6\xd8N'</t>
  </si>
  <si>
    <t>b'qN\xa7I\xcf\xee-\xf9#\x19\xd7\x85\xf6\xb1\xc50\xd0\xb50S6j]]\x1fSdt\x81\x93\xeeL'</t>
  </si>
  <si>
    <t>b'K\x00\xd2\xe8\xe2\xfb\x93v\x81\x86\xad\xe4K\xb0&amp;\t\xf6\xb4:\x0f\x8c\xdd\x9a-\xf5\x80\xa9\xdd$]\x02\xf5'</t>
  </si>
  <si>
    <t>b']P&gt;\xe2\xd4\x94\x87\xbd\xe9\x01\xcckC\x0f\xde\xc1\x9c\x93DU\xa3h)}\xfelU\x104\x7f\x9e\xd6'</t>
  </si>
  <si>
    <t>b'\xbdc\xfaCd\xc1\xa7\xd2Xt\x024\x00=\x85\x10\xcc\xa8\x9f\xfd\x01S\xdfz6\x0c\x14\xb8\xfcvay'</t>
  </si>
  <si>
    <t>b'\xde\x05h\xe3~F\xda\xbc\x9a\xeb\xf4\xd0t$OF\xac\xdbm\x99\xff\xc8\x90&amp;\xa5V\xfa \xc59\x8b\xd1'</t>
  </si>
  <si>
    <t>b'oT\x96\x82\xce\xa2\xd7\xc5\xe2\xbe\r\x04\xb9\xa8\x81U\x86\x89|\xefNM(\x1d\xc2\xf2\xc7\xef\x10\tM\xaf'</t>
  </si>
  <si>
    <t>b'\xf6\x9f\x03N{\x9f4\xf7\xa6\x81\xdc\xf4\\YH`\x92\x83\xc7\x1c^\x03\x06\xa9\x9e`\x00i\xb4\xf0\xf8\x00'</t>
  </si>
  <si>
    <t>b'\x01\xbd \x89\xe4\xdb*@h\x03Z;\xc5\xd7\xf4\xcb\x08N~\xe2\xdccu\x10\x98\x1b"\xf1,\xe8\t%'</t>
  </si>
  <si>
    <t>b'\xea\xd11\xf43\xb2\x86@}\xa3i;\xf6ywN\xa1\xe4\xd0vs\x96\x19w\x0fr\xdc\xf8$Yk='</t>
  </si>
  <si>
    <t>b'`{\x97\xc0\xc6\xf6\xc3Ek\xd5\xdbQ\x8c\x04\x8b\xc1\xc8\x87m\xa8\xc7\x83\xce\xa5\xd5\x1c\xce\xf9&lt;/\x8e\xbf'</t>
  </si>
  <si>
    <t>b'\xcb\xa6\xf5\xb0@=\x11V\x9b\xb3Av\x80\x94\xfbi\xd2Z\xbcw\xc6\xbar\x18\xdb\x85&amp;]&gt;\x0eo\x8b'</t>
  </si>
  <si>
    <t>b"\nR\xcc\x04$[\xe8\x02+\x81'\x11\xa6\xcaa\xfd\xe2\xdeX\xa8\xcb\xc7n\xde\xf9&gt;\x00\xf7\xd5u\xc9\xaa"</t>
  </si>
  <si>
    <t>b'`\xe3\xd3\x8a\xbc\x7f;\xbd\x06\xef\xa1\xa5\x03h\x16#_\xc7\xa0Ev\xdbZ:\x07\xfc\xd3Y\xf9\x9eM\xf8'</t>
  </si>
  <si>
    <t>b'\x82T/\xa3\x807\xb7\x8aV\xf8\xb1\x8cER3\xd8\xe83o\x0f\x87\x0b\x9ex\x8e\xcf\xac\xf1\x18\x9f\xcf\xb2'</t>
  </si>
  <si>
    <t>b'\x14\xa9j\xfb\x80\xe1\xfeKH\x0c3\xda-\x98e\x99\x86A\xa0\x82[\xaf\x1f,D\xc3a08n0\x02'</t>
  </si>
  <si>
    <t>556xx</t>
  </si>
  <si>
    <t>b'&amp;\xa0k\xc8G\x1f\xf7|Z\xfe\xf4\xe5Nhk\xb9\x13\x7f\x84\xf9\xeb1\x0e\x91Zkuz\x07\xe2\xdaq'</t>
  </si>
  <si>
    <t>b'i+&amp;)\xb9\xdbKo\xd6\x81\xfc\x9b\xc0N\x80\x9a\xe3\xfc\xa5\xd8d\x8a\xcf4`\xe5[\xf89\xfeXL'</t>
  </si>
  <si>
    <t>Debt Con.</t>
  </si>
  <si>
    <t>b'zXP\xe25\xb7\xf4\xfb\xfb\xe3\xce\xdd\xe2\x9d\xe0\xeb\x0b\x12\x93uA\xc7k@\xfe\x91\xb0\x92\x9f]\xd0:'</t>
  </si>
  <si>
    <t>b'|\x0e\xd5\x08b\x89\xbd\xf7\x87\xb3\x89\xc3F\x03\xfd,\xae\xe31g\xf2;\x15\xdeZ\xf5\x04ou|~\xb6'</t>
  </si>
  <si>
    <t>b' 99\xf3\xbe\xa4\xc8\xcd\xc4\x0f\x8b\x99\xcb\x1b\xa7\x0b\xb7@\x9a_\x9f\x83\xc59\xb2m\xe7)\xe6I\xac\xbd'</t>
  </si>
  <si>
    <t>b'\xfa\x9eo\xa3\x7f\xba\xf3\xe6\x99\xd0\xce\xbfq\x98\xf2\xadTb\x91H\xe7oA\x0c\xe2\xcf\x94\xd4\xe2\xa1\xc1-'</t>
  </si>
  <si>
    <t>b'\xb7\x8e\xf6P\xf5\x0f\x18\xc7zF\xab\x80\xb0\xe7\xa4\xcf"\xaa\xda\x81\x8f\x03\x15\xc9\xde\x18\xe1\x1fm\xa0\xba\x8f'</t>
  </si>
  <si>
    <t>peterbilt</t>
  </si>
  <si>
    <t>b'P\xf5\xeb~\xd0H\xb8_uPT\xb0@2\x8c\x9b\xbc\xf64\x8d]j\x92E#h\xcfwN\x05C\t'</t>
  </si>
  <si>
    <t>b'8$\xb8oG\x89\xfd\x13q\xc2\x0e&gt;W_=r\x8fa\x04\xd6\xd8\xbd.\xaeS\x9c\xc56\x08\x9a?/'</t>
  </si>
  <si>
    <t>roofdoorswindow</t>
  </si>
  <si>
    <t>b'\x0b\x9cxa\xc3\xa6\x05"\x97\xaf\x97\x8e\x82\xb8\xd7\x12:\x91\xcc\x8a7\x7fM\xa8_E9=h\x1f\r\xff'</t>
  </si>
  <si>
    <t>b"\x8b\x82\xf7m\x17\xcd\x90F\xbc\xa9\x15\x18t\x01@'\xaa\xe0'\x9a\x95\xc8\x0e[\x03/m\xe6\x95J\xf0*"</t>
  </si>
  <si>
    <t>b"\xdbg\xd8\x03n\xe9W\xba,\xf4['\xca\x91\xca\xef\xab\x1d\x13\xab\nc\xf2\xee\xbcr\xeb\xfe2i:\xdb"</t>
  </si>
  <si>
    <t>b'\xfc\\\xed\xc6[q\xac\xfb\xe89\x16\xe5C\xca\xed\x14\t\xf4:s\xd3Y\x16\xd4{\x9b;K(\x94MX'</t>
  </si>
  <si>
    <t>b'\xab\x12\x83\xfb\xd0\xe7\xce\x11w\xae\xc0\xe6\xdf\tJ\x83$\xd2\xac\xd3\x8e]\xfc\xd42\xf1\xff&gt;\xeeD\xda\xef'</t>
  </si>
  <si>
    <t>b'\x9d\x139\xe2\xce/\x9f\x97,\x8c\xb7c\x99\x06\x1c\xe7\x05t~Im\xe9\xdc\xe8&amp;aFO\x08\xdf\xf2n'</t>
  </si>
  <si>
    <t>b'\xe3\xb1\xb1Sj\xa4n\x90\x7f;\x1a\x08Q=\x12\x93\xd4\xad%C\xb4I\xb4O\xaf\xfa\x8a+\x13R"\xbc'</t>
  </si>
  <si>
    <t>Excellent Payback Credentials Guaranteed</t>
  </si>
  <si>
    <t>b'\x10\x83\x97\xbb\x9dm\x16\xd8\xd8\x003&amp;l\xa9\x13\xbc]\xe5\x8b\x8f&lt;\xab)\xd6\x82\xe18\x0b\x87z$\xe9'</t>
  </si>
  <si>
    <t>b'&lt;\xa8\xd2\xe2$\x19g\x7fv\xfd\xde&amp;\x98F"N\x05\xe8\xb5\xe8\xb4\xac\xad\x86f\xc6\xdd\xecb\x18cO'</t>
  </si>
  <si>
    <t>b'u\xc5\xff\n\xc8\xa8\x84\xf6f\xf5^\xae\xc5\x8d0\xfb\xe1\n\xcc\xb2\xd8\xcf\x12z\xc4sV\n\x93\x1aV\xba'</t>
  </si>
  <si>
    <t>b'\xfc\x01\xa0\xe3\xf6\xdb\xd9d\x99U\xa93\xa0,o\r\xc0\xdc&amp;\xacm\x021\x044pfS4`\xbc\xd9'</t>
  </si>
  <si>
    <t>b':\xaeW\xde\x1c\x9b\xaf\xea\xf4\x83U;j\xe8\x16\x0b\xe4\x9f\x7f\x9f\xc8\x90\xd7\xadr\xa7O\xff\xea~\x12\x8c'</t>
  </si>
  <si>
    <t>b'\x8d0y\xb6`\xf3\x1d\x82\xe8\xc1\x9a\x18\xbe\x9fhm\xe8c\xb4\x9d\x88\xc0\xe1\xb7\xf4\x92\x92}\xf1\x89@R'</t>
  </si>
  <si>
    <t>Refinance Credit Card</t>
  </si>
  <si>
    <t>b'C[\xa4\xcf0N\x0c\xe1\x13(\x83\x83Q\xc0kaV\xc8\tG\x9e\x04\x8cF\xd9\x93\x02\xaf\xfb1\x11\x1a'</t>
  </si>
  <si>
    <t>b'Nw\xb8e\xf6OL\xc2\xbd\xb1\x07c\x03\xb7\xaehP\xfb\xaa\xc9\xa4J\xbd\x9f\x10\xfd\xd9Uq\x9cN\xf1'</t>
  </si>
  <si>
    <t>b'q\x17B\x01\xb7\x9b}R\xa6:\x11DK\x84o\x88Y\n/\x82#1\xe9%t\x83\r%\xaae\x15.'</t>
  </si>
  <si>
    <t>b'\nl\x82\xda\x08\x8e&lt;q\x0b*\xd4H\x1a\xe9 \xc1\xbb0\xdf\xa1Uu\x90\x84-*Y\xa1;\xf3\xbd\xec'</t>
  </si>
  <si>
    <t>b"\xcc\xf0\xe1\xe3\nN\x0bb\x8e`\xa7\x909\x11\x0f\xf0\xc6\xe1\xb5\xdb\xe0\xc0i\xc0\xec\xda\xcb\x84r\xad'."</t>
  </si>
  <si>
    <t>b']\xd3\xe8\xc9\xe4u\xf8\xcd\xaeW\xe4\x8fl\x15\xbaws\xd0\x91Ro(\x94s\xdd\xf2\xa7oY^sy'</t>
  </si>
  <si>
    <t>b'\x8e\x10\x00@\xcf\xa8Mr\x8d\xc0kT\xb2\x05\xd1{"\xe9h\xf6L\rI\xd9\x12p\xd3\x96\x82r\xfe\x17'</t>
  </si>
  <si>
    <t>b'\t\x98z\xbd^\xd9(8C\xcao\xc0YX\xbf\xcee\xb2\xee\x1a\xcd\xffh\xff\x99\xc1p\xd1p\xcf\xbef'</t>
  </si>
  <si>
    <t>b'\xd5\x02\xf5BGQA\xe9\x01,\xb0Xr\x17\x88\xf9t}@d\xa8R\x8d\xcc\xce|z\xb5OQ\x8d"'</t>
  </si>
  <si>
    <t>restructure, consolidate, rebalance</t>
  </si>
  <si>
    <t>b'\xee\xa2\xe9\xf8S\x96\xb8\x9b\xbdk\xca\xa4\x10F\x08\x92\x89B\xafq\xfcF\x05\ray\x13\x91\x0e\xd3\xca\xb5'</t>
  </si>
  <si>
    <t>b'L\x8c\x81%\xa1wB\xc2\x1a\xf4\xf0\x07\xe3\xd0X\xe5\xd1\xbb\xaf\x83)vERR:\xe5\xf5\xc7r29'</t>
  </si>
  <si>
    <t>FINAL DEBT</t>
  </si>
  <si>
    <t>b'U5\x10\x08\xd1\xa3h73\x80\xfe\xf9\xb9\x84\xe5\x94\xc3\xb3\xbfBu\xa7\x83\xa8\xfd\xd2)\xad\\-\xf4K'</t>
  </si>
  <si>
    <t>b' \xa0\x18t^\xa7\xa8\xcc\xa11\xfc\x0e;\x01|Ef\xc1\xd5\x9b&gt;\x1b\x16~\xf2\xcc[\xb3\x13R\xc5\x1c'</t>
  </si>
  <si>
    <t>b'\x16\xec\xee\x08\xf0\xb2\xb8gWf\x0b[\xec:B\xf9I\x96\xbcc\xce\x80\xea3\x1f\xb7\xd2\xe9\xf5\x83\xf7\x98'</t>
  </si>
  <si>
    <t>b'\x92\xa9`V\x9f\xa7\xd5\x19\xae\x88\x19]\xe8\xca\xf8 )\xff\xa5\xcc8\x1a,s\x99\xd7\xb1M \x95\x00\x82'</t>
  </si>
  <si>
    <t>1st and only consolidation loan</t>
  </si>
  <si>
    <t>b'=\xf1\xfb\xdew\x10\xd4o\x84\xb2\xb9$}8\xa5L\x94\x87\x89u\x03BF\x86\xf3\xcc,a\xdd\xe5\x9b\xd6'</t>
  </si>
  <si>
    <t>b'\xf0\x04\xba%9#"\xe8\xb1\xdaL\xe8U\xd5\xce\x0e$\t\xbfP\x9a\x13\x12\xa9\xa0\x8f|\x1d\x90\x08\xa8\''</t>
  </si>
  <si>
    <t>Credit card refi</t>
  </si>
  <si>
    <t>b'q\x1a\xcc\x07_\x1a?\xff;\x9b]\xd2\x98\x00N\xfd\x1e\xf2\x07\xd8\xc5S\x83\x1ef\x81\xbb\xd13\xb4c7'</t>
  </si>
  <si>
    <t>b'\xe4\xae\x06C\xfb\x978\xc55\x9f\xdb\xd5\xc9\xb6\xaaQ\x1fO\xfc\x021\te\xae\xd2\x02\x96\\\x91\xb5&amp;N'</t>
  </si>
  <si>
    <t>b'"gu\x1b\x86\xeeB66\xbf\xc5*(\x8a\x14k\xc7#\x02\x85dz6j\xcfK\xa2K\xb0*d\x03'</t>
  </si>
  <si>
    <t>b'h\xf1rMr\x1a\xcf\xa77\xab\x82\x1d`b:\x95\xa5.\xa4&gt;\xc6\x1en,G0O\xbb\xf7\x94\xdc\xe8'</t>
  </si>
  <si>
    <t>b'\x83\xe7\xb7x\x91&amp;\xabE\x89,e\xa2Z\xd84\x02\x19\xacI\xc7\x12%f\xdcx"B\xa7\xe3\xcb1\x82'</t>
  </si>
  <si>
    <t>b'P]\x0e~9(&gt;= \xe2\xaa.e\xa8\x8a\x97\xee\xa6O\xf0\xdc\xb8\xf2K\xf3\x02\xcdlp #8'</t>
  </si>
  <si>
    <t>b'\xdcM\x91\xd5H\x8a`\xcf\x17\xc9\x16\xcc0\xb31?\xc0m\xbd\x1f; _\x04\x8c\roc\xfdDh\xaf'</t>
  </si>
  <si>
    <t>Pay cards</t>
  </si>
  <si>
    <t>b'\xad=\x9e\xd6\xc4f\x9b\xc0\xa2\x9b\xaf\xbbj\xc5\xa7Ky\xc8\xc3\xfe\t\xc1Z\xca\xcbk\xc496\x15\x0c\x8a'</t>
  </si>
  <si>
    <t>b'\xf7\xe6\x83\x91\xfa\x0f\x80GW\x16h\x9eN@w\xce\xb7\xff\xdbO\xe8\x8e\x05\x16\x97{m\x8f\x90\xbd(A'</t>
  </si>
  <si>
    <t>Get out of debt in 3 years</t>
  </si>
  <si>
    <t>b"\xb8\xd0\xb3Z@'\x87\x17\x12\x00\x98_1\xe2*\xa3hjYi'\xfd\xc8\xe6\x1a~]\xf1\xcbC\xcb\x1e"</t>
  </si>
  <si>
    <t>b'\xd4\x1cF#&amp;\xa7\xe98l|8\xdeF\xc6\xea*\x97\x01\x8c{/\xdc[@\x00&lt;!\xf8\xa1BN\x00'</t>
  </si>
  <si>
    <t>Townhouse</t>
  </si>
  <si>
    <t>b'\xe1\xb62&lt;\\\xdc\xcd8\n\x19\xbaM1\x04D\x1b\x08\x04/\x90&amp;q\x0cmi\x0b\x81{wd*m'</t>
  </si>
  <si>
    <t>b'l\xfb_\xbb%\xf0h\r\xc2\x959W;\xef\xaf\xc0\xf1)0\xe6\x13\xb4 u$tb\x9fL\xf3\xefM'</t>
  </si>
  <si>
    <t>b'E\xa8\xf7\xce T\x1f8qD\xe7w\x8c\x15s\xab=\xa83\xab\xcag\xd1\xa2[\xe8\xb2\x00\xfa\xe1_\xf4'</t>
  </si>
  <si>
    <t>b'\x07\x0cZ\xbf\xf1\x05\x1e\x8a\x06\x87)\x9b=*{q}1\x8f\x8e\xee\xe8\xa7a\x02\x82S&amp;e\xb15\x96'</t>
  </si>
  <si>
    <t>b'\x8dEe\xf4#\x1a8\xab\xae\x96\x9a\x83\xef\xc8\xb5T\xe2\x9d&amp;\x96\x8b\xd4\xbf1\xc5\xae\xfdVJ\x15\xaa\x92'</t>
  </si>
  <si>
    <t>b'\xea,\xd7G\xdc\x98\xec(\x02\x0cl\x97\xecB\xa3\xd0)\x1e=\xef\xe9h\x02\x08k\x11\xcd\x85\xc0\xeaK\x0c'</t>
  </si>
  <si>
    <t>Time for a good debt cleaning</t>
  </si>
  <si>
    <t>b'\xfcE\xa4\x0b\x129\x9e\xd7\x96\xd1\x04\xfe\xe8\x91\x94\x0f:\xdf\x01\x87\x94\xeb\xed\xafo\x08\x80\xf1\x8d:\x86\x86'</t>
  </si>
  <si>
    <t>Eliminating Credit Cards</t>
  </si>
  <si>
    <t>b'[\xd5S \xcd\xbf\\ \x11OxL%\xae\xf9\xb0\xddD\xba\x9e\xe1\x9b=X(x\xc4\x10Xo!\xe4'</t>
  </si>
  <si>
    <t>b'O\x17\xb7_\xbb}2\x9f\x0b\x1b\xa6\xed\xd5`&gt;\xbcp\x9d\x9e\xae\x11]\x11\x1b\x8c?\xc6\xd0~\xea\xeeB'</t>
  </si>
  <si>
    <t>b'\xd106\x133\xda\xd3l\x9eP[\x16(v\xd8\xf7\xd10\x82:\xc1]J\x96\x97\xa33\x87\x1c\xc4Oz'</t>
  </si>
  <si>
    <t>AMEX &amp; Chase Debt Consolidation</t>
  </si>
  <si>
    <t>b'm\xdd\x14V&lt;\xffy;\x99\x08\x00\xb6&amp;\xc5{\xc7\x99\x8f9\xdfb\xe7\xe1\x95,\x03\xbc\x9a\x88Q\xa0+'</t>
  </si>
  <si>
    <t>b'\xf0\x8aX\x15RrI\xfb\xf1@\x7fTD\xd6\xaeB$/\xbc\xe7\x98\x9d\xca\x8d\x17\xdf\x05\xea^sBN'</t>
  </si>
  <si>
    <t>b'\x1d\x9a\xc3\x92\xde\xa3\x9eZ\xdf\xcd\xad\xdc\xa5{\xde\x8bk\xfe\xfb\xd9\xb94SpU\x92\xc5\xf3\xc7r^\xa5'</t>
  </si>
  <si>
    <t>b"9o]6[\x18\xd0\x96^\x03d\xa4\xc7=\x88\xa8qn\xcb\x10\xa6v\x9e'\xf7\x08\x97\xcf\x02\xb6\xbe\xc1"</t>
  </si>
  <si>
    <t>b'\xf5\xe9#\xe2\xc0u\xbf\xc3\x9d-Q0\xea\xa5\x84L\x80\x1b\xf4\x8e\xe8j\xf1\x1fC\xcf\xa3\xd2\xfdP\x9e\xe9'</t>
  </si>
  <si>
    <t>b'/g\x14\xfc\x13\xb4\xf9\xdd)\xe0Z=o\x13\xb5\xef\xbc\n\x0fD\xe5k.^&amp;\xd9\x19\xfd\xf9z}:'</t>
  </si>
  <si>
    <t>b'\xd4\xf4{x\x12w?\xde\xda&amp;|XG\xb9\xc1\x9b\x8b\xf8\xe1\x1d\x1e\xaa\x81&amp;#\xe0B\x88/\xdf\xca\xce'</t>
  </si>
  <si>
    <t>New roof and credit card pay offs</t>
  </si>
  <si>
    <t>b'6\xab\xd8\xe7B\x18\x8e\x99\xa2\xb23R(\x1a\xc2\xc5nV\x92\x1f\x86^S\xdc)\xba&lt;\x1a\x17\x0b.\xf6'</t>
  </si>
  <si>
    <t>411xx</t>
  </si>
  <si>
    <t>b'JN\xf2\xc2OV\xddl\xc9$\xcf\x88!\x08\xf6\x9f\xfd\x1f\x8dU\xaa\x9e\x95N\n\x90W \xca\x91\x1f\xd8'</t>
  </si>
  <si>
    <t>b'\xbf\x0c\xf1e\xb6\xb2=\x17\x82\xad\xd9`s\xd6Ju.j\xdf\x11:7\xef\n\x88\xb5!\xe0\x8b\x8d\xeaS'</t>
  </si>
  <si>
    <t>b'\x87:\x99\xf6\x90D\xb9x\x18\x0e\xae\xae]sG3\xc9\xa8\x813t\xb0\x99\x13\xdb\x13&gt;4\xe0-;\xb4'</t>
  </si>
  <si>
    <t>b'i\xcfB\xe8&amp; \x81\xe5\xedG\xafK3\xc2`fx\x7f\xfd\x86\xff\xdc}K\xd6k\xa2_*\xc5\xefl'</t>
  </si>
  <si>
    <t>b']\xa2\xd7@\x9e7\x1f\xd0_\x8f\xb6e\xd0\xb1\xe7\x13\xad\xfd\xb3/\xf4\x12\x9b\x0c\xed\x820e)\r\x07='</t>
  </si>
  <si>
    <t>b'\xf1}\x8b7h\xa0_\xcdA\xe9i\x00=d\x81\xf7j\x1a\x16\\\x92P\xf3\xad\xde\xc9\xc0\x9b\xa8\x10\xff\xbb'</t>
  </si>
  <si>
    <t>b'\xe9\xb4\xaf\x16\xb9z\xa7\xf0\xa0\xf6\xce\n"\xa9\x95\xc4ob\xe4\xd4\x07A\x84\xf9\xeb:\x00\x9c}{\x8b\xc9'</t>
  </si>
  <si>
    <t>Long Term Plan</t>
  </si>
  <si>
    <t>b'\x1ci\xee//1#K\xd1TY\xcb:\xce\x1a\x1do(t\x15/Zz\xb7\xff\xa5R\x9d\xaf\x9bG\xe2'</t>
  </si>
  <si>
    <t>debt elimination</t>
  </si>
  <si>
    <t>b'\x18\xb2\x1cq\xa9\xf1{\xfeZ\xd5\x115\x80\xe8\xdf\x94#3o\x8d\x89\xf7i\xc2tK\xc9U\xd3\x0c\xf2\x8e'</t>
  </si>
  <si>
    <t>b'\xff\x83\xd7\x16|\xf2\t\x19\xf1\x12N\xc4\x81\xc5\x94\x16\xee_\xb6\xd7\x12n\xd5\xf6w\x94\xce\xb8&gt;\x82\xdeE'</t>
  </si>
  <si>
    <t>Purchase Loan</t>
  </si>
  <si>
    <t>b'\x0f\xc7\x1d\xc6\xa6\x05+\x7f\xcc\x04o\x11a,\x19\xfd\xe1n\x1d@Y+\xf5}m\x1c\xfb&amp;2\xd6\xd0\xb7'</t>
  </si>
  <si>
    <t>b'\xd0;A\xba\xfak\xfd;\xb0\x13\x9d|\x1dC-\x06\xfb\xa2\xd2\xee\x95\xb1a6\x84\xf3\x07\xa9\xf5\x19\xa5\x80'</t>
  </si>
  <si>
    <t>Vacation Money</t>
  </si>
  <si>
    <t>b'\x96\xca\xff\xe3\xb3\x96\xda\x98s9"\x14\xe4P\xcc\xd5\x8d[\xa2\x9d\xe5\xf7\xa3\x06\xe4\xc2\xea\x86\x9d\xe2\x11\x14'</t>
  </si>
  <si>
    <t>Xmas Fund</t>
  </si>
  <si>
    <t>b'B!\xf1A\xf9\x96\x8f\xf7\x85\x00\xe0\xce4\tg7Z\\\xdb\x05J\xdbf\xb1\xcce\xf6?)\x96D\x11'</t>
  </si>
  <si>
    <t>Payoff High interest</t>
  </si>
  <si>
    <t>b'?Q\xc1\x9b\\\xf0bf\x0c-\x8b\xe5\xe9\x870\xb8\xbb\xa8Jg\xcf:\x80\x05a\x14\xd8K\xa9T,\x85'</t>
  </si>
  <si>
    <t>b'\xb0"\xf6\x9c\xc4c\x8b&lt;\xe7\x1c\x11\x18;?\x1a\x0f\x9e\xf1\xf4\x15\xdfL\x01\x05\x9f\x8b\xd1\x0bt\xb4\x8b8'</t>
  </si>
  <si>
    <t>Patrol rifle</t>
  </si>
  <si>
    <t>b'\x7f]h\xbd[L\x0f\xaa\xd1\x821\x99\x05\x00\x05\x88\xe01\xd0\x92c\x9b\xba\xd3\x14\x1a\xc3e\x04Z1\x08'</t>
  </si>
  <si>
    <t>b'\xc7\x81\xaf]\xa2c\x87\x1a?\x854\xf5II\x15\xffH8n\x90TDb\\\xec\xfd\x92%\x0f^wv'</t>
  </si>
  <si>
    <t>payoffcapital</t>
  </si>
  <si>
    <t>b',\x9e\x07\xad\x0c\xe2\xb4\xb5\xee\x81\x13\x08\xed\xdd\xc6x\xbb\x8dHLs\xa2\x1c\x93g\\S\xbb\x8d\xd3\xa3l'</t>
  </si>
  <si>
    <t>b'\xf9\t\x8f\xad\xf2d\r\xfc\xa3\xa6\x80\x88\xa6T\x90\xab\x1b\x96\xe1cpg./@\xfc\xd3iP\xf7rK'</t>
  </si>
  <si>
    <t>b'\xf4\xcf\xc8~G\x9d\x05\x1ez0\xa1\x89\x17#"/{\x7f\x95\x12V$WD\x92\x1e\xb3 \x16\x8fG~'</t>
  </si>
  <si>
    <t>New Year Better Credit</t>
  </si>
  <si>
    <t>b'\xbfP\xd3\x8buB\xbc\x06p\xd0\x17\x05\xfaW\xf8M\xcb\xdesl\xc8"\x9d\xff\xec\xdaq$mEE\xba'</t>
  </si>
  <si>
    <t>b'\xea(\xbd6&amp;\x9c\xd6i\xa7gb\xb3`\xe1\xf6\x0e?C\xf7\x006\x82\xd9\xc7\xa10\xfc &lt;\x92y\x8f'</t>
  </si>
  <si>
    <t>car fiancing</t>
  </si>
  <si>
    <t>b"K\xa9q\x8e\x05'\xb3'\x9c\xac\x8d\x86\xb6*\xe9\xd7g:\xeb\x10\\C\xba\xd0,\xc9w@,\x87\x10\xf2"</t>
  </si>
  <si>
    <t>b'\xa6\x8a\xc3^-\xa1f4\xd1\xf3L\xf2\x1b\x0c\xb5rI\xf0\xb0\x18\xaf\xe87)5\xc8TA6\xff-\xd7'</t>
  </si>
  <si>
    <t>Relocation Expenses</t>
  </si>
  <si>
    <t>b')\xbaq\x079\xe2\x08\x15\xef!4\x98\xeb\xe5%W\x13\xcar\xa0\xf4\xca\xe7\xf9\xae\x12\x1f\xd1\x87\x86\x9e2'</t>
  </si>
  <si>
    <t>b'"6S\x1e\xfeU\xa9\x9d\x03\x1f\x1f\xb8\xd5s\xaa\xf5\xb8\x19\x02\x82\xcc\xbc\x13c\x1eu\xdf#6&gt;\xf3l'</t>
  </si>
  <si>
    <t>Pay credit cards and keep only one.</t>
  </si>
  <si>
    <t>b"'-\xb3y\xd0\xaa\x9b+$\xfb\x0c\xfb\xcd\xe6\x10\xa5\x01\x90p\x9a\x00\xca1M\xf3;\xac\x7f\t\xf09\xcd"</t>
  </si>
  <si>
    <t>b"!3\t#\xee[:\xf9\xa5_v\x94\xbaT\xcfId\x01Q\xc7\xff\xee\x14\xcaA\xd5\xefU'\xda:\xc1"</t>
  </si>
  <si>
    <t>b"\x8d\xc42\xcf\x0b*wD\xb2\xbfP\xc3'r\x94\x12 \xfe{T\x9a\xde\xb3\x81\x16{\xb2\xff\x9d\xa0\x13\xd3"</t>
  </si>
  <si>
    <t>b'\x16\x88\xef\xf1o\xe6:\x1ekAJiMJ3\xcc\xe5cM\x10\xe3\xb3x}\xb719\x95\x05$\xfcX'</t>
  </si>
  <si>
    <t>Cleaning a mess</t>
  </si>
  <si>
    <t>b'\x07\x8c\xd8\xad\xaa\xbb\xc9\xcb\x97\xa6wBV\xb2\xeai\x87\xb3m\xa2|Z\xd3\xd8\xe5\xaa-P\xd3d\x06\xa1'</t>
  </si>
  <si>
    <t>Credit cards Consolidate</t>
  </si>
  <si>
    <t>b'\x9d\xb1\xaf\xe6\xe8\n\xc1\xa2\x81\xc8\xfd\n\xdb\xb1\x9a\x90\x90\xb6\xc5\x92\x82v\xe9-\xefQ@f\x0c\xf1\xd76'</t>
  </si>
  <si>
    <t>b'P\xa6w\x8f\xddT\t\x0c\xbdJ\xb4%s\xd6{}\n|\x9a_\xf3\xa5d\x00\x1a\x18\x1f,\x9f\x07v|'</t>
  </si>
  <si>
    <t>credit card payoffs</t>
  </si>
  <si>
    <t>b'\x959\x9c\xf7\xd0\x95\x17\xd7\x0f\xba:\xb9\xb7X\xb4F\xb0\xc3\xaa\xdf\xa7\x0c\xe7E\x11\xd4}A\x17g^\x8b'</t>
  </si>
  <si>
    <t>b'\x13\x80\xce\xa9\xfeJ\x8c(S\xfat\x9e0-\x8d\x90\x81*J\x9f\xc0!L\x18F\xe9\xc8\xa8|\xf2\x83\xb1'</t>
  </si>
  <si>
    <t>b'\xe9m\xdd\x04\xa4\xa8T\xc1J\xa2\xcc?\xa0\xa4\x08 \xe5\x12\xd7Cq;\xc8%\xa8\x99\x10\xa4\t \x88\xb4'</t>
  </si>
  <si>
    <t>b'f\xecr\xea&gt;\x8a5\x8c\xccK\xef\xdc\xd9v\xa2\xfc4\x8du\x859z\x8cw\xeb\xdb\x98\x9b\x80#\x10\xdf'</t>
  </si>
  <si>
    <t>b'\x13X\x0cI@\x94\xa8\xd0\xbb\x89f\xb9\xd67\xaa(fO\x9ay\x96"j\x18\xc8\xe5\xb3\xb8\xac\xe3!\xc6'</t>
  </si>
  <si>
    <t>Instantcash</t>
  </si>
  <si>
    <t>b'\xf2\x98\xd1E\x010\x0c\x98\xcc\xceH\x8d\xb7\xa5pm\rD\x88\xfe\xa3\n\x0b\x9b\x1e\xa4&lt;\xff\xef#\x86\x14'</t>
  </si>
  <si>
    <t>b'\\\x9d\x18\xccT\xbe\xab\xf5H\xe4\x88\x89\xf0\x13\xa8\x08=\xef\x1eD\xefo\xdd\xbf\x04\xb0\xf7\xa0\x01O\x07z'</t>
  </si>
  <si>
    <t>b'\xb7B\xb1F{\x9c\xa2k\x121\x94zP\xed\xa2\xa2\xbc\x98\x11\xea\x14\xf5\xdf\x12\xf3\x98R\xf9\x08\xb3\xb9\x06'</t>
  </si>
  <si>
    <t>My Ticket to Debt Solution</t>
  </si>
  <si>
    <t>b'r\xdc\xdb\x89\x10L\x9cS \xfap4\xd6qT+\x86\xb2\x1d\xc5\xf7?\xda"5\xfb\xd6\xe4\x1c\x18\x19\xf1'</t>
  </si>
  <si>
    <t>b'\x9a\x03\xecE\xf1\x99v\x1b\x07\x18\xb71\x13\xe6\xcf\x81$\xa0\xed\x18\xa6\xf6g\xc6\xe7\xe2\xbe\xac\xf3[\xa8\x92'</t>
  </si>
  <si>
    <t>NY Giant</t>
  </si>
  <si>
    <t>b'\xae\xb9\xe5\x98\xd5l\x17pc\xea\x99\xda\xc0\xad\x9e\x97\x8bHSb\xc35\xb8\\h\xa1IC\x12t*&lt;'</t>
  </si>
  <si>
    <t>b'\x7f\xfb\xb6\t\xcfOV\xa6?=\x9b\xcbC-\xf0;\x97\xa3\x8a\xaa\xe1\xc8\xd5\xf2\xc7\xd0\xf9\xd8CO\xdf\x0f'</t>
  </si>
  <si>
    <t>b'#\xf4\xd3\xe1\x90ZY\xd2\xa3b\xad\xf9\xd9\xb36\xa5\\\xa8\xdc\n\xf5E\x9ev\x16\xce4\x81(\x12e$'</t>
  </si>
  <si>
    <t>b'\xff\'"\x058\xe2C\xf4\x84\xd0\xa7\xb2#\xf3\x008V\x1eD[lY\xcd\x96\x81\x1er\x8d\xb9\x87\x18k'</t>
  </si>
  <si>
    <t>b'\x06\xe9\x1d4\x80e&gt;\x19\x069\xc1\xd6w\x8c\x13\x07\x9e\x95\x81\xb0-\xf9\x88\xc3\x1b?\xe2\xcc\x95a\xdcg'</t>
  </si>
  <si>
    <t>b'\xcc:\x9a\xa79\x04O\x08\xf48\x06\xf9\xa4\n+Hu\xf7N\xf9\x11!Y\xba$\x85\x81\xa6\xc0\xd2\xbd\xf2'</t>
  </si>
  <si>
    <t>b'{7\x12}\xffwd#\x86\x9d\\l\xef\xb0\xd0m&amp;\xce\xe3t\xd4S\xe0\x00 \rf\x1awQ\xac\xc2'</t>
  </si>
  <si>
    <t>b'6\xf8I\xcb\xa3 \xaf\xf6\x14\x08\x1e\x92\xfaT}\x1c\xca\x7fA\x8f\xc5eO\xf5w\x97\x99O\x0e\xa0\x03\xbe'</t>
  </si>
  <si>
    <t>Windows &amp; doors</t>
  </si>
  <si>
    <t>b'\xefW=-\x08\xa6)\xafz;\xbe\xd1D\xfe\xa9k\x9cF\x9a~Bq\xa1|+\x91h\r\xe4q\xc0\x9e'</t>
  </si>
  <si>
    <t>b'\xc3\xaf\xafS~\xdf\x90\x1fF]\xe7j\x9b\xc2u0\x90\x83\xe2\xe4Z\x8a!%\xa7\x04\xe9\xcb\r$\xd4J'</t>
  </si>
  <si>
    <t>Cleaning House</t>
  </si>
  <si>
    <t>b'\xd4+\x8b\xdb\xc2\xfcC*2TtM\x83\x08P\xb4\x0c\x95\x87\xa6\x9bA\xb0a\x86\xd0`\x04\xb8y\x91\xd1'</t>
  </si>
  <si>
    <t>b'I\x13~n/&lt;@C\xc5\xa1z\xb4\x14:\xc5\x0f[\xc3\xd1|t%\x9c&gt;P\xe1\xff8\xca=7\xfa'</t>
  </si>
  <si>
    <t>b'\xb5\xcb\xf56u\xb7D\x02\xc5o*t\x0ep\xb0\xf2l\xc1p\xf7\x1f#\xaf\x1e2\xc3+Dl+f\xb0'</t>
  </si>
  <si>
    <t>b'\x9f\xac\x94\xc4\x81n\xfb\x1b\xeeYa\xb4\xa9\x01\x10}\xbb`\x9dk\xd8\x84\x89\xfc\xc1\x1e\xc3,*\xbc&lt;\xbe'</t>
  </si>
  <si>
    <t xml:space="preserve">a chance </t>
  </si>
  <si>
    <t>b'\x89m\xfe(98D\x15\x0fZ\x9d\xcc-\x04%\xa2\xd7\x94\rqG\x05\xe9\xa1!oS\xe1\xc0\x0c\xc3\xdb'</t>
  </si>
  <si>
    <t xml:space="preserve">bathroom </t>
  </si>
  <si>
    <t>b'\tT_YM\xf7\x98/0;O\xf4\xd9\xba\xc1\x0e\xca\x06\xd2\xe0\xa6K\xc0\xe4\xda\n\xc4\xd9z\xd8\xdf\xd5'</t>
  </si>
  <si>
    <t>Credit Payoff and kitchen remodel</t>
  </si>
  <si>
    <t>b':\xe4h#\x86\x1c\xf9\x05o\xb6\x17*\x1f\xab\xf6\xb8\xf5\x01\xed\n\n\x8b\x1f&lt;\x85\xe1\xf0\xec\xb6n\x04\x06'</t>
  </si>
  <si>
    <t>b"\xd2\xa3m:\x81*\xda\xe0\xe9\x83%3\x06\x02\x97\x8b'Z\x13qj=\xe7o%\xd5\xcb\xb3\xe1\xf5\x16\xd5"</t>
  </si>
  <si>
    <t>b'\x00\xdd?\x01\x89:0\x9b{\x80\xd2c\xc2J3\xa5\x88\x98\x1c\xa0\xb5\xab\xba\x06m\x11\x10\x87\xab\xc7lF'</t>
  </si>
  <si>
    <t>b'[%\x86\xa9\xc94M\x95\xc4\x9f\x11`[AG!\xafa\xda\xfch\x9b\xb1\xdc\xdb-&lt;\xbe\xcb\xbf\xf27'</t>
  </si>
  <si>
    <t>b'\x99\xachS\x8eX\x8d\xe6\xb5\xf3E6\xad\xa5\xba?\xf0n\x1e\xac\x1e\x00\xfe\x8a\x07\xees\xea\xe05\xe3\x99'</t>
  </si>
  <si>
    <t>loan to pay off some bills</t>
  </si>
  <si>
    <t>b'\xd6\x91\xb0\x01WK[kv\xee#8hZ\xc0\xb2_5g\xdf\xc9\x9d\x7f\xea\xb2p7\xb8~M/\x9a'</t>
  </si>
  <si>
    <t>b'\xb4\xebu9\x0b\xcd\xac\xb0\xcb\x93N\x8f\xc6y?\xb0\xf7\x04\n\x8a\xaf&amp;\xc0\x12\xdc\x06\xbcp\xde_\xa5\xb7'</t>
  </si>
  <si>
    <t>b'e\xb9Y\x81A\xdc\x96\xcb.\xf3\x9c\x9aU\x08\xa4\x11\xb9\x00w\xf5\x81\xe1"\xd2)\x10I\x86m\xd7V\xf1'</t>
  </si>
  <si>
    <t>simplify</t>
  </si>
  <si>
    <t>b'\x88+\xe2\xfbZPw\xdeR\xbe\xb3:\x8d\xff\xf7\x17V\xb8\x9d36_S\x1c\xc1%$j\xacV6"'</t>
  </si>
  <si>
    <t>b"\xbe\t\x04\xa1\xd9\xd5\xb7\xd8\xb7\xda\x86G`\xd7\xd06h\xa0\x01'6\xed\xad*\xab&amp;\xe9\xfd\t\xab\xc9\x04"</t>
  </si>
  <si>
    <t>b'\x83\xd5B@\x85j\x7f;\xd58\xfd\xf4\xe2\xda\x81/H\x13\xe7\xb6\x1cU\xa5\xf8\xa9a(+\xf9+sb'</t>
  </si>
  <si>
    <t>Vacation, Bills</t>
  </si>
  <si>
    <t>b"\xb7W\xa5\xc1!%\xeb\xf8\xd3o\x9d\xd68}\xf1\xff\x10\xf6\xdc\xd1'\xf8\xb4x\xf2h9}b#b\x1b"</t>
  </si>
  <si>
    <t>b'\xe0\xd3\xf3k\xf4\x03\x87\xd8\xf9\xcd\xad\xdd\xa5\x81&gt;\xc2\x87\xe2\\\x86\xbb\xe4\rr!\xf95\x8bs\xfb5n'</t>
  </si>
  <si>
    <t>b"c\xcb|\xf4bR\x14\xc8\xa8\xe7M\xe7\x16kC\x9e\xa9'\x84w)\xf2\xe0\xc6N3qV\xd8\xaa\xd73"</t>
  </si>
  <si>
    <t>b'&gt;\xce\xcf\xaf|w\xe2\\\x0c\xea&lt;{\xd1\xde\xf8!\xb0\xe5\x93\xff\x9a\xff\xf70\x80\x9bU\xac\xd0\x9dq;'</t>
  </si>
  <si>
    <t>b'\x0cb\xb8}P\x8d\xban\xf2z\xe7\xe8\x18g\xf4\xd8\x02\xba\xb9#\xff"~\xbe\x85\xc9\x04f\xd1\x89w\x9d'</t>
  </si>
  <si>
    <t>HOME</t>
  </si>
  <si>
    <t>b"\x01pS3\xcaO?\x1fju\xc67Y\xed\xdc\x1d4\x07\xfeO\x02G\xc9\xf6\xb6'z$\xd2\x91B\x82"</t>
  </si>
  <si>
    <t>freefromdebt</t>
  </si>
  <si>
    <t>b'+\xe5\x19\x11\xf6\x865r\x93Zf\x83\x81\x0c)*\x19~\x97\x99d6\x84G"\x98$F\x08tl{'</t>
  </si>
  <si>
    <t>b'\xe5v\xa8\x0f\x87\x98\x19\xf2\x8f\x03\xff\xe5m3\x95\x0e2N?\x80\x18\x17S\xb0\xd67\xdb\xdf\xd0\xd3\x90\x85'</t>
  </si>
  <si>
    <t>b'w\n\x9c\xd4\xb9\xd2\x93\xfa\xe9\x00\x1e\x93\x0eR\x15o\xa0\r U\xee\xd2;\xbd\xe3%4\x89\xd2J\xba\xbb'</t>
  </si>
  <si>
    <t>b'#\xd7`\x15\xbfw\x02Y`\xe6\t\xf5!x\x08h1\x02x\xf7\xda\xeb**\x0bj\x0b\xe1\x01\x96N\xae'</t>
  </si>
  <si>
    <t>b'4\xe3`\x87\xef\x95&amp;$\t)\xde\xa5\xd9\xa3\xed\x80r\x1d\x8c\xf4\xf5\x9e\n5\r\x19^\x03\x8f\xef\x94W'</t>
  </si>
  <si>
    <t>b'\xcchy\xf6\xcbR\x19\xca\xe6\x98\x0e\xf0\x18\x1dY\xac\xf1\xe4]\xcf\x0f7`\xe5\xebIv\x16\x0e\x1c\xf3\x19'</t>
  </si>
  <si>
    <t>b'\xe3t\x99\x9bL\x1d\x9f}0mr{\xb3\x99c\xe4\x88)\xf9\xbf\x98a\xe9\xc8\xc3\x8d0S\x16B\xabD'</t>
  </si>
  <si>
    <t>b'%\xb5\xd1\x89\xccN\xe1\xf2\x97\x10\xd5\xfbY\xa8\x9e\x88\x9f\xac\xc3B\x99\t\xc6\x1e8\x00\xf5\x1e\\\xdc\xac\x08'</t>
  </si>
  <si>
    <t>b'\x13\x9f\xc4\xb7\x1b\xd1\x08\x05\xdd\xe4\xb3\xb8\xf3\xe3 \xec\x1b\x85*%2\x04(\x9b\xa2\xdf\xce\x19Fj\x0b\x8a'</t>
  </si>
  <si>
    <t>b'\xb5x\x95(B\x0e\x1aQr#\x128+Y\x11e0\x0fW\xe3&lt;q\xc8\x9e\xf6\x85+\x19&lt;\xdc\x98\x7f'</t>
  </si>
  <si>
    <t>b'\x8f\xf4\x90~\xf4\r\xfe\xa5\x00\xd6\x86\xe5\xca\x8f\xcc\x1e\x8b\xe8\xf9\xce$\xa0\xb6\xc6\xbdV\xf5\xc4\x1f\xa2\x95\n'</t>
  </si>
  <si>
    <t>b"$7#\xf1\xfe\x02)\xfb.D)\xba|\xdd\xc6\xc8$*\x1dk\xb8R`k\x83]\xd7\xb3t'\xe0}"</t>
  </si>
  <si>
    <t>b'\x1b\x94\xb7\xeb \xc4\xb9\x135_\xff-W\xb8\xfe\xde\xa5\x90\xdc\xb6\x9fX\xe7\xdd\xba]\xcc\x8e\x80\xdc\xda\xc7'</t>
  </si>
  <si>
    <t>The Terminator</t>
  </si>
  <si>
    <t>b'\x8d\xc0\x04&gt;\\\n\xb61\xed5\xf7\xca\x89\xb21\xb1\x1a\x90Q\xf1lVy\x9d,\xcc\x11\x7f;I{\xc9'</t>
  </si>
  <si>
    <t>b'\x16!-B&amp;`\xe7\xc1\x11\x025\xd6[\xd4\xde/6\x7f\x9b\x0e\x10,X\xd3\xd8\xd1\xa0\xc3\xaa\x97S\xb7'</t>
  </si>
  <si>
    <t>b"\x89\xffj'\x9d\xbeP8\x05\x91,\xa4\xd6&gt;\x8as\x17\x8eEI\xbe\xe7\xa8B\x94:\xf2k&gt;\x9b\xcf}"</t>
  </si>
  <si>
    <t>b'=M\xc6\x04\xe4\x14m\x10:\xb8\x0c\xd1o\xcb|\xf6=R\xc3\xbd\nc" \x8e\x80\x1c\xde\xff\xe0|\xc2'</t>
  </si>
  <si>
    <t>b'\xad\x198\xd9\x95\xc5\x00$\x1e*\xf2\x03\x83"\x92H\xf2\xab\xf4]\xb7\xfe\xcd\xf2\xb0\xfbrq&gt;K2\xfe'</t>
  </si>
  <si>
    <t>b'\xef\x89\x1fO^j~?[\xf1*\xa3v.\x1a\xb0,\xd8\xf8\xa5\x8d\x0fE \xdan\x9d\x86\x06\xc5i\xb1'</t>
  </si>
  <si>
    <t>b'^\x06g\x99\xc7s\xc2\xe8\x93\xce\xd57\x85rZ\xa8\x99\xa3\xd1\x8a\xd9bXMRi\x8c=0\xe4E\xdd'</t>
  </si>
  <si>
    <t>boat loan</t>
  </si>
  <si>
    <t>b'\xdd\xdd\xf3\xd1Sh\x97\xa9\x11\xa8\x99\xb2\xb0\x9b\xe4&amp;W)\x02\x12B\xc3\xd1E\x00g7zY8s\xc3'</t>
  </si>
  <si>
    <t>Debt consolidation with solid background</t>
  </si>
  <si>
    <t>b'\x9c\xc8AL8W\xd0\x88X\x9cWT\x90\x8d[3\xfcX\x86F\xb9\xb9\xe2\xb8}\xfe\x92pZa_\xc9'</t>
  </si>
  <si>
    <t>b'\x14\x0eR\xe3\xc97\xca\xe8\xb9G\xe4\n\xd8jC,Kgs#\x99wa\x83\x96\x82)\x9d\xa3%"\x10'</t>
  </si>
  <si>
    <t>b'\x86\xb7P^\xca\x97\xdc\xc2\xaaQ%\xea\xff\x84MC\x98\x8f\x01t}\x9e_\x9d\r\x8f\x17X\xc58\xbc\xfb'</t>
  </si>
  <si>
    <t>b'\xd9\x07\xab\x88\xb3\x1b\x00\xfd\x13\x07eZ\xec`\xb71V\xb2I\x16F7@\x10\xa9\xb3\x8e\x90D\x1bR\xaa'</t>
  </si>
  <si>
    <t>Wanna Make a Date to Consolidate!</t>
  </si>
  <si>
    <t>b"*\x94Xc\xd1\x0e\x8a\xd1]=T\xa5\x7f'\x00\xc6k\x11\xfe\xe2\xc2C,\x84GB\xc2X\xcb\xe1\xb6\x82"</t>
  </si>
  <si>
    <t>b'\xfe\xba~\xae\x83\x13\x89\x7f\xb4wQ\xa2\xaf\xdcl\x11x\xe8)\xee&amp;~\x11\x87\x91\xde\xe5\xc9Js\x80\x90'</t>
  </si>
  <si>
    <t>b'\x07\xab\xaaE&lt;(w}\x01uE\xb0\x86\x85\x0b\x80\xbb\xed\xa1C\x95\xb7\xb0\x8f\x03\xfe\xbc\xcb?\xfewK'</t>
  </si>
  <si>
    <t>b'\x1d}G\xadw@\xa7\xbc\xe2\x0fV\x93\xac\x95P\xb8\xbd\xef\xe8\x92\xff\xd1w\xa3`+\xd9\xcc\xd6\xea\xfa\x89'</t>
  </si>
  <si>
    <t>debt consiladation</t>
  </si>
  <si>
    <t>b'\xcbQ\n[\xcd\x03\x8e&gt;\x8a;\x14\xca\xd1\xf7[W\x92{\x90\x9f\xe7\xce\xca~\x17\x8cRN\x84\xdf\x1b.'</t>
  </si>
  <si>
    <t>b'\xd2\xa1\x96\xe1-\xbe\x17d6\xe3\xa2\x9b\x18\x14d\xe2\xf6\x11\x97O\xfb\x10R\xedU\xd4\xaa|$\xdeq\xa9'</t>
  </si>
  <si>
    <t>b'p\x01\x0f\xf6\xf7\xd1\x96\xe4W\x0cE\xda\xdf\x8f\xa5,\xcb\xb0\xd7)\x8e{\x84\x17\x05\xc6\x9f\xce\xe0\xd6\xc1\xf7'</t>
  </si>
  <si>
    <t>b'\x8a\xda\xff&lt;\xb7j|&lt;\x18\x8eYe\xed\xf4\xa6\xdbzuZ\x006\x92\xd1\x145\xddS\xf0\x8a\x8ek!'</t>
  </si>
  <si>
    <t>b'\x98\xb0\xa5m\x8c\xb1\xebcs\xf1\xdc8\xb8_\x06GG5\x07\x8d\x03\xfa\xa1Y\xf3\xb8\x12b3?\x10I'</t>
  </si>
  <si>
    <t>b'"\xc0\xc0#n=*v\x0e\n\xd3\xce*\xb2\x0f\xb2h\xb2s\xcaU!\xa7\xc7\xb1\xba\x1c\x80\xc4J\xb7\x9d'</t>
  </si>
  <si>
    <t xml:space="preserve">Credit Card Refinancing </t>
  </si>
  <si>
    <t>b'\x0e#&amp;\xefAc\xbfER\x94\xa2\x11\x8f\xc6\xfc\xaeC\x9b\xef~._oQ\xe4\xcf\xdf\xa4/\xe0\x9cS'</t>
  </si>
  <si>
    <t>Consolidaton</t>
  </si>
  <si>
    <t>b'2*\x10\x05\xc1\xf7\xd0\x93s\xd1\xc2\x85\xe0u\xd2j\xeax\x80l\xcf7\xdd\x02Wn\xbf\xec\x13\xb0\x98t'</t>
  </si>
  <si>
    <t>b'&lt;\xc0\xe9\xc7\x11\xe9\xe3\x0fxo\xef\x13!\xdaL\xce\x8bG\xfd\x089\xae\xea\x9a\x91h\xbdRKM{\x92'</t>
  </si>
  <si>
    <t>b'Rp]\xa3\xb8\xfc\xf5j\xf7\xd2\x82w\xdd\r\xde\xc6&gt;\xff\xfd\x8e\xf4\xfc\xe0\x9a\x0c\x1f;\xf5\x07\xe7\xf0\xfd'</t>
  </si>
  <si>
    <t>b'\xdfO\xbfwz\xf8t=\xf9\xe4_\x85\x81\x83\x91\ru\xea\x08\xc9\xb1\\\x81#\x85\xd5\x92y\x1c\xe0\x12\x8e'</t>
  </si>
  <si>
    <t>b'm\xa6\xb5\x14^&lt;J\xfc\x8b|\x82\xd3{\x80\xe58\xf8$\xb3a/\x98O\x1a|\xc5|\xae\x7f\x9b8\xb7'</t>
  </si>
  <si>
    <t>b'/\x9fI)\xcaAmV\xc7D\xd9\x01nZ~I\xea\xb9f\x1f\xba-\x19\xfa,\xe6\x929\xb3\x8e\xa1\x99'</t>
  </si>
  <si>
    <t>b'\x1cvB\x80L\xc9|\xfeK\x0b`\x055\xe2\xc0Ue\x8f\x16\xf7\xf9\xd2\xbf\xb1\xee\xe9\xbfU\xc7\x86\x9e2'</t>
  </si>
  <si>
    <t>b'\xa0\xd9\xa7\xb4Q\x1b\xfbxnIG~iN|?\xfb#\xff:\xd7\xcb\xbc\x93d&gt;\x1e\x93\xa0\xb2\xea\t'</t>
  </si>
  <si>
    <t>billpay</t>
  </si>
  <si>
    <t>b'\xe7\xd2\xc3\xc5\xc4"\xd3q\xf2\\\xd0\xd6\xe8\xb8t\x82\xb3\x89\x93q\\\xcf\xde\xea\xb4!\xd3\xf0{\xdb\xad='</t>
  </si>
  <si>
    <t>b'\x1d\xb7jE\xd7\xc8\xa0\x07\xcd\xec,\x8c\x1e\xb6\td\x15\xd4\x0e\x8f\x1b&amp;%\x83\xa6\xa5\x8b\xfd\x05\x05\x16W'</t>
  </si>
  <si>
    <t>Credit Cards Refinance</t>
  </si>
  <si>
    <t>b'9\xf5\xa1\x96,\xf8r\xcfI\xa2p\xfa\x98\xa9\x8b\xbc\x19r\xc3\xee\xb2\xa2h\xe4x\xd1\xff%\xdd\xdd\xbdn'</t>
  </si>
  <si>
    <t>b"\xe3'P\x06\x11\x1cQ\xea\xcc?N\xc3\xa9~l:\\\xdeE\x16\x87\x02\x82\xf01zn\x8f\xf6\x013Z"</t>
  </si>
  <si>
    <t>b'\xa6\xc3\\\xa7[H\xc3\xf3\x87"&gt;\xccu\xdf\xda;\x91d\x14\x9f\xd8\x8dg\x87\xc7\xb7r\xbcQ&gt;dv'</t>
  </si>
  <si>
    <t>b"x\xab\xa4\x9d\xb8\xed\xb8\xa9z\x05&gt;\xec\n0\xdb\xdc\xa4]\xa6C'7\x066&amp;\xf5(l\xff\xdf\xd6\x1c"</t>
  </si>
  <si>
    <t>b'W\xa6HoZ\xa7\xc9\x92\xee\x97B9z\xbaB\x9c\xe5\n\x19]\x87\x8c\x0b\xc5\x8f\xbc\xf3\x9a\x86\xb10\xce'</t>
  </si>
  <si>
    <t>b'\xa0\x1cB\xcf\x0b\xae.\xe5v\xa7\x88q\x15\x07E\xc7h4~64d\xed\xc0%\x85\xc5\xa5\x01pp2'</t>
  </si>
  <si>
    <t>b"\xa2\x8a\x1d\xd5'\x1d\xd9\x02\x1a\xec~ds\x9fS\xe8U\x0f\xaf|\x85\xf5\xe0\xceF\x06M\x8b83\x17\xa4"</t>
  </si>
  <si>
    <t>b'\xde2\xff\xaa\x84\x92\x8alQ\xbf\xf0\xfe\xb5O\x9c\xdf4v2\x999\x16\x1b\x01H\xf8&gt;\xbe#\xb1+\x0b'</t>
  </si>
  <si>
    <t>b'\xfe\x12 Yd\xc1c\x97/\xe3\xe4\x89av\x14V\xc9\x7f\x8b\xfd\x80\x85\xf2k\xae\x02\xa0\x8d[4\x1e '</t>
  </si>
  <si>
    <t>b'\xd9\x02\xc0o\xdb\x1b\x19\xf0\x06O#Tpb\xa4\x88\t\xea\x8c-\xe82\x1e\xcf\xdat|b\x8f\xae\x98\x05'</t>
  </si>
  <si>
    <t>Get my debt way down!</t>
  </si>
  <si>
    <t>b'\x9bp\x87\x9f[\xfcvR\x9e\xee\x11\x16v\x9d\x85\xe8D\x1b\x01\xe3\xa3s\nf\x1e\x97ukl\x90\x8a\x80'</t>
  </si>
  <si>
    <t>b'\xe7\xb6\x1f\x97\x04\x95\x94&amp;7\xf3V\x1b\xdc\x89A7\xba\xad\xc8&lt;\xf2\xe5\x9c\xff\xef\xca\x01\n%(\x06:'</t>
  </si>
  <si>
    <t>b'\xdc\x1b=\r;$\xc2\xfbQ\x19b\x89b\xdf\xd0:\xd3J\xa7\xa1\x90K\xbaO\xdd!\x10/t\xd8\x9c\x1c'</t>
  </si>
  <si>
    <t>1950 Triumph Thunderbird 6T</t>
  </si>
  <si>
    <t>b'2\xf1?\x16d\x9b=i5io\xbd\xd6lU\xd6\xf7\xe3\xfe\xe7\xa6\xa9\x8e\xd0\x13k\xf0\x0f\xe2\xb9r\xad'</t>
  </si>
  <si>
    <t>Help Me Out Please!!!!</t>
  </si>
  <si>
    <t>b'5J\xb7xG\xdf\x1e\xc3\x0f\x01\xbd\xb0p\x8b\x19gK\xe9[\x05Q\x96~#\x8b\xda\xb32\xf4\n,\x11'</t>
  </si>
  <si>
    <t>MyDebtConsolidation</t>
  </si>
  <si>
    <t>b'\xddXQ\xf6\x11\xf1a\x97i\xa2\xaa\xa4\xd1|\x16\xe9\xffT\xf94O\xd8\xc3q\xa3\xba\xb9z.m\x82\x01'</t>
  </si>
  <si>
    <t>i always pay my debts</t>
  </si>
  <si>
    <t>b"\xeb\x96\xfa'\xe6\xfd4\xac\xe4\xe0\xbf\xc5\x15\xbaW]\x17C\x93N%\x8d\x01#\x9a\x06\xae\x17a\xc4{\xb6"</t>
  </si>
  <si>
    <t>Loving Life</t>
  </si>
  <si>
    <t>b"\x96\x9a\xbbp\xc2\xe3\x01\xb5\xae.\x10\x01\x02\x9aN\x1c,)\xd2\xe5'\xf5\xa7\xc7\xb1\xac\xe4\x86\xa7AM\r"</t>
  </si>
  <si>
    <t>b'A\xfb\xa4?\t\xa0\xfe\xad\xe5\xbf\xce\x1ct`gaF#\xa7\x91\x9e\xbe\x97\\\x13\xd1\xb5\\\xf7`\xf3\x81'</t>
  </si>
  <si>
    <t>b'=\xb0\xaaxq\xaa\x1c\xe9A\x8fn%\x1f\xcem\xd7\x95\x11KH\xf1\xb2\t\xfc\xb0\xa0s\xe0\xb6\x81ck'</t>
  </si>
  <si>
    <t>b'P\x8d\x1eLS\xde\xe2\xf2\xff\x98\x84\xf2\xf9\xc4$i-\xb5\x0f\x81:}\xc7\x1f\xcecP\x97\xa6c\tq'</t>
  </si>
  <si>
    <t>b'\xfbV\x04s\xd61\x94Y\xfeb[}D\x0e\xd2\xed\xd7\xd0\x11\x0b\x9a\xcb\xdb\xbeet\xcf\xee|i\xc6\xd5'</t>
  </si>
  <si>
    <t>b'\x9e4\x9eR\x00\xd8&lt;\x1a\xa2\xf7\xdc8\x8b\xcf\x7feMT~;\xe9{n\x80\x1d\xea\xcd\x8a9nc\x94'</t>
  </si>
  <si>
    <t>b'%\x0e\xa5\xa3\xefAZ&lt;8\xe9\xa4\x7f\x05\xb8\xcf\xad&gt;\xb4C\xf6\xa5\x1c\x15\xeaK\xf1ov\r\x94\xdb\n'</t>
  </si>
  <si>
    <t>b"\xcd\x8f\xb8pnp\xfa\xa6'\x869*\xdf\xaa\x9f.\xa7\xf1\xb4}w@3\x12!\x15\xacj8\xd5\xf8?"</t>
  </si>
  <si>
    <t>Good move</t>
  </si>
  <si>
    <t>b'\xcaC\xd5\xd3%=\xd1\x1b\x04\xcf%\xa8\x87g\xae\x9e\xe8\x97{[+\x01\x1d\xfc\xf0h\xbe\xcc\xce\x9b\xee\x9c'</t>
  </si>
  <si>
    <t>b'\x14\xd2\xac\xe6\xfe\xc5{\xe5\x04\x9f\xfd}\xc99.\x9eH9\x8b\xc9\xd3\x92\xca\xfb9\xd0Y\xc8\x17v\xb1\x1d'</t>
  </si>
  <si>
    <t>b'#I~\x1e;;\xa3\x0f,\xfa\xe7a\x0f\xb9\x96q!\x9f\xb1%f\xcf\x88\xf9-\xaa\xf8JV_\xa1F'</t>
  </si>
  <si>
    <t>b'\xc5$"\xa5\xa5gV\xa0\xbab]p \x9b\xeb\xd5\xee\xef3V-\x9b&gt;ar3\x1cG\x9b\x00)\xf8'</t>
  </si>
  <si>
    <t>b'\xe2z\xfa}\xc2\x00\xdaXU?h-\x1a\x1b\xa2l\xba\xf5\xdc\xc6v\x82\xa0v#\xf5\xfa\x19F\xadA\x8e'</t>
  </si>
  <si>
    <t>b'\x81J\xf7\xa7*\x1ab7S\x00\x1e&amp;\x91E\xc1\xb5\x10\xcaz\x95\xeb\xb5-\x0f\x07zx*\xf0k\xdd$'</t>
  </si>
  <si>
    <t>b'\t\xeap\x0e\xe71\xcej\x9d\xc6\x98N\xd0b\xac\x924\xd4Z\x0f\xfe\x15\xf2 P&gt;\xac73\xd5\x96Y'</t>
  </si>
  <si>
    <t>b'\x1f$o\xe3;H\xba\xc7\xdf=\x0c\x08=\xc4I_:\x9b\xafZ\xe8\xc9\xa8j\x1e\xa6\t\x04\x0cj!W'</t>
  </si>
  <si>
    <t>b'\xf2\x80\x10p\x04HZ\xa6\xfc"\xfc\x042\x16\x98\xce=4\x01\xe6\xce z\xbaA\xed\xdd\x19\x86\x88`\xe5'</t>
  </si>
  <si>
    <t>Visa Payoff</t>
  </si>
  <si>
    <t>b'|\xd2\xe8~{U\x07!\\t4\x99\xde\x98SI\xe9\x13{\xfas2k\xf2\x99\xb4\x99\x04\xe9\xcf\x9fS'</t>
  </si>
  <si>
    <t>b'\xfa\xadZ\xc6=\xc2\xb0\x05j\xd5\xd3\x94\xbb\xf0\x8b\xe0\xbb\x92cY\x1en\xf8?\xb7\x86ss\x19\xad\xcc\x16'</t>
  </si>
  <si>
    <t>b'\x1d\xb1\xd4}\xc6\xe4\x08\xe3\x17\x84\x98\xa9U\xc3:f\xe6ay7\x14\xec\xea\x96\x01\x8d\x8f=P\x14\x84\x83'</t>
  </si>
  <si>
    <t>b'_\x8f\xedd\x91F\xf2X \xaf[\xf5xN\xa3I\xcf6\x0e\x9e\xf0\xb5\x8c\xb7\xbfNw=K\xfc4\xcc'</t>
  </si>
  <si>
    <t>DEPTFREE</t>
  </si>
  <si>
    <t>b"\xeb\xfe`1' #.\xa1\x12e\xce\x0e\xaa\x9b\xa2Ps\xe0J\xc1z\xbf7\x89b\xe0\xdf\x10\x0b\x82\xc9"</t>
  </si>
  <si>
    <t>b'4\xe6\x93\x1e\xce\xd1.\x00\xa46E\x1f\x8b\xff\xbf{\xfe\xc9\xd4\x87-\xafu\x081\x99z\xcc\x81{\xce\xaf'</t>
  </si>
  <si>
    <t>b'\xacR\t\xcbB\x10]\xca\x04\xe1!gB\x01z\xeb\x11?\xae\xb9 \xa6\x00\xd3\xac\xaaA\xd6N\xd6\xa2v'</t>
  </si>
  <si>
    <t>b'\xc0\x03w\xbf&gt;FF4\xbf|\x8e\x10\x18N\xe2SpN\xe5\x07x\xc4\xd7\xb3\n\xb6\xfd\xd3\xc6\xc6\xe7\xca'</t>
  </si>
  <si>
    <t>b'f{\xb9\xb0&lt;\x06\xf1\xcd\xa5\xd4\xbd\reI\xb9\xd4\xe6\t\x19&amp;\xa8\xda\xdbi\xc6\x8f\x90-\xcf\xe4\x8c\xdf'</t>
  </si>
  <si>
    <t>budget repair</t>
  </si>
  <si>
    <t>b'o\xb0\x8f\xff\xe8\xb8a\xeb\xac/\x04\xbd^\x9f#\x0e\xe7\x82\xbb\x9a\xe8L\xe8\xc4 8\n{=\xfeg^'</t>
  </si>
  <si>
    <t>b'\x03/\x84\xafug\xfa\xadX\xfb%`Q$\xcb\x9dIN\xbb\x8cJ\xbbY\xb2\x0c\xf3\xc0\xd3\xd0\xfe*9'</t>
  </si>
  <si>
    <t>consolidate and used car</t>
  </si>
  <si>
    <t>b'\xd1\xaa\xf3\xf5I"\x9b\xf3\x10\xce&amp;rx@\x85\x97\xc0\xd1\xae\x96(\xf0\xab\x08[\x8eY\x91&gt;\xfb\xb1\xe8'</t>
  </si>
  <si>
    <t>Less Stress Loan</t>
  </si>
  <si>
    <t>b'o\x1aq\xdf\xfa\xbc\xfe\xb8\\\xd9\x93\xf6\x82Nt\xa6\x98\x7f\x8f\xa8\xe5\xe2x_R\xb3\xf4\x84\xd2\x01\xcc\x94'</t>
  </si>
  <si>
    <t>b'`\x9c\xa4\xffi\xc8k\xdc-\xf2\x02\xc4\x8ep\xd4\x8d"L&lt;+\\\xd5\xff\xe3\xab\xfc7\xb3\x19\x0bq\x92'</t>
  </si>
  <si>
    <t>b'S\x8e\x0f:\x82p!Yk !\xb5\x9e\xd9/h\x99G\xcf*\x99\xec\xd4\xc9(\x8d\xad\xee\xe0\xe0\x12\xfb'</t>
  </si>
  <si>
    <t>b'\xda\xe9\xfb\xbe)\xe9#]\xa5\x0b\xb1\xbf.\xde\xd8\xdd\x8a\xee\x9c&lt;\x91\xa7\xe2\xca\x97\x82\xa8\xf6\xfd.\xber'</t>
  </si>
  <si>
    <t>b'\xdf\xfaL\xf6d\xe6?$,Sx\xb3u\xe8\xd5\xe5\x89\r&amp;\xee\x00\xde\x96h\x8b\xba\xfeO\xc1\x80,\x14'</t>
  </si>
  <si>
    <t>b'\x0c\n\x07\xe5d\x87\x00\xdd\x16\xbdK[\xa2\xd3\xf0\x03\xb2\xc2(\x81A\x90\xa1\x8a\xd4T\xb9\xfag&amp;\x93\x1a'</t>
  </si>
  <si>
    <t>b'\xcc\x82\x0f\x86"\x9a\xbe\xc3\xd8\x10\xc8\x1e\xc4\xab\x86l\x9e\xc5/\xa9\xe6%u\xbbm\xec\xf1\x80\x1c\x94\x12\x93'</t>
  </si>
  <si>
    <t>b'\xe3J\xdam,\x96\xab\xae S\xb9\x91\xe8\xd93\xb8\xa5\xbd\xe9\x81\xdar\x87\x0f\x88\xfe\x14\\\xce\x96\x10/'</t>
  </si>
  <si>
    <t>THE END OF DEBT</t>
  </si>
  <si>
    <t>b'\x1eU\x88^\xa9\x8cVs\x15\xf0\xb8,\xf8\x83\x9b\xfd\xd6\xe5P\x9e\xb1dx\xd9F\x00P\x04&gt;Q\xbf\x8a'</t>
  </si>
  <si>
    <t>b'kP50\xbeF 9L\xcc\x81\x8c&lt;u\xf9\xa5\xa3-\xd5=\xe0\xba4\xf9y\xe9\xdc\x93\x87\x82\x91\x15'</t>
  </si>
  <si>
    <t>b'q\xe7\x18tPV&lt;\x14d\xb62\xaaK&gt;\xda\xe2\xd2\xd2\x80\x11%\x06\xa5\xe7U\xd5\x9b\xcd@\t\x94\xcd'</t>
  </si>
  <si>
    <t>b'\xe4!)\xb9\xb9\xae\x95\xdb\xaek\x05\x9a\x8d\n\xd3\xd5\x1c\xb5uI\xb1|\xc4E\x06SA\xf0\xe3\xf9\xe6\x8c'</t>
  </si>
  <si>
    <t>b'\xe7\x02\x06\x0b}\x15\xba\x7f\xden\x8c\xf1.\x03&lt;\xbf\xad\xa3\x13\x90D\xb1\xdf\xaa\x063j@\xd40v5'</t>
  </si>
  <si>
    <t>b'\x974\xfb\xcc\xf8$\xfd\x1b\x1f\x15\xdc&lt;\xcf\x7fQ\xf3\x90@?\xc7\x8d\x91\r;\xe7i\xc0\x85\x01\xdb\xe2t'</t>
  </si>
  <si>
    <t>b'\xdc\xc8Wf\r+\x1dx\x0c&lt;\x15\x97H\xddU\xe8\x9e\xe0\x88M\x03\x89~\xba\x14ds\x8d\x03EH`'</t>
  </si>
  <si>
    <t>b"\rT\xa0NX'U\xaa\xd5]8E\xd4\xae&amp;\x87!\xbd\xca\x15\xf7\xaf\xa2\x0b\x93\xb7\xd5\xf4g\xb9\x88\xb4"</t>
  </si>
  <si>
    <t>b'\xe7\x84\x06\xa0\xe7&lt;\x1c\xc5[U|\x97&amp;u\xc0\x95\x0e!\x1e\x84F\xf2\xfcm\x0evy.\x1c\xc42\x83'</t>
  </si>
  <si>
    <t>b'\xc4\x16\xa9\x1c\xb8\x032\x92\x0b&amp;\xf48A\x97Z\t\xfa\xe3\x1d\xa6\xddQ\xf8q\x11\x90\xeeH\xa7Q\x91\x8b'</t>
  </si>
  <si>
    <t>b'\x9e\xc2\x90\xe12X\xc1\xf5\x00I\x147\x91\x91\xc2\x01?\\j\x1a\xb2\xe9qm\x94\xeb\x87\xbfT\xdf\xf7\x1c'</t>
  </si>
  <si>
    <t>Debt Payoff Journey</t>
  </si>
  <si>
    <t>b'\t[C\xa0\xe8)\xa2\x95\x00~XvgA.\xf8\xcb\xd2\xe7\xe4\xce\xff\xcb\xac\xccj&lt;\xdf\xafI\x1e\xf9'</t>
  </si>
  <si>
    <t>b'\x1ep"@\xb4zv\xe7J\xbf\xb9\t\x1a\xcd?"j\xe996ntuH\xeaE\xf2\xaa\xc5\x04\x1e\xc1'</t>
  </si>
  <si>
    <t>b'vJp\x05\x14Il\xb4\xed{\x91\x87\x93\xfc\x0c\x0c\x05\xc2A\x0b\xcc\x8c\xe9\x93\xe2\xde\xf8G,\xe5_^'</t>
  </si>
  <si>
    <t>b'\xe5\xcdm\xb0\xf7\x0b\xbb\xca\xf7&gt;\xd4\x13\x95\xd5i\x90\xfb\xbf\xa5@\x05\t\xb9\xe2\xb1Qz5qzo\xcf'</t>
  </si>
  <si>
    <t>b'!(}T`r\xf3\xb1\xb6\xae\x14\x97\xd6\x12\xd7\xaf\xdc\x8a\xd1\x9an\xed\x87\xadU\x07\xe0\xce\x14\x94\xa5\r'</t>
  </si>
  <si>
    <t>b"?V\x8f\x91\x8d'\xeb\x85\x1d\xce\x84\x17\xe2W\xd7\xf3w\xc5@\x19HR)IV\xc3\xac!\xd3\xa0;Z"</t>
  </si>
  <si>
    <t>b'\x80\xf7\x1c\x84U\xeb\x03\x8ai\x80D\xc3O\x82[|\x9b!\x11\x97\x15\x87\rE\x9c#\xda\xd4\xb3B\xdc\xda'</t>
  </si>
  <si>
    <t xml:space="preserve">get me free </t>
  </si>
  <si>
    <t>b'\xec&amp;}\xa6\xb8\xa2Fv\xa06\xb2t\xf22\x11\xd5\xf4\x81M\xb6\x81\x04\x03{\xdc*^m\x1b\xdbwe'</t>
  </si>
  <si>
    <t>b'\xda\xb5\xa7\xa8\xdbZ\x11\xc8_d\x0bh\xe9\x99\x97g\xf5\x0f|\x16\x0c\xe4\x03)\\\x88\xcfP\xb6\x98v('</t>
  </si>
  <si>
    <t>b'\xfc\x9cp[L;\xe5\xa7\xc6\xa5\xf2\x95\xe1\xe3\xfd\x1a}\x1c\x16@\xe3\x81\xcf\xab=R\xba\x12=d\xec_'</t>
  </si>
  <si>
    <t>b"m?\xca\xa0,o\xc8\xef\x94\xfc\xde\xa1'\xe3\n\xc4$\x11\xc1:\xda2^\xfei\xc9)\xb47\xa2\xb1\x07"</t>
  </si>
  <si>
    <t>b'j\x18\xc2\xc9\xdeE\x18:\xd8\xcf/s=\xec\x87\xc7\xbek\xec\x96\xec\xf5\x7f\xa19\xd5\xe6o\xe7%,\xa8'</t>
  </si>
  <si>
    <t>b'\xbeU\x17\xf5lHd1&amp;\xaa\x06r\xbc\xd1\xd4\xc7!mRZ\xd9\xa9\x06@-\x98P\xdb\xa4\x90\xc4\x98'</t>
  </si>
  <si>
    <t>b'\xd4\xac\x9a\x98\n*\x06A!\xa2\xdez\x96\xff\xeaJ\x06\xf4&gt;v\xe4\x0co\xb4\xf1\xc4\xb3\\\xbe4 \xbc'</t>
  </si>
  <si>
    <t>b'\xb3\xfb\x0f\x8d\x97\x8c\x0eS\xf7Q\xce\xa5\x825,\xa2\xdf\xa3\xa4C+#\x12\xd2FTl~\xa3\x0c\x87\xbe'</t>
  </si>
  <si>
    <t>refinance credit</t>
  </si>
  <si>
    <t>b'\xc6\x1aj\xbb1`Lm"\xfeJ \xe0n\x00\xe0\x12I\xb3\x97\x82(l,\xael\x04\x89,)@\xa3'</t>
  </si>
  <si>
    <t>b'8\x19\x1e\x88\xa04\xa6\xc2b=\x06\x8b(\xdb\x05\xfa\xb16\x8b\xf1\x17QF\x9dA=\xe8\x05~Q\xcf\xb1'</t>
  </si>
  <si>
    <t>b'\xb4\x14z\x7f}\xb1\x8cZ\\A\xc0\xd2\x7f\xbfUYY\xae\xa8l\xd0k:\xe9k\x8e\xdc\x11\x0c\xd5J\xc3'</t>
  </si>
  <si>
    <t>b'\xbc&amp;\xbc\xa1\xa9|tCZ\xbbac^nD\xca\xa1\x82.\xab\x003\x81Z\x15\x05\xdf\xb9:b4('</t>
  </si>
  <si>
    <t>Discv Ln &amp; Card Payoff</t>
  </si>
  <si>
    <t>b'\x07\x80%\xc8\xb2G]t\x9b\xb7\xd0c\xaa!\x82\xf4.\xe1M\xdf\x00\x888D\xc3\xe4\x90\x83\x04\xbc\xb7\xab'</t>
  </si>
  <si>
    <t>b'"]}\xfa\xc3\xd7\xb8G\xf2\xe4\xea\xa2\x01\xbc\x819\x16\x93\x0bj\x84O&lt;\xfa\xfb\x15\xe5x`\x9f~\x17'</t>
  </si>
  <si>
    <t>b'\x92\xaat\xb0\x98\r\xc4&lt;\xeb [W\xb6*\x92\xa2\r\x8e\xe6%-\xbe7f\xbc\xf0V\x0cU\xda\xea\xdd'</t>
  </si>
  <si>
    <t>b'x\xed\xc2\xfck\xf5\xa8N/9\x1aAVa\xdd\xcbn5\x0b/\x06\xf0\x92\xc3\x8a\xb6\x86\xc2V\x12\xd7\x98'</t>
  </si>
  <si>
    <t>Debt consolidation 2013</t>
  </si>
  <si>
    <t>b'1\xe3N]\x98\xa4\x91i\xc7\xf6\x96\xde\x1f\xf6\xdc\xaf\xcd\x10Ms{\xdf\xa8\xaa\xe0}\xe0\x9a\xd0\x1a0g'</t>
  </si>
  <si>
    <t>b'\xa7T\x01\xa8{\x94\x8a\xe54\xe3p\x03\xba1\xd7_\xd9\x17\x8b\xea\x1e(\x91\x9b3\xda\x91&lt;L$\xa7@'</t>
  </si>
  <si>
    <t>Home Renovation</t>
  </si>
  <si>
    <t>b'}\xd7\xa5\x02F\xc3UV2Q\x1e\xd9\x8f\xfebN\x16\x1c\xe7{\xb8\xf4\xb0c\x91N7\x17{8d\x01'</t>
  </si>
  <si>
    <t>b'\xf0\xdf\x05\xe0\xda\xaa@\x13\x84V\x93\xbf\x18\xdb\x88|]\xfa\xd3\xa8a1\x9e\x88\xc7\xf2\xb8\xe9\xd0\xdf\xe5!'</t>
  </si>
  <si>
    <t>b'\xf0\xde+\xa2l\xfaz\x18?\x12\x92S\x1e\xb9\xe9\x05\x91Kba!d\xed\xed\x90/\xffp\xf8h\x03\xd7'</t>
  </si>
  <si>
    <t>b'q4\xf3\xf4\x00\x1f{5\xcd\x17\rx\x19\xc7l~\x01q#\x19\xf4\x1c\xdd\xa0\xc7\x18\xe9\xd2\xfb\xf5.M'</t>
  </si>
  <si>
    <t>b'\xdd\xc2\xad\x82L\x9f\x94C\xfbM\x1ad%B\xa4\x9a\\M\xa9\x7f\xc09\xba\x03&gt;_\xd5\x17[=\xa5%'</t>
  </si>
  <si>
    <t>b"\xe1\x1d\xb9\xc9\xc4\xcaN\xb2\x97\xa5O\x1a9\xfb\x88:'\x13\xbca\xd7\xc6f+\x89c;m\x92\xdeI\xc7"</t>
  </si>
  <si>
    <t>b"O\x13X3\x82\xae\x00\xd4(\xe2\xbb\x1d2\x17\x9f\xf1\xebZkL\xf3,\xd2c9DR\x01N\x8d\xd5'"</t>
  </si>
  <si>
    <t>Road to Freedom (Debt Consolidation)</t>
  </si>
  <si>
    <t>b'\xcd\x92P\xc2\x8bW\xa3eB \x04\xc2%\x1ce\xdc-1~\x94\xab(x\x82a\x97\xb9\xf5U\xaa\xa3\xef'</t>
  </si>
  <si>
    <t>b'Y9\xe06\x16n\xa9,\r\xfaJ~nH\xab\xa6`\xbf\xe6\xfc\xd9\xe3\x14\xe7FP\x9f`\x04V\xbd\xbb'</t>
  </si>
  <si>
    <t>b'\x04\x04TB\xc7\x8f\x19\xa05ok43h\x95\x0f;3\xd6\xe3\xf2\xf2\x9c_\xf1w\xcc\xa8\x06\xb3\x91\xc9'</t>
  </si>
  <si>
    <t>b'\x91a\x86\xc3\xa7\xef\xf6\xd7\xb7d\x8c\xdf\xe0TAT\x13T3o\x1d\xad\xd5\xf0\x91\x97\xcdh\xac\xb2}\x8c'</t>
  </si>
  <si>
    <t>b'\xf3MQ\xbf\x07I&gt;\xf4\x94bQ9K*\x95\\9\x12\xf2\xc9\xd3_!\xc3\x03o\x13.\xc6\xf3\xd9\xe1'</t>
  </si>
  <si>
    <t>b'\xc2\x99j\xfcaD\xa5s\xee{,\x1f\xa6\xf4e\xa0?\x81\xe2d\xa3\x0f\xdfG\xdc\xdb\x9d9&lt;\xe2{\xa0'</t>
  </si>
  <si>
    <t>b'T\x9a\x15\xa6\xd1\xb6\xd4\xa5\xc3\x80=\xec\xdfyR\xca&amp;4\x86\tqS\xa2\x90\xd1\xfe\xc3]\xa5E\xa7\x0c'</t>
  </si>
  <si>
    <t>b"K8\x871e\x1d^Ua\x16j'G\x13S&lt;x=@\x81\x93+\x88\x1d\xbb\x86:\tk\x8d\xe23"</t>
  </si>
  <si>
    <t>Payoff Faster</t>
  </si>
  <si>
    <t>b'\xae\x8d-as\r\xe1.\x832\xbd\xbeI\x15\x1dY\x1b\xe6\xea\xcae\xf5\x1b&lt;\xaa\x11j9Lq\x17\x85'</t>
  </si>
  <si>
    <t>Pay off higher interest debt</t>
  </si>
  <si>
    <t>b'v\xfb\x99\x8dm\x9c\x1a\xafy\xd1\x0b\xa7\xb4\xa4q\xd12\x87B\x04y\x10\xba\xbf\xc3&gt;\x13t\xd4y\x84D'</t>
  </si>
  <si>
    <t>b'T\xe4\xb7T\xc8Y\x19\x8d$\xcd\x1b\xe3\xec1\x18\x08\x04[\x04\xbe%\xeaR\xc84\xf0=\xa5\xf3\xe7\xd1\x90'</t>
  </si>
  <si>
    <t xml:space="preserve">Pay off Credit Cards Today for freedom </t>
  </si>
  <si>
    <t>b'\xe7H\x19\x02\xd5\xbas\xefxI\x8a"\x0c!@\xa5\xd0\xa1\xab\xd8\xacu8\xf9q\x05\xc7aS\xdbr\xf2'</t>
  </si>
  <si>
    <t>Club Loan</t>
  </si>
  <si>
    <t>b'\xf0\xc0\xbc\x9c\xb1\xed\xd94z\x8cb\xaf\x1c\xa4\x96\x97\xb5?\t\xb2\xfb\xe79\xe2\x03\x90r\x82\x07_oA'</t>
  </si>
  <si>
    <t>b'\xebU\xa3\xbb\x8f\xd3\xb8\x80\xe5\xd2\x9fC\xf7\x81\xe9\x8cp\x1d\x08\x96\x81\xcdpJ\x82*\xcc\xf85J\x12\xa3'</t>
  </si>
  <si>
    <t>b'v\x85e\x03\xf0\x14l\xf7=\xbd\xcd\xecc\x89\xc7\xe1*\xb1`\xfc\xbe&gt;D\xc1ap\xd3\xa8\xe3+5\x1a'</t>
  </si>
  <si>
    <t>b'\xb3\xe4\x80-;\x857\xf2\x13*\x81\x992\t\xbc_\xe7\x1d\x90\xedsZI\xb6\x82\x8e\xdc\xdfb\xd5\t\xce'</t>
  </si>
  <si>
    <t>b'T\x1f\x19\xce$\x12\xa7\xff\xde8R\xb3cV\xbb\xde\xce\xf2_?+\xf5\x12\xfb\x95q\xc6HA\x0b\x80\x87'</t>
  </si>
  <si>
    <t>b'D\xe9\x8b\xe1Q\xad\xd4\xc2L\x83\xf3\xa0\x0bL\xae\x99\xc0^\x8f@J\xba_B`B50O\x95@&gt;'</t>
  </si>
  <si>
    <t>HeatPump</t>
  </si>
  <si>
    <t>b'\x00\x94\xae\xdb\xecZ\x01\x11\xa1z\x1c\xd6B\x13-\x0eb\xe5f\x0f\x1bx)\x05\x86\xa01\xca\x9b\xe0RD'</t>
  </si>
  <si>
    <t>b"}w.\xd4Q\xe6!\xd3\x1e\xae\xa82'\x8d\xcd?9b/\x06\xb68\x0b\xc4\xb0-\xeek.{\xc5?"</t>
  </si>
  <si>
    <t>b'\xb5\x1c{k\xb8\xf2z\xdf\xac\xa0\xedMW\xfeW\x92a\xe6\'\x15i\xd4"S}d\x88\xe4\x8f1\x90i'</t>
  </si>
  <si>
    <t>b'\xf4\xf5\x19=\xda9\xc4\xff\x931k\xc3h\x0b*;)\xb28\x12\\\xe2\x95;\x89\x0b\xbe\xf7\xb9\x1c\x8f?'</t>
  </si>
  <si>
    <t>b'\xeb:\x14Qd&amp;;[u\x15r\xe1r\x07T\xbc\xb8\xe0&lt;\xa5 E(\x08D\xe2\xea\xeaW\xf3\xc8\xa5'</t>
  </si>
  <si>
    <t>b"\xae%\xd2\xf4~\x16\xdd\x83\xa5\xb4z\xadxK\xd5?i\xc9\xa6\x0b\xd1\xc3\xd0B\xa9\xab\xc3\xebj\nV'"</t>
  </si>
  <si>
    <t>b'\xba\x1c\xf7&amp;(\xa5\'\xa2\x1d\x15z\x0eC5^Z"\xb7;\x00\xc9\xb5\xda\xe7&gt;\x8cB\xcd\xe0\xec\xdf\xe8'</t>
  </si>
  <si>
    <t xml:space="preserve">Capital one </t>
  </si>
  <si>
    <t>b'{\xc4\x8f\x0f\xf0\x9fhL{\xe4\x05\x15h\x15~%\xab\x7f{Cw#\xa3Eu\xb6\xc7\x8ec\x80\x01\x9a'</t>
  </si>
  <si>
    <t>Debt consolidation fast</t>
  </si>
  <si>
    <t>b'\xd9E\xb7\xdf\xd2h\xb3\x17\xd3\x9c&lt;\x04\r\xe8\x12\xe9\xd0\xf9\xd5\x0bt\xca\x8d\t\x9e.\xa9]~\xa4\xbe\xf1'</t>
  </si>
  <si>
    <t>Quick consolidation less 1 month re-pay</t>
  </si>
  <si>
    <t>b'\x13\xd6\xa5\xa2\x9a\x96\x9d*i\xf7\xf5\xdd\xdch\xa0\x9d\xb2Y\xfe5\xf5\xfd\xc8[\xb8R\xf8\xc3j\x02*\x1c'</t>
  </si>
  <si>
    <t>b'\xbf\x87&gt;\xc9&lt;\x01\xcd=\xfcCjCk\x12\x87(\xb8|\xd4;\x8bq\x9b\xd5!\xdeb\xf8\x82\xd5\xdbm'</t>
  </si>
  <si>
    <t>Med Loan</t>
  </si>
  <si>
    <t>b'\x82\x9a+]\xa2\x9d\x9a\x0c\x16ZQ\x8fJ\x8aG\xab\xca\xaa\xb4\xd0\xd3\xba\x14\xf2\x9a\xe7\xe4\x17\x9e\xa59\r'</t>
  </si>
  <si>
    <t>Initial Payment</t>
  </si>
  <si>
    <t>b'\x80Y\xd4p\x94&lt;\xaf4\x8f\xa6\x92\xd1U$\x80&lt;\xac\xa5\x8eI\xe9w\xe9\xd1\x98\xdauy\x1a\xd5?\x9e'</t>
  </si>
  <si>
    <t>b'\x97\xfe\x1em\x94y\xf9E\xc8\xebW\xaf\xfd\xe2\xb4\x1f\xfc\xde`\xba\x8a\xb29\xbf\xbc\x9d\x9f\xa2\x15\xb1\xd6\x11'</t>
  </si>
  <si>
    <t>Patrol Rifle</t>
  </si>
  <si>
    <t>b'\xbf&gt;\x14XB\xee\x18Y\xbc\xb7\x12\x97\x9c\xaeH\xc6\x97\xcdp\x047Mw\x0ey(\x9an\x01e\t$'</t>
  </si>
  <si>
    <t>Renovation</t>
  </si>
  <si>
    <t>b'\x8d\x10\x07\x87\xe3\xa6\xa7\xc1A\x7f[\xa3\xf4Tk\xd8\x02\xc7\xc56Q\xf3\xae(\xb0]\xc7\x02U\x8c\xdcn'</t>
  </si>
  <si>
    <t>b'\x1c#\xac\x1e\x12\xc5\x87e@\x99-\xf5\xbc-\x1f*\xc2\xeb\xca\xce\xd3\x880\xad\x12\x04\xb2\xf4\x15a\x99O'</t>
  </si>
  <si>
    <t>black friday</t>
  </si>
  <si>
    <t>b'7(\xc09\x17\xee4 \xc0\xab7\x97\xf9\xcf\xcd\x17\xd2\x11q\xa9L\x16&amp;\x9c8u\xbd\xda\x93\xeb\x8e"'</t>
  </si>
  <si>
    <t>b'(@\x1e\x9b\xdeLrs\xfe\xe8\xca\xb6\x8c\xf9\xd8\xd5\x93)n\xd8\x90\xe1\xa6\x94t\xceg\xf5\\u\x17\n'</t>
  </si>
  <si>
    <t>b'\xef\x8b\n\x06\xc6\x1d\xbb\xdf\xa4s\x01s\r\xae\xe4k\xd5\x8b;S\x93Rx\xe9\\!R\x9a\xf84s\xc3'</t>
  </si>
  <si>
    <t>b'5\x82P\xbe\xa8X\xae\x96o\x10\xc3\x8cG\xd1\xd3\xf2\xa7\xe8\x89B[0K\xb6\xffm{\xab\xe1\xad\x1e%'</t>
  </si>
  <si>
    <t>Get out of debt already!</t>
  </si>
  <si>
    <t>b'\r\xbcu\x8e\xc2\xc5\xb0\xdb\xeb\xcd:\xff9\xc3\xda\x8d\xcd70s\n\xd4\r\x0e\xd7\xacQ\xc4\x1a\xed\xcb('</t>
  </si>
  <si>
    <t>b'\xc8\x12\xd8\x9dI[\x1f5\xe1F2\x14a\xa9\xcc\xcc1\xb2$W\xc7\x08\xfa_\xdc_\x1d\r\xc6\xc6\xfe\xb5'</t>
  </si>
  <si>
    <t>b'\x91\x99\x8b\x9e\x14N\xf206\xc8\x17\xf7\x92\xede\x0bv\x94&amp;\xc6n_}\x04\x83\x98PRb\xca\xbe\xf7'</t>
  </si>
  <si>
    <t>b'Y\xb9K\x119\x10\xb5\xeb\xf0\x98\xdfo\x07\xb6\xf7\x96x\x96\x83\xd7ub\xbct\xd2?c\x1b\xaf\xfd\xb9q'</t>
  </si>
  <si>
    <t>CAR LOAN</t>
  </si>
  <si>
    <t>b'\xd3H\x11R\x0b\xfd\xcb;z\xc0Xs\xb3\xa4,\xf6\xa4\x95\xf0\xa8\xda-\xfc&gt;\x86?s\xb5\xb0\xdd\x92\x01'</t>
  </si>
  <si>
    <t>b'\x1e\xf4\x8ci\xa4\xa8}\x00\xfb"\xc5K\xbb\xca?\x97%\x19\xf2uo\xd8\xecl\xd01U\xc3\x91DG\xea'</t>
  </si>
  <si>
    <t>b'(^F5\xa1\xa7B1\xc5K\xebFH.i\x00\x1e\x85\xda\x1e\xdb{B\xe2\xeeh\xfcNQc\xee\xa6'</t>
  </si>
  <si>
    <t xml:space="preserve">Moving to california </t>
  </si>
  <si>
    <t>b'\xd9\xe9\x9b\xabD\xc7$m\xfeE\x95t,Ca\xda\x85\xc77K\xc41\x1f^\x9f\r\xf6\xb8\x02\x0b\x00\x83'</t>
  </si>
  <si>
    <t>savetoday</t>
  </si>
  <si>
    <t>b'\t\xd2\xd3&amp;\x06\x11\xf7\xbe\x90\x16L\xea\xd6!\x06b\xae\xda\xd6n\xed\xf8\xf6\xeb\x01\xe0\x10\xd2\xcd\xe7\x08\xef'</t>
  </si>
  <si>
    <t>b'\xe0\xa4\xbc\xc3p2W0\xfa\xb0\x02\xd42p\xcdO\x91\x1c\xb6\xb8\x1f&amp;\xd5\x08\x97z\xd0\x81\x88\xd3\xbe\xa6'</t>
  </si>
  <si>
    <t>b'\xda}\xde\xd0\x89Q\xea\x14\x00\x1a\x956`\xff\xaf\x1c\xc1I\x8c\x96\xc7\xdd\n\xf5[\xf09\r\x1c\x87\xa4\x89'</t>
  </si>
  <si>
    <t>b'\xef\xfc\x06]\xf9\x99\xc0Xsl\xc0\x99&amp;\xc6\xa3\x95\xc8v\x96\xe1/\xec\xc7\xb5\x0b\xa0\x9b\xd4\t\x8e\xe8\xb7'</t>
  </si>
  <si>
    <t>Home improvment</t>
  </si>
  <si>
    <t>b'KqG\xd6\xdb\xcdi\xe9\x95jx\xd3 xnE:/A\x11$B\x9dxE\x1c\x82D\xd8=.!'</t>
  </si>
  <si>
    <t>677xx</t>
  </si>
  <si>
    <t>b'g+\xe1k\xb8o\xe4o\xbe\x9b B\xd4\xe3\xacd\xe2\xfd\x13\xd7\xc8\xf8+\x12\xcc\x11Lx\xfa\x7f\xd5\xaf'</t>
  </si>
  <si>
    <t>b'\xf9C\xa1\x8a&amp;o#\x9f\x9a\xce\xb1\xa6\x8f\xb8\x00\x16X\x86\x14\x01\xb8\x97u\xdbb~2\x8dM\x95\xf88'</t>
  </si>
  <si>
    <t>Strategically adjusting finances</t>
  </si>
  <si>
    <t>b'\x1a/\xaa\x10\xb5\xbb1\x15R\x99\xab\xa6\x9f\xac\xf9\xf4n9\x96\x16]i\xc5e8\xb6\xaf]\xe3\x8f#\x00'</t>
  </si>
  <si>
    <t>b'g\x95\xc6\xbd\xa8\x852\xfa\x06[d\xb2\xb7\x8e\xbe\x80!\xca\xa61j|\xab\xca\x1e:\xadJ\x90ZX\xe0'</t>
  </si>
  <si>
    <t>Deft free</t>
  </si>
  <si>
    <t>b"\xb8\xac\xdd\xeb\x08)\xca'\x14C\xe1;#&amp;r\xbe\x93n+\x80\x14T\xc5\\\xac\xd6j\xd9\xd9w/l"</t>
  </si>
  <si>
    <t>Surgery ready</t>
  </si>
  <si>
    <t>b'^\x17]\x05\xa1\x18*&amp;\xfaa\x18c\xfe\x1a"\xb0\x96\x19+N\x08\xb29\x08M\xd3$\'V\xf4\x85E'</t>
  </si>
  <si>
    <t>Loan for Moving Expenses</t>
  </si>
  <si>
    <t>b'\x83|Rg\xd5\xfa\x8a\xa0*\x87\xfe\xa9t9\xba\x91\x93\xa9\x08\xa9r\xf5 \xd3\x19\xf2p|\xe2Q(\xa9'</t>
  </si>
  <si>
    <t>b'\x1e\x00\x8b\xfb\xd7\xde\x13\xf0\xfd\x93\x88*\xefx\xf9-\x0e[\t\xd6\x9a\x8a\xa6^~VU\\\xb3\xeec\x90'</t>
  </si>
  <si>
    <t>b'\x98C\xaf\xfe\x87\x00\x0e\x0e\xdczBCV\xa7\xb6\xfb@f_&gt;\xce.\xcf\x0b\x86\\\xacv\x80\xcbl\x93'</t>
  </si>
  <si>
    <t>windows  and siding</t>
  </si>
  <si>
    <t>b'r\x7f~&amp;c\x9em\xa2\xa3@[\xf6\xac\xb5\x13o\xe6\x93\x9d\x14@Srz\xe6\xe4/&gt;\x13\x00\x14d'</t>
  </si>
  <si>
    <t>b'\xcc\xa8u\xb1\xb8\xd8\xfdw\x8b\xcdK\xb5\xd4\x90\xa0\x9d~\xe5\xc8W\xf3T=G\x86a\xda{g\xe2\xf0e'</t>
  </si>
  <si>
    <t>b'*\x86\xa9\xf5\xab\xaf\xcc\xc74?&lt;a7\xf8V\xa7\xcc\x00\xdc\xdf\xb0\x18\x00a\xeb\xc6\xf1/\xa3\x03\xe2\xb0'</t>
  </si>
  <si>
    <t>b'\x81\xa9\xe6\x9f5K&amp;\xf0v\xb9A\x0c-\xafC)\x97\xee\xe3\xeb]o\x01hy\xc4t\xa3\xaa\xa1$c'</t>
  </si>
  <si>
    <t>b'+\xbb\xf7\x82\x88\xc2\x84\xa7\xc6S\xa3\xb4\x13\xc7\x0eU\xea\xe9\xc8f\xba\x10\x8f\x82r\x96?\xaf\xa5{\xac\x07'</t>
  </si>
  <si>
    <t>b"\xcc\x83\x9c\xcd\x19\xaa\xdd-yQ\xec!-\xda\xd6\xc8a\xf9C\xee\xec\xa2\xdfK[\x17'xs\xd7\x84\x86"</t>
  </si>
  <si>
    <t>b'\x15\xe6!\x18m\xae\xb0\x1ej\xb38\xd5\xbb_3\xf8L\xa9\x83o4~B\x98\x1f\x91\xca\xc6h\xd1\xe1\xeb'</t>
  </si>
  <si>
    <t>b'&gt;\x98F\rvVB\xc1H\x9f\x1f\x1a\xef\xebw`N,{\xd5{\xce\x81\xb97\xe5\xcb\xde\xa9x\xeb\x9b'</t>
  </si>
  <si>
    <t>b'J\x0fwM\xfc\x16\x16\xdb\xbd\xe8\x8a\xe0\x87\xcc\x07\x90^\xe8\x8a\xe0\xb2V\xfc\xaa\x97L\xbc\x9d:\xec\xb3('</t>
  </si>
  <si>
    <t>b'\xc2\xb0[\xd5\x96A\x99[p\xb0r\xe5\x85\x89I\nw\x102\x90Knx7N\x1e\xdct\xd0\x87\xf48'</t>
  </si>
  <si>
    <t>b'\x9c\x8f\xbe\xb0w\xe5a\x8a\x18Rf\x00T}\xd0\x909\xec\x9d\x17Gd\xff\x0c\x8c\xff\xae\x85A\xa2\xe0\xe1'</t>
  </si>
  <si>
    <t>b'\x7f\xf0`\xa4\xc9\xb9\xc3n\x81\xca`/]@D"M|\x1a\xc0\xd0\xba\x9a\xe2\x817H\xff\xdb\x86c\x96'</t>
  </si>
  <si>
    <t>b'\x12\xfe\\\xcf*7k\x12\xde\xe3\x96?b~\xa8\xe1\x97\xbe\xfc2\xc7\xe4R}/#\xfdS\x9b\xd6SU'</t>
  </si>
  <si>
    <t>b'A\xa9\xc6\xf2`=\xc2\x98(\xe2\xbb\xae_\xda\xa3\xbbm\x89\xb4\x07\x87P\xc0_:\x83\x9d&gt;\xc6\xb9,D'</t>
  </si>
  <si>
    <t>Consolidation &amp; Repairs</t>
  </si>
  <si>
    <t>b'\xbc\x0b\xb5\xcd#\x8c\xcf\xdb\xa0\xd4R\xb5b\n\xb5=\xea\x16\xd7y-D\x04\xaa\x0ei\xd74\xb7 \x9d"'</t>
  </si>
  <si>
    <t>b'0\x069\x96\xf5\xf8i\x06q\x7f;\xca\xdeZ\x891\x81\xba05Aa\xba\x88\xb9\xcd1\xe7G\xe0\xd7\x7f'</t>
  </si>
  <si>
    <t>b'\xfb\xa0y`\xb7I\x03}\xae\x1f\xae,Z\x97\xbew\x1c\xef\xc2\xc3\xb0\x8d;\x8eO\xef\xb6ro\xbc\xc0"'</t>
  </si>
  <si>
    <t>b'\xf5T\xd3\x00\xb1\xbaO\xb4\xf1\xc3\xcb\x1f\xf5\xd0\xcb\x18\n\xb1}\x16qn!\x0be\xf0\x06&amp;\xd4\x89\x08\xad'</t>
  </si>
  <si>
    <t>b"}\xcb\x16\xf4\x0c\xf1\x18\xaf\xb4h\x9a.\xd2B\xd3\x08\xb0\x9a'\t\x8b@\x01\x07\xdd*\x9cR\x91\xef\x1a\x0b"</t>
  </si>
  <si>
    <t>Debt. Consolidation loan</t>
  </si>
  <si>
    <t>b'\xcf\x01k\xe2jp\xac{k\xc1\xc3\x04\xf7\x004R\x95\xe4S\x87\xdd\xd4U\xb6\x9c\x83\xc4\x9c2,\x1e-'</t>
  </si>
  <si>
    <t>b'"\x8e=\x04\nYl\xb7&lt;\x9e,\x03\xcf\x82\x91\x0b\xf3\xed\x10\xef\xb8\xb5\x89\x9d\xeb\xc1\xee\xf0\x84._\x8c'</t>
  </si>
  <si>
    <t>Shadow vtx</t>
  </si>
  <si>
    <t>b'\xfcY\x06Sh_\x17\xd4\xa55"/lK\x85\xab\xf9\x8c\xa9\x17R(\x98\xe1\x1a\xa36U\x7f\xf4\xbd\xd2'</t>
  </si>
  <si>
    <t>b'\x19N!_\xe2\xb1w\xb4\x10\xed\xb5\xc8\xc5hf"\x84\x85\x8e\xb1FJ\xa5\xa91\x19o\x0f\xb4\x8c\xd8\x05'</t>
  </si>
  <si>
    <t>debt combo</t>
  </si>
  <si>
    <t>b'\x93\xbb\xf1\xa6\xac\xcd\xe2\x86(\x16\x02T\xb6\x15\x8e/n\xc6\xf4\x12\xdd\xc0eT\xc2mN\xed4|!\xa8'</t>
  </si>
  <si>
    <t>b'\xa2\x98\x9e\x05\x7f\xb1\xa1pe\xca|s\xbf2\n\x08?\xadxa\x14N^`{\x15$\x80_\x1b\xa4D'</t>
  </si>
  <si>
    <t>Master Plan to minimize debts</t>
  </si>
  <si>
    <t>b'\xdd\xael\xec\x94\x06\x0c\xe3\xa0\x84Ws\xd9\xec\xf4\x84=9\xc0r\xdb\xa3\xfe\xec\x02\xa7\x9f2w\x8fE\xc5'</t>
  </si>
  <si>
    <t>b'\x05y\xaf\xebZy$=!0\xd2r\xdbW\xb0\xf4y\xac\xcdZ\xfe\xcc\xe0\xec\x91]X\xf8\xa7\xb0Pe'</t>
  </si>
  <si>
    <t>b'\xccl\x00\xe6}\xf8\x85l\xe1B\xc1&gt;\xa6\n\xb4\x81\x1f+\xccA\xf1]\x87\x05\x8e\xad\xc8\x98o\r\xfb\x92'</t>
  </si>
  <si>
    <t>b"q\x03\xcc\xed\xfa/p\xcab\x81\x92)\x0f\x8f\x92X\x97\xe0&lt;\x9f\xe7\xde\x9a\xf3m0\xff\xd8\xea\xe6\xc8'"</t>
  </si>
  <si>
    <t>To get back on track before end of 2013</t>
  </si>
  <si>
    <t>b':T\xe9s\x9b\xd6N6\xb6\x01mO\xb2]z^E\xf7#\x04\x9d\x86\x190\x7fUH\xca\xd0\xcb+\x90'</t>
  </si>
  <si>
    <t>b'\x19i\xf9\x8c\xb1WV\xff\xdb\x8ehp\xe6\xa7\xa6\xfb\xad;\xeaY\xbf\x02}q\x9c6\n\xd3e\xe8^\r'</t>
  </si>
  <si>
    <t>b'\xc7\x95\x18\xbc?{e\xa20\x8c\xf7$\xa7+\xf7\xd4\xe5\xa8\x96\xb2%4\x98\xc2w\xbe\x16\xa6\x9e9\x13\xfc'</t>
  </si>
  <si>
    <t>leakin roof</t>
  </si>
  <si>
    <t>b'z\x12\x0fr#.Z\xf7\xeb\x96_\xc2\xd7\xf6\xdd~\xda\xef\xdf;\xf8\x82\xf4+[\x1f\xe8\x9b\xd4\xa7C\xff'</t>
  </si>
  <si>
    <t>New car broke down, wedding ring</t>
  </si>
  <si>
    <t>b'\xbe\xd7\x81\xc1\x1f\xbd\x9a\x94\xcbg\x11\xf4v\xd9/\x108\x04H7\x1d\xaf\xec9\xabz\x84\xa9\xc9\x19\x0f\x87'</t>
  </si>
  <si>
    <t>b'\xbf\x80l\xe7\xab&amp;\x8f!i\xden\t\x13w\xd23/1\xb7=\xa2f\xbc*\xae8\xb1?6\x10L\x02'</t>
  </si>
  <si>
    <t>b'+s\xf1\xc1\xf2\xdf\xd8\xd9G\xe6\xd8/\xff\xe1\xa3hG\x02wU\xd5\x9c\x1b=E3\xbeV9\x12\x88T'</t>
  </si>
  <si>
    <t>b'\x1c@\xba\x07~\x8e\xdb\x02%\x9c?2\xef\x99\xbd8\x19\xc6\xca\x9f\x0c~\x14\n\xfb\xad\xe3\x04]\x16TB'</t>
  </si>
  <si>
    <t>Dept Consolidate</t>
  </si>
  <si>
    <t>b'iK\xd21\x14\xd8\xe2q\xe4\x96\xe9`\xcb\x05\xbc\xc0\x02\xc8\x8f\xdd+^Y1X\xd3\x87w\xfa\xd1\x02\x84'</t>
  </si>
  <si>
    <t>b'\xf2\xd8/\x06p|&amp;i\xa2Yj V:i\x15\xec\xcd\xaf\xc9\xa9\x06\xa5\x03\xd2\xba\x9a\xa1\xccH\x00\xd8'</t>
  </si>
  <si>
    <t>b'\x05\xc1\xba(g\xc5g\xe0\xa6\x98.\x10S\n\xaf\x1e\x86\xd5\xa2\x0e\x00\xba\xd9%\x05\xd8^\xe6A\xdb\xf4L'</t>
  </si>
  <si>
    <t>Debt free in three years</t>
  </si>
  <si>
    <t>b'\xf9\xc6A\xff@\xd9U\xef}\xcb\x14\xb6l\x80\xb6\x15\xf4\x05z0\xa8`\xbf\xef!\xd7\x95\x9do\x88\xaa\x81'</t>
  </si>
  <si>
    <t>b"z@\x93\xe54J\x12S\x9e\x81\xbdO|\x16A^1\x14%r\xa7\xf2'\x1a\xae\xb8\xdcI/\xd8\xfeb"</t>
  </si>
  <si>
    <t>b'\xa0\x9eTrq%\x9ak \xda\x8d\x8ase\xb2[\x86\xd4\x1f\xad\xd3O\xbfZCr+(UE\x1f,'</t>
  </si>
  <si>
    <t>b"b\x8b'\x9a\xd8\xcb6\x84&lt;\x0b\xe8\x19\xb6\xb6\x82v(\x1d\xea\x8a\xee\x16)\xbbv\xd7\x85,\xf3*o+"</t>
  </si>
  <si>
    <t>b'\x91\xa4\n\x90\x8a\xa2\xc9\xa4\x80*n\x1e\xc5?:\xd2\n\x83\xd0\\V\x05&gt;\x8c\t!\x81\x9b\xfc\x06\x1b\x19'</t>
  </si>
  <si>
    <t>b'\x8a\x92\x14\xa46\xd3g$\x05(\xb6\x15\x0ev \xa1q\x85\x13\xbe\xd1\xf3C\x93\xaa=x\xe47\xb6`\x9c'</t>
  </si>
  <si>
    <t>b'm\xea\xcfP\xcfz\xd9\x08\xe4\xde\xcb.N9\xd6\xbc\xe2\x7f\x1a3ps\x06\xfa\xba\x7f\x81\xa5\xc4\x8b\x87Z'</t>
  </si>
  <si>
    <t>b'\xb8\x16b#\xaa\xaa\xb7\xa4\xe9/(\xb9\xd0\xd8\x7f\xdb\x15\xb13\xa4z\xb97\xf6H\x86q\xc0\x1d2$\xe6'</t>
  </si>
  <si>
    <t>b'\x0fT\xcf\x82\xf8"\x0e~\x05\xa6\xcdy\xcf\xf9\xccC@\xf4Z\xa4\x01J&lt;\x91p \xbe\x9d\x91\x8c$*'</t>
  </si>
  <si>
    <t>b'\x99L\x9e\xfcy\x95\xeb\x98:\xa6C\xd1\x94\xceT\xe1\xb2"\xd0\xbf\xae\x15h3\xdd\\\x81\xfa\xdf\x92L\x18'</t>
  </si>
  <si>
    <t>b'+{\x06~\xde\xd3\x88\xb0\xf7n\x98\x85\xda\xae\x98\x9f\xe0&lt;\xfe\t\x12y\xabR\xbd\x98P\x8a8\xe7\xa0\x1b'</t>
  </si>
  <si>
    <t>Amex Consolidation</t>
  </si>
  <si>
    <t>b'\x82\xc2\xc6\xea\xa5\xf9]|,[c\x9btI]7\xe0\xbear\xc2\xd6\x11\xb8"g/\x88\xa5\x0f\xf8\xad'</t>
  </si>
  <si>
    <t>b"\xcc\xc3:8\x01\x03.bw\x8c\xaf\x0b\xd9m&amp;\xd2]p\xa5x'&gt;bm\x1cG\x06\x0e\xe1\x83TQ"</t>
  </si>
  <si>
    <t>b'\xff\xdc(\x1d\x0bI\xbb\xeeQ\x08"\xc2\xddw~\tE\xf7\xf6\xd1\xf1\xb2\xea&gt;\xd0\xd3U\x86o\xf6+\x8d'</t>
  </si>
  <si>
    <t>b'\xea!X\xb7\xcc\x18\xeeU\xa6\x1e\x1a&gt;\xd2\xc6\xd2(\xa5\xcf}~\xae\xb7\xc0\x07\x91\x84\x88j\x17\x9d\x0ex'</t>
  </si>
  <si>
    <t>b'\x14\xd4\xb2t\x08\x89\xbca?\xb0P\xf00~\xadt\x08F\xf07\xff\xc5\xf1\x12\x9d\xd4\xabx\xf32\x7f\x17'</t>
  </si>
  <si>
    <t xml:space="preserve">home improvement </t>
  </si>
  <si>
    <t>b'ko\x82i\xc7`\xcc{x\xd0#\x93\x95\xa8)\x1c\x19\x0b\xb5\xef\x007\xa6\xc84\x8e%\xc7\xa3\x7f:\xc2'</t>
  </si>
  <si>
    <t>b"\xa3Y\x93t\xfa]&amp;p\xc9\t\x89?,\xe6\xdfwi\x82H\xbf'\x19J\x07md\x8bk\xc6\xf3_M"</t>
  </si>
  <si>
    <t>b'\xddo%\x96]\x98\x1dl\x1e\xf3:\xffiD\x03D\x83\xf8,\x15\\\x1d\xc1\xb1\xeb\x1d\x02yF\r\xc1\xfe'</t>
  </si>
  <si>
    <t>b'\x82\xa3\xc2\xa8i\xb0\xdf\xeb6\x90gg\tN\xc31\xb0\xe3H\xab\x00\xf5\xb6 \xb4e\xa1z\x06\xf5&gt;W'</t>
  </si>
  <si>
    <t>INDEBT</t>
  </si>
  <si>
    <t>b'MH\x91\xcc\x19\xb3b\xc0\xba\xd8\xe5\x00m-\x9eu\xa3M\xed\xba\xc7W\xbb\x04\x0c0\xee\xf0:\xe6\x91\xcc'</t>
  </si>
  <si>
    <t>b'j\xe5\x8b\x0e\x9a\xb2}\r%\xa4\xa36j\xae\xe1\x84#.\x16\xeb\x96\x8d\x8d\xc5a\xcd\xab\xe8x\x8a=\xca'</t>
  </si>
  <si>
    <t>b'tz\xc4.\xd0\xb6\xe6FY\xff\xc1\xce\xc8\xe3\xab\xfc*6~d\xca\xf9\xb0V\xc9\xac\x85v\xddA\x85\xed'</t>
  </si>
  <si>
    <t>b'k\xa7\x18Ma\x89W\xa8\x7fe\x17\x9e(H\x96\xc9\xdf~~tE\xf2\x03)\xa33\xfe~\x11Va\n'</t>
  </si>
  <si>
    <t>b"nU2\xfe'}\x14\xef\x94\x89\xc7\x9e\xc42\x8d\x92H+\xec{,\xe7\x12\x0b\xf6\xb5\xd4\xafuKj\xff"</t>
  </si>
  <si>
    <t>b'\x84^Y\xba\x12uZ\xcbP\xf4\xc2\x16\xd4\xe2\xfb|\x08\xf6\xa5\xccB\x05\xf3Y\x80f\xa9\x17}\xec\xc2\\'</t>
  </si>
  <si>
    <t>b'\xe6\xd7\xfe\xcfh\xbd\x0e\x8c\xbe\xbb\xfa\x1d[\xc9\xb7\x98z\xc8\xd0\x87\xe7\xea|vJI\x16\x0c\x04\xb8\x9b\xb0'</t>
  </si>
  <si>
    <t>b'\x02\xc12"\xda/]S\x18\xe3\xe4v\x1d\x15i\xf8Me\xa1\x9c ^\xfe\xf0x9Z\xb4\xaaf\x9a\xcb'</t>
  </si>
  <si>
    <t>My Dream Wedding</t>
  </si>
  <si>
    <t>b'\x9d\xbc\x16\xa4\x11\xc0\xf2\xc7\xa4\xbc\x92\xcdb\xfa\xd9\xfd2\xfe\t:\xa0\xed`9\x9f\xad\xb5\x0008\xa8L'</t>
  </si>
  <si>
    <t>b'y0\xa3I\x13\x8d\xbb\xb8\x13\xc5\xe7\xd9\xea\xc1B\xf4ch\x86\xc3\x1e\xf4/t\xd7\xbe\xd4u)Y\xcf\x1f'</t>
  </si>
  <si>
    <t>b"\xe7\x1c\x9be'\x91%\x94\xe9\xec?v\xe1\xca\xb2u\x12O\xed2\x9a\x82\x01\x0bB\xd5\xa0\x8c\xa0\x85Uz"</t>
  </si>
  <si>
    <t>b'\xf0Q2=\xfcE\xa1\x86\x99\xaa\xb8;g\xeb-qj\x1d%;\xfbQ\x89\x0f\xf1~\x11I\xbb\x93\xd8^'</t>
  </si>
  <si>
    <t>Faith</t>
  </si>
  <si>
    <t>b'\xbe)\xe6\r\xca\xca\xf6\xd3\xd6\xa4\xbdR\xad\x1f&amp;\x9d\x19q\xed8]\xb08\x9c\xdcd\x95\xad\rQ\xd2\x1f'</t>
  </si>
  <si>
    <t>Drive Down My Rates</t>
  </si>
  <si>
    <t>b'b\x04\xe2\xebi\xa3\xd5\xa9\xf5\xb2\xf6\xcf\x8agX|\xf2\t\xb1\xcb\xc7\xa4\xa9Y\x8e\xc4\xff\x8c\xd4\x06T\xee'</t>
  </si>
  <si>
    <t>b'\x9e2\xcd\x11\xf6\x061\xbd\xaf\xb5a\xdaq\n\xa4\x8f\xda\x94\x7f\xac\xe8\xf0\xbd\xc3M%S\xab\xe8\xdbc\xdd'</t>
  </si>
  <si>
    <t>b'\x98d]\x13k?\xa0\x19\xa8\x1e\xd9\xa4\xeb\xbd\xc7\xc7\xf1\n\xff\xd2\xc6\xdf \x88*\x9a\x0b\xe0N\xac+\x9e'</t>
  </si>
  <si>
    <t>b'\x1bG\xe27\xde7\x90L\x95\x8f\xd7M\xc5\xcf\xc8\xba\xed\x08\x19=1\xab\x05A&gt;\x1fw\x1e\x04\xb6\xf9\\'</t>
  </si>
  <si>
    <t>b'\xc2U\xac\xf0\xc5\xb1,\x9e\xa6\x8d\xf1C\t\xf3x*H\x15G\x00\xda\x1eaB\xb0\x85pS\xf5r\xe4\x11'</t>
  </si>
  <si>
    <t>b'\xd58\x01\xc8\xfc\xd7:1\x06._\xf9\xa5?o_\xdf\x10\x0fzf\x18\xfaI\xd0Vpgf\x9c\xa1\xec'</t>
  </si>
  <si>
    <t>b'\xff\x96\xe8\x81Y\x04Q]\xc2A\xa8RX\x92\xee\xda\xe8\t\x83^(\xf4\xe6\x1b6\xb14_.\n@\x8b'</t>
  </si>
  <si>
    <t>Get rid of debt</t>
  </si>
  <si>
    <t>b'f\x903\x08Kg\xf7\xb1\xc4i}\xb5a\x037\xc3\xc2\xab\x08x\xd9\xa9\x9f\\\xe2y\x80~\xa0\x06(\xfb'</t>
  </si>
  <si>
    <t>b')\x0c\x9d\x0b\x7f\xef\xc2&lt;\x999\x16\xe7\x1e\xe5\xa3W\xb4}\x9d\xa3\xe4;\xb4\xb7\x9b8y76U\xd3k'</t>
  </si>
  <si>
    <t>b'\xa2q\xaa\x8d^\x8d\xa3\xd36\xc9\x8ch\x06\x00\x07\x17\xc9\x01\xb6\xe7\x85[\x11\xca\xc7\xcf\x88\xb3\xe4D\xde8'</t>
  </si>
  <si>
    <t>b'\xeb\x1cA@\x93\xab\x19[9\xc6|\x88\xe2\x0f\xa31\xb6\\\x13Bs\x11i#z\x84\xea\xf0\x0e\xdd\xd2&lt;'</t>
  </si>
  <si>
    <t>b'\xd8\xa2\x0b&amp;\xfb\xb3g\xab\xe2\x13\x12`\xfb-\x0b"\x87/E6-\xce\x02\xb5F\xfe\xd7Q\xf9\xff\x86\x88'</t>
  </si>
  <si>
    <t>Business Regrouping</t>
  </si>
  <si>
    <t>b'\xc9/\x0f\xa0&gt;\x9d%!\x80Jp\xfe/\xdc\x10\xe9\xb7\xc9\xa4\xe1w\n\xbe\xeb\xd8\xc2\x81\x89\xbcY\xdf_'</t>
  </si>
  <si>
    <t>b'\xe5\xb7\rH\xd3\xd0\xfbH\x88250\x9e\x99\xd3\xbb\x98\xccX\xd8\xf9\xd9\xdd[-p\xf1\xe7\xa8J\xec\x8d'</t>
  </si>
  <si>
    <t>b'W3\x0e&amp;\x18O\xe3Z\x1d\xca\xb0#\x08\x8ciy\xb8E\xa0ku^\xafq*\x1awR\x93U\xd9\xd0'</t>
  </si>
  <si>
    <t>walt disney world</t>
  </si>
  <si>
    <t>b'\xb4\xde@-\x00\x8f\x89,\x8ayA\xd5c&amp;\x7fg\xd60y\xca\xed\xe2D\x058\x88:\x8d:\x06\xed\xb8'</t>
  </si>
  <si>
    <t>b'WrY\x99\x11*\xcd\x05\xc8\x0b\x8f\xe3\x81nYL\xdaGs\xf3J\x1c\x0f\x0e\xd6\x9fz\x89g\xad\xd6N'</t>
  </si>
  <si>
    <t>b'\x81\xde\xf4&amp;P\x9b\x18l\xab\xdc\x80\x0b\xbe\x8b\x18\x8e]\x97\xba\x91M\xab\x04\xf8Uu\n\xca\x18$\xdf\x01'</t>
  </si>
  <si>
    <t>b'\xa9.g]\xb9Vx@\x88\x9fex\x91HQ1%\xc5\xf1\xa6%\x0cgFJz\x82\xf4\xc2\xb5bh'</t>
  </si>
  <si>
    <t>b'\xa4\x08I\x1d\x19\x04\xc9%\x02L\x973\xef\xe2\xc3y`\x05\x0fL\x7fRq\xa8I1+\x0c\xfe\x15\x7f\x13'</t>
  </si>
  <si>
    <t>b'\xdf\xd2\x92\x84\xf6\xac\x99\xba\\x"n$\xa1\xca\x1e\x7f\x85A\xd5\xc5\x0bQg\x0b\xae\xa3\x03B_\x87\x80'</t>
  </si>
  <si>
    <t>Paying my debt</t>
  </si>
  <si>
    <t>b'\xa9\xa5\xc7ZH\xc4d\xb6ly\xcal\xf3\xec\x87*]`T\xfd6_\xfb\xe1\xbfO_\x9d[\x03%\x02'</t>
  </si>
  <si>
    <t>CC Consolidation Loan</t>
  </si>
  <si>
    <t>b';[2x\x83^\x00\xd6\x8f\xef\x8c\x81n\xeb\x8f\x04\xdd\x9b\xa8\xa6\xd4\xbb#\xd4\xf8\xfb-\xc1~\xc7\xa2\xad'</t>
  </si>
  <si>
    <t>b'\xe4\x15\xeb\x7f\xcc\xd6b\x15\x85\n?L\x7fv07X2\xc9\xe5E\xb2\xa8c\x87re~\x8f\xa9\xfa\x11'</t>
  </si>
  <si>
    <t>Deb Consolidation Loan</t>
  </si>
  <si>
    <t>b'\x9b[II2\xa4}m\r}\x04\xc9:\xbe\x13@\xf9\xf8zQ\x04\xb1k\xd4\x1a\xd7\x0c\x97\x18)p"'</t>
  </si>
  <si>
    <t>b']c\xb25\xc3\x86?\\\xadK\x88\xb4\x9c\xeb&gt;^\x89\x823z\xda\x18\x9f\xcb\xa7\xafL W\xd4q\xd0'</t>
  </si>
  <si>
    <t>b'B\x879\xb3\r\x7f!\x0bn\xc1\xc4\r\xb0\xfdKWo\x1a\x1d\x06\xdc\x18Nm\xfb\xef_\x03\x17\x89\xb9\xf3'</t>
  </si>
  <si>
    <t>Credit card finance</t>
  </si>
  <si>
    <t>b'D!\xe6\x82A\xd0\x95\xe5\x85\xf9\xaclKGq\xdd\x98\x05\xa4\xd6\x8bUa\x00\x18T\xe0A\x18&gt;[y'</t>
  </si>
  <si>
    <t>consonlidation</t>
  </si>
  <si>
    <t>b'\xa2g\xbf\x8f\x9b\x9f\xcb\xc8YkR8\x0cs\xc4!\xab\xfc\x19\xff\xeeA\x14"RmY`\xcb\xa2j\xea'</t>
  </si>
  <si>
    <t>b"A\xd6Q\xc0\x13S\xc7y\xde\xa4\\\x8c#P\xebQxh\xb9\xb2\xab\xa1\x1d\xe0C8'\xdb\xc6\xe6\xdd\x16"</t>
  </si>
  <si>
    <t>b'\x1d\r\x93=\xab\xef"\xe6\xc5pV2\x18\xc7p\x17\xa1Y\x86\xb7&lt;_\x0c\x03s\xbe\x0f\xae\x95\xedos'</t>
  </si>
  <si>
    <t>b'x\xbd\xa6\x84:&amp;\xc1\xa5_\x0c\xc8\xfa=\xf8\xc2:\xac\xe2\xf2\xbc\xf7k\xac\x1c\xa4\xbc\xba\xf1\xbab.B'</t>
  </si>
  <si>
    <t>b'\xa4y1q\xa4P\x97\xafu\xe6\xde\xedx\t\\t6\xb0\xb6\x17\x07\xbe\x0f\xc7\x01\xbd\xc2lc#\xd6p'</t>
  </si>
  <si>
    <t>b'\x03\\\x10\x8c\x11\xdanE*\xa5h\xbb\xf6\xa9\xc3=e@\n\xcd\xc4R\xf6n\xbd,\x17\x95A\xfc\x17\x12'</t>
  </si>
  <si>
    <t>Debt free 2013</t>
  </si>
  <si>
    <t>b'\x9f\xb4^\xca\xb1Y(\x02\x86F\x02\xc2\x93\xd4\x89\x96?\x1a\x12\xc2\xd4\xbd}Z{\xe5\x02\x99\xc9a\x86E'</t>
  </si>
  <si>
    <t>b'\x9f\xa5\x86\xac\xb3\xcd\xd9F\x1d\xdd\xbat\x01Wlx\xe4\x17\x08\xcd\x8aL\xa9\x86!*\x14=6\xcbJ&gt;'</t>
  </si>
  <si>
    <t>b'2\\\xcbl2\x7fg\xa2\xc4j\xa1!\x91*ZAT\xd7\tz\xce$%0]O\xd7\x16\x80\xd3;\x01'</t>
  </si>
  <si>
    <t>b'\x82a\x03\xb4*\x0e\xa5\xb0}\x9d\xa9#\\E\xfef\xc8\xe80!\xbe^\x88!\x8d\x1659\xaa\xe4$o'</t>
  </si>
  <si>
    <t>b'\x98\x1f\x9e\xe3\xf6\xbf\xe8Q\xe2d$(\t"\x03\xf6\xad\xe9\xf3\xf2T\x84\xbfV\xbc\xd3\x13\x00\xe9{\xcc\x11'</t>
  </si>
  <si>
    <t>b'\x9a\xcc\xd1\xe2\xd3n\x0f\xf5ao\xdbw\x1c\xa9\xdb\xf3\xc2)4\x00m\x1ai\x08)W}\x98b\x81\xdf_'</t>
  </si>
  <si>
    <t>b'*\xb0\xc5\xc4\xd7_mG\xb8\x1d\xcb\xc8N\xb0w\xc0\xd5V8\x01\x06\xa3\x05f\x0b\xda\xd2\x84 \xec\xae\x89'</t>
  </si>
  <si>
    <t>b'\x12\x98\xcc\xf9]G&amp;\xf0\xa7ZI\xb1Dy}t\xe6\x1a\xad.\x98\x8a\x03\n}\x04\xce{e\xcb\x1e\xf8'</t>
  </si>
  <si>
    <t>b'\xe1\x91lh\xbe\x0boA\x1f\xc3)\x11\x0f^.){\xdf\x87\xec\xbe/\xd4w\xf5\x93\x0f\x8a~\xc68\xc3'</t>
  </si>
  <si>
    <t>Tractor and Trailer</t>
  </si>
  <si>
    <t>b'\xa6\xe8Gx\xe5aQ~=\x1a\xcb\x17\xc9\x08W\xdb\xa3\xd5\xf2\'-{\xc3\xa3"\xec\xd3"6\xfd\xa2Q'</t>
  </si>
  <si>
    <t>b'F\xb9&gt;&amp;\xcc\xbcw\xf0\xac:o\xd6\xa4J\xc0M\xa4\xcb*[\x8a\xf1m-\xcdvD0O\x973\xb0'</t>
  </si>
  <si>
    <t>To help my daughter</t>
  </si>
  <si>
    <t>b'F\xf0\xeb\xafk\x1e=\xa9\x89M~\xe2\xd0\x910\xff\x11\x06\x8b\x0f\xe6\xa6\xdb\xce\xdd\x07\t\xa8C&gt;)\xd5'</t>
  </si>
  <si>
    <t>b'\xb5\xeazD\xf6\xe2\x0e\x1e\x13\xcc\x81w\xeb\x0c\xf3\xef&amp;&lt;\xda\xf6\xa8\xf2R\x1f&gt;\xae\xb2\xf7.^\xeb\x89'</t>
  </si>
  <si>
    <t>loan2</t>
  </si>
  <si>
    <t>b'\x97cD\xe9{\x12\xfe4\xdf\xe0\x14\x81\x828\xb6\xec\xd3s\xef\xc0E\xb2\x85\x8d\xa8\xf6\x16ye&lt;\x8c\x12'</t>
  </si>
  <si>
    <t>b'%\xa5[c\x0c/o\x1c\xb0~U\xfb|\xc2\x1a^\xd4\xef\xb9s|+\x12:K\x80I\xc8\xbc\xaf\xd6J'</t>
  </si>
  <si>
    <t xml:space="preserve">Debt Loan </t>
  </si>
  <si>
    <t>b'\xb3\x94~\x99hi\xc0q\xe4\xb9_\xecR\x16\xbc\xef\x8d\x9dPT\x08\xe7+\xdcK\xc5\x8b\xdf(\xfe\\I'</t>
  </si>
  <si>
    <t>CreditCardDestroyer</t>
  </si>
  <si>
    <t>b'z\x1a\xe4\x04\xa3U\x02\xd5\x9e\x92\xf6\xb8\xa0\xdf2\r0\x16\xe9\xef\xcb\xb4\xc0\xe7i\x88.\xafK\x97\xb2:'</t>
  </si>
  <si>
    <t>b'4\xbf}\x0b\xf1\xfc\x86&amp;]\x0bM\xa0\xb1tx\xba\xe4\xbd6Z\xf5\x14\x0f\xa5\xd9\x1e\x89wn\x1e\x8c\xda'</t>
  </si>
  <si>
    <t>b'\x16\xbbM\n7\xee:\xfa\xb0\xe9\x99\xd4\xf7\xac\xba\x91\xa6\xca\x96\x89\xce\xfc\xf5`G\x01oI\xc4\xe1\xec\x04'</t>
  </si>
  <si>
    <t>b'@\x99!\xc1H\x12\x12\x96\xf8R1\xdaF\x91\xfe\x93V\xa1\re\xb8c\x9c6\x80\x8bc\xf9\xcaV1\x8a'</t>
  </si>
  <si>
    <t>b'\xad\xa7\x13b[Q\x15\xf0A\xfb\xec\xb2\xe2\x96Wm\xd5\xd3d\x92z\x94\x10\xe8\x1d\xb5\x1f1\xf4\x14\x8a\x9e'</t>
  </si>
  <si>
    <t>b':\xab\x92\xb4U\xa0\x02Y)\xa3Q\xb6\x98\x8eN\\f{\xd7t\x80\xd2:S\x82\xba\xc1\xcf\xda\xd4\x9eP'</t>
  </si>
  <si>
    <t>b"\x82\xbbz\xe1\xbcSY\xe2$A\n\x82\x1a\xc8\xf1B\x1f\x19\xbe\x12O'x\xc4\x02\xff\xcf\xed;3\x1e\xe1"</t>
  </si>
  <si>
    <t>b'\xa6x\x9dJ\xf5\xd9\\\xc0O\x81||\x18\xbcF\x11\xed\xf2#q:4\xb9\xe4%\xb9\xabg\x02G\xcd\xe7'</t>
  </si>
  <si>
    <t>b'&amp;\xef\xe3/\x05;\xd5\n\x82L\xe1\x10X\xc8!x\x11N\\\x98\x06R\xba\xec\x81r\xablLs\xf2*'</t>
  </si>
  <si>
    <t>b'\x88N\xe9:\xfes\x02\x9c\x85\xf8`\xf8\xf6:&amp;_\xab\xae|\x8d\x9e)\xbc\x98\xb5c\xb9Ib\x03\x8f\xfd'</t>
  </si>
  <si>
    <t>b'\x8d\x02\xd9\x12\xe1\xb1=\xc6\xaa\x8aA\xefcr\xc2)IvG\x05B\xfa\x87\xe2\x8c\xaa\xbaf\xdes\xbeX'</t>
  </si>
  <si>
    <t>Personal 1</t>
  </si>
  <si>
    <t>b'\xe2\x00\xe9F\xb63\xc5RH\xf9\x91\xf0\xf3\x15c\xe9\xd6+y\x0f\xf5h\xf0\xf1\xd6\xa5\xe4\x88\x12\x11cK'</t>
  </si>
  <si>
    <t>b'\xe0\x8f\xd10a\x11\xf6T\xef\xa6\x8c m\xa5\x16\x14\xbf\x97`z\x9cd\xe2\xe7Q\x10\xde\xbcw\x11\x03A'</t>
  </si>
  <si>
    <t>Payitnow</t>
  </si>
  <si>
    <t>b'\xdf\x04v\xb5K0y\x9c\xa5y\x81\x08\x12\xc7\xf3\xec\x9e|\xba\x1c\xca\x97)&gt;\xd4\xcb5&gt;\xe4\x99\xb1\xd1'</t>
  </si>
  <si>
    <t>b'\xbc,\xe7"X\x1fU:\x1b\xab!\xb6\xf6[x"e\xb8\xde\xce\xc8x0\xe5\xff\xdfU|6\x15\x80\x07'</t>
  </si>
  <si>
    <t>b'Q\x11\xa7?\xa2\xbeF\xc4\x86%Y\xb4\x96G\x8f\x1d\xda\x9cw\r\x10\r\xbf\xf6|\xeb\xf4VQO\x16-'</t>
  </si>
  <si>
    <t>Credit Card Loan Consolidation -Payoff</t>
  </si>
  <si>
    <t>b'\x994\x13\xaa;RfR\x9e\xabp\x14\xcc\x8a\xdc\x15,\x13\x94\xc0\xbc\x88\xf0l\xe0\xb4^9}\xbe\x07\xa9'</t>
  </si>
  <si>
    <t>Advantageous Capital Allocation</t>
  </si>
  <si>
    <t>b'\x18\xb0\x02\x175\x0bj\xba\xe8\x05\xd1y\xc4\xffC\x14\xd1\x0f\x87O\xa4\xcf{\xc3-\xc8a\xe2\xce`\xd0e'</t>
  </si>
  <si>
    <t>No More Credit Cards!</t>
  </si>
  <si>
    <t>b'\xa3\x1a\x0bz\x0f:\xcd\xf0M\xba\x9d\xda\xc1\xb5\xac\xda\x1d\x8c\x17\x0b*\xce\x9d\x1be\xa7\xd1\xbb\xf8\x97\n\xb0'</t>
  </si>
  <si>
    <t>Life Line</t>
  </si>
  <si>
    <t>b'\xfb#LCg"y[\x05\r=K\xfes\x0fu\x9e\x0cb\xa6P\x8a\xa0\xb6+U\x14=\x12\xd9\xf3$'</t>
  </si>
  <si>
    <t>b"!,m\xeb\x82*\xafAg\x03\x0bC\xb2\xc0\x90\x8fI`\xe0\xed7\xd6*'\xf8\xc6\xc5\x0b]\x02\xe5%"</t>
  </si>
  <si>
    <t>b'\x88\x0c\x80b\x8bP\x7f{\x9eq0\x18\x0f\xd6\xecaR6\x99tAS.\xd2\x11?b ^\xfd+\x1f'</t>
  </si>
  <si>
    <t>b'\x8d\x97\x0fZg~\xa2\xdeK\xe4\x95!\x0b`L\xfc\xf5;P.\xfe\xb6\xd0\nA\x86\x7f1\x83\xc8V\xa9'</t>
  </si>
  <si>
    <t>b'\x85AiUr\xae{\x88W\xa9[\xe9\xa8\xae\x03\xc9\xb8\xbd.L\xb1\x14\xe31\x14\xd7\x8d\xcd^\xdd\x01\x00'</t>
  </si>
  <si>
    <t>b'\xd4\xc7\xe3f\x9a\xb9\xd5O\xe1\x7f\xddn.\xe0g.\x84\xf7\xe9\xd6\xfeZ\xcc\xc1\x0e\x7f\xe8\x86X\xe6}\xba'</t>
  </si>
  <si>
    <t>b'\xed\x13b\xef\xfb\xbc\xb1^\xd6\xf6\xb0\xc1e\xa9\x8cw\xef\x7f\x13\xff84\x9b\xe2Ch1&lt;\xb5L\x81\x0b'</t>
  </si>
  <si>
    <t>b'Ii$\x7f\xef&amp;\xab\xd5\x14u\xe6&amp;\xb8\x16\xee\xf3\x08\x14%Y8\x13\x16\x00U\xdc\xd9\x1a\x067\xf0\xf5'</t>
  </si>
  <si>
    <t>Debtrelief</t>
  </si>
  <si>
    <t>b'\xe3&gt;\x08\x1d\xc8\x86oQ\xcf&amp;\x0e\xe1r\x19P\xfdG\xf1\xc8\xdb\x00\xb3\xbdF%\xcf7\x1c\xd9 uK'</t>
  </si>
  <si>
    <t>b'\xcb8lp\x05BA\xc7\xd7\x1a\xf3u\xdb+\xd1\x18\xb6\xb9\xb5u\xb6t5!\x8a3\xe8ye3;\x94'</t>
  </si>
  <si>
    <t>b'_\xf8\x88\xf8n+k\t\xc4\x81\r\x99\x1e|\xff\xb4\x93\xbel\xe3z."\x15\x1b(^9EH5\x0e'</t>
  </si>
  <si>
    <t>b'\x1eA\xe5\xc3\xc52\xdf\xc2\xb4\xed\x94\x90\x99\xb6\xcc\xec\xb8\x88\xedq)\xb6m\x13\xd7T\xfd\x9fe\t\xcc\xa3'</t>
  </si>
  <si>
    <t>b'\x0eG\x1b\xe7d\xc91\xe9n;\xd6\xae6@\x97\x17\xf6\xf9\xd9D\xbac\x17\x0c\xaa\x08\xe50^\x8c\xde\r'</t>
  </si>
  <si>
    <t>b'\xa4\xae"\xb2h\xc9\x8a\xdd9=\xe5\xfaJ\xcc\xae0\x88;:\x0f\xc5}r#\x10M\x8e\xc6\x16\xba;\xe7'</t>
  </si>
  <si>
    <t>Pay Off Cards</t>
  </si>
  <si>
    <t>b',\xa5eN1\xa1\xbaFW76\x97\t\xae\xd3\xc5%\xc5w\x81\x7f\xfa\xc0Ym\xd6\xad!\x14\xbb\xf0\xaf'</t>
  </si>
  <si>
    <t>b"tV\xba\x92\xa5\x97_&gt;'v\xb0\xfa\xef\xe5\x89\xcbv\x85\xe0\xa5\xef\xf3\x9e\x9e\xc9\x81\xe1]-]\xd6\xb0"</t>
  </si>
  <si>
    <t>Getting ahead in life!</t>
  </si>
  <si>
    <t>b'\xd4\x9a\x84.k\xf81\xb9-f\xa3k\xa9\xc1p]GHb\x9b\xfa\xe9J(\xde\x83e#4\xbbe\x89'</t>
  </si>
  <si>
    <t>b'v\xd6\xb7\x0e\xf8\xa6&amp;\xce;\x00\n@\xd4p\xbd\xc1\x88t\xf3,\xad\xc8\x15\x8b\xb5\xa2B6\x8b\x06e '</t>
  </si>
  <si>
    <t>2 kids in college</t>
  </si>
  <si>
    <t>b'\x85\x8a\x8d\x14\xa5\x14\xb6\xd1\x1fZ\x9av\xef\n4 !1\x8b\xdc\x8aRm\xfb1M\x89\xed\xf4\xf8X\x06'</t>
  </si>
  <si>
    <t>Suntrust Refinance</t>
  </si>
  <si>
    <t>b'\xdc\x1e\xae\\\xf2(\xa3F\xa8\xa4\x1c|\x8f\xff\x87\xdfA\xa8\xab\xa4\x97\xd6q\xa1\x95\xbc\x97f\xf5\xc0]m'</t>
  </si>
  <si>
    <t>Interest Rate Reduction Loan</t>
  </si>
  <si>
    <t>b'\x19\xc98\xea+\xa3G\xea\xfd&gt;3;\xfb\xcc%YA\x96\xbdA\xcb,{w\x05\xbd]\xd02\xb5ke'</t>
  </si>
  <si>
    <t>b'\x86H\xb3\x06\x13U\xa5D\x98&lt;\xe3\xaf\x0e\x7f\xb2Tc\x9e\xaf\x07H\x92m9\xe2\xeco\xd6\xcc-\xe6\xf0'</t>
  </si>
  <si>
    <t>Life save Loan</t>
  </si>
  <si>
    <t>b'N\xe2G\x96%d\xb2`\x19\x98\xba\xa0r\x90\n9\xff\xf4\xabgsA\nm\xb4\x98\xea\xb9|_\xb8\x86'</t>
  </si>
  <si>
    <t>b'T\x1bm0Y\xf2\xb0\xe3\xd5\xfer"7|\xde\xac=\xb6\xc7\x8es\x14\x96\xa3\xc9eEhz\xe0\xd5\x85'</t>
  </si>
  <si>
    <t>Get Me Out of Credit Card Debt!</t>
  </si>
  <si>
    <t>b'\x9d\n\x84\xf7\x10eJb\x84\x85\xff\xfalX\x06\n\x99\xa0E z&gt;s\x82\xae(K.\xddC~\xd1'</t>
  </si>
  <si>
    <t>b'\xc8\xc6f\x1e\x99\xcfZ\xe8W\x16\xf7\xde\x81d9\x02\x16\x12B5YK\xe0\x1d\xf8Kg\xf7Y\x97\xa5\xb6'</t>
  </si>
  <si>
    <t>b'\xeb\xec\xd9&gt;\x9a\x93.O\x14\x07\xe6(%\x1b0q%\n\xbe\xd0\xc1\x08\xaf\x90\xbd\x8d\x1b\xb7\xc9o\xf1\x9c'</t>
  </si>
  <si>
    <t>b'\xf2&gt;\x08\xeaH\x05M\xb5\xd4\xd5\xb5k\xa9\xfb\xe6\x0e\xcb\x1e5Ud\x04\x03\x0c?\xafxS\xfct\x89\x90'</t>
  </si>
  <si>
    <t>Done with Debt</t>
  </si>
  <si>
    <t>b'\xcd\xb0O\r:\xffrf\x8b\x99;HG&amp;\x81\x98h\xcd\xfe\x86\x87&gt;6|\x83\xa7)\xf6\xd2\xd4\xc2\xda'</t>
  </si>
  <si>
    <t>Debt Elimination and Refinance Loan</t>
  </si>
  <si>
    <t>b'\xb0\xdd^?\x7f\xe1\r\xac\xbd\xf2&gt;4\xb8\xe6\xcd}\xc6\xdak\xc1\x05.\x85\x9a\xf1\xe1\xe1\xcd~\xf4W='</t>
  </si>
  <si>
    <t>b"\xcc\xed%~\xfe\xd3\x1dy\xb9\xc00\xe1\x80\xf1\xb0\xc1FU\xc8&amp;\x94\xa5v\xc9\xc9\xa9\x82:O'\x81o"</t>
  </si>
  <si>
    <t>b'\xa5R\xb7x1.!\xf2(\x9c\x96\xc2\xc8w\xefod\xff\x7f\x1c\x0fp\x07\xceb\xc5\xa4\x83\xc2\xca\x98;'</t>
  </si>
  <si>
    <t>starting anew! a breath a fresh air!</t>
  </si>
  <si>
    <t>b'\xceC\xea\x0b\x7fe\xe9\xf8\x83\x193/\xc6\xca\xfc|\xce\xfbU\x8c+D\x8e;8\xfd\xcabL\xf8\x7f\x88'</t>
  </si>
  <si>
    <t>b']\xfc\xddYkH\xfa\xfcj\x1f\xf6\xa2`v\xfby\x82\xd8s\x04\xe0,/\xb9\xca,\xbf1B\x10\x9e"'</t>
  </si>
  <si>
    <t>b'WgJ8\x85\xf0o\x97\xd7*\xcd:X^\xbe\x03\xd2\xcefz\t\xce\x9b.\xfc\x8fs\xb9\xbdd\x1b\x0b'</t>
  </si>
  <si>
    <t>b"'\xbd\xe6\xe8\xdb\xe2l\x98Y\xec\xf3\xb9\x0b\x98\xcbI\x95d\x9c\xa6\x94y\xd9\x06h\x12\xc3\xbf\xfb\x04\x12\xde"</t>
  </si>
  <si>
    <t>b'\xe1\x13\xc5\xf9\xb4D\xd4\x919\x9a\xe6t\xb0!\xb2\x90V\x8b@\xaa.\xad\xb28C\x94&amp;\xe6]_\xd1\xc4'</t>
  </si>
  <si>
    <t>Credit card and revolving debt refinance</t>
  </si>
  <si>
    <t>b'\x03\xf1\xa2g\xb5\xd9\x83e\x90\x17\x02\xf8a\xe8\xcf=3Y{\xa1A\x8d\x06\xbb\x8c\xfe\xcc3\x9a\x7f\x8f;'</t>
  </si>
  <si>
    <t>b'z\xa2\xcc\x11&gt;\x1dW\xc0+\x15\x8c\xe8\xc9\xa4\\|\xa9ec+B\xcfZ\x17(\x81%?$\x04\xf4\xa9'</t>
  </si>
  <si>
    <t>b'\xce\xf3\xd1\xaa\xee\xeb\xd3mS(\xdd\x99\xb3E\xf9\xeet\x89\x10\x89\xa3F\xdf\xa4(\x0e%g\xde\x886\x9e'</t>
  </si>
  <si>
    <t>b'S6/,\x91\r\xf8\x9a+\xacU\xdb\xb7g\xd6S\xca\xd4!\xde\x0e\xd0k\xb2)\x91\xa9\x19\xc4\x0c\x0c1'</t>
  </si>
  <si>
    <t>Unshackled from Debt Loan!</t>
  </si>
  <si>
    <t>b'\xe2\x89\xde\xf1~{\xe1o\xd9\xf0\x9a\xf5j\xbdTP=\x8a\xf7HN@t\xa4 zM\x89\xe5u\x95\x14'</t>
  </si>
  <si>
    <t>b'\x0eoE\x98\xdbY\x1a:\x80k\xed\x18\x93\x1eg\x94S\xbck\xa7\xef\x06\xf2\x804\x9b\x96\xed&amp;+J\x8a'</t>
  </si>
  <si>
    <t>b'\xda\x13\xa1\x8a9\xa9\xe8/c\xf4\x8d\x8ds\x07a\x14\x8a\x92\xfd\x9e\x10T\xe2\x19K\xb1h\xdf\x97\xa0\x88\xd6'</t>
  </si>
  <si>
    <t>b'\xdb\x85\xc4bZ9\x81\xe6\xb2\x02\xa0\x01\xee\xe3\x99\x9b\xee\xc3\xe7v\xe6"\x8e\xc7\xcb%|q\xc5\t\xc2\xff'</t>
  </si>
  <si>
    <t>b'\x98\x8f\x9b9\xa8O\xd63\x96Q\xc2\x1a\xd4\xb8\x06\xa0h\xaa(3J\x0e.\x89\xae\x1e\xd7=\xdf\xe1\xcc/'</t>
  </si>
  <si>
    <t>b'\x83\xad\xd5&gt;\xae/\xf6\xedv\xd79\xa0wo=\xc1t+\xaeo\x8f\xc1\xaf\xf9\xb4`\xf8[\xf8\xa2\xe7O'</t>
  </si>
  <si>
    <t>b'C($+\xd3t9\x1fK\xe9\xd6\xb9i\xcd\x0f\n\xf8bm\xc8\xa7\xa1\xfd\xf8\x15\xf8\x9d\xe0\xf4i,\x06'</t>
  </si>
  <si>
    <t>b'g\x08\xe4F\xb1u\xe5\xc4\xd2\xa2&gt;a\xfbg\x00\xf0\xe2\xf2\x0f1A\xd7\x03 \xbc\xa7U*\xaf\x9c\xfd\xe7'</t>
  </si>
  <si>
    <t>b'b/\xfb(8\x84qzE\xc7\xba\xa1\x86"!=\\}0*oc\xe7\x08J\xdf\x9d?+|\xc39'</t>
  </si>
  <si>
    <t>b'\xa1"+O=\xfa[*\x16\xe4\x92\xe8\xf6\xe3\xdb\x9e\x0fW\xbdM&gt;\xdb\t\xe6\xb0L\xa5&amp;\xf9\x14\xcc\xd7'</t>
  </si>
  <si>
    <t>b'\xa7\xff\x8d\xd6\x00\x04\x17\x99\xed\x96\xa0\xf4\xd1a\xad\x88\xb0\xe7!v\xb1Wv\x18\xcaQE\x0c\xa0\xdb\x9bs'</t>
  </si>
  <si>
    <t>b'~\xab\x17t\xd7[\x82\xc2\xeb\xb5\xb6\x08\x8a\xf8\xa7\xf6C\x92zh\xd8\x99\x93\xf0\xdb$\xac\x93\xab&gt;U\xc5'</t>
  </si>
  <si>
    <t>b'\xf6?p\xd6\xb8!\xc4y\x85\xd83\x00`.N\xe0\x0b\x12\xb2\xd9\x0c\xb8N\x10\xd1-\xd8^f\xa9wd'</t>
  </si>
  <si>
    <t>b'\xc1\xc3\xd4\xf5\x97\xe9T\xf9\xdb\x1a\xd0\xf1\x16\x18\xab\x93\x8e\x9d&lt;\xbc\xbb_\xe5\xbe`+\xa2\x10\xaer\x96x'</t>
  </si>
  <si>
    <t>b'5\x8b\x9f\x0f\xf8\xd7\x9a\x9c\x1e\xbaNz`\xf1\xbcV\x9c\x96\x89\xf0\xde\xeeH\x18\xfa\xed\x84\xbb%\x04\xc1\x8c'</t>
  </si>
  <si>
    <t>b'8\xd6h\xb7\xc0u\x8b\x9a9\xd7\xb8\x8e\x11\xf6j\xe4\x14\xaf\xe8A\xb0\x11\xab\xa1\xbc\xcc1\x85Z\x96\xc4\x8d'</t>
  </si>
  <si>
    <t>b'\x9a R_\x1b\x1d\x1e\x06\x14&gt;\x00F\xc5Q\xb7W6L\xf8\xca-\xdfQ\x1e)\xc4q\xf7\xca\xbf-*'</t>
  </si>
  <si>
    <t>b'9\x8c\x0c\x960r\x10\xe5\xec\xdc\xa0\x14\x82\xbc\xd2\x81L\xd6\x1e\x83\x97\x0b*:\xd9\xd3\xdfx\x06q)\x7f'</t>
  </si>
  <si>
    <t>b'\xf4w\x9a\xe5\x8a\xab\x1fC\x89\x07\xc3\x81\x8e,Dq\x92u\x1eNzA\tH\xc4NB\xd4t\n\x96P'</t>
  </si>
  <si>
    <t>2012 Consolidation</t>
  </si>
  <si>
    <t>824xx</t>
  </si>
  <si>
    <t>b'\x98\xb5\xb9\xbb\x17YL\xa9P/R\xad|\xa2\xe1\x1a\x9a\x99\x92\xcd\xdf?k\xcf\xbc\xae\xf0ER\xa60\x06'</t>
  </si>
  <si>
    <t>b'%u\x00\x01\xe2\xd1\xe5\xc2\x1cE\x80\xb4\xfa\xda\xd3\xab\x8eZ\xef\xc6\x82YE-\xafp\xb7\x9f3\x90\xd4\xb8'</t>
  </si>
  <si>
    <t>b'n\x03\xdf\xd6\x02\xd0\xdc,~\xf8\x9fhT1\x12-\x15\x88\t7\x0c\xed\xc3\xcd\xb2 \xd5J\xd4\xad\x8a\xdd'</t>
  </si>
  <si>
    <t>b'}\xffQ\x89Au\xfe8A\xdc\xccI*\t\x89\x9d\xadw\xb8\xda\xab\xd7\xdek\x02\xc3\xe3=\x859!8'</t>
  </si>
  <si>
    <t>b'\xc0:\xea\x94\xd7\x14\x99\xac\xca\x02\x05\xbe2hk\xb9\x11\xa6\x94h1\xce\x9b+\xfd/*\x977\xdc\x071'</t>
  </si>
  <si>
    <t>b'\xfb\xa9. \xda\x8e3\xa4\x9b\x13B\x1e\xadB\xe0?\xa6\xc9\xda\x17X6\x97\xc7%\xae\x9b\x01P\xe7\xa7\xc6'</t>
  </si>
  <si>
    <t>b"'\x81\xf8r\xd1\xf6B\xdd\xbaj;`\xb3\x8b\r$\x922\xa4\x0e\x97\xdc\xfb\xdc\xca\x1b\x9b\x87\xd6wx\xef"</t>
  </si>
  <si>
    <t>Tired of Credit Card Burden!</t>
  </si>
  <si>
    <t>b'M\xfbt&lt;K\xea\xb4c\xce\x9c\xee\xae\xef\xc9NB\xbd\xe4&gt;\x82\x8d\xd6&gt;$\xb1Y\xfb\xe6\x1f\xfa\xb0\xa0'</t>
  </si>
  <si>
    <t>Freedom and Saving Loan</t>
  </si>
  <si>
    <t>b'\n\x01\xa0)\x16Z+\ri\xfe\x1b\xc4x\xa9\xca5\xe8Z\xd7d\t\xacS\x84\xact\xbcP\x1fJ\xa0\xa5'</t>
  </si>
  <si>
    <t>b'O\xb9\xf6d"/e\xb5_6\xb20\\\xb6\xa3\x81MU|\xae\xab/\x7fT\xacWA\xa3O\x01\xadF'</t>
  </si>
  <si>
    <t>b'\xe4\x90i\xcd\xca\xfeQ\x88\x1d\x07\xa5\xbe\x83\xf2\xfa\x1d\xcc6fWpQ\xd5\xe8\x1a\x92\xcc;J\x97t7'</t>
  </si>
  <si>
    <t>b'\x81Te\xc7@\xdc\xe8\xd1\xf6\xffL/\x81\xb0xj_\xb7\x94\xaeW\xe7u\xf4\x926\xcdH\xd9\x1c\xeb\x04'</t>
  </si>
  <si>
    <t>b'\xb1b\xb7\xe8\x04\x88\xef\xd1\xe5\x05\xba|\xe5&gt;v\xf6h\xf2\xfe^d\xd70\xbb\xe81\x01\xfa\xb0\x87B\xb0'</t>
  </si>
  <si>
    <t>b'\x1f\x14+kX\x90\xd05V\xcf\x11W;\n\xfd\xc1\x1e\xc3\x1f+\xeb\xfd\xc8\x96\x15\xb03\xda%\xc8M\xd9'</t>
  </si>
  <si>
    <t>b'\x13\xda\x0e\x1b\xd0\r\xeal\x04\xa2^\xa5~\xe8$G\xbc\xc6\x91\\\x0e\x92-8a\xc5\xa4\xc8/\x08\xb8\x92'</t>
  </si>
  <si>
    <t>Debt Consolidation / Home Improvement</t>
  </si>
  <si>
    <t>b'\x01\x1f\x06l\x8d*;\xbdI\xc3\r\xec\xa0\x94J\xb1MD\xfb\x80w+M\xb1!\xd0K\xc0\x96B\xfd\xb7'</t>
  </si>
  <si>
    <t>Vacation Fund</t>
  </si>
  <si>
    <t>b'\xe4\x16.X\x17\xde:b\x1b|i\xa6\t/\x0c?#\x19\xe4\x93\x03\x1a\x92y?\x92\x84z\xdb\x93\xff6'</t>
  </si>
  <si>
    <t>Paying off high interest credit card</t>
  </si>
  <si>
    <t>b'U\xdd\x9ch]2\x92\xc0\xf8\toZ\x7fS\xb5\x97\x8c\xef\xfa\xf0\x1a\xfa\x84\x13\x12\x14]\x8f`\xaa\x85\xff'</t>
  </si>
  <si>
    <t>b'\xa7\x17\x84\x05\x85\xd1\xce\xcf\xa0Q]\xa7][|\x838xD\x15\x99&gt;+\x8f\xed\x03\x82j\x9e\x11\x1a\xf9'</t>
  </si>
  <si>
    <t>b'\x92l!\xd9.)\x83l\xddu|W\x1a\xb1\x9e\x7f\x93Kb"\x86\x87\x92\xbf\xaf\x84\xe6\xa3\x9aK\xc0\x02'</t>
  </si>
  <si>
    <t>b'\x85S\xd3\x0c||\x0b\xe5R\xb5\xc7|%\x11Y\xbe&amp;\xd6\x80\xa2%#bw\x15\xc4H-\x8d\x91\r!'</t>
  </si>
  <si>
    <t>For my mom</t>
  </si>
  <si>
    <t>b'}s\xc2\xa8eg\x89\xe78\xbe=\x12\xa1\xbd?\xd4?\'"G\xea\x9d\xea\xf2\xe4j\x8c w:\x01V'</t>
  </si>
  <si>
    <t>b'\x18}\xc08\xe4\x15\xd1\xfb\xb4Q;\xa9\xb9d\xcc\xfd\xf7\x19\x85-\x89\x8b\xa20\xdd3f2\x9d+\x12\x00'</t>
  </si>
  <si>
    <t>b'\x06q\xd9\x9c\xe2\xa0\xe9%\xce\xddC\x91\x8dPS4tB\x1a\xa7\xe1-B\xe7\x1a\x99\xdd|\x86\x9e$\xf0'</t>
  </si>
  <si>
    <t>pay all my credits cards..</t>
  </si>
  <si>
    <t>b'\x91\xba\xd8\x91=\xeeh\xe0\xd4\x88\xef\x1d;\xbdk\xdd\xdc\xd7\x86(\xe5\xa1,\x8b\x8cR\xe1\xe9xNU\r'</t>
  </si>
  <si>
    <t>Emergency</t>
  </si>
  <si>
    <t>b'\x1a\x96\xd69jf}\xc6\x92&amp;7=\xfa\x05\xce\xe8\xf9\xc9\xb6\xea\xab\x02\xa2\xa3\xb9\xc1\x97\xd8\x1ep:\x9a'</t>
  </si>
  <si>
    <t>b'\x08\x02%\xb0\xb2\x04~R\x12 \xa9.6\x12\xcf\xb4H\xeb\xfa\x8e\xa3\x8f\x83\xafGY\xca0I\xea\xe6\x08'</t>
  </si>
  <si>
    <t>b"M\x8cV\x8ajy\x08\x7f\xf4\x04r\x8c\xf0\xe7\x1a'\x99\x97\x03\xc0\xe6!vh\x8ej1YY\x0bU\xc0"</t>
  </si>
  <si>
    <t>myhomeloan</t>
  </si>
  <si>
    <t>b'\x8f\xe3\xb9\x1e\xda\x97\xdd&lt;\x83h\xa9q9|\xec\xf9\x97%\xdc\xb8\x85I\\\x8b\x01\xd5\x99!\xb1\xe64\xca'</t>
  </si>
  <si>
    <t>My Spring Loan</t>
  </si>
  <si>
    <t>b'\xfcz`\xcd\x9a\xfc%"y\xb0Bl"\x87\xc6F*\xc9j7\xb41\xbbs7\xc6&lt;\x9e\xe1p\x99\xdb'</t>
  </si>
  <si>
    <t>pay bill</t>
  </si>
  <si>
    <t>b'[C\xc2N\xb4\xfd\x1f\xd4\xd2\r\xe2\xf1&gt;\xf4rOY\xa2:\xab\xcfM&gt;\xf1^\x04\xfb\xeb(MW@'</t>
  </si>
  <si>
    <t>b'\xe4e\xfbM\x93!\x92*\xb1\xf6\x99\\\x01\xb7\xd5S\xec\xde\x00\xeb[H\xfa,\xa1q\xe1\xd9B\x96\xd2\x1c'</t>
  </si>
  <si>
    <t>b'+\x16#\xdd\x9e\x0e\x94\x8f7NY\xcc\xb6\xb6s\xb2&lt;Ix&lt;\x8c.:\xdd\xcb\x99\x02jX\x94\x1dr'</t>
  </si>
  <si>
    <t>b'\n\t\ta\x90\xd6\xd4\x95\x1dJ\xeb\xf1\x11mGO\x1fT\xcf,6\x06A\xe3\x1e!\x8f\x0bH\xe6\xb6\xaf'</t>
  </si>
  <si>
    <t>b'B\x87\x14\xbfWW\x9f\xe3\xc8\x03\xe7\xc9"{\x89\xbff\x18\x80\\w\xe3\x92\x0e\xf9\x04\xf0\x80\x7f\xf7\x19\xc0'</t>
  </si>
  <si>
    <t>b'Z\x1aD\xa3&amp;\x9c\x01\xa5\xe6\x8d\xb9\x7f\x1e\x84y\xed\t\xcf\n\xa1\x8d8\xea\xf3\x0e\x9cy\xd3\x89\x18\x95z'</t>
  </si>
  <si>
    <t>b'\xe7h\xd0\x9f\x89\xbcf\xbc\xfc\x99\xfd\xbb\xaf\xa7}\xda\xa6\x02\xda\xf8\xd8\xd7\x9eg&gt;\x87\xbf\xd1L\xb7rv'</t>
  </si>
  <si>
    <t>Consolidate all debt</t>
  </si>
  <si>
    <t>b"a\xb8'}\xee.\xa7\x88,\x88!\x81\xb3\xe5\xb3\xeaV\x06\xda\xa2\x05\xffx@\xed'\xe2e?zYO"</t>
  </si>
  <si>
    <t>No More Credit Card Debt</t>
  </si>
  <si>
    <t>b'E\x1f1\xc3\x91\xcf1*\x13\xf9\xb6\xa0j!\x14\x90\t\x12bZ\r@\tU\xa6\xac\xa7f\xe6\xd1;#'</t>
  </si>
  <si>
    <t>1982 Jeep CJ</t>
  </si>
  <si>
    <t>b'\x1a\x0f#\xab8\xf9\x160\xe1\x8c\x96\xe7^AU\x9bY\xbb\xda\x15\x91\xd8a\xf1^d\x8eQ\x12\xdaG\xdb'</t>
  </si>
  <si>
    <t>485xx</t>
  </si>
  <si>
    <t>b'\xf3\xa6\x8a\x82\xd2.S\r-x4W\xa3\x1b\x0b\xce+Z\n\xd3\xdc\xc1q!-2\x11\x84Ji\x81,'</t>
  </si>
  <si>
    <t>b'\x08P\x00\xc2\xf4\x0e\x0c\x85\xa7%w\xf8N\xa49NT\xf5\xba\xe4#\xc6o\xac\xbepPRM\xd7ls'</t>
  </si>
  <si>
    <t>b';\xbdw\xa61\xc7\xd7%\x80\x10\xf0X\x17\xab]\xe7\xdcR\x12\xf9t\t\xa8\xb8\xcb\xc7\xd4\xc0&lt;\x1dY\xcc'</t>
  </si>
  <si>
    <t>b'\x1f\x19\xf7!\x9d\xe6\x08\xf2\xf9\x90\xab\xbd\x13\xb1\xc8\xe0\xd2@\xda\x9d\r\xb2\xba\xb93\xe1T;x\xe1;o'</t>
  </si>
  <si>
    <t>Lower Rate vs Credit Card</t>
  </si>
  <si>
    <t>b'f\xcc\xf3\xcc\x9a^\x87\x96a\x82\xcb\xac\xe3\xae%\xfc\x99\x1aT&lt;\t\n\xb13\xe2H\xc6T\xa0\x0f\xd9\xdb'</t>
  </si>
  <si>
    <t>b'\xb7\x0c{X\xcd\xf8Q*6\x0f\xc7\xf0\xfdG\x8a\x90\x91\x94Ep\xbf\x8f\xbb&amp;\x88\x19\xedi\xe55\xd6L'</t>
  </si>
  <si>
    <t>b'\xe6\x89\x01m\xfc_V\x8dF\xff\xfb\xad\xda\xc9\xf3d\x03J\xbf\xebA\xd2\x88_\xea\x8f6$\x91\xc2\xce\r'</t>
  </si>
  <si>
    <t>Refinancing loan</t>
  </si>
  <si>
    <t>b'R@_\x8av\x92\xc8\x15\x8f\x14\xa5\x8ec\xc6\xb6\xe2E\xe0\x93s\xe2}\xd7\x03\xb4\n\xd9\xadCv\xdb\x0b'</t>
  </si>
  <si>
    <t>b'!\x9b\xe0\x1a\xe3\xfd{5k\x0b\xedU\xcb\x06\x9d\xac\x01b~\xf9\x07\xd6X\xd2\xd8\xb7;\xe5#\xb9\x9e\x8e'</t>
  </si>
  <si>
    <t>b'M.S#\xfa\xb1\xa6\xf2\x16&lt;\xcc\x0c\x18\x9d\x18\x94\x02N8\x97\xd6\xc7\x831\xf3\xda\xf7\xebe[\xf6\xd6'</t>
  </si>
  <si>
    <t>b'3P\x86x\x13\x04&gt;\x8b\xdam\xb6\x82\xce&lt;\xdb/\xd3\x94c(\x80\x0c&gt;0\x01\xfb\xd0\x91\xf6\x9b\x8c\x14'</t>
  </si>
  <si>
    <t>b'|\xab8\xe1Om\xc4eu\xd9\xfc\xbe\xf9\x91\xd5\x86\x89gA\xebr7 \xcd\x7f\x0f\x99\x1f\xe75\xf9\xa9'</t>
  </si>
  <si>
    <t>b'\x14DF\x00\x91\xbd\xbc,\xd1\x02D\x89\xed\xf7V\xdb8\x915\x9f\xca\x8b\x87F5\xdby\xa4\xd1\x821\xfa'</t>
  </si>
  <si>
    <t>b'\xa9\x95\xbc\x95\xe5\x9d\x83\x087\xd8n\x0bE\xa0\x86\xbf\xd6Crt\xbc\xc0\xc0\t\x00\x1e\x86\x07@L\xeb\xc9'</t>
  </si>
  <si>
    <t>Paying off final medical costs, hooray!</t>
  </si>
  <si>
    <t>b'\xfb\\\xad#\xb1\xf5\x155\x9fT\n=\xb4&gt;\xcb&lt;\xe6(\x7f\xf6\xe9&lt;\x83\xb8\xea\xe6\xe0\xa1\xaf\xd1\x7fW'</t>
  </si>
  <si>
    <t>clear up debt</t>
  </si>
  <si>
    <t>b"\x81C\xb8\xf6\x80_!\xf4%\xe5\xd2o'\xfa\xd3\x08\xfa\x1ch\xad8\xbc@\xa1gI\x03\x17C\xc1Y\x12"</t>
  </si>
  <si>
    <t>b'\xd6\xa8\xa9Y.%\x98\xf5\x82\x01\xccn&lt;@\xd42e\x90l\xbd*\xe76\x9a\n\x01\xe3J\xe9\x9c\xea\x16'</t>
  </si>
  <si>
    <t>b'm?I,u\x1e\xb4\xb7\xb4m\xf9\xab\x01\xa1Q\x06W\x81\x8d7.\xe3G\xae\x96[\xeb\xc2\xc4\xa5\xbb\xd0'</t>
  </si>
  <si>
    <t>b'\xa4QUA\xea\xe9-\xeb\xb2F\x1d\xe8\xfb\xd6t\xfeU\xf0\x1f\xe4\x94r\xab\xcdj+\xe1Bn.X\xdc'</t>
  </si>
  <si>
    <t>b"\x7f\xb56-'1\xa1\t\xfe\x8e*\x00L\xbdT\xbc\xa4\xdax\x8a\x82e\x14\x1d\xc8\xf6\xfd\xf4\x11\x93\x01\x88"</t>
  </si>
  <si>
    <t>b'\x96b:\xb1^\x04\x94Rh\xb0b\xf0\xd6g\xb1|V\x10Ra\x17\x81\xba\xd7,jS%\x06\x93\xd6P'</t>
  </si>
  <si>
    <t>b'\xa84\xc2%)r\xbb4(y\tf$h$e6\xcc\xf7#\x98\x87IZr\xf7\xc6\xde\xd6Nh7'</t>
  </si>
  <si>
    <t>b'!\x13\x1btn4GT#\xeb\xca\xb5\x90\xcdH\rI\x1d\xeaHD\xda\x8b\xbd\xe6\xdf\xfc\x7f\xd2\x95)p'</t>
  </si>
  <si>
    <t>b'\xe1\xc7E\\\xd9\x81\x14\x18\xd9\x90S\xcb\x8c\xab\x13~\x08h\xa6Ff/\xc85\x00\xe6\xd9R+\\\xe6^'</t>
  </si>
  <si>
    <t>2 cards to lower interest &amp; one payment</t>
  </si>
  <si>
    <t>b"f\x9bFk\xfb\xea\xb8,'\xb8\xae\xbe|\xb5\x07NN\xda\xa2\x8b\r\xb2Q\xf7&amp;L\x8f\xd2\xf5\xdd\xad\xf3"</t>
  </si>
  <si>
    <t>b'\x02\xffO\xc8\x11\xa9\xe6F\xe0\xc6\x8eCI)#\x9d0\x91\xb4|\x03aH\x82k\x9a8`m\x10\xf4z'</t>
  </si>
  <si>
    <t>b'\xdaBg\x00\x9d\xd0\xce`\x92\x1d\xcb\x05HL\x95\xd7h\x83}FCB\xa0\x02\x16?/\xb4K_t-'</t>
  </si>
  <si>
    <t>b'\x13B^\xe9r\xb5r\xd1\t\x8a\xc0W\x0f\x07\x95\x1d\xde?\xe0\xd7\xd6\x02\\\x1dj\xba\xb8e\x9c\x8fL\xde'</t>
  </si>
  <si>
    <t>b'\xaa\xeeFe\xb3V\x9f\x0b\xad=\x13&gt;\xf5o\xb9_\xdc\x1ess\xde\xbc\xdd*1U\xb3r\xfb%\x1f\x19'</t>
  </si>
  <si>
    <t>b'\x00SVe\xfav\x9cm&gt;\x02\x86\\\x9a\xddx\xa6\xac\xf9n\xe3\xfe\x89\x90\x9f!W\x86a\xa1\xc9}\xf0'</t>
  </si>
  <si>
    <t>b'\x18N\x80\xd6\x9b\xc8,\xd3\xf2\xafK\x9c\xed\xcd\xa3\x8d}\x89m\xd9/\xb9\xc39\x03\xebG\xb5\x8a\xdd\x84o'</t>
  </si>
  <si>
    <t>b'5\x86\x7f\x85\x8a\xe5XY\x8d4\x80mw\x87B\x03`~3K\xcd\x11W\xfd$3\xf0TV\xcb\xbf\xe0'</t>
  </si>
  <si>
    <t>b'\xfeD\xbd\xd0\xeb\x01\x1a\x04k\xf3K\x8a W\x0eb\xaf\xb6[\x03\\6n\xdbO\xd6\xc6l4T\x19\x19'</t>
  </si>
  <si>
    <t>b'\x1bB\xeb\xb0\x82\x94\x85|\xfa\xb7\xcf zg\xbb\x12\xd8E\xfb\xadD\xaf\x81QNf\xa1\xd9\xdbyub'</t>
  </si>
  <si>
    <t>b'\x80\x95Z\x1e\xb7K\xb8T\xac\xa7\x0f\x0c\xce\x92\x7f\xb7e\xe3\xf0\xe6\xed\x10O\xcf\x983\xce\xfe{\xcd\x85l'</t>
  </si>
  <si>
    <t>b'g\xac\x82P\x925\x15FI_\x8f\x88\xff\x15i\xce\x91\xa9^c\xea`\xf2K\xab\xe0)V_\x8e7\x1d'</t>
  </si>
  <si>
    <t>b'\xf9"\xd1O\x95\xae6\xbd[\x89\x84\xa9\xf1\xeaL\x80\x8eQ\xf6\xf5\xe5c\xeb=\xbd\xb9\x8a\xc4\xa6\'\xca\xf5'</t>
  </si>
  <si>
    <t>New Leaf</t>
  </si>
  <si>
    <t>b'\xd5\xbdM\xe36L\xb8\x9e)\xf3ZX\xc4\xc5\xa05\xffy\xd5\xce\xb9]\xb5\xc4\xddw\xda\x0f\x14R6\x89'</t>
  </si>
  <si>
    <t>b'~p$F\xa7VT\x9d%\x12\xbe\x8d\x87\xe8\x13\x12:\xb4\x99/\xea0&lt;\xd9\x03\t\x05\x8a\x9c\xf5\x81\xeb'</t>
  </si>
  <si>
    <t>b'\xdb\xe7&gt;\xe0\x8e\xd1\x05r\xb4\xad\xc3\x1fY\xc7t\xeb\xd3r\x0e\t\xd9[\xccX\xf6\xc1\xdb\xf7}\xae,g'</t>
  </si>
  <si>
    <t>Installment Loan</t>
  </si>
  <si>
    <t>b'bhi\t\xb1\x8b\x17u\x90\xa1\xa8\xca\x95\x8c\x1b\x15\x97\xcdD!BF\x81m\xb3U\xce+\xff\xbe\xf3\xbf'</t>
  </si>
  <si>
    <t>b'\xa1M\xd6\xcbm\xd2\xe9\xae\x07$W\xe0\xfa\x93\xd6I\x9b\xa1\xd3\xec\xa4R\x0c&gt;\x98$\xce/\x99\xbd&amp;h'</t>
  </si>
  <si>
    <t>b'orn\xa8\xd0=\xee\x0bi\xa06\xb8\xc1\xe4\x1c\xbb\x8c$\xa3\xdc\x8cz\xcep\r\xe1\x93\xdf\x89.\x89A'</t>
  </si>
  <si>
    <t>b'z\xdb\xfc\xab:b\x0c\x1e~n\xd1\xff\xa8#\x88\xd137\xa0\x8bKD\x88J\x12\x9a\xf9}\x879PB'</t>
  </si>
  <si>
    <t>b'\x9f/\x1e\xc6\xc8?\xd9\xf2\x9d^\xcd\xa1-\xf0I\xee$7~\x05\x860\xf3a\x8cvD\xbaz\xa5\x89\x19'</t>
  </si>
  <si>
    <t>b"\x0cb\xd4*\xba\xe3OS\x87\x1bi\xeaB\x88X[\xc8]\x82\xf4\xfde'\x01%@\xdf\xe6\\\xd9?\xdc"</t>
  </si>
  <si>
    <t>my bill</t>
  </si>
  <si>
    <t>b'K^\xb4%\xe2\x0cX9Cv(G\x8d\x1e5$u[\xe4$\x8f\xc1\xc8F0\xb0n\xc4p\xf6\xeb\xb8'</t>
  </si>
  <si>
    <t>b';\xa8nl\xd8\xed\xb9(;\x1b\xf3\xf1\xa3\x89x\xac\x96\xcd\xa2\x0f9\xe6\xc5\xa2\x07\xc5\x18 \xe6\x01\x80I'</t>
  </si>
  <si>
    <t>b'\x8eTR\xd5\xe1q\x08&gt;,\x18\xb9\x9bnj\xe8@\xc1\x9e\xf4\x91y\xc7F\x06-QP\xad\xc1\x89\x98T'</t>
  </si>
  <si>
    <t>b'\xaa\x7f\xfe{\x94Z\xe5\xabOn\x8d\r\x11\xe2?\xc0j=\x89(\xae\x80eDH!\xc0--\xcb\xc3\x04'</t>
  </si>
  <si>
    <t>b'D\xa9\xbf&gt;{k?\xc9VX\xf2._L\xf1\nC-\xbe}i\xb7\nV\x8b\xc0\x0cz\x05]\xd0\xab'</t>
  </si>
  <si>
    <t>b'\xb03\xad=6\xbf\xa9\xce\xddp\x08r\x97I\xdd\xba/\xc9]\x97\xe5\xdc\xe9\xb2\x8e\xba\x1a\xd0\xb3\xc0\xde\xc6'</t>
  </si>
  <si>
    <t>CCRefinance</t>
  </si>
  <si>
    <t>b"\xca'y\x96{:\xd7\xdd\x14\x9do\xf9\x96\x1e8E\x88\x9fm4\xdc7FL\xab\x87\xea\x8e\xdd\xd3D\xfc"</t>
  </si>
  <si>
    <t>Clearing the road ahead...</t>
  </si>
  <si>
    <t>b'\x1e%\xef\x9dF\x9bF2\xf0\xa2L\xe7\x9c\xf0\x07P=\xd2\xb4\xed\xa8\xff\x11\x8eo\x81\xfe\x8d\xd9vPF'</t>
  </si>
  <si>
    <t>helpmehelpyou</t>
  </si>
  <si>
    <t>b'\xb5\xc4\x01\x98\x9d\x86{\xfb\x1aC\xab\x15\xb8R\x84p\xfa\xd5\xcal]K%&amp;G\xb1\x9b\x1d\xa2\x96Z\x9b'</t>
  </si>
  <si>
    <t>b'&lt;\xe1\xcb;^2OW44]\xae\xd5z\x92~\xb0\x1c\x0e_\x01\x8f]\xf5`f\xad\xbc\x11\x9d\xaa\xe7'</t>
  </si>
  <si>
    <t>Down with debt</t>
  </si>
  <si>
    <t>b"\xa0'g0\x1a\xed\x0e\xa3V\x8c\xa4N\x9b\x15\xcd\xa9W\xac\x14\x05u\xca37AI\xcf\xcbD\x1f.f"</t>
  </si>
  <si>
    <t>Reduced rate for existing LC loan</t>
  </si>
  <si>
    <t>b'\xa7\xa4f[\xd9\x1aKw\r18-]\xb0!\x85]\xc8\x7f\xd8\xa6\xa4n\xfbfl\xf0\xb53x\x0b\x82'</t>
  </si>
  <si>
    <t>b'\xd7\x85\xcd\xe3\xcd%\x90\xd7\x0e\xb9\xd0\xe1\x1b\xd9\xab-\x07\x1a?\xb2\x92\xe5\x190\x86\xbc\x01#\xba\xa0H\xeb'</t>
  </si>
  <si>
    <t>b'\x00\xcb\x16\x8c\xb4\x86e\xb2-\x05\x93\x88\xf5i\xc3\x19\xdd\xd5W\xa4\x84\xbc_\x8e\x18\xa9\xc4=\xb9wP\x05'</t>
  </si>
  <si>
    <t>b'\xa7_\x95\xe8\x1c\xdc\xe7\xeaD\xef\xf3\x84G\xbc$\x88\xcbd\x93d/}x\xbd\xbf/\x0b)C\xb7\xa1T'</t>
  </si>
  <si>
    <t>b'\xb0\x02\xddJXD!p\x8f\x11]\x92\x9c\xd2\x92\x1f\x189u\xd8H\xdfX\xaeE\xc1I\xa4e#A?'</t>
  </si>
  <si>
    <t>New Patio</t>
  </si>
  <si>
    <t>b'\xde\xd0\xe2\x00\xf1i\xf6x.45\x02\x1bm\xedN6Y\xefA\xe6\x95N&lt;\xfa\xc3.\xca\xfd\x03\xbf\xa0'</t>
  </si>
  <si>
    <t>b'\xb3(85\xeb\xe8\x95\xc8\x04\xd9\xd0\xef|\xa1\xaa\x1fa%v\xbb\x9b2?3\xd6-\xf2\xc5\xbfU\xcf\x80'</t>
  </si>
  <si>
    <t>b'\xc1\xf4\x0f\xb1\x92UR\xa4\xeb\x1a\x9f\xe9\x88\xef\xa9#pV\x9cnN\xe1\x98\x18\xc2\x19\xb9\xe3\xbf\x03s\xd8'</t>
  </si>
  <si>
    <t>b'|V.P\x94&amp;=\xaevM\x1a\x7f\t\x15Mk\xc6s\x12\xe1\xd6&amp;x\xd0\xf5\x03&amp;V\xe51\x13\xd3'</t>
  </si>
  <si>
    <t>b"\xf8\rp\xd5\x9e\xae\xfa=GV-\xbf'0d\x9d\xa6\xa2]A\x92\x94\xa9\x0cA\x13j\xcf\xe2\xa7[\xfc"</t>
  </si>
  <si>
    <t>b'\xc3\xc3*\xf2\xad*\x03\x01z_\xb1\x1a\x16d|\x7f\xd6f\xdep\xad}\xbd#jQ\xca\xd0\xb3U\xca~'</t>
  </si>
  <si>
    <t>Remodeling kitchen/bathroom</t>
  </si>
  <si>
    <t>b"xB\xf8\xe1\x94\x89\xaa\xd3/:xg5\xf7\xaa]G\x08U'V.\xde?\xfc\x7f\xceR\xe5^\xf4\x9f"</t>
  </si>
  <si>
    <t>b'\x8a\x0f\xdbv~\x97a\xa9\x90\xaf\xae\x17\xfb\x1a5^\x03\xf9\x84\xafX\x04\xed\xccDs\x8d\xbf\xbe\xaf\xfe\x90'</t>
  </si>
  <si>
    <t>b"\xb4\xb9\x1d$*\x8aA\x80\x98\xeb^#_\xc7\xdc\xa3\x08\x7fF\xd21'\xe5\x12\x99\xa49\x8e\xd4\x89hH"</t>
  </si>
  <si>
    <t>b'\x1c\xa6\x94JP\xaf\xe8\x9b\xdax\xf4\xb4|\xfc\xf3.\xc7\x9d\xf3\xe2\xa3kx\x8cL\xdbs\x87[\xf1u\xfc'</t>
  </si>
  <si>
    <t>b'\xad\x14t\\\xee\x9b\xdd\xae\xf2\x87\xa1N\xd3\x85\x15\xd6K\xe2\x0e\x1df\xc4[\xa9A&gt;\xb7P\xf1\xbd\x0fm'</t>
  </si>
  <si>
    <t>b'c\xb7\xa8-\n C\x05\x9b\x06\x98\x9a:\x1d\xbc\x19%v\xdf)\xc3\xdd/_\xd5\x8907\xed\x003p'</t>
  </si>
  <si>
    <t>b'\x99*\xb6\x8fh\xa8\x10s\ru\x95C\xa6\x91U\x9d\xf2#d\xd9\x1dK\x98\x88\x9b\x9d\xb0\xad\xb3VU\x80'</t>
  </si>
  <si>
    <t>b'\x1d\x82\xf2N\xc2\x04\x9c\x0b\x8c\x99\x93\xa3b\xebnL\xcf\xbe\x90\x19\rV\x02\xa0\xd5p\xdb|\x06{R~'</t>
  </si>
  <si>
    <t>b'$\n\xae%\xab\xed\xdfZcD\xda\xefy6\xcf\x16\x86\x01\xedv\xf6\xa8\xf3\xb6p\xb0\xe8P\xb2\x9fS\x8a'</t>
  </si>
  <si>
    <t>b'#\x08\x8d\xefz\x89\x9c\xa7\xbf\x0f\xb4`TI\x0b\xe96\x127\xd8\x15\x0f\xd6$4$\xd2W\x87\xdc\x9b\x89'</t>
  </si>
  <si>
    <t>reducer</t>
  </si>
  <si>
    <t>b'y3L\xf1\x81\x0f\xd51\xf1&lt;\xe2|\xf8\x90X\x12\xd5\x8du\xab7ol\xd8\x11\x0b\xf3\xe6\x13\x8d\xf0y'</t>
  </si>
  <si>
    <t>debt. loan</t>
  </si>
  <si>
    <t>b'\x1a5\xe7\xbe_&amp;v\x96\x1f\x17\xc3F\xd2\xce\x04\xda\xee\xedW\xfa\xd1\x08C\xf1GC\xc8,v\xad;M'</t>
  </si>
  <si>
    <t>pay off high rate laons</t>
  </si>
  <si>
    <t>b'=T\xbe;\x1dy\xa4\xb4\xcd`\xf4\xe2\xf4\xf5\xb3\x0f\x83\xe7+\\\xae\xaa \xda\xa2.G6A\x93\x8f.'</t>
  </si>
  <si>
    <t>new beginnings</t>
  </si>
  <si>
    <t>b'\xb1\xa5\xc7q\xb3#\xfcP\x92\x89\xda\x86H\xd8d\xb4\x05@\xfdD\xf0W\x02\xdf\xa1\xcc\xb3\x83\x059\xaf\xd4'</t>
  </si>
  <si>
    <t>Uncontrollable Debt</t>
  </si>
  <si>
    <t>b'_\xd3$G\x86\x18\x93\xffH\xfb\xd5\xc5y=\xdbO\xf5\x83\xf7\xdbp=\x14\xecq\x06\xe6U\x0c\xc1\x1b\xed'</t>
  </si>
  <si>
    <t>b'n\xcc\x1dT\xb1\xd2}\x13\xcf2\x9c)Y\xa4{\x14G\xbcL9\xfd\x92 \x03-\xa1\x0b``\x86\x84\xb0'</t>
  </si>
  <si>
    <t>b'\x15\xea\x15\x11\xbe&amp;M\xb7\xf5F-\xees|\xf2UB^\xeb+\xc6\x9c\x7f\x1fI\x86qW\x83\xcdyi'</t>
  </si>
  <si>
    <t>back on track</t>
  </si>
  <si>
    <t>b'\xc66^s1\xa2\xee\xef\xe7K\x99f=S\x9d\x80\x0b\x8c\x83\x9fb\x08k\xf5\xd3\x0e\x13\x9aM\x903-'</t>
  </si>
  <si>
    <t>Refinance the Cards</t>
  </si>
  <si>
    <t>b'\xe5\xe7J\xe9\x91M\xca\xbb\xd16\x01\xea|\xe84\xad\x11\x8ba\xbc\x19J\xc4\xef\xc3\x96+\n\x8f\x918\x88'</t>
  </si>
  <si>
    <t>b'9QE\xf7\xd2\xae\x964SX\x14Q\xbf6\xa5w\xa1\xb0s!K\xa1\xaaA\x8e\xdc\xd0\xa7\x83\x9f]}'</t>
  </si>
  <si>
    <t>b'\x8a\xd7\x1a\xa6\x86\x8b\x95\xa2Y\xbb\x0cI\x0b\x93\xb4Q\xaf\xcb\xccK#i\x0b\xef)\xeb\xa1\xc5\xd4\xbb%['</t>
  </si>
  <si>
    <t>b'n\xd6W{\x8fN\x85\x80\x13\xa1h\x90&amp;\x16\xc6\xd9\xb0\xf5j\x18I\x8dI\xcf\x8a\x99\x92U\xa8\x89c\xe6'</t>
  </si>
  <si>
    <t>b'(|8\xb5\xee\x94\x0c\xc6\x19\xe2y\xb5\xd4*.\nh\x1c\nX(\xf9^7\xb1\x8br\xbd\n{T\xb6'</t>
  </si>
  <si>
    <t>chasecard</t>
  </si>
  <si>
    <t>b'\xb148\xab\xa1gjT\xe6\xfd&lt;?\xa7t~/}\xd8\xceG\xb0\x98&amp;\xc7o\xc7\xb2\x86w\x85\x97\xf0'</t>
  </si>
  <si>
    <t>Business loan</t>
  </si>
  <si>
    <t>b'\xc83\xbf\x94\xae\x89\xa6g\xa3\x87J\x13\x85\xf6p\xfb\x0b,b\n\xd5\xba\x86\x90_\xac\xae\xa2\xb9\xfcp\xed'</t>
  </si>
  <si>
    <t>b'\xd0\xf5Y\x99\xd3\xe1\xd5\x04c\xa4\xf0\x00c\xaeU\x05\xd9Nx.\xbdR\r!&lt;\x868\r\x15\x19\x85\xaa'</t>
  </si>
  <si>
    <t>b'\x0e\x01\t}9\xcb\xddX_\xe3kWl\xac\x18\x1f@\x04\x95\xf9t\xfd\xbe\xe8k\xc5$1F\x0c\x88\x87'</t>
  </si>
  <si>
    <t>PAY OFF CREDIT CARDS</t>
  </si>
  <si>
    <t>b"\xeb2\xf4\x8eF\x91\x855\xa2\xc3\x9b\xe3J\xed\xce\xea\xa0@\x9a\xe6w\xad\xe5'*\x0b\xfb\x10\xc0AY("</t>
  </si>
  <si>
    <t>b'\x8f\x86\xd8\xc6E@\xb4\x83\xe5\xbbq@\xb4\xd5[\x8b\xba\x884\xa6\x87\xc9\x1a\x8a\x91\xa7\xa0t\xd9?\xc1h'</t>
  </si>
  <si>
    <t>b"\xba\x97|\xd2m\xe8\xae\x03\x9b\x91\xcc\xe0('f*W\xd4\x04j\xef\xa9\xdd\xcb\x11B\xc8\x15\xc6\x90\xa4\x9e"</t>
  </si>
  <si>
    <t>b'\xda\x05\xa4G\xc1\x12Z\x04D{R\xaeD}\xb5\xb0)?\xf0"l\xf9B\x93xaD\xd0\xddtg\x8f'</t>
  </si>
  <si>
    <t>DEBT CONSOL. LOAN / PURCHASE</t>
  </si>
  <si>
    <t>b"\x81\x99\r+\xc5\xf6\xac\xb2\xd3d\xf9u\xec\x03\xdc2\x85\x06\xa8\x88Y\xa8\xd0',\x14\x11\x90f\x19\x80\x18"</t>
  </si>
  <si>
    <t>b'\xd9\x98\x91\x03\xe7\x81\xcf\x89\xb5\xa8S\xf00\x167J\x9cC\xb0\xdd\x07/.\x9a*\xb3\x90o\xbf\xa6\xfe\xd1'</t>
  </si>
  <si>
    <t>b"\xe5\xaa\x1au?\x05\\\xb2\\s\x96'\xe5H\xd1\x86\xbf\xba\x0f\xc4\xd6]\x12I\xef\x14Wu\x18\xd39\xb1"</t>
  </si>
  <si>
    <t>b'\x19vJ\xe5\x08\xafp\xab|\xf1\xf3tW\x93\x83\x80\xcc\xbd\xdd\xc69\xf3\x02Q\x0c\x08W\n\xe3\r/~'</t>
  </si>
  <si>
    <t>b'\xcf\x7f\xd1\xe1\xce\x80\xda\xaemBr2?96(\x1c\x1d\xee\x95\x9e\xd1\xa9\x04||\xc3\xb3O\xefA\xd9'</t>
  </si>
  <si>
    <t>b'\xd7 \xe32+\x837)\xbegb\xf3Q\\\xb5F+ccD\xd9\x12,\x94\\\xa9\xfe\xed\xe3@#\xe2'</t>
  </si>
  <si>
    <t>b'I\xcc\xb0i\xe69\xd27\xbf\xa8X{\xdc\xab\xbe\xccL\x97\x8d\n\xb1\xcf\xcc\x85\xf2#\x93\xa4\x82\xea\xd5\x9a'</t>
  </si>
  <si>
    <t>b'IQ\xf1\xaa\x1epp\x0b\x7f\xfa\xf4\x11\x97\xe3\xa8\xb2\x83rF\x10Ta\xb7\xce\x8b\x99\xc5r\x12a\xeb)'</t>
  </si>
  <si>
    <t>b'\x87\x1b\xfb\xbf9&gt;\xb5\x1e(\xb2\xd1\xae\xcb\x0e\xbdVa\xa7\xf4M\xb4/\x146/H\x96=\xa7\x9d#\xea'</t>
  </si>
  <si>
    <t>b'\xae\xf0Q\xc6\xd1B\x96|\x9aDG\xdc\x0fF}\n.\xfa\xa5u\xf1.L\xea:\x8d\xb3\x82A\xa3G\x9a'</t>
  </si>
  <si>
    <t>b'\xed\xd2\x91\x80vN;\xba\x0c\x02\xfcK\x00\x1f\xb8\xe3%M]\xf77\xb5a\xb8\xab\x89?\xf5{R7&lt;'</t>
  </si>
  <si>
    <t>b'l\x9f\x90\xe7\t{\xd1\xc0\xd7Si\xd1\xc2*bY\xaa\xb1\xf2\x0fH\x87\xc7\xf6\xe7\xa9\x1d=\x80\xd4\xbb\x8f'</t>
  </si>
  <si>
    <t>b"^\xaa\x93\r\xa2W&amp;\x85\x01\xc6\xa3\xef;a\x9f\xb1{h\xbf'\x01P\x8fn0n\xc7[EZZ\xe6"</t>
  </si>
  <si>
    <t>b"2\x9a^\x84\x05'@m\xef\xf4\xf3\x9a\x8b&amp;\n\xd7\x0en\xd6\xb6\x88\xc7qj\x84\xe5\x86\x8f\xf7j\xaf\x80"</t>
  </si>
  <si>
    <t>b'\x07\xc9\xbe0\x99\x8b\x95\xe2\n\x16\x0b_\xd5\xce\xbe\xb7P\xe0Be\xdb0A\xf2\x8c\xb6\x83?\x04\xa3(\xcf'</t>
  </si>
  <si>
    <t>b'\xcd^\xbb\xd5V\xbb\x86c\x8d\x06\x01o\xcc\xb3A.\x06n\xf3\x87\xce8X\x8fe\xde\x84\x14[\xa0\xa5\x9e'</t>
  </si>
  <si>
    <t>settle credit cards and other debt</t>
  </si>
  <si>
    <t>b'\xd5&amp;n\xb6\xd9$\xad\xa2\xf1\x1f\r_\xd7\xebH&amp;i\xbd\x92]\x8a@W\x92\xf6\x9b*\xa8\x8d\rP\xf1'</t>
  </si>
  <si>
    <t>b'\xe5Z\x14@f\xfe\xd1D\xd1\xd4\x8a\xba^\xb9\xfd\x13\x163Q\xe7O{\xccB\xa6\xe8*u{g\xb0\x10'</t>
  </si>
  <si>
    <t>b"8\xce\xe3\x90cRs\xac\x89'C\xb9\xa4\x86\xe0\xf7\xab\x1e\xa9\xb4U\xae\xbcy\xeb\xc0BA\x03y\t\xda"</t>
  </si>
  <si>
    <t>b'4T\xa2R\xd8\xe6\x9e\xfc\xb7\xf5\xfe\xeb2\x10*!\x982:Fa=:KX\xa5\xd3TFly\xf6'</t>
  </si>
  <si>
    <t>payin it down</t>
  </si>
  <si>
    <t>b'?\xfaf\xf7\xc1\xf8\xb1\\fI9\x0cC=T\xbc;\xa3\xa3\x8f}\xf0"\xa3\xb1@0 \xd5\x8f\x8e7'</t>
  </si>
  <si>
    <t>b'\xd5\x8e/&gt;\xba\x17\xeb^\xfe\'k"P^\xc2N\x0e\xad\xce||6o\x05\xb1\xde\xec\x1f\x91X\xbfi'</t>
  </si>
  <si>
    <t>goodday</t>
  </si>
  <si>
    <t>b'\x1fD&lt;)\xb0g\x9f\xcb\r\x86\xe6\xde\xe4\xf4w\xb5\xde\x88\xb79\xb4Xc\n\xf9\x84\x1frM\x9dZ\x12'</t>
  </si>
  <si>
    <t>b'\xb2\xbb\x15\xba\xea\xab!\xf8t\xbdWi\x0en\x12+f^m\xb4o\xbe\xca6\x19&amp;v+\x89\xcd\xc5\xc2'</t>
  </si>
  <si>
    <t>b"\xb6\xa4\xd0\xde}X\x07\x06\x83'\x92\xcd\x05\xa3\xfc'\xeb\xca\xea&lt;\xd02\xde\xeaGl\x1bR\xab\xfb\xee\xdf"</t>
  </si>
  <si>
    <t>b'\xccq\xb5D\n\xbd\x98\xfc\n\xee\x7f#\x05\x10\xc1U\x10I\xf4\x9a\x12V\xf9=\xdaW \x1e\xf0}\xf6\n'</t>
  </si>
  <si>
    <t xml:space="preserve">CC Pay Off </t>
  </si>
  <si>
    <t>b'?\xd1\xbe\x18G\xa6,\x1f9\x06P\xf0\xc0\xd0#c\xb2\xe6w\xec\xb6\xaea\xf2\xbb^\x85\x94p\x07n\xe1'</t>
  </si>
  <si>
    <t>b'Z\x0f\xcd\xf8\x90\xf2\xca\xf4\xddj\x1c"\xfd,\xa2~i\x9b!\x15%\x13\x1a?\x06\x9bX\x0c4\x00\xcd\x9f'</t>
  </si>
  <si>
    <t>b'\xe9\xb4\xeck9\x90\xe3\xe6\xa5Kf\xd5\xbc\x02\xe2\xabx:\xeaR\x0b8C\x14S\x17\x9eZ@K\xb2\xf3'</t>
  </si>
  <si>
    <t>b'\xba\xack\xf6\xe0e\xd1zpUp\x92\x8a\xc5#yY*\xd7\xaf\xe0\xf3L\xd6\xff\x05\xe5\xceQ\xf1M\x8d'</t>
  </si>
  <si>
    <t>b'b\x08\x9a\xaf\x13\x11\xc7S\xce\x85O\xa9KRTHq]&gt;C\xff\x907VJ\xd8\xd8\xd9\x80\x8c]+'</t>
  </si>
  <si>
    <t>b'\x8c.\x13|\xd4\x1b\x95k\xcfW\xab\n;\x9a\x9e-_\r0\x9d\xe9\xbe\xc2Sz\xb4\xa2\x93;q\x88\x89'</t>
  </si>
  <si>
    <t>b'\xb155\xccU\x02+J\xd2\x88\xa9\x92\xb2C\r\n\xbb\x7f%\x1f\xb1G_-\x08xq\n\xcd\x99\xa3\xa3'</t>
  </si>
  <si>
    <t>b'\xd10\xb3\xbc\t\x91\xcc"\xfb\x0e\x071ae\x0eT-\xbf~\xd6\xc5\xd4\xf2)\x01T\xb1"ll\x17\x0c'</t>
  </si>
  <si>
    <t>b'\x82\x80l\xa5/\xb3p\x11\xc5\xbbH\xb3\xff\xd8\x969\x957\xb2J\xc9\xad\xcc\xd8\xa7\xa3wf\xe8$\x91D'</t>
  </si>
  <si>
    <t>b'q\x80\xa7j\xe1\x98\xd5\x92={\x85y8"\xcf&lt;\x16f\xc8\xfb\x849&lt;\xe0=\xbe\'\xcd\xa2z\x15\xbd'</t>
  </si>
  <si>
    <t>b'\x95\xb2\x84?\x8fn\x95\xb6Y\xf2\x84\x185\x94\xb0\xec\xa1\x05\xaa\xe5oU\r\xd5u`\x0f\x0f\t\x10\t9'</t>
  </si>
  <si>
    <t>b'\xb0/*\xf0\x1f i\x94H-\xd5;(u\xae\x1arY\x10\xdf\xba\xa4@\xa7F\xa7\x1c@\xbe\x97=]'</t>
  </si>
  <si>
    <t>b'Z\xdc\xb1\x03\xa8\x0f\xcb\xe2=_\xe7\x88\xe4Kk\xb2\x82~\x15HT\xb9\xb0l Y\x03R\x80.\x14\xfa'</t>
  </si>
  <si>
    <t>High Interest Personal Loan Refinance</t>
  </si>
  <si>
    <t>b"\xf6.\\\xf6\x15f\xf3.\x9d\x8e\xe9\xf0\xb5\xb5\xf6\x85'\xd0PCZ\xe7\xd8\x11{\xb6\xb6\xc5.\xbf\xe3\x15"</t>
  </si>
  <si>
    <t>S.O.S. - Credit Card Consolidation</t>
  </si>
  <si>
    <t>b".\xffS\xcc\xbd\x8f\xea\x13\xd2H\x88\x90\xd1\x15\x0ff\x13\xcf\x8b\x1f7'\xab\x0b&amp;\xba'\x8b\x8d)\xf3&amp;"</t>
  </si>
  <si>
    <t>b'\xa5\x0e\xe3\x86\x9e\xa8\xa5N\x97\x91\x87\xe4\xd61%S\x92\xd5!\xfb%S\x9ck\xd6\x88\x97iF\x13\x92.'</t>
  </si>
  <si>
    <t>b'9\xacg\x1d\x1b\xb0 \x9dG\xf5\x8f\xaf\xa0{3\xba\x87\x00\xb6\xcb\xb8i\r\xafaOx"\r\'\xe8\xfc'</t>
  </si>
  <si>
    <t>b'\xf3\x95X\xdf\xcd\xe8&amp;3\xf1Q{\x1a\xa6\xd9\xbfW# \xae\xc7\x12\x03r\x05\xd5s\xb8\x10\x0b\x1f\xad\xaf'</t>
  </si>
  <si>
    <t xml:space="preserve">debt cosolidation </t>
  </si>
  <si>
    <t>b'\xe9AF1\xbb\x10i\xa3s3\xcd\r\xfe\xcd\xd6S\xda\x021\xcdc\x93\xd5\xd9_{j(3]\xc4\x15'</t>
  </si>
  <si>
    <t>Renewal_Consolidation</t>
  </si>
  <si>
    <t>b'\xce\xdb\xc4\xea\xb2\xba\xed\xe3\x96\xa5\xd6n\xa0hF&gt;\xf8w\xfc,i1\xcf\xf4Y\x19T`W\xddF\xce'</t>
  </si>
  <si>
    <t>b'Y\xe3]\x93\x93rk\xad \xe0N\xbb\xec\n\xc8e\xb6\xf9VQ\xc5\xd3&amp;\xf6\xf3F\x8e\x8f\x85\xbe{C'</t>
  </si>
  <si>
    <t>b'x\x87\x8d\x02\xd7~\xef\xdbB\xf3\xf3g\x057)\xfb\xcdO\x0b\xebQX\xa5\xdf(v\x83g\x85\xba\xech'</t>
  </si>
  <si>
    <t>b']&amp;\xfb\xa9\xaa\x8c\xb0Bh\xcaa\xb1\x18b\xaaWJ\xbfo\xa2\xa8\xf9\xac\xb9$A\xfb\xb8\xd0\x01oo'</t>
  </si>
  <si>
    <t>b'\x10u\xdf\xf9\x935)h\r\x93\xbdy\x10\xa1\xf2\xc88\xdbQ \xd2\xd4\x0cLA#\xae\xea\r\xe6yU'</t>
  </si>
  <si>
    <t>b"@\x82\x01\x1c\xcb['\xe4'\x8a\xda\xcc\x83!\xe4\x9c\x9d\x81\xc4\x97Q\x16W\x81\x96{\x9c{o\x0b\xa9\x1b"</t>
  </si>
  <si>
    <t>b'\xd7s\x84\nf\x0c^\xb6\xef`\xb3y*b\xdd\x8d\xb5\x8a\x98i\x84\x97%s\x1f\xbbu\xb9X\x7f]\xa5'</t>
  </si>
  <si>
    <t>Small business loan</t>
  </si>
  <si>
    <t>b'D\xac\x08\xf2\x1d\x98W\x8c\xe7\x12{\xa0w\xdc\xfa\xa5\x07 \xaa\xd3\xe2R\x0ci\xd8\xc7\x8d{F\xc5\x9a\xe0'</t>
  </si>
  <si>
    <t>combination</t>
  </si>
  <si>
    <t>b'\x1c\xfd\xafO\x16X\xc9{\x02\xdag\xdf\xe5\xba\x94\xb0\x89\x055\x97\x9e[u7\x89w\xb7"\xcd\xaa\x18\xac'</t>
  </si>
  <si>
    <t>b'X\x19\xfa\x8e\x99\x97z\xba\x1b\xe4\xebu\xe0\x01\xcd\x1b\x8b`\x1a.\xd1\xf1\xfdq\x83\xc9B\t\x8du5$'</t>
  </si>
  <si>
    <t>b'#E\x94\xb8`\xbc\xfd\x1f\xd7\xf67(\xcf\x1c\xec\xd5aK\t{\xb3&amp;\xe6L\xc3\xd5k\xe4\xecW\rx'</t>
  </si>
  <si>
    <t>b'\x90my6\x0e\x1c\x93\x1c\xa5\xad\\\xf7&lt;\'\x98\x8a\xfe\xb4\xaa\'\xd1q\xf7C\xb1\x11x\x9d\x97{1"'</t>
  </si>
  <si>
    <t>b'\t\x89\xb5\xa3FV\x10H6g\xc6\r_\xe2fMP\xe7\xda\xae\xe6\xc0\xce\x15\x07Gh\xf5\x9c\xa9 _'</t>
  </si>
  <si>
    <t>Freedom from Credit Card Debt</t>
  </si>
  <si>
    <t>b'K\xe3\xcf\x8e\xec\xe0\x95o\x98\x00\xa3\xce[\xb8^\x1a\xc1\xb0\xe12\xb4\x92y3k\xee\xa7~\x03O\xb4\x7f'</t>
  </si>
  <si>
    <t>b'M\xd6\xf8Z;~\xbaD\xb4F\x0f\xa6\xb0\xcfP\x0e\xfa\xf0\xf9!R0\x02\x00\x13\xf7Y~\xcd\x01p\xa3'</t>
  </si>
  <si>
    <t>yesplease</t>
  </si>
  <si>
    <t>b"\xfbA\xe5\x98G\x98v\xd2\x03\xcd\xf5\xf6\xfe'bb\xd8i\x133\x06j\xb2\xb5d~,\xe20\xaeN\xb8"</t>
  </si>
  <si>
    <t>b'\xa4\x127\x84\x92P\xf1\x88t@A\xdf\x03(O\xe4\xce\xbc\xa4q\x03cI\xe77\xbd\x0e\xe5M\xe6\x8d\xc8'</t>
  </si>
  <si>
    <t>b"\xfa\xb1\xef\xeer4\xb0\xd0\x8f\xda\x9a\xf5\xd9\x06y\xbb\x94\x9b&gt;b\xae\xd8\xd4\xb8\xb3'\x11\xd5\x8d\x86n\xf2"</t>
  </si>
  <si>
    <t>b'\xbc\x1d\x81@\x19\xb1\x08n!\x99\xa2\xa1A\x06\x93\xd2W\\O\xbf\xbd\xbdp\xbc\x16\x832\xcb\x05\x8c\xac\x96'</t>
  </si>
  <si>
    <t>Debt Condolidation</t>
  </si>
  <si>
    <t>b'\xf7\xbb\x13\xd5\xc2\x88\xdc\x8dXA\xb2\xf9\xd3\x17\xac\xf7\x10\xd2Xx.A\xaeB\x9bN\x97\x99\xeb\xf5\xd8\xec'</t>
  </si>
  <si>
    <t>b'\xaa\xc5%m\x14\xddH4*\xc4\xd0\xc8\xb7[\xbd\xe93\x9e\xdf\xa2\xbd\xfd7\xa2`\xeaS\x01\x1f\x1e\x04\x90'</t>
  </si>
  <si>
    <t>b'\xa4p\xd8h\xf2\x9fT\xf9t\xa8\x08\xd0\xa3\x0c#\xef)\xc6s=\xec\xe7\x18\x1c,l\xb1\xd6^\xb2\tE'</t>
  </si>
  <si>
    <t>b'\xdcNo\x90u\x82@\xe9[\xbb^\n%\x17\x0fz\xc3\x17\xe2\xc1r=#W\x03\xdb\xac\xd2)I\x01\xf0'</t>
  </si>
  <si>
    <t>please</t>
  </si>
  <si>
    <t>b"\xfd-\x93\xb9\xa8\xb3'v\xd1O\x15\x81G\ts$\x14\xed\xb7&gt;:0bG\xf0\x1a\xa7\xfe\x1f\xed\xf6\x06"</t>
  </si>
  <si>
    <t>MyDebtconsolidationloan</t>
  </si>
  <si>
    <t>b'\xd8\x11\x1a\x18\xd5\x95*\xb8\\\'\xe7e\x99g\x10\t,\xe0\xcc\xa5""\x90\xfc\xdcsCM\xa9K\x85N'</t>
  </si>
  <si>
    <t>Paying off Debt</t>
  </si>
  <si>
    <t>b"\xa8\xd3\xa0\xa2'\x18+\x98\xa6\x87\xc4\x064K\xd7\xe8&lt;Bh\xec\xdf\x99\x9b\xde\xf4\xcd\xed~\xc86\xeeb"</t>
  </si>
  <si>
    <t>b'\xe5@\xdfD\xecqE%\x83bbKuv`\xc2\xc4\x03\x97\x11\x1a\xb3\x92\x1f\x98\xbd\xfb}s\xcc\xfeJ'</t>
  </si>
  <si>
    <t xml:space="preserve">pay off everyone </t>
  </si>
  <si>
    <t>b')\xef||\x0c\xdb\xd8\xfc\x13\x13\xd3a\x9c\xdb\x9c\x01\x9a\xb6\x8a\x05l\xb4\xd5bNI\xdd\x16\x9a\xbb\xbeg'</t>
  </si>
  <si>
    <t>b'#\xca\xc5\xdd+kN\xbe\xf3\x98&lt;J/2\x15\x08[\x1b\x95\x94\x85 \xe0\xa5\xfd\x80\xf3f\xa3\x9a\xafy'</t>
  </si>
  <si>
    <t>b'\xcf\x06\xac\xf1]`\x84\xda\x05@FY\x93e\xb6\xfd\x81X\x1f\xa8D0\xae\xcd\x01\xaeWp\xad\x00+8'</t>
  </si>
  <si>
    <t>b'\xfe\xaf,%[8\xeeU]\xdd\x1d]\xc0/+_`\xee\xc4\x1ef\xf4\x1e*\xf5c,\xfe\x18p\x93N'</t>
  </si>
  <si>
    <t>b'+\xb84\xfe-\xb6\xecd\xe2f\xa4\x90\xddD\x06\xec`\x93Bb\xa0;\x07KC\xc2\xdd\xaa\x8e\xc9\x05='</t>
  </si>
  <si>
    <t>b'\x89^\xd3|\x15HNP\xdc\x06\x1e\x0e?r\xee\xc4l)]\xe8\xdcv;\xbdX \xd0\x18\x19{4\xbb'</t>
  </si>
  <si>
    <t>b'\x04}\x08\x9b\x8f`\x85\xa7\x93\x97:&amp;\xc9]S\xfd\x94\xb9\x85\xd2K\xec\x7f\x94\xcb[m\xa1g/$]'</t>
  </si>
  <si>
    <t>b'\x1a\\\x89\x17R\xf0\xcc\x17\xd9\xb6\x1b\xe8\x98\xc9\x15\xb0\x01\x93=\x92\xa9\xc5J\xd7!\xab\x0c#\x87\xdd\xbc\xc5'</t>
  </si>
  <si>
    <t>b"Z\xbc\xb8\x86=\x10NA\xd2d\xbfQ\xba \xa2\x14\x1a\xbczn\x10\xa0\xcb[B\xbeRI4\r'\xb5"</t>
  </si>
  <si>
    <t>Debt consoladation</t>
  </si>
  <si>
    <t>b'$\xb4\x076\xa4\xc7\xb1jUP\x92x\x01~\t\xb3\x80\xa3\x8d\x1c\xb4\xa0\x9f|\xb6\xc4u37\r\xf2\xac'</t>
  </si>
  <si>
    <t>b'^\x1bF}\x07\x152\xed\xdc\x12\x08+i\xa7\xfd\xa9W\xbd\xd6\x1b\x1c\xef\x88\xd4\x80\xaf\xf3\xf8a["v'</t>
  </si>
  <si>
    <t>b"\x95\xef\xd8O\x0b\x9d\xc0cx,\x9b8#\x92&amp;\xe7\x83&amp;wJ\xf9\x8c\xd8\xbe\xca\xaa'\xd9\xc5\xf0\x1dt"</t>
  </si>
  <si>
    <t>b'\x8c\x10\xc4H\xa9G\x13+M\xa6/#\x90\x13h\x17rFk\xd9\x07\xfd\xbd\x8a\xec\xb3\x07\xefy/y\x04'</t>
  </si>
  <si>
    <t>Bill Reduction Plan</t>
  </si>
  <si>
    <t>b'\xe2FX\xa9`V0du\xdf\xc7\xeb^\x985\x08\x8f\xe4\xd9\x88\x05y\xdd\xd5\xf6)\x93\x18=\x1f\x99?'</t>
  </si>
  <si>
    <t>b'ad?EM`\xeb\r\xbd\x08X/P\x11&gt;\xcc\xe0Qg\xf1\xb2\xcd\x97#\xc5D\xbe\xdc\xed\t \x16'</t>
  </si>
  <si>
    <t>8/21 consolidation loan</t>
  </si>
  <si>
    <t>b"7\xf3\xc0,Ep\x85\x12\r\xce\xd3';\xb0\xc1\xac6\n\xfb\xe6\xf8d{\xb1EI\x88\xd9\x9e\xd4\xbd\xb2"</t>
  </si>
  <si>
    <t>b'\xc8q*\xd7\x1f\x90\xdf\xc6\xa3\x026}l~|\xdc\xd6\x98\xcfz\xfa$6\xfd\x13\xff\x11X\xae\xed.='</t>
  </si>
  <si>
    <t>b'Q\xaf\x05\xb6\xa2\x1a\xd2\x9d\x8aS\xb2\x12\x01\xa4n\x10\xb7\xe8\x95OU5\x08\xa7/\xaa\xaaj\x10\x95\xd5i'</t>
  </si>
  <si>
    <t>House down payments</t>
  </si>
  <si>
    <t>b'\xfeU\xbb$r\xb8\xf3.\xc38Hz\x07{u\xaa\xfa\x9b\xb9x\x16\x92\x04\xc9\xc5\xabdE\x1f\x8a\xc97'</t>
  </si>
  <si>
    <t>b'\xc0\x90}(\x0c\xad\xdf\xe0\x13\x8c\x13\x7f\xe9Wtg\xc8\xe4&gt;\x12\xd7[\xc8o-\xe6\x17a|T\xa59'</t>
  </si>
  <si>
    <t>Home Renovation / Consolidation</t>
  </si>
  <si>
    <t>b'\x0b\xbb\x85!\xc7\xc3\x0c\xa9`\xd0\x9d]\xbeg\xc3i\x17B(}\xcf\xff.w0\xcb+|\xa5\xed3\xe9'</t>
  </si>
  <si>
    <t>b'^\x06u\xdax\xd0\x17\xfeX\xcf\x1c\t\xec8\x8cO\xc76}\x0f\xbd\xcb\r"\xb8\'\xdb\x15c\xdd\x845'</t>
  </si>
  <si>
    <t>b'D\xea\x8e\xdd\xa1\x93\xb1,\xb9\xf4a\x8e\xbb\xbd\xeb\xcai-3\x05X\xcelT!;\x03\xe95,\xd7\xc8'</t>
  </si>
  <si>
    <t>b'\xf8\xc6T^\xa6\xf5$\xb4\xb1!^d\xdd\x01\xafn\x96m\x84=\xe6\x1e\xa3U\xe9\x8a\xc0\xcc@\xe32\x8b'</t>
  </si>
  <si>
    <t>b'\x06y!-\xec\x9f\xd7\x1b9E\xaf\x99\xc7v\x1b+`\x8eH\x1fO\xcf\xb6U"\x1e\xf4\x8e\xc1x\xcc\xe8'</t>
  </si>
  <si>
    <t>b"N\xc2\x16\xb0\x12'\x13Z\x04\xe5\xd8z\x1b\xde\x14\xe2%\xf85\xb9\x9d\xbbT\x9c\xfcWZ#o\x80f\xba"</t>
  </si>
  <si>
    <t>b'l[\xc5\x87\x8fbzGI\xb2\xfc\xc4@\x1f\xffq\xd8.")\xdd+\\\x94\xce*p-r\xadF('</t>
  </si>
  <si>
    <t>b'\x07o\x93\x9a@\x0fg\xa5&lt;\xc3\x1c\xec\xb5B0\xf7[Gg"P5)j\x99\x99`EWI\x04}'</t>
  </si>
  <si>
    <t>Becoming Debt Free</t>
  </si>
  <si>
    <t>b'\xf2\xfcR\xa2\xd8\x8a\xd3\xe9\xbf\xf3\xe4\x9b\x19\x1bl\x18\x9f\xa8ha\xb3G\x9d\xf2\xc9\x8axu\x93\x1e\x95M'</t>
  </si>
  <si>
    <t>b'\x00\xff\x1a\x89\xe9&amp;\x12\x9c\xb4\x04dy\xb8\xf8+\xa8\xde\xd946y\xd6\xe0\x96\xb1\x00\xb5U\x9du\xe3\x83'</t>
  </si>
  <si>
    <t>Consolidating Loan</t>
  </si>
  <si>
    <t>b'\x88\x14\xe2\x91\x0b@o#_2\xba\x12\x9d5\xa6\xd9\x9fzBxJ~\xa568p\xac\x9e\xd7\x82\xa7\xa7'</t>
  </si>
  <si>
    <t>b'i{h\x94\xfa\xd7\x9a+\xb6\x15\xe6 \x9b\xb9\xc9P\x16\xd7m\xc1\xdb\xdd\x8e#\xc9\x0bN&amp;\xd2\xaa\xc9\x80'</t>
  </si>
  <si>
    <t>b'\x8b&lt;\x85\x05\xa7S\xd8\xa5EO=t|\xf0Do(ge.\xc7\x01\xf9?&gt;\xdbI\x87R\x86\xf3C'</t>
  </si>
  <si>
    <t>b'\x8c\xbe\x92\x12\xcd`\x9aC\xf2\xff\x88+\x06\xb7\x10\xdfg\xa7\xc6h\xe7\xa4=\x97F\xe2!\xdb\x8ab\xeb{'</t>
  </si>
  <si>
    <t>b'\xe58\xdb\xfbD\x85\xce\xe9\x88\xc0\x17q\xac\xfcq\x01\x99\xca\x1b\xb0\xe2CX\xe3\xb1M\xc9\xfd\xa0\x06G\xc0'</t>
  </si>
  <si>
    <t>b'\xa3y\xdbkw\xff+\x0c\xb9\x07\x1c\xe1\x88_\xc5\x8f\xff*\xfd\x08CE\x7fJ\x9b\x99\xf69\xcb\x18\xbf\x12'</t>
  </si>
  <si>
    <t>b'j\xb9F\xda\xde\xd8&lt;9p\xa5\x17v\xf7\xc8_f-t\xce\x06Sfc\x02\xfe\xad\xee\x85\x1e\xe9\\('</t>
  </si>
  <si>
    <t>b'\xd5w\xa0u$\x10\xec\x0c\x0c\x80Y\xb0\xba\xc5G0\xd5mL\xccy4\x0b\x93\x0fO\xc3\x1e\xb3\xb5\xb8\xa7'</t>
  </si>
  <si>
    <t>b'\xca\x05\xe3\x17F\xed-"4i\x1aRI\xd4\xde\x00t\xc2\xa7\xa2\xc8M\xc88F/p\xfb\xf8:\xf3\xb8'</t>
  </si>
  <si>
    <t>b'\xee\xaeRZD\x1e\xc5\x88r\xd39\x9f\xa2p\xc7m\xde\xec\xce\x0e\xd0J\xa4(\xba\t\x01aK\x8f\x08\xd1'</t>
  </si>
  <si>
    <t>b'%\xeb)l\xf0\xbcP\xa1\xc4uN\xf6OB`\xb1\xd5\xfc6\xcbT\x84/z\x88\x94\x19K\xceR\xaf\x93'</t>
  </si>
  <si>
    <t>b'7$L~\x88|\xc5\xc2W\xcch\xcc\xa0\xb8\x0c\xd8@B\xc6\xc32\xbe@\xb0\x8e\xc3!\xad8\xff]\x88'</t>
  </si>
  <si>
    <t>b'*\\\xa8\xfcs\x97\x94h\xd4\xfd\x99\xdd\x9b&lt;+V\xdf;\x87\x10\xc8\xe7\x9c_\xb3\xc8n\xcaM\x10 ['</t>
  </si>
  <si>
    <t>b'\x08 ;xv\x92\xd3\xe4\xad\xc37=\xd4r\xea\x04\xc8\x0b\x97\x03TsE\xc0\xfc\x98\xf3bmZ\xb9k'</t>
  </si>
  <si>
    <t>b'K\xd6\xbdp\xde\x06\x038\xc0\xcf\xb1t`kn\xb1\xd8\x84,\xa4l\xd8\x18\xd9K`\xddX\x8aq\xb2\xd5'</t>
  </si>
  <si>
    <t>b'\x99\x9b7\x15*\x93\xd3\x1f\xea\x82$k\xaa\xb8!X5pM\xda8\x11fy[u\xe1F1\xcd\xb7*'</t>
  </si>
  <si>
    <t>b'&gt;1\xe6\xc2\xff\xf8\xd0c\xfc\x84\xcb\x15\xa0\xe9\xe8\xce\xc7\xcajL\xc4\xfb\xf4\x89v\xf3\x12]\xf3d?N'</t>
  </si>
  <si>
    <t>b'\x94t\x94\xe0\xe8Ho\xd6\x08\x88\xbdt\xac0\xe3\x9du\x96\xb4\x93KG\x9d\xc4\xd1\x15\xd4\xcd\x9bK\xf3#'</t>
  </si>
  <si>
    <t>b'-\xfe\xc6\xa9\xfc\x87\x92\x131i\xa0\xe2\x95\xfb~\xd8\x83U\x93N\xac=Zh{\x00\xa7\xd5\xfe2\xe3\xff'</t>
  </si>
  <si>
    <t>b'O\x84\xff\x86\xd5\x00I\xb78\x1e\x1d\xc4\x13\xda\xc4\x0f\xa8W\xf3\x80\xba\x18H\x85rjU\xe6\xa1\x83\xac\xaa'</t>
  </si>
  <si>
    <t>b'`\x8a\xc9-\xa8\x07\x17\xbb\xed\xed\x85\x13\x9cL\xc13\xe7\xcc\x1cc"\x90\xbf\xfd\xba\x18\xe0`\xa5\xd8C}'</t>
  </si>
  <si>
    <t>b'\x0e@\xba\xc3\x96\xd8V\x9e\xe0\x96uLm\x9c\x89d\x0e\xbb\x95\\\xe5Z\xf03\xd0\xf4\xa9\x19\xc7\x98\x91\xfa'</t>
  </si>
  <si>
    <t>b'\x12\x06\xe4\xcd\xab\xd0]\x05\x95L\xc0o\xabstZ\xc3\xb5\x97\xd3\xb6\xb9\xfc\xc6\xdck\xce\xec!\xe0\xe3\xc4'</t>
  </si>
  <si>
    <t>b'Ar\xe2/\x95\x17\xac\x9c\xfc\xdb\x97\xe0\xfb\xc4m\x12\xe4\xe5\x1c\xf6C:7h0^@\xffA\xc1\xbe\xbe'</t>
  </si>
  <si>
    <t>b'\x95K$\x90\xde\x84\x00\x90}\xe2\x93\x83\xa2\x8c\xac\xe51\x91S#M:P\t5\x0eH\x06e\x82\xe6\x9a'</t>
  </si>
  <si>
    <t>b'\xc3\x87R\x0e\xf1\xc5q\xf3\x1f\x89zp\xa0\xa1\xd6\xa3\x05\x07\xbb\x9e\xbef|\x1a`\xf5\xad&lt;\x8a_O\x88'</t>
  </si>
  <si>
    <t>b'8\xb7\xa9\xf4\x8eE\x004\xed\x13h\x8f\x08\xd0\x1a0[z\xd4\xd6\x1b\xc8\x82\xba\x89]J\x18Q\x1f\xabO'</t>
  </si>
  <si>
    <t>b'\x9c\x97\x04\xb8R\x07F\xfcS.\xa7\x1a\x93\xa7\x07\x19\xc8\xc8\x13A\xa0\x9f\x08\x93\x7fm\xd01z\x07aX'</t>
  </si>
  <si>
    <t>b'\xa32\xa5U\xe5HR\x9fN\xfa\xb1\xe5HyL@\xab`Gp\xf8\xb6\xc1?P \xea_4=-d'</t>
  </si>
  <si>
    <t>b'0\xe2\xf2C\x94\xfa\xa5\xfc#m\n%=\xbawn\x08p\x0fH\x16_\xb9\x96J\x9d[\xcd\xfci\xc2\xf3'</t>
  </si>
  <si>
    <t>b'\xd0\x98\xd7\x10\xb0&gt;&gt;I\x02\x0e\x0cReA\xbb\xfbXD\xd0\xe4\xdb[H&gt;d\x03\xfcZ9\xa3\xcf\x80'</t>
  </si>
  <si>
    <t>b'\xd7V\x8b\x13L?xk\xfe\xdb\xecl;/\x9aZ\xfdVr\xbc\xdan\xfe\xa2\x7f\x8db)e\x9b\x914'</t>
  </si>
  <si>
    <t>b'\x89L\xa4\xf1\xd4\xf2\xcf\xdc|-\x8cI\xe8lK\xe9\x1dJ\x9c0K\x07\xd7\x7f\xa0`\xf0`E\xa0H$'</t>
  </si>
  <si>
    <t>b'\xa6\xde\xf0\xa0\xa6\x1b\xd7\xa5\xd6\xcfe\xf3\xdd\x03\xe4V\xb8\xab\xd7\x06}Ez(@\x93dF\xd5\xce\xde\xe5'</t>
  </si>
  <si>
    <t>b'U\xd4`\xd6f3+\xc0\xadE\x91\xfc?g2\xd2\tq\xb5\xca\xc9t\xfaJ\xb6G\xdf\x14&gt;\xf7\xb8X'</t>
  </si>
  <si>
    <t>b'O\xaf\xd0^\xe1\xf0\xb8\x83\x81\x86\xf4.\x14\x04,\xa8\x9e\x04mP\x95\xd0\x05\x12\xe2\x89\x95\xf8\xec\x1d&amp;\xab'</t>
  </si>
  <si>
    <t>b'\xe0\x19\xd5\x16\xae\x15m[\xb1\x87\xfa\xa0!\xcb\xb8\xe2T\xfe\xfa\x8fJ~\x18:\x8c\xe7s\n\xd4\xbf6\x1e'</t>
  </si>
  <si>
    <t>b'h\xc4\x1cw\x8cT\xf6\xeb"\x08\x1e\x1c\xd5\xe3\xa2\xa8 Y\xe5\xb23A\xc2R\r\xb7w\x96\x16\xf8\x9b5'</t>
  </si>
  <si>
    <t>b"\xa3\xdc\xb3\xfa\x8e$\x08E\x9d\x85nvk\x139\xc1\xdd'\xd3\x85S\x7fg\x97\xb7\x04\xda+\x98\x96W\xdf"</t>
  </si>
  <si>
    <t>b'_y\xb2\x8e\xafE\xd1\xef\xa8V\xfea\x9dQ\xdc\xc1\xaaD\xac\xb3\x9fUi\xcaS\x80\x98\xee3Pk\x10'</t>
  </si>
  <si>
    <t>b'\x0f!K\x8an\x14\x9d\x90\x037(:\x93n/\x8e\xb54\x7f\xd7!8\x85\x02\xd2\xae\x06b\x86\xf5\xf1O'</t>
  </si>
  <si>
    <t>b'\x82"\xdd\x96\xa7x 3u\x8b\xb0"&gt;)\x10\xee\xee \x08Yi\x9e\xa2\xf94\x89;_\xb4\xdf\xfc\x7f'</t>
  </si>
  <si>
    <t>b"\xfd\xfb\x18\xc8\x9f\xa7h\xdbp\x84\x9fN\xc37\xed\x95I'\xb3=\xb8\xc9\xa1\xf2Bq]\x02N\xaf\xa1\x7f"</t>
  </si>
  <si>
    <t>b'(Do\x87\x02\x85I/\xce\x93O\xd65\xd4\x0b\xe9k5\x0e}\xce\xf3h\xa5\xa4\xc3@\xca\xaa\xd3\x13/'</t>
  </si>
  <si>
    <t>b'\xdde\xcd9I\x97F\x8a\xbf\xb9n\x19\xaeV\xa0\xde7/\xdcJ\xa7\xfb\x9aV\x0f\xd9,\xe3\x983j\x18'</t>
  </si>
  <si>
    <t>b'yuF&lt;\xf2f\x84\x8e@`\x10\x1f]\x92w\xef\xfb\xd9{U\x9e\xf0T\xc5\x9d+\xcb\xc7\xb45\x02\xdb'</t>
  </si>
  <si>
    <t>b'\xf7\x85\xca\xb7\xb8?\x1e\xc6\xe8\xdf\xaaM\xd9\x18\xd3M\r;\x14\x98L\xa8H\xc4\xbfp\xa4$\x16\x90\xd3\xde'</t>
  </si>
  <si>
    <t>b"\x93w\xc1\x0e\xbcp\x989\xbe\xc7\xc1\xd5\xa1\xce\xe3\xd1\xd6\x0b\x0e\x93+\xff'1\xd8\xc60\xd3\x06A\xd6\xd1"</t>
  </si>
  <si>
    <t>b"\xbd\xe3@\x96\x05\xe6\x0b\x18\xbc\\Y\xae\x03\xd1'\x9cR&amp;\x8d\x1c\xe1\x9d'\xda\xcb\xbfW&gt;\xd9\xde\xae7"</t>
  </si>
  <si>
    <t>422xx</t>
  </si>
  <si>
    <t>b'\xa6\xb0\xb2\x81~\xc8\x93N\x10\x1f\xd9\xa8s]&gt;7\xef\xf2|\x05\xa9o\x10\xf0\xae\xd3\xab%\xd5X\xa9\xa7'</t>
  </si>
  <si>
    <t>b'F\xa9\xa1\xd4-\x88w\xbf`Y\xf5\xc1\xee\x0c2G\xd9\x88\xab\xd36\xd7\xf6\x84\x1f\x06\x08\x00g\xb1\xa1('</t>
  </si>
  <si>
    <t>b'\xdd\x0fa~1e\xb1\x96f4\xed-q\x8b+"P\t\x96Ha7x8\xb9\xa8\xec\xaa\xfb\xa0\xfd\xb7'</t>
  </si>
  <si>
    <t>b'\x16\xd2\n\xae\xa9e\x99\xab\x98!9\xe3\x116?J\x12\x84o\xf2\x14\xaf\xd9 \x1c\xc2I\x9c&lt;\xd3\xd48'</t>
  </si>
  <si>
    <t>b'vG\x94\x8ff \xd9t3}\xbcT\x91\xa1\xbaL\x1do\xdf\xd2S0\xab\xc1\xadl\x80\xdd^\x8f\xb0\x1b'</t>
  </si>
  <si>
    <t>b'J4:+\x12\xf3&gt;\xefeA\xa2{\xb5j\x07K\xeb\xe7\x1b\x8e\x8a;p\x97\xac\xd5\x17"\x93\x08\xe6\x00'</t>
  </si>
  <si>
    <t>b'R\x8b\xca+\x80\x03\x87\xc6~\xd0M\xa7\x19&lt;Nm\x8b\x976\xfe\x04J\xb9v0\xdf\xe1r\xa1e\xacv'</t>
  </si>
  <si>
    <t>b'\xc9\xa7\xcc[\x0e0Iq:D\xf6\xd1\x81U\x1d\x88\x7f2\xdd]q\xdb|\x0e&lt;:\x10\xf3\xba\x9bB\xc3'</t>
  </si>
  <si>
    <t>b',I\xaa\xbb\xf31Qxt\xf7_\x9e\x93W\xcb\x8f\xc5WC~\xc2\x02\xb5F%z~\xc4\xb6\xce8\xda'</t>
  </si>
  <si>
    <t>b'\xce\x96Q\xba\xa2\x8b:\xdfYf\xd7\xdd.1.\xb0\xe3/S\x06\xb0\xcd\x8a\x91\x05\x8b\xc9\x19\xd2(\x12^'</t>
  </si>
  <si>
    <t>b"\xb7\x10\xc9\xe9\x1e\xd4\x12\xab\xdenk\xbe\x8eX'\x81G\xf1\xbb\x97\xb0|\xe3r\x93R{cL\xb5\xed\x11"</t>
  </si>
  <si>
    <t>b'\xe4\xb7s\x1fF\xbdn$\x87\x0e0k\x05\xb1;]\\\xc0\xd4Eu\xdf\xa9Z\x81&lt;v\xe501\x81a'</t>
  </si>
  <si>
    <t>b'5v\x81?\xdb\xe9\x1cEh\x80\x05f\x1eu[\x87\x95\xd2%rQ_\xb4O\x00\xba&lt;v\x9b\xa6\x9f\x80'</t>
  </si>
  <si>
    <t>b'qk;\xe2\xd0O_\xdf\x85\xc8+v\x14#\x1a\x14r\x16\x13\x14A\x89\xfe\xc4\x88\xb6\x81oh\xe8\xd1\x8f'</t>
  </si>
  <si>
    <t>b'qf\xe6\r\xb8\x1b\xae\x1db\x16\xb7\x93\xec\xdc*\xef\x0bQS5\\\x97e\xa5It\xc8\xff\x08\x13\x0c\x07'</t>
  </si>
  <si>
    <t>b'\x14\xf2\x02\xee\xc1f\xd51]\xce[\xefo\xb3N\x1cY\x00\x92%\xe8\xb1\xa2j\x89\xa8\xc2jLrm\x85'</t>
  </si>
  <si>
    <t>b'an\x00\xa0\x0c\r \xf4{\xcd\x1c\xc1\xb0\xfe\x1c\xec}\x9c\xbe\x14\x9c}tw7\xb1\x91W*X\xf9\x8b'</t>
  </si>
  <si>
    <t>b'I\xf5\x0b\x04\x7f\xe24*\xaf\x0c\xe9V\xe0\x88"\xba\t#&gt;\x95\xaf\xec\x8e\xdf\xb8k3W\x0b\xcf14'</t>
  </si>
  <si>
    <t>b'oIs?4\x13\xf3"(\xaaBG\x15\xf2\xed@\xc2!\t\xb7D\xee\x899\xda\xb5\xe7y\x030-\xfe'</t>
  </si>
  <si>
    <t>b'.\x0f\xfb\x82&amp;\xecJ\x8f\x03\xc1\xd47\xd4l\x9e{\xe4\xee8\xfb\x05\xe3\xf6\xed\xc7!=na\xee\xad!'</t>
  </si>
  <si>
    <t>b'K\xf9\xd4)\x88\x8e\xdf3\xc1al\x1f\x9a\xf9\xb6rq\xb02\x85\xeb\xe3M\xf5\x84-\xb2\xf8\xe7y\xf2\x03'</t>
  </si>
  <si>
    <t>b'FR\xaf\xd8e(\x02F\xed\xc5ZQK1\x95\x80z\xf0\xbc\x87\xc1\x02\x86\x96UT&gt;\xaaGN%&amp;'</t>
  </si>
  <si>
    <t>b'\xd9\x94+E\xba\x1a\xe1[+q\x18\xa0\x84\x8cgq\xe1L\x10\tb)-[_\x88go+.&lt;V'</t>
  </si>
  <si>
    <t>b'\xd2\x1c\x9c\xc6\x839y\xc0k+m?\xecY`\xd1\x14\xe0\xc1ne\xb7\x9f\xaf\xed4Q+X\xb2WH'</t>
  </si>
  <si>
    <t>b'\xbe\x04\x19#~\x08z#&amp;xp\xb8\xe6\x03W8Z\x04\xebh\xc6!\xa4\xeb\xe0\x8fj\xe2\xedEx\x03'</t>
  </si>
  <si>
    <t>b"\x1c\x13\xb2\xa6\xdaB-\xe2ya\xfbC\x90w\xa2q\xab\x19\xc3\xe66j'['\xb9G\x87?\xcb9G"</t>
  </si>
  <si>
    <t>b'b\x90\x9cI\x7f\xa9\r\xf1\xc4\xb6\xca\xe25*MX\xfa\xd5h\x11\\\xf8\xbf\xd9z\xe5\xc3Q\x0f]\xc5\xe3'</t>
  </si>
  <si>
    <t>b'f\xd7\r5r\xdc\xa8\xc3\xb0\xe6\xbc\xf4\xaa\xe6N\x9c\xa50\xf9\xff!\x96\xae5\x18\xca\xbd\xb6\x1b\xa4\xae\x05'</t>
  </si>
  <si>
    <t>b'\xc9\xa1x\xea\xb0FzY\xa7\xcb\xe6\xfc\xb9\xc6Sc\x7f{\x85_d\x98\x9e7\xd3\xe6\xa9J\xa7/\xaf\x1f'</t>
  </si>
  <si>
    <t>b'\xec\xbfq\xc6\n\x1f]#\xde\xbd\xf18\x15\xfd\xc0\xb31\x8c8\xe0\xe1\xef\xc2a\t\x90\x00\xf8&gt;q\xd5j'</t>
  </si>
  <si>
    <t>b"@\xdb\x93\x0b\x19\x98\xdb\x9c\x8ch\x0f\xfb3\xa8_\x18\xebz\xc5IF\xa1cc\xbf'~53\x8a\xcae"</t>
  </si>
  <si>
    <t>b'\x02\x1f\xd7\xccQ\xe0\xd9{_\\\xfeU\xfe\x18\x7fY\xa7\xaf\xca]\x91)\xc4\xb2\x03\xee$*\xcd(v['</t>
  </si>
  <si>
    <t>b'{\x9b\xf1\xfd3\x87\xb4\xc5\xf8\xfc\x1c\x82\x0f\xa1\xea\x14\xf9w\x99\x0b\xb6\xf1Su3IW\xe2\x1b\x81\xf3\xf0'</t>
  </si>
  <si>
    <t>b'\xcaGW\xfd\x93\x14.\xe9mHJ0\x145\x84\x98\x98\xf3\xa2\xb2Y\xe8\x9a`\xeb\x9b\xf8\xbc\xf8k%\xb3'</t>
  </si>
  <si>
    <t>b'\xf6\x01z\xce\x0f.\x90&amp;\x0b\xa8\xab\x04P\xbe%\x8f\xc7N~\x82\xc9[Hl\xd6(\xfb\ru\xc5\xd4\x15'</t>
  </si>
  <si>
    <t>b'\xd3\xee\x8ak]\xf9Ue\xa6R\x94\xc3\xd1\xaa\xbd\xe9\xe5\xf5\x16\x017/\tK\xaa\xbc\x9fr\xa6v\x92\xfd'</t>
  </si>
  <si>
    <t>b'M\x0f\xfc\xfb\x82\x03\x8b\x8eaeC3kS\xbd:+&lt;7a?\x93!\xc37\xb0P\xa2\x00\xaa\x18\xdf'</t>
  </si>
  <si>
    <t>b'\xc6\xf8\xae\x82\xe8\xcc^4n\xa2\xf0X?\x8e\xf7\xcd5Y\x1a{\x9ao0+fb\x95\r\xb5\xcfV\x11'</t>
  </si>
  <si>
    <t>b'}tcC\xe4\xd6\xed\x81\x96Ra\xed\xda}\x80oP\x8bu\xd3\xb1\x16F{\xf0\xfe\xc5K\xc8&gt;\x89\xbd'</t>
  </si>
  <si>
    <t>b'\xa8\xa41\xa3\x90Z\xa0\xb9\xfcF\x9e_X\x0e\x1d\xac\xdf:\xf6\x12\xf0;\xce\xc6Y?\xcbvB\x1b|M'</t>
  </si>
  <si>
    <t>b'\xb5\x03\xdf\xe0\xfd\x19\xf4#p\xb89\x7f\x92\\*\x08\xe5\x04\xf1\x93L\xb2T`X\xfc\x8d.\x9f\x07\xea\xd0'</t>
  </si>
  <si>
    <t>b'*\xe7e\xc3\xc75\xa6=F9\x1c\x19\x98t\xd7M\x03\x9aT\x01\x8e\x92\x96s\xe0\x97\xb7\xe5\xfd\xfa\x0c\x07'</t>
  </si>
  <si>
    <t>b'\xab\x1f\x10r\xe2;\x7fz% ]\xd2\xee+\x8c\xdf_`\xbcc\xfe\x9b\xa6\x7f\x81\xea\x88\xfa/\xaa\xbb\xdd'</t>
  </si>
  <si>
    <t>b'y\xabY\x14\xa3s\xce\x1e\x12\xa5\x97\x1cn\xf3\xe4p\\]!p+\x04\x8d\x0e\xbf.0\x0ex\x9b\x0b\x9f'</t>
  </si>
  <si>
    <t>b'\tM89\xf3\xb5\xc1+\x06\xed\x87_^\x8c\xe4\xc4&amp;)\xd3?D\x07\xe1\xbd+e\xde\xe8\xab\xf9\x14\xc5'</t>
  </si>
  <si>
    <t>b'\xa6rB\x0e\xb8RF\xf5\xa0zb\x05{QU.\xf0.\rM@\xed!\x0f\xba\xfe\xd6\x88\xfa1\xc30'</t>
  </si>
  <si>
    <t>b'\xf2\x9ag\x08@5\xa8\x17\tN\x87\x05\xf8P#~\x16\xf7;\x9e\xe0\x8f\x9a\xbc\x17\x0b\xf3\xd3\x1a\x1e\xf9T'</t>
  </si>
  <si>
    <t>b'\r\xa2\x08\x9f\xb0\xca\xe0A\x01J\x02\x02C\xa7\xb6?R\x84\xa96\xc3\xab\xa6J\x0b\x99c\x89\x90\x98\x83\x0b'</t>
  </si>
  <si>
    <t>b'?k\t\x18\x1cPH\xeb;\xcdf\x18Rr\x93\xed\xa6\x0e\xd1/\xcf9\xf2\x98\x90\n\xaf\xa8\x1e\x8d.\xfc'</t>
  </si>
  <si>
    <t>b'\xbe\xb6\xb3\x1cLd\x04?\xb3\xaeO\xd9F\xef6\x16\xca\x9a\xb1\xb2\x8e\xe99\xae2&amp;&lt;\xca\x12\x11\xef\x92'</t>
  </si>
  <si>
    <t>b'\xfe\x82\x8e\x00Z\xc6_\xf0\xa2\x0e\x98\x85\x0e\xab\x18\x9aW\x07\x91\xc6/\xad\xd0\xa2\xc5%h6\x91fZ\xc2'</t>
  </si>
  <si>
    <t>b'\xb0d5\x8fR\x1d|5\x1f\xb3Q\xa4\xabN`\x8dl_\xa8\xe2L/dZ\x8a|\xba\xb55\x8cAk'</t>
  </si>
  <si>
    <t>b'f:6G\xf2d\x853r\xc1\xba\xb9\x19a\xb7\xe9\xcc\xb8q\x8a\x1d\x9e\x1e\x00; \xdbe\xdcb\xcb\xe1'</t>
  </si>
  <si>
    <t>b'+\xbf\xf8\xec\x8dIp\x06t\xc07#\xa5:H\xf9U\x06;o\x8bb\x97\xfay]\x87\x0c\xd7\x1a.\xaf'</t>
  </si>
  <si>
    <t>b'\x9aW\x08u\x12ir[\xed\xe0\xa5\xc3\xdf\xdc\xcc\r\x1av\xdd\x03W\xdeC1%\xc9z_\xeaE\x88\x02'</t>
  </si>
  <si>
    <t>b'\xd7\x84\x02\xc4I\x1d\xc8\xba\xf8 \\E\xeb\xff\xcd\x00S/^\x91{w\x83\xa8\x83\x85\xa8\xed\xb9\xa9D\xe3'</t>
  </si>
  <si>
    <t>b'\xe8(\xb8v=t\xfb&amp;uH$\x0c\xcdal\x91G\x95\xe8\xa9U\x98w\xb4\x0c\xcf\xd2}NK\x01\x11'</t>
  </si>
  <si>
    <t>b'\xda\xf3 D\x8c\xb5\xbe(\xaf\x15\xe4\xe7U^\xc5\x93?\x04\xda%e^Q\x83\xc3N\x17\xae\xe1:@\x93'</t>
  </si>
  <si>
    <t>b'\xeb}3\x9a\xd8\x9f\xa5\x82\x83\x88\xf6\xe8\x0eJ(\x01\xde+\xf4\xc8\xedW\xfa\x95\xbe_\xa6\x05\xfb)\xa2\x94'</t>
  </si>
  <si>
    <t>b't\xe5I\x92{D:\xc6\xbd\xce\xa2\x00\xa8\xe4\x88\x81\x0e\xa2\x1b\xa0\xcb^VB7Vc_\x04\xc47\xed'</t>
  </si>
  <si>
    <t>b'\xd1q\xed-\xf5g\xc7\x8f9\x07=\x9f7e\xbc\xa9\xbf\x95\xa5H|v\x05h\xf0ze\x12\x9c\xd0%2'</t>
  </si>
  <si>
    <t>b'\x93\xe9\x8f\xe7b\xc9~\xd4\xe1\xf5\x11\xcf\xdd8\x16\xdb\x80\\\x11\xb3\xb5\xbd\x84\x15\xf2\xc9\x8b\x8f7\x84r\x0e'</t>
  </si>
  <si>
    <t>b'\xdf\xc0\xbc\x9c\xa7\xe1\x88\xa6k\x01f\xb8\x83\x1e\xc5\x95\xfb,\r\x8bh\xb0\xf1\xce\xbf\xd0n\xb9\x17a_\x8d'</t>
  </si>
  <si>
    <t>b'\xedC\x033\x90j\xff\xb4F\\[\x97f\xf9+\xe1\xacZ\x9b\xbd\xa2\xe8\xb5l\xe4oCdm\xde\xd1\xd6'</t>
  </si>
  <si>
    <t>b'\xe6\x05X\xdb\xf9\x12{{1\x05w\xf0\x99\x82\x0fK\x9fC\xf2\x95\xe5\x15\x93wF\xb2U\x9f\x84\xadR)'</t>
  </si>
  <si>
    <t>b'\xca\xfas\x17D\x86\xcd\xe7\x05\x0e\xc3\xf68\x7f\x95?\x00\x99\x1ca\xf9\x90E}\xb7\xfb\x8c\x1b\xe4X[\xb3'</t>
  </si>
  <si>
    <t>b'^B\xfc\xf2\\\xf8\xd0aHs\xfe6\xed\xe5\x8c\xdb\xfdLB\x9c\x07\xe3\xb5?\xb2\xc7b\xf4\x16a/\xac'</t>
  </si>
  <si>
    <t>b"\xcfK\x8c'N\x06&gt;\xb1v\xad\xaa\xed\xe7\xbb\x85\xae\x1d%T\x1f\xcd\xde\r\x010\xe8W3w\xa5\x1f\xb2"</t>
  </si>
  <si>
    <t>b"3\x1d7}\xd5\xfb\xbdIh\xde*\x1b?\xf5bU\xb5\x10r\xb2K\xe48'T#\x9f=\xac\x8e\xfe7"</t>
  </si>
  <si>
    <t>b'\x92 \x98$v\xecq=\xa1PbW\x1f\xe7lSe\x80\xb5\x0b\x18\x06\xa1\x19\x93\x13\n\x9d\xa2\xe4\xb9\x81'</t>
  </si>
  <si>
    <t>b"\x9b\xff\x9d\x8f,#\xf7\xf9\xc5\xab\x11\x19\xf2\x92\xe4`S\x83k\xde*\x11\x16'V\xc48\xb8%\xb3#6"</t>
  </si>
  <si>
    <t>b'\xf8Hk\xa6j\n\x18y\x95\xae\xefm\xc77\x89S\x87\xd0`\xf4\xf4\xc7A\x8f\x1a\x1f\xa9\x03\xfd@\x13\xb5'</t>
  </si>
  <si>
    <t>b'//\x1b\x1a\xa7E\xa7`\xe8\xfd5$\x05\xf8N\x8a2\xd04\xb8@Ze6C-\x06`\xaf\xeeH\x85'</t>
  </si>
  <si>
    <t>b'\xd4\xf3\xbf\xeb`\x89v\x01\xe4A\x18\x13C\xf4H\xe3\xcd\xcc%M\xda\xfd\xf6\x8aa\xf4_\x1f\xfey\x16Y'</t>
  </si>
  <si>
    <t>b'x\xd9&amp;\xe4\xd0B\xbf\xac\x14\x8e\xd6\x08\xe0\xb1rE\xf0!/\xb8\xcf\xb7x\x00\x16\xbd\xd3\t2\xcf\x8f\x93'</t>
  </si>
  <si>
    <t>b'd\x06\x1e+9\xac\xf0i\xb5\x1cX\x05\xe2\x11\x9d\x7f\xb3\x05T\xae$:jJ\xff}\xd8\xb0\xc6\x9b\xf7#'</t>
  </si>
  <si>
    <t>b'1a\xdaRw\x9c`\x9d\x02`\xc3\x0eH\xed\x82\xf2\xa0\x02\xd5\xcb7\x8c\x08Q\x8445\xacEz\xee\xb2'</t>
  </si>
  <si>
    <t>b'\xa5\x99C\x98\xa9\xb2\xc5D\xf0\xaa+\xe1\x0f\xd7d\x94\xc6\x1a\xa7\xd8\x03l\xfb\t\x8ay\x1a7\x8a\xa5\xfe\x03'</t>
  </si>
  <si>
    <t>b'\x85&gt;\xe3|(\xe6\xfcl\x86o\xf2\x98\xf9\x07\xfej\x99R\x0cR\x9f\x15\xa6\xbfFf\xf13\x9a\xe6\x83\xd4'</t>
  </si>
  <si>
    <t>b'\xa4\x13\x05o\x82b\xc6\xb4\x90p\xb3\xab\xa7\xf2\xe0\xbc\xed\xa7\xea\x0f\xe5\xa5o\x00\x1724\xab\xd1\xa0D\xad'</t>
  </si>
  <si>
    <t>b'\x8b\x8f&gt;Ab\xb5\x885#\x1d\x9f\xa7\x12\x17\x86\xe0\x08v\xb2\xf4m\xb0M\xde\xcb\xcfqn\xa9\xf2\x85\xa2'</t>
  </si>
  <si>
    <t>b'p$\x83\xef\xabe\xba\xe6\xbf\xfal\xe270/V\x15\x00\x89r\x84\xf6 \xba\xea+0\xb7\xae\x06\xaf,'</t>
  </si>
  <si>
    <t>b'\xc6\xad\xa5&lt;yVP\x13A*\xba\xa5W\xa4\x1c?;*\r\x967\x96\x05\xc6&gt;=\xbf\\\xa4p\x1d\xb8'</t>
  </si>
  <si>
    <t>b'\xf2\x0f\x84\xebgf\r\x94XQ \xd9\x87/_i\x13\xb1_\xbcw\xe9&gt;\xa6\x15"\x89\xe1)y&lt;\x84'</t>
  </si>
  <si>
    <t>b'\xf2aI\xb0\x95\xfb-\xab{\xf5\x92&amp;\x0e\x04\xf9zcX\xcc\xe4}\xa2\x91\xad\xf4~yd\xb4\xd0\xde\x99'</t>
  </si>
  <si>
    <t>b'\x9ay\xef\x9b\xb5\xd5\x7f\xa8\xd0\xae\xc8T\xbdC:\xf7\xa8;5d\xfd\x0f\x04\n\xdb\xbe\x8f\xad&lt;\xf6f\xb8'</t>
  </si>
  <si>
    <t>b'T\x88\xd4\xf0HfJ_~Ny\x1d\xbf\x97\xc3\xf1\xa5\x0c\xd66\xec\xc8\x88_4\xd6\xed\x0e\xf1\xc1\xb5P'</t>
  </si>
  <si>
    <t>b'\xa69\xb4D\x9a\xc8\xa1 \xfa\xb0N\x05\x15v\x0fUn\x8a\xa4=\xcf\x86\x8c\xc1E\xfd\xa0%T\x1f\xb2\x04'</t>
  </si>
  <si>
    <t>b'\xe7\x0fDy\x14\x11\xd7\x84q\x86\x91\xacY\xb1f\xa7&amp;{\xf7\xd7\xa7\x03\n\xb1\x16\x97\xb6\xfc\xf7\x9d\xfa\x1a'</t>
  </si>
  <si>
    <t>b'`\x1f\x03e\xed\xc1\xa1\xc3\xfc7W\xb1*\x0b\x89Z\xa39\n:]\xaem\xd4\x92\x97\xbc\xb8\\\x91s\xe9'</t>
  </si>
  <si>
    <t>b'\xb1H\xebO\x87ni\xc3V\x89 \xaa\x9a\xe2\x02\xff\xa7\x95E\x93\xdb\x0b\x84D\x14\xcf\x99\xafa\xc4S2'</t>
  </si>
  <si>
    <t>b'\x1a\xfeD\x01\xd4\x0c\xd36\xde\x0eZ\x19\xe8\x8c\xfdiA\x16\xfei\x13\x9e\x16\xbe\xffQ(\xdd\xb0\xd2T\xa0'</t>
  </si>
  <si>
    <t>b'v\xd7\xe6E\xd9\xc9\xa3y\xcc\x05 \x11\xa8\xd6\x84d\xba\xf1\x1fF\xa0x\x10\xb0Y/Q\x07\x03\x7f\xa5\xce'</t>
  </si>
  <si>
    <t>b'&gt;l@V\nn_\xd9\xfa\xbc\xb2\x87\x19U\x87%\x8d\xe9\xfeu.\xe4 \xc9\x80h\xa9\xf9&lt;\xc4T\x96'</t>
  </si>
  <si>
    <t>b'm \x91\x8bL\x16\xd0^h\xe0\x1al\x01\x16\xbb\x89,q\x99\xde\x9aR\r\xc4\x16Ni\\\x97\xd0\x9f3'</t>
  </si>
  <si>
    <t>b'I\xf6n\xf8\x1e\xb1\xa1\x92K~G\xc7\xa8\x98\xbd\x91/\xe3\xdfs\xed\xac\xc48\xe1\x08Gu?\xca \x1b'</t>
  </si>
  <si>
    <t>b'e,\xa5-\xa6uY+U=\xe5\x0c&gt;lQ\x9eP\xf9d\xc9_tD\xc0\xe1_\x0e\x19\x7f\xfe|\xeb'</t>
  </si>
  <si>
    <t>b'\x9c\xec\xdf\xe88/\x86A\xac\xebi\xf8\xab\xf0\x97\x1e\x11\x83\x0f\xbc\xe7O\xf4\x8dX\x0b\xb2dv\xfb)T'</t>
  </si>
  <si>
    <t>b'\x1b\x05\x87\x95sz\x0c\x9d\x1b\x02\x9f\xd8wm|\xdb\x85\xef\x89\xa1P\xd3\xd9hp\xb1\xcd-sH\x87-'</t>
  </si>
  <si>
    <t>b'\x16Q\xb7\xf0J\x8d\xaafc\xa7\xba\xf9\xdbF#\xc7#{\xc4O\x03\xe3C\xbeu\xdb\x1b\x11\xab\xd9\xbf\xa9'</t>
  </si>
  <si>
    <t>b'\x121\xddc\x06\x85\xbfs"K\x9e\xc2\x12%\xc9n\xbe\x12Ju\x92*\xa5\xd1\x950\x8d\x89\xb5\x1e\xdd\xd7'</t>
  </si>
  <si>
    <t>b'\x0b\xce\xc0\xb9\x1f\xb9&lt;6\r\xb3M\xe5\x7f[\x04v\x9e\xa6\xc1\xc8\xe1p\xa6o\x8f9b\xba\x92u\x8ch'</t>
  </si>
  <si>
    <t>b'6Kz\xab\x87\x83\xaf\xd6C$\x06\x94\x0fk\xad{\xd2,\xd5\x1f*Ve\x8a\xfe\xa7\xed\xa4\xe8\xe9\xd6\t'</t>
  </si>
  <si>
    <t>b'\xc7UB\x8bI1\x89\x9b\x1b\xf6&gt;\x18\xb2\xd6\xa6\xc7\x85\xe8\x06(o\xc1{!\t%\xb6 \x14\xed\xadI'</t>
  </si>
  <si>
    <t>b'\xc2\x86\n(2R\x0e\x88\xa4\x07\xd1\x8eH\xb4:\xd6\xe7\x9f\xf57G\x9f\xb8\x99\xff\x01\x04XM\xf7\\\x80'</t>
  </si>
  <si>
    <t>b'\xb1\x1b\xb4&lt;\xd8\x0b\xe9\xe8\x10mma\xe1\xe9wWx\x90x\x00\x0c\xa0\xf8\x89\xcdd\x80X\xdd\xcd\xf3\xf9'</t>
  </si>
  <si>
    <t>b'g8\xaa\x11\xa3\x01\xde!\xce= \xac\x87\x0b\x045X\xd1z\xd5\x17\xc4\x98:\xcb@\xc1T\xde\x87\xaa\xce'</t>
  </si>
  <si>
    <t>b'\xd6\xf1\x9di\x18\xad\xa66\x1b\xbbN\xbd\xe9\x8cv=-\xc3\xd7\xbc\xe7(\x06\xd2-\xa6j\x16\xa2/\xf1\x1e'</t>
  </si>
  <si>
    <t>b'\xeb4\xec\xfd\x84\n\t\x1a\xb7\xb1\xe21\xcd\xb3\xcb\x8d\xf8O65\xb9\xf8\xa8a\x05H\xe1\x8e\x0e\xf1\xeaT'</t>
  </si>
  <si>
    <t>b'\x81\xd5\xdfT\x98#\xf9\xb0\x87\xa8\xe0y\n&lt;|\xa1\x90\xa4\x11:\xf2n\xb2\x15$\xee\x9f\x11\x1e2Hj'</t>
  </si>
  <si>
    <t>b'\xcf\x925\xa5\x86\xbb\xd7 \xc1\x95\x1cF\xa8!W]m3\x02\x15\x17(=\xf4\xd9\xea\xb5\xf5\xa4\x90i\x02'</t>
  </si>
  <si>
    <t>b"mK_'\x85T]j\xc6\x97\xd0\xdc\x81!\xd9\xbc@\x95~9\x98\xd3f\xbbc\xe0\x92\xb2-\n@\xbf"</t>
  </si>
  <si>
    <t>b'\x9cZ\xe1\x0b A)\xda\xfd\xd2k\xe0\x96\x97\xa9tR\x16o\xae\xfa.?\xd4\x08w\xd5\x81{\x18\xcb\x01'</t>
  </si>
  <si>
    <t>b'\x13\xe5\xf6\x9a&amp;\xd4~\xf2;\x1c\xea\xe9\xe9\xa5\xe1\xda\x04\xa6\xe2j\xb9\xab\xe7\x85\x9cj\xe6w\x19\xb5\x9fD'</t>
  </si>
  <si>
    <t>b'\x10\xdd\xab\xd4B\xd2n\xc2\xa6\xe3\xf4!\xa6\xe7Y\x14\xf5\xac\xf6\x88\x1bl\xedS\x03\xbb\xa3\tB\xbe\xb7\xf8'</t>
  </si>
  <si>
    <t>b'\xcfBlc]B\x02\xc8\x0es\xdee,\xb5G\x96\x98\x91\xf2%\xfd1z7V\x11\x1a\xff\x9c\x0e\x1a\xdd'</t>
  </si>
  <si>
    <t>b'\xb4\x1d\xff\xe0&gt;y:\xa2\x0e\xc8+\xc2\x80p]\x1b\x92\xc2\xbe\xfbF$E\x8d\x90d\x1c\x1d\x05\x0c\x1e\x8f'</t>
  </si>
  <si>
    <t>b'\xd3G\x18j\xc3&amp;T.\xd0\xcdB9^\x03\xd9\xab/3\x8f\xa12o,Yvo)\xa3\xa9ZXx'</t>
  </si>
  <si>
    <t>b'\xcf\x8b\x97\x98\xcaQ\x07y\xf4\xdb,;\xdc~Yk\xedd"\x8a\xfb\xa1\xa6\x1dH\xca\xdb\x1dO\xf0\xc5\xfe'</t>
  </si>
  <si>
    <t>b'$-\x9dU\xa4\x9b\xe5\xb2d\x07\x08B\x07\xa5\xad%r\xec\xd2\xb5\xe0(\xd88\x95l2!\x01\x8eS:'</t>
  </si>
  <si>
    <t>b"s,\xf3\xb6\x07\r\x92\x14\xfe9\xa7\xab\xa5\xa1\x1d\x17$KKs\xd2\x96'$\xea\x05z\xf6-GPr"</t>
  </si>
  <si>
    <t>b'V\x12\xf3\xeb\x02V\x83\x06r\x13-w\xf5\xd6R\xc7\x19\x83L\xbc\x1a\xa0\xc7R4\xd1/\xbe\xd9k\x19\x98'</t>
  </si>
  <si>
    <t>b' \xfcrM7\t\xde\t\xa2\x1asji\xa2\xd3hB&amp;\t\xe3\xa2\x01\x10m\xfb\x9a\x10\xc8C\x94k\xd2'</t>
  </si>
  <si>
    <t>b'\xf4\xf7\xbb\xab\xd0OA\x10^2v\xb8uFC\x04\xa0\xf3\xc4\t\x9d\xd2s\x8eSXW[\xf1\xf5\x9e"'</t>
  </si>
  <si>
    <t>b'd\xc4|\xa6WC\xcf\xb5\x024\xa3;\x98\xa6y\x8c\x82\x1c*\x0c&gt;\x19Q?\x8dE\xcb\xa7\xba\xf2\xe8!'</t>
  </si>
  <si>
    <t>b'\xc85\xca\xb1\xf4vN\xec8\xff\x05@\\;\xd3Q\x1d\x0bx\xff\x87\xb5_@H\x9c\xc9|\xf4\xae\xe0='</t>
  </si>
  <si>
    <t>b'\xae\xa9&lt;\x8a\x13\xe0\x10f\xa2B\xe1\x1cE}\xc0\xd3\x02\xe7\xf0\xc8\x11\xaa\x0c\x87\x17j[\xe6P\xe8\xd9A'</t>
  </si>
  <si>
    <t>b'\xdc\x13\x9a8\x88\x9b\xa3\x1a\xa5\x94\x8e\xd8\xa5\xab\xe7\xdc \xaa\xb5\xab\xb6\x96\xec\xf1\xf7*\xea\xf0W\xa4[l'</t>
  </si>
  <si>
    <t>b'\x1b\x8b\xf9\x9e\xaf\xbfV\xd1\x1a\x1f\xd8c\xd65m\xc2\xe1\xc3\x8a\xb7\x81\xcd\xea\x9e\x83\xcf\xe4\xbf\xaf\x97\x08B'</t>
  </si>
  <si>
    <t>b'\xff\xbc|\x1b\x10X\x08j\x04\xa7\x84\x12\xbdQ\x92S\x8a\x1b\xb6(\x11\x01\xc7&amp;\nX\xc6\x87\xde\xab\x07D'</t>
  </si>
  <si>
    <t>b'O\x12TN[\xfa\x7fX&lt;\xf0~O\xe3y\xa5\xc6&amp;\xb0"\xba\x842\x1f\xa0p\xac&amp;\x16pD\'\xd6'</t>
  </si>
  <si>
    <t>b'\xe7\xdb1;n\x11\xc0_\x04\x19\xba\x01J\xe1\x87\xd7:\x91\xdd\x96\xf0\n:\x1d\xb0\xd7\x04Cn&gt;\xfab'</t>
  </si>
  <si>
    <t>b'\xd0lj\x08\x9b\xe6o]u\x987Jk\x17\xcc\xe9\x1d\x962:\xee\x7fi\x0b0WL\x7f\xd0\xbb\x18\xb9'</t>
  </si>
  <si>
    <t>b'mK\xc5\\\x06\xc0%\x90\x7f\x97\x92_\xe4?[\xb3\x89\xe2\xc5\x1d\x9c\xe8\xb4_\xa38p\x92\x0e\xb1\x85*'</t>
  </si>
  <si>
    <t>b'\x8b\x99\xb1\x0c\xbc\x8e\x11\xe4\xe8\xe1d[\xa0\xb2j^.\n\x18\xa0\x114\x8bC\xf7K\x93o\xafN,V'</t>
  </si>
  <si>
    <t>b'\x11\xf9\xfc\xban\xdd{\xe1\xbbON\x15I\xae\xfam\x9bj\r\xf0\x1c\xf8!DV~0\xb5\xea\xb7\x93\xd7'</t>
  </si>
  <si>
    <t>b'8&gt;R\xa7\x8c\xe9\x97\xb7eS\x9a\xacn\xc8K\xe6\x96\x03\x0c\xdc*\xcdp:2\xb8\xc6FX\x8f\x15\xe8'</t>
  </si>
  <si>
    <t>b'\xa9`\x8d\xc8\x0b\xbf\x867X\x9b*\t\xf9\x83\xab"J.\xafu\xa4|\xee\xf1w\x9fP\xd4b\xd1\\\xff'</t>
  </si>
  <si>
    <t>b'_\x7f\xfe\xf3\x99\xec_y\xdb\xed)\\\xda(\xbbi\xec\xa8\x05{|6\xc04\x93\xa59\x15L!\xc0.'</t>
  </si>
  <si>
    <t>b'\xc8\xc2%\xcf\x17\xee\xcec.\xdfj\xfc\xbd\xc1\xcbO\x16\xaeW\xa81\xbc\x96N\xbc\r\xc5\x06\xa8\x8f\x0ch'</t>
  </si>
  <si>
    <t>b'\xfa\xbf@\x1b*,\xd8(\xb2X\x92\xab\xbdH\x88GL\x0fC\xed\xd5\x18,:,\xf5l\x0b\x7f\x04\xc5g'</t>
  </si>
  <si>
    <t>b'\xc2\x86\xb0\x1b\x95\xf0\x91:\xac\x191\xec\xcaeuC\xa5\nh\x94\xa6\x8d\xc0\x94E~}/2\x12\xb1\x1d'</t>
  </si>
  <si>
    <t>b'\xf7d\x89\xff\x18\xca\x99/\xcf\xb6y\x85\xe9\x9e\xdc5$\xf0\x06\x15\xa8\x1aT\xd4J\xa8`\xee\x98\x90\xe6\xd6'</t>
  </si>
  <si>
    <t>b'r\xe6\xd9\xec\x93\xf1\x99\xa8\xad\xf4R\xe0\xa7\xbb\xad@REr\xe8I\xdf\x9b\x086;&lt;\xf6\xf9p\x91\x13'</t>
  </si>
  <si>
    <t>b'!"\x89\xa9&amp;X\xdee\x00`\x8f\xa8}e]a\x8bV\xe1\x95\x06Od\xc4\xc2p2\xdaa\x8dH\xeb'</t>
  </si>
  <si>
    <t>b"\xd8h\x00\x00m\xf6M\x0b\x7f}k\x90\xc8\x93h\xd0\x87DQ'?!\xcb\xc6\xfb\xd7\n\x15t\xbeQ\xf6"</t>
  </si>
  <si>
    <t>b'\xfe\x80.CH!\t\xe0\x14\xd7qN\x8f\xb6\xe9c\rU\xd7oa\xe84N\xbf\x18bF\xb4\xb0\xf7\x89'</t>
  </si>
  <si>
    <t>b'\xcf\xb2\x1c\xb7l\xb4\xd1\xf7U\xea\x98\x1a#\xf1\xfa\x81\xa6\xe7Q\xe2c,\x88\x1c\xcck\x95\x82\xd7B\x14\xf6'</t>
  </si>
  <si>
    <t>b'A\xb7Lh\xddJ\xef~\xb1\x00\xa9\x00wz\x9c#\xbdHV-\x94\x12\xc9u\x0e\x99\xb8\x1bs\xe4eA'</t>
  </si>
  <si>
    <t>b'\x10\xfb\xa4\xe6\xfb=0\xc6\x12\n\xb8\xdc=9\xea\xeco\xbe?\xfefn$\xe5.\xa4m\xe6\x99\xdf\x8a\x8f'</t>
  </si>
  <si>
    <t>b'\x0bW\xaa\xda\x9b\x89$\x90B\x9e\xb4T\x18\x02\x12\xe9\xc0\'\x12}CNe\x98\xe0"\xba`_\xf7%\x84'</t>
  </si>
  <si>
    <t>b'\xd4\xa1\x7fT\x8e\xfa\x97\xee\xc5\xd5&lt;\x17\xa0\x9dV\xc7F\x87J\xdb\x06\x8a[\xc6\xe4\\\x1b\xea\xff\xda\x05\xd3'</t>
  </si>
  <si>
    <t>b'K\xbcc\x03\xcf\x84*{\xa3U`\xe7\x9f\xc8*\xd1\tVP`\x1e\x8c}uU\xfb\x020s\x95\x0c~'</t>
  </si>
  <si>
    <t>b'{\xc6\xc9\xca\xcb\xcc*\x19\x83\x1d\xcf\xec\xc2\x84o;k\x0c\xcc8GB\xa3ym\xb3\xafQ\xe6_0\x02'</t>
  </si>
  <si>
    <t>b'\xd2\xbb\xdb\x00\x8f\xbb\xe5\xac7\xde]\xd6)\x0c\x82\x9c\x1a\x1f\xe9\xb0\xa93W\x8d\xbc\x88\xba\xb3\x11\xa9]C'</t>
  </si>
  <si>
    <t>b'u\xa6\xf3\xfa_\x8d\xfe\xc1\x870\x1f\x0eY\x8a^\x05\x94|\xdf!\x039\x0eK\x95r\r\xc8-\xc53+'</t>
  </si>
  <si>
    <t>b"\x0e(\xf5v\x94\x1b\xc3\xe7\xdd' r\x86\x0e\xdbB\x0f\xad\xba\xc8~\x1e\x95\xe1\xdeE,HK\x1b\x87\xd8"</t>
  </si>
  <si>
    <t>b'\x17\x90\x8c\xc6\x90\x11z\xb1 \x882gy\xfdnz0\xd8\xec\x02\x18%o)\x9eM\x80\xec\xc6\x97\x1c\x08'</t>
  </si>
  <si>
    <t>b'\xb4\x91R\xa4v\\\x1fe\x1e\x08\xa8\xe4\xb0$\x97\x8bp\xc7\xebfKQ\xa1\x99\xc1\xda5d\x81\r?\xe3'</t>
  </si>
  <si>
    <t>b'\xb9?Q\x0eQ\x8c]\x80\x17\x12\xf7\xed(\xa1\xeeu\x16n;\t\xeeK\xdd\x1b\xce\xbeV\xff^\xa3\x1d\xd6'</t>
  </si>
  <si>
    <t>b'\xcd?\x01\xe53I\xb3:\xe1\xa4\xe8\x886\x10\x99Q\xea\x13J\xe9 \xc7\x11\xdd\xb8!5\xb9\x11\x1b\x80\xb6'</t>
  </si>
  <si>
    <t>b'|h\x8e\x97hE\xe4\xa8-\x18^\xeaJ\xf85S\xac\x8151&gt;?00\xcf\xf9&amp;\x0c&amp;\x87\x8dK'</t>
  </si>
  <si>
    <t>b'\xf0rV\xf0\x071\xe0\x00\xf4G\xde\xe3^\xa5W\x07\xd8\xdc\xe0ecW\xd2\x1e\x02@1\x0eq"\xa2\x95'</t>
  </si>
  <si>
    <t>b'\xf3\x9fX\x9a=\xee_\xaef\x12\xa1Mu\xfe\xa6\x9a\x9cE\xbb}\x06"[\x1e\xfd-\x9e\x02H-U\x8e'</t>
  </si>
  <si>
    <t>b'y \x99;\xb9\xf9\xbb\xb7\xef\xe08.\xb4\x07\x9bFK\x0b\t\xc0Ug\x8a\xa3L\xfcf+G_3\xf1'</t>
  </si>
  <si>
    <t>b'\xb7\xfbd\x80@\xcb\xc7\xdb?\x0b\x9d\x1e\x15\xa1\x1d\x1f\xfb&amp;\xd3DkE\xc6RQ\xed\x80\xbb\x9b\xf5\xb6\xf8'</t>
  </si>
  <si>
    <t>b'2s\xef7\x92VdT\xc0\x1f-\xa1n\xe6&lt;\x0e\xc8\xfeq\xf2\xf5\x19\xb9Q\xd3\x02\xf8\xbd\x05\xa2i\x14'</t>
  </si>
  <si>
    <t>b'nuc\x97=0\xd7*S]\x14M\xf1t\xf86\x865\xd9\x15\xaf\x19\xb1)\x0b\xce\x11a =\xc1\x88'</t>
  </si>
  <si>
    <t>b'\xea&lt;\xd0\xe8%\xb3*%\xed\x9b\xfb\xfc\xa6\x90\xd9s\x94B81\xddOKY\xcc\x04\xc3\x97\xfb\xd5\xe6\x02'</t>
  </si>
  <si>
    <t>b'\xa5L\xb5\xf1\x95+,\xd5\xe7\x15ZwL\x08\xfb_2\x00\xc6"dlm\xcfj\xb6\xb5\xb7\x97\xdfe\x00'</t>
  </si>
  <si>
    <t>b'j9Q\xcd;c$\x0fm\xda\x7fe%\xf4\\fy\n\x94\xa3\xf5\x0f\x96\xc21\xd6k\x95!2\xa3\x80'</t>
  </si>
  <si>
    <t>b"\xf2\xa0\xb6\xab\x02\x07\xe9\xd5\xf2d1=3'\xa3s\x8d\x07\x88\xf4\x8d\xaax;\xc3\x91I\x17\xd4\x1b\xae\xc0"</t>
  </si>
  <si>
    <t>b'x\xdd\x19\x94/R\x1c\xb4\xf7L{\xad\x17\xdb\xaa\xfa\x15\x19\x98\x95\x9a\x9d\xbb~4*&gt;\xa2\xea5,\xf0'</t>
  </si>
  <si>
    <t>b'\xb8K\xd8\xc6[\xc7\t\n\x91\x98\xea\xfa\x8f\x81\x99\x99\xa9*\xc2\x11{\xf1\xab%\xe2\xc7\x04j\xcc\x98\xb1\x1a'</t>
  </si>
  <si>
    <t>b'\x8f\xd4\x96\xb6t\r\x019\x9d\x9c\xf8\xdc\xabU\x06\x9b\xa32\x10\xbcoy\x9a\xc6w\x12h\x80r\xe3\x1b\xbc'</t>
  </si>
  <si>
    <t>b'*p\x19\xeeN\x1a\x1a\xf5\xe8\n\x16\xadE\xcd\xbb\xf2\x9f\x03mo\xc7\xab\x08Z)\xfe\x1e b\xd4s\xc5'</t>
  </si>
  <si>
    <t>b'\xb9\x86\xa4c\x9e\xb1\x9a\x13\xcf\xe7\xf2\x9f\xcd\xc9\xb2\xf9\xf9\r\xba\xb5Ig,NW\x0e\xb8\xf3n\x93\xd2\x82'</t>
  </si>
  <si>
    <t>b'\x18\xa5\xa0\xfb9~\xac\xe75)\xa5\x0b\x82\xcb\x89\\\x84j\xf6\xf3\x06-\xfe\x05@\xed\xcb^\xdb\xac\xf1\x8e'</t>
  </si>
  <si>
    <t>b'\x8940\xdfk6zc\x95\xdah\xb5\xc1m+\xc8\x04x\xdf\xc7\x07\xc3\xeb\x98\xe8\xd2\t1M\xe5"\xb0'</t>
  </si>
  <si>
    <t>b'-\x11I\xfe&gt;\xfe\xc9\x069\x96\xe7\x94\xf5\x19\xab\xccVU5\xf4mQ\xa5\xef\x0b\xa9\x06\x9d\x02U\x9fo'</t>
  </si>
  <si>
    <t>b'\x9f\x0c\x9d\xd0bK,\\\xf8Y\xc6\xd5\x83E\\\xeb\x16\xc6\xac\xe5"\xdf\xae\xf7|74AJ\x91\x8f\xfb'</t>
  </si>
  <si>
    <t>b'k\xc8\xc03v\x0fl\xe3s\x81\x88\x85-y\x96\xae&gt;\x85\xec\xab\x9f\xfbj\xe2\xff\x1bO\xca\xc0Z\xe3\xab'</t>
  </si>
  <si>
    <t>b"P\xdd\x93H\xa2\xd6\x12\xc80\xb8\x06\xdc\x08'\x01K\x8aM\x96\xd3:\x8eM\xa3\xe4\x8co\x93E\xb8\xee\xc0"</t>
  </si>
  <si>
    <t>b'\xb05\t\x18r\xcd\xcb\xbc\xdd\xd4\x1e\xce\xff\x93$\x06\x99z\x82\xd6^\xe1Q\xe1M\xdf\x0c\xe7\x00\xe2o\x0c'</t>
  </si>
  <si>
    <t>b'\xda5\x15\xf8(\xe0/\xf7\xa0?W@ety\x1c\x82\xde\xdb"\x0c\x06L\xea.\x14\xf3\xb9\xdb\xb9\x8d\xd9'</t>
  </si>
  <si>
    <t>b'I\x84\xbb\xf6I\x9f\x82\x19m\xc8\x1d5\xa2\x1c\x80\xbdVYEhh\xe5[LIr*\xe2\x9d\xad\xd6\xc7'</t>
  </si>
  <si>
    <t>b'$=\xa9\xa8\xd2N\xb7\xc8\xe5\x90R\x96\xe8\xd2\xb6"\xd2\xfcS`\x86H\xae\xa8\xbe?\xfd\x95\t\xcb=m'</t>
  </si>
  <si>
    <t>b'\x0f~e\xd3\xb72\x01\xef\xe6\xb9\xc6a\xb4O\xc8#\xb1\x12q0\x8b&gt;\xdd\xe2x"\xb0\x06u\xab\xda]'</t>
  </si>
  <si>
    <t>b'=54{[\xfa\xe4.w9\r\xa7\xd6\x10K\xa8\xff\xa7^%\xbf\x85\xc2\xbe\xc6\xe9\xf0\xe6\xaf\xff\x9d7'</t>
  </si>
  <si>
    <t>b'\x1dz\xbd\xe0}\xe1(\xab\xec\xc7\xc7\xcc\x9a\xcd&lt;N\x9d3\xf6\x8c\xd9\xb6\xe0#\x03\xb5\xb7\xa5\xee\xd7\xc1\x08'</t>
  </si>
  <si>
    <t>b'5\xf5\x82?}\xbb\xe9\x87\xda\xd2Hq\xaf\xbb\x1at\xa3gc\xa8}\xac\x9a\x17\x99\xd8\xcb\xc9l\x08\xfe#'</t>
  </si>
  <si>
    <t>b'b\x11\xa0\xed\x80\x04\xeb\x93\xf5A\xe9\x96\xbf\xd1a\x8cse\xb5@B\xc5\x92:\xa0z\xd2\x90\xdd\xbe\x83\xc4'</t>
  </si>
  <si>
    <t>b'\xfe\x1b\x10e\xc7\x00M\xe3\x90\xe9%}\x1dw\x9c5\x96\xbb\xdb\x08S\xb2\x15&gt;\xc0%\xcf\xb7=\\%\x9e'</t>
  </si>
  <si>
    <t>b'\x80\xa4\xaf\xf2_\x90\xa5\xc8;\x82\xa1O[\x93U\xec!\tzE\xc8\x7f\x06\xed\x8a\x99o\xb7\x9fIy7'</t>
  </si>
  <si>
    <t>b'\x82\xba\x15\xafA\xefl\x8b\x01\xb3\x8c\x7f^H\xaa\xc0\xe8\xd8\xfa\\!\xa6u\n\xa4@\x9e\x0f}\xa7\xaf\x82'</t>
  </si>
  <si>
    <t>b'Q\xde|\x12\xb3\x9f\xbb\xd8\xcd\xa71\xb1D6\xc7\x9a\x83|\xfaZ\x86\xb2\xa0\x89\x1f\x04\x81\xae\x89\xb4.\x99'</t>
  </si>
  <si>
    <t>b'T\x04g\x1bYGa/t\x9a\x82\x04\xa0\x7fq\xec\xde\xbf9\xdd]\x05\xb8i\xfb\x7fW\xf0`s\xe9j'</t>
  </si>
  <si>
    <t>b'\xc0\xcer\t$\xec\xca\xd0\xa7\xac\x15\xa0\xed\xdd\x14\x0f\x82T\x14\xa3\x19\x14\xfe\x81x\xea\xe5\x8a\xb5\tu1'</t>
  </si>
  <si>
    <t>b'\xf7\xb0\xa5\xfaBfa\n\xb8\xaab\x11\xb32\xb4\xad\xe9\x1fv\x9c\xfa\xd2\n\xf3dU\xff\xcfP\x12q\xa4'</t>
  </si>
  <si>
    <t>b'\xbadqxi\xf8S\xc8M\xe0\x03Q\xc9 b\xcb_\x88\x0f+G2HD\xa9nl\xae+\x05\xd3q'</t>
  </si>
  <si>
    <t>b'CKV\xb7\xd7\x19\x80\x0e\x8a\x9a4f\xc7.\xfe\x90\x1b\x04\xe1VC\xe73\xa7\x07\xd8\xe6\x107\xcca\xf9'</t>
  </si>
  <si>
    <t>b'\xf1\x9d\xce\x91\xf1\xec\x95\x02w\x17#-\xa0\xc1u\xa4\x04\x9b\xafe \x7fn\xe6"\nu\x8d\xbe\x8b\xa6\xfe'</t>
  </si>
  <si>
    <t>b'q\xc0 wiN\xa6\xdaR(\x90\xc1\xd9\x16\xba.@i\xd9\\\x05\x05\xfc\xe0\xe23r\x17\xc2[\xa7\x87'</t>
  </si>
  <si>
    <t>b'\x9d\xad\xfcW\xe68\x88!\x8b\x08\xc53\x05\xb0\x01/\xf9\x80\x82\x88B@4"|\xe1\xeb\xad(\xb74\x06'</t>
  </si>
  <si>
    <t>b'U+\x06\x86Q\xdf\x9e\xcb\x11\xb2b\x08\x85\xbb\x9fM\x90\xc7.X\xf7\xea\xaa\x15\xff\x8b\xd95\xb5\x89\xa6\x01'</t>
  </si>
  <si>
    <t>b"\x99\xf0\x81\xff\x7f\x00D\xb74\xc9\x95\x1e\x0b'\xf1\xc6`\xba\xffP\xd0o\x9f\xacA:\x8b\xcd\x03\x1d\xe1\x87"</t>
  </si>
  <si>
    <t>b"\xa9\x16Ab'O\xb0\xda\x0bj\xbaC\xe9G\xb5\xff\x9d\x0cV\x17\xf2\xc1X\xd1\xe7\xfbM\x7fH\xc9\xec\xa9"</t>
  </si>
  <si>
    <t>b'\xf3\xbaog\xc3DY\x98\xab\x1b7\x046\xeb\x98\xb8bQF\xfbD\xda\xae\xb6\xcd\\Bu\x00\xfa\x92%'</t>
  </si>
  <si>
    <t>b'\xbc\xcb2\xfd*qw]Q\xc1\xc7\xfa\xc9\x06/@\x1e\xcd\xae \x02\x95$\xed\xf1N\xbf\x92)v_\xe1'</t>
  </si>
  <si>
    <t>b'\xda\xb8\xb0\xf3\x0e\xb6p\xca\xab\xc2\\nwL\x13}\xa3\xdfI\x12z/\xf4\xec\x01\x11s\x96\xb97;\xce'</t>
  </si>
  <si>
    <t>b'\xb2\x1agh\x8f\x0b\xbb\x1a\x9a\xd5\xd80\xf9\xc1A\x1b\x82U]\xec\x02\x81\x87\x96E?\xcf\xb9\x90\xacS2'</t>
  </si>
  <si>
    <t>b'\x81\x05I\xc6\xdeU\x8ad\xc9O\xe6\x8b\xcaD\x00\x0e&lt;\xdc\x81\xe8\xcc\xcd\x11\x85I%\x92f\x9d\x91\xbb\x0e'</t>
  </si>
  <si>
    <t>b'pN,\x83r\x1a\x17\xe0\x84&amp;u\xfbRV\xe5\xc7W\x1a\xfe\x19B\x86\x81379\x9fr\xee\xcc\xbb\x1c'</t>
  </si>
  <si>
    <t>b'\x12t?\xab&amp;|\x1a\x91\x8a\x90\xa9\xaa\xda\x9fa\xb6H\x8d{Z6%\x91d\xbe3\x8d\xde\x992\xdd\xaf'</t>
  </si>
  <si>
    <t>b':\xf5\xda\xa3L=\x1d\xfeH\xb8\xd3\x02\xf9\xf8"wvKuU\xa4\xb9\xcdk\xbe\x86\xf6H\xb6\xc4\xd4j'</t>
  </si>
  <si>
    <t>b'+$sVB\xafL\x01\xe1\xd3\xeb\xd1\xda\xac\xea\x00a\xc0\xaaL\xf9\x07\xb9\x13\xda!L\x07/}`\xe1'</t>
  </si>
  <si>
    <t>b'v\xd4Z\x98\xb2\xbdg:\x91K\x19:u\x9b\x19\xd1\xc1\xb3v\xf8\xc6\x06yk\x86t\x9c\xe8q\xb6\xb4('</t>
  </si>
  <si>
    <t>b'H\xe4\xa0v\r\x05syxV\xe1\xd0\xb1o\x91&lt;){\xba\x0f\xab\x8aO\xcf\xd3(@\xce\xf2.\xaf\xfc'</t>
  </si>
  <si>
    <t>b'F\t\xb4Xv\xbb\xc8\x02r\xb9\xad\xb1\xb3mB\x8d\x95K&lt;^~r\xb5|\\\xf0\x8f\x83\x0f?\x97i'</t>
  </si>
  <si>
    <t>b'Zu\xc5\x03&lt;\x12~\x7f4\xf6K\t\x9d\x8b\x0f*N\xf8G\x05\xff\xbc\xbd\x8c\xd7-\xb9\x17\x8d4^\xd1'</t>
  </si>
  <si>
    <t>b'\x99TCL\xde,\xb6\xed)\xbe\x97\xc5L(\x94\xc0\xbcy\xf6\xe4\x84^\xe8\xa2-\x0f\xf0HB\x1b\xce['</t>
  </si>
  <si>
    <t>b'\x164\xc5\xf4\x8f\x9a\x0c\xdf_1\x07eF\xa0\x15\xae8oZ[R7\xfa4F\xcb\xa6\x08\x95x\xcf\xaa'</t>
  </si>
  <si>
    <t>b'\xedf\xb1X\xc0r\x90\xfb-\x93{_\x04\x821\xa8\xf4\xb56d\xf7\x12C1%\xd0\r\xa3o\x88\xdc!'</t>
  </si>
  <si>
    <t>b'\xb7\xcec\x88\xf2r\x9aW\x9f+n\x9a\x18R-\xd2\xc1.\x14\x00\x15\xb0&amp;\x87\xa3U\x91\x80\xb9\x0e\x14\n'</t>
  </si>
  <si>
    <t>b'\xcft\x97\x17\xea\x8e\xd1j;\x97DU\xa2yw\x9fR\xc06Nv\x9ay1S\xd8\x04\x85A\xd1y\xf6'</t>
  </si>
  <si>
    <t>b'\xf4\xa5\xfd\x9fr\xda\xfd\x1f\xbd\xe0$\x97\x92\x96\xefR\xe3&lt;4yY~\xd69`-`\xedA{\xa0\xa3'</t>
  </si>
  <si>
    <t>b'\xb9qzB]\xf9\xa4\xe5\xc0\x1d\xb0\x94"\xf1 \x17\x86;(\xf2\x00\xb4r\xab\xa0T\xf0FD\x88\xabL'</t>
  </si>
  <si>
    <t>b'\x06iQ7\x87J\xcc\xdf\xf8\x81\xc2\x0cB\x97^5A\xa4\xadQ&lt;\x1b\xfd\xe0fIy3\x06\x80\x81r'</t>
  </si>
  <si>
    <t>b'\xfdT\x0f\xa2\x90\ra\x95\xe8\xb18u\xe5\xa0\x9dO\xb9\x90n\xcd*,:\x87\xe4\xf0D\x1etK\xa4\xc7'</t>
  </si>
  <si>
    <t>b'\xf3s\xbfgi\x8a\x8ah\x06O\xca\xfc9\xa7\xaa\xf9h\xdf\xe6\x11\x05e[\xbf\xbcI+\xf6\xc2\xcb\x13\xb9'</t>
  </si>
  <si>
    <t>b'\x82\x8c\x9e8l\xea\xa2\xbd\xe8\x98[\xda7I!\xa6\xb2\xe4b\x7f+,\x01\x8f\x1bWU@M&gt;s\x90'</t>
  </si>
  <si>
    <t>b'\x99\x17\xf6\x93\xaezO\xf3\xf7\x85]\xb6~\xd3\xcb0\xd9\xb5\xc1D\x10\xcc\xa6\x05!\x82\xe6ji2\x94\x97'</t>
  </si>
  <si>
    <t>b'\xb3Y\xcf\x9f\x91\xc0#\xd0\xa8\xf4\xee\xc5^\x9c\xe0\xd8\xe7k5\xb9*\xa7\x8f\x98\x9c\xa2\x8f\xcd\xc3\xbd\xcf\xdc'</t>
  </si>
  <si>
    <t>b'\xf5\x12SD\xc8&lt;0\xcb\xa4\x1a\xab\xb8\xe2C\xf2\xe7Tpf\xe7\xe0\xe2\xf9\xbc\x8b\x95\x95\xf3\xb2k\xba\xa9'</t>
  </si>
  <si>
    <t>b'Rx&lt;\xc9\xbf[\xda6\x99\xb2\xbe\xb3;\\U\x02/GH\x08\xe3\xa0b\x99\xbav\xc4P\x14f\x8e\xe4'</t>
  </si>
  <si>
    <t>b'\x0b\xe3\x89\x0f\xcb\xec\xa0O\x14I\xbe\xa0k\x93\xed\x16\xca/s"@~ei\x04q \xc9t\xca`\xed'</t>
  </si>
  <si>
    <t>b'\xa8\xe0\xb0\xb6\x18\xcd\x01\xd1h\xc8\x93\x94tr\xdb\x92-\xacV\xc7\xfe\xbf\xc4U\xf3\xeeJ\x11\x86`|\xc8'</t>
  </si>
  <si>
    <t>b'\xfb\x9f\xe79\xe6O\x97w\n\x8bH79\xd7S\xcf8\xd7\x18\xae\xaf\xb40D\xf4\xef6\xc4*\xc8\xec\x86'</t>
  </si>
  <si>
    <t>b'\x04\xc2S\xcdo\xc4\xd6\x1f\xa3\xb8 J\xc2Z~\xf5\x8a-=&lt;? VXz\xd1;O.9\x15\xbd'</t>
  </si>
  <si>
    <t>b'W\xed\xde\xfb\xed\x14\x18\xb2^\xe1\xc1\xff\x17\xeb\x9d\xc1\xb8\xd8\xd5\xd0n\x95\x16\xc4\xfb"\xc4]\x04\x90\xf4\x99'</t>
  </si>
  <si>
    <t>b'E\xeai$\x02\xff\xcf^S\xcd\x00\x0c\x80\xf2\x1f\xcfc&gt;\xd1\xf5\x8e\x8e[W\x999t\xe0\xfbr\x91p'</t>
  </si>
  <si>
    <t>b'\xf2\xc7\xf2\xbf\xa8\xcf\xc7\xce;\x1d|\xea_\xe4\xa8\xb5\xcf\xc0p\xdf`\xd3\x01\xba\xbf\x93!\xaf\xe2\x9f=\xa3'</t>
  </si>
  <si>
    <t>b'c\x10-a\xe9N\x14n\xab1\xd7\xf6\xdd/\x0b\xf8\x9e\xcd\xd9`\xa6\x19q\x9b\xd5+\xeb\xcb\xda\x1c`\xc5'</t>
  </si>
  <si>
    <t>b'u\x10\x12\xde\xc0\x11Zi\xcc\x16\x9d\x05&gt;\xec\x1d}\xc9W\xb9\xce_q\xfd\xa6\x89go\xebb\xe0\xbeD'</t>
  </si>
  <si>
    <t>b'\xc6\x11\xef\x9e;\x9b\x95\x17&lt;\x9b\\.\x94\xc4\x06b\x1a:\x82,\x10J\x91\xeas]\x0f"V\x15\xc8\xe9'</t>
  </si>
  <si>
    <t>b'_\xc5\xfb=A\xad\xa2\x90\x1f\xb0\x8f\x00T\xd1\xb0\x03(\xc3\xf7QQgNQ\x92{\xa5\t=\xb05\x12'</t>
  </si>
  <si>
    <t>b'\xd9o\xed\xab\xb4\x826\xeaM\x08\x85@\xce\xb45\xe6|:)\xa3\xe75\xa6JU\xa3K\xa8\xabA\xc8\xaf'</t>
  </si>
  <si>
    <t>b'KU\x19\x1f\xbb\xf9\x8a5^\xf7\x96y\x14G,N\xad(\xbb\\\xbd`\xd3\x7f\xbf\xfc7U%\xd1\xeb\xda'</t>
  </si>
  <si>
    <t>b'\x16m\x0fv\xca\xbd\xeaY\x01H\xeb\xe4z5A\xa8\x86\x90..r(\x00\x0b\xd8v\xf8P\xbe\x839\xa1'</t>
  </si>
  <si>
    <t>b'\x95z\x11q\xd1\x89\xa1\xed\xe7:\xe1\xfb\xa8r\x12gy~\xd5b\xf5\xac5~\xa5\xd4\xb1$\xdb\xa8\x9f\xc6'</t>
  </si>
  <si>
    <t>b'r\xce.\x18A-\xe8a\x99\xda\xff\xa6\xf9\xdb\xd1\x19P\x1b\xf4\xec,\x07u\xdb\x12\xbe\x007\xeb\x99\xb1/'</t>
  </si>
  <si>
    <t>b'\xfd\x92\x95\x1b\x13(\xae8\x8b\xf5\xd5\xf8\xad\xf1\x05{\x93\xe1\xa4J.\x11\x9f\xf4&amp;\xb6\x83\xe29Y[S'</t>
  </si>
  <si>
    <t>b"\x91\x0f\x14U\x02fhP\xa7\xde\xc6\xb5\xf9\xa3VVS\xcf/\xdc$\x94O\xae`p\xd3\xefL\x80'~"</t>
  </si>
  <si>
    <t>b'.\xf6\xad\x86[\xbc!\xed\xf0\\\x05\xa29\xb4\x14\xfd\xa0\x92yQ\x13\r\xe4\x82\xaf\xfeMT\t\x94R\x94'</t>
  </si>
  <si>
    <t>b'{7\xe3\xcc$\xa5\xd3\xc6j\x94\xc7\x95Z\xd3XgQ\xfbplH\xd8+H\xb82y\xd9\x8e\xb5\xf7!'</t>
  </si>
  <si>
    <t>b'\xc0\xd2\xbd\xe6\x1d;\xe0:\xe2\xa0\xf5\x93c.i\x85\xe0\xccG\x90\xb2J\x9c\xd8\xc9\xe7\xef\xe1;\x05\x06V'</t>
  </si>
  <si>
    <t>b'\xd6\xeaM\xd4\xd6\xfae\xbf\x10.]\xc1\x15\x814\xcb\x04`\xef\xd4\xbfY\xc0l\x93+\xc7\xee\xf5W1\xd8'</t>
  </si>
  <si>
    <t>b'B\x11\x18\x13\x10\xcb\x0f`YC\xbc\x99\xc6F0\xb2\x92e\x89\x9f\xee6\x9e\tB\x8eC\x02\xbd\xa1\xd1"'</t>
  </si>
  <si>
    <t>b'\xf0\x83\xe7\xf32\xc4\xe9Z_&amp;;\xb8\xd8\xa7\xaf-\t(Nk;\xf1\x808j[ph\xac\x99\xd3G'</t>
  </si>
  <si>
    <t>b'\xc8 \x8ed\xcd\\MN\x84\xf4\t\x18(\xcf\x01R\x0b\x048\x8a\xc1\xa8\x0cq!\xd7\xc9sA\xa1 d'</t>
  </si>
  <si>
    <t>b'\xf6\xf2\x0e\x15[\xa04\x10C=&amp;\xa5-k\x02\x9d\x0bm\xed\xe6\x82\xd4\xef\x86\x1e\x8b\xfbq\xe7\xdf\x8a$'</t>
  </si>
  <si>
    <t>b'\x0eSG\xd2o{\xeb\xe0\xc3\xadY\x13\xecXe u,C\xa1\x8b\xc0\xd1\x18H\x8a-\x1e\xec\xf2\xb4\x08'</t>
  </si>
  <si>
    <t>b'd\xaed@\xaaj\x1e\xaa\xd3\x96\x0f\x10@\x06U`&lt;\xe5Q]\xd3m"N:s\x17\x91\xb7\xbcMR'</t>
  </si>
  <si>
    <t>b'\xc1\x7f\xc3]hD\xfe\xed\x04`uVt\xb8W@:\xa6\xb3U\x99G\x0cI\xee\xd8&lt;\xd2q\xde\x8e\x93'</t>
  </si>
  <si>
    <t>b"\xc92'\x9f\xb5\xc8\x11\xf9\x1a9\xa6]7\x1b\x9e\x87_\xc7B\x02\xf9\xdf\x1b\x8ea\x9e5\xe4\xc1\x17\x1f\x84"</t>
  </si>
  <si>
    <t>b'8\x89\xefN3@\xe4?\x92 &gt;\x92Gt\xe5\xc1\xa5\xa0Q\x03\xff\xb1\xcb\\\xf4\xc0~\xa8q2U\x07'</t>
  </si>
  <si>
    <t>b'^\xf6l\x8a\xc1R\xdd\xf9\x9cX\xf3-\x9f\xc5L{\xc7\xce\xb2_\xe6wn`F\xfdq\xe7\x0612o'</t>
  </si>
  <si>
    <t>b'\xf9w2\x89\xfa\xd4\xbdHy\x89r\xd8U\xecL/\xfb\xe8v\xfb\x9f~/\x7f\xb8\x1b\xa3\x07G9\x19i'</t>
  </si>
  <si>
    <t>b'8\xe3q\x19\x9a&lt;\x8e\x92\xb4!\xa1\xf7\xd1 \x818\xc7\x1e:\xda9\x81\xcf\xe0\xd8\xd7\x95C\xadY\xde\xc9'</t>
  </si>
  <si>
    <t>b'g\x9b)&amp;\xad\xf7\xe6Z\x89\xf2\x98\xf6\x1dN,\xe5\xd5G\xa0\xc1\xbe\x03y\x0e%rn\x07\x80\xca!\xef'</t>
  </si>
  <si>
    <t>b'\xa1adn\xf9\x0c\xc7P\r-wV\xcd\xf8\x9d\xf1\xc6ln\xd0\x17\xd7\x0c\xc9\xc1\xcb+\xb1\x05\x81\xbb\x89'</t>
  </si>
  <si>
    <t>b'=\xa4\x95\xd4K\x9f\xb2\x84\xb8$\x08\xfd\xcc\xac\xa2\xa0IO2\xb4\x7f\xfeCM\xc8\xe1{\xa7\xa0\xfa(J'</t>
  </si>
  <si>
    <t>b'b\x0e\x81\xed\x86t\xaa*\xa2\xda[\xb7L\x00\xa6\xee\xa1&gt;{\x8e[\xc4\xa7\x95\xa0\x05j\x02\xc6\x1df\x1a'</t>
  </si>
  <si>
    <t>b'w\x81}r6\xe7\x91a_\xc2v\x1e}\x99$C\x12j\xb3v\xcc\xd8r\x13\x15R\x97\x1b\xd9\xe85\xc1'</t>
  </si>
  <si>
    <t>b'sO!\xe2\xac\xa0\x00\xa7\xa08\xb1\x87\x17\xad\xc7\xdd0\xc8y\xab\xe5\xb1U\xf5\xff\xa1\x88i\x1b&lt;\x8d\r'</t>
  </si>
  <si>
    <t>b'h\xa4\x87.Z\x9dG\xa1\xe6\xe7=\x04\xff\x06\x0fX;-:\xfb\x9eC\xb8\x8d\xdc\x1b\xb1\xa5\xb4\x08\x8de'</t>
  </si>
  <si>
    <t>b'c\xf3*\xe4\xdf\xd3\x02t\x07\x82\xe9\r"\xa2\xb3Q[\x08\xea\x82\r\x08\x03\xb7\x9bs\xb8L\x10&lt;\xaa\xe8'</t>
  </si>
  <si>
    <t>b"\xa5\xcb\xea\xff\xd1\x9c,\xb2\x16^\xb98\xc5C'\xad\xf4\xe8\x87\xf2\x1c\x8bXE\x00\xf6\xb2n\x11k\xee\x94"</t>
  </si>
  <si>
    <t>b'\\(7\xfa\xe6kx\xd2~`\xbd\x8d\xb39\xfa\x95\x93\xa0\xf2Y\x16\xca\xd7\x7f\x8a\x9b+\x18\xee\x85\xb2i'</t>
  </si>
  <si>
    <t>b'\x0e\x8f\xf3\xaf\xd6~\xe0z\xfc\xee\x1b\x9e\x12v\x9f80:n\x92\xea(R)\x1d\xa3X\xc7q\x16K\xdd'</t>
  </si>
  <si>
    <t>b'\x94W\xb2_\x9a\x19\xe6\xad\x94M\x91O\xf3-%\xda?3\x03\xb0\x88R\x90A;K\xd4\xe8\t*\x91$'</t>
  </si>
  <si>
    <t>b'{\x03C\xf7\xbc\x80m\xbe\x1f\x04\xd9\xbf]\xf4\x0c\xbfH\xda\xe78\xfc\x80\x83Se\x94V\x99\xa6\x948#'</t>
  </si>
  <si>
    <t>b'L\xa8\xf3}\x9fn^\x95:\xff\xd7\xaain]\xfer;f5\xe8\x16*\x1b\xd0\xbd\xbf\xfc\xf9\xda\xe2g'</t>
  </si>
  <si>
    <t>b'\xdbi=N\x15\xf4\x9f\xf9\x1f\xc8\xefJ}\x06\xad\x04\xfc&amp;"z*\x7f0C\x1b+9\x038R\x8f\xe9'</t>
  </si>
  <si>
    <t>b'\xcb,\xf2\x0f\xd8\xce\xd3Au\x1e\xbe\x8d\xabSS\xfd@&lt;\x8b\x91N\x10\xbf\x16\x93Pe`\xec*hm'</t>
  </si>
  <si>
    <t>b'\xd0\xfd\xa3r\x88\xe8\xe1\xfe,\x19\x80\xfe\xc6\xd5b\xdb\xc7\xac\x86N\x8a\x11t\x9f*~\xcb\xf9\xc0\x1di\xbd'</t>
  </si>
  <si>
    <t>b'\xc9\n&lt;\n\x8br\xe8\x96\x19\x94\x92j\x1e\xab\xf3\top\xc7`\xe5\xe7\x82\xd3\x17\xd8\xac\x8d\x0bp\xabd'</t>
  </si>
  <si>
    <t>b'\xe1\x1b\xacI\x8a\xa1\xd5\xba{\x8c\xc6HpM\x11\xe7\xaf\xe4K9|\x89\xc32*2Q\xad\xc5\x1aX%'</t>
  </si>
  <si>
    <t>b'.I\x99\xaa\x84\xb2\x01aRO\x87\xa5v\xca\x9dF\xa0\x9e;\xde\xe6\xfa:\xf7\x8a1~\xef\xbe\xf8\xecj'</t>
  </si>
  <si>
    <t>b'jl\xdb\x917\xe1\x11\x1d\xdc\x99\xee-\xbd\xaa\x1c^\x1f\xd0\x9e\x07C\xf5\xb1*\x92\xaa\x9a\xb4y\xb0\xfaO'</t>
  </si>
  <si>
    <t>b'l\xb5\xffj9[\x02\xf0\xd0b3\xe8D\x1e\xb7y\x16\xad\xf4(]\x07B\xab\x89x\xb4\xe3\xe1\xber\x8a'</t>
  </si>
  <si>
    <t>b'v\x10c\x8dr\x8e\x06\x1d\xe0\x8d\x07\xbd\x96\xdb\xf2X\x1d\xc8\x7f\xcb\xe2\xb3A\xb0\x8d\xc8\xf6\xdd\xd3e\x1f]'</t>
  </si>
  <si>
    <t>b"_y=\xc9I\xefq\x91\xc5\xa5[\x14\xaf'\xc1\x18\x89.I&amp;\x9d\xaa\x96|JD\xf0\x08\xbdQ\xc8\xfd"</t>
  </si>
  <si>
    <t>b'\xa2\xa5\xa4\x02\n\x8fh-\xce\xea\xd7\xe6\x11J-\x06\xb9+\xe5\xefg\x06\xf70D\x06\x1eM\xddV\x01f'</t>
  </si>
  <si>
    <t>b'\x81\x8e\xc3\x8f\xcbqy\xf5`~v\xab\xb1?\x16N\xe2\xbd;\x06\xdd\x82\xf7,\xfa\xc3(T\x8a^\x8e\xd2'</t>
  </si>
  <si>
    <t>b'f\xffU\xbe\xcf\x85\xfe\xd1\x1c\xe4\\"\x02c\x19\xcd\xf2\xb6n\xe4Rew\x85\nnk\x05\x0f\x8d\xc9\x91'</t>
  </si>
  <si>
    <t>b'\x1e\xd3\xbeGNe\xf0%\x97\xc6\x90Y\xe0VK4Z\xb3\x8c\x0e\x82\xfb\x83\xe5|\xed\x01^\xe4\xa0\xde\xba'</t>
  </si>
  <si>
    <t>b'\xc2}\x87h\xed\x87gX\xb7\xa0\xccCn \x02NL\xd9\xd41\xc6t\x00\x83$\x91K\xdc6\xfa\x81]'</t>
  </si>
  <si>
    <t>b'A\xb5N\x99T\x9e\xe8\xdc?\x9ds\x0b\x83\xd5\xf6!o\xbd\xf6G\xd3\xad\x1d\x04\nt\xda\xa0\xcc~\xdeU'</t>
  </si>
  <si>
    <t>b"\xd1e'\x17'\xb5\x1f\xa6\x06\x02\x1a\x90!\x84&lt;\xb8\xab\x85\x93,!\x07\xf04\xe0\xff\xfe1\x95\xb6\x9c\xc1"</t>
  </si>
  <si>
    <t>b'R\xe3\xdd4pht\x13\xec\xcd\xbd\x8ei\x8a\x18\xca\x9e\xccQ7\xa0\xb0\x91\x0f\xa7&lt;\x92T%\x80\x8f\xe1'</t>
  </si>
  <si>
    <t>b'=d\xb7\x9f$\xb8)\xe2\xcf8$n\xf8W\xea\xf3\x9f4\xf6\x94\x1a\x1cQex$\xc2\xd5\xd9\n\x95\r'</t>
  </si>
  <si>
    <t>b'\x9f$ \xbb(\xe5\xb7\xa8(\x01\xef\xbcr\xb8\xa9Q1\xe2\xc9\x83\xa2\x9d=\xd5\x15ql\x9a=kV\x05'</t>
  </si>
  <si>
    <t>b"\xaf\xbb\xfco\xd0\xb0\xae\xfec'\xa3:\xfa\x82\xbb%\xbc\x03\xfbom\x18\xe7\xe0\x7f\xa2P\xc42[k\xe2"</t>
  </si>
  <si>
    <t>b'\x16A\x96\xadu\x86m\xb4o\xdc\xe5iog[%^\xa3g\xf2\xf265\x17JT\x98)Yk\xd3\xe3'</t>
  </si>
  <si>
    <t>b'n#\x8f\xe5\x8f\xd3\xf0FK\x85\xee\x99\xd7\x87\\L\xe8\xb7\xc8M\xda\xec\x95\x91\xc2\xe2\x07\xe1B_\xdb\xf2'</t>
  </si>
  <si>
    <t>b'L\x85m\xa1\xad\xc1\x01\xaa\xe9\x15NR\xce1\xbb\xb67\x82\xe9\xd3\xd0s\x87j\x1a\xc9-\xba|\x14\x87\xd6'</t>
  </si>
  <si>
    <t>b'B\x96\xa1\x06\xcbZ\xb5#\x98\x1aM\xa03\xb9\x92\x93\x0e\xed\xb2\xf6\x14\xa3\xe6\xfaK~\xb9\x91\x98ruw'</t>
  </si>
  <si>
    <t>b'?\xc5m@r\x94#\x8d&amp;\xd7\x1ex\xfe\x1b%Lej\xe5\xe6[\xf8\xae!\xd1\xca\x9a\xbb^~=\x03'</t>
  </si>
  <si>
    <t>b"\xc7'\x1dC!\x8cCXA!X\x8e?F\x92\x11\xdd,\xdb[\xb7\x84\x99\xc8\xc0,\xd1\x95\x13w\xa1\x8f"</t>
  </si>
  <si>
    <t>b'^\xc1j\xd6\xa7\xbe\x8e\x95\xb2\xf6\xf4X\xa5\xd2\x94\xcf\x04\xce)\xdaz\xa0:\xa7\xe4\x1d\xbb\x87\xbf\t\x00j'</t>
  </si>
  <si>
    <t>b"\xd8G~\xf1\xce\xd8\xf0\xcb\x06MX\x8b'~v\xe3\x08\x80\x05\x94o\xecI-\x00I\xc0\xc4+\xcb\x19."</t>
  </si>
  <si>
    <t>b'\x87\xfc}\xc3\xde\x17\xd3\x88\x01\xaa\xe9\r\x8e\x1e\x8c\xa0.\xfeO\xc0H\xe2\x84\x8f\x13\xb2\xff\x08g&gt;\x7fO'</t>
  </si>
  <si>
    <t>b':Nk\xc5+\x0c\x0461n`\x16\xb9\xbcya\x8f\xbd\x81Y\xc3\x0c\xaf\x95Eo&gt;*\xa4[n\r'</t>
  </si>
  <si>
    <t>b'\x8a\xc6\x8dp-`\xa4Za\x07\x03\x9b\xe8(0\xe3]P\x9d\x04\xfd\xb0BI\xc9D\x90I\x85\x8f`\x19'</t>
  </si>
  <si>
    <t>b's\xf2\xb7P-aA\x98\x9e\xcb\xc8X\x90~\xe2\xd9\x158\xc5YD\x0fM\x08\xb6x!A\xcb\xda%\xa2'</t>
  </si>
  <si>
    <t>b'\x17\xcc\x9c\xe9\x1669\xa28\xb0\x1e\x00\xcd\xac\xd9!\xa8Evm\xc5\x85\xe1\xa8l\xbd\xf4\xa7K\xcdVR'</t>
  </si>
  <si>
    <t>b'\\Y\x1c+=\x1e\x00H,FT\xf8pI\x1f\x98\xb9\x81\xa013\x02\xe6F\xdf\xbc\xbe=N!\xe2)'</t>
  </si>
  <si>
    <t>b"\xad\x1c\x97\x96\xf1W\xe2\x7f\xd2\xdf\x05\xd3\xa0X\xe0:\xa4rH0K\xef3z\x8b2a\xd4RJ'!"</t>
  </si>
  <si>
    <t>b'D)\xf8\xd1\xb0&gt;\x8b\x94\x87 \x14\xbbg/#\xc8U\xf8\xc1\xb5Uy\xa1\xb9\xf9\x12v[\xb4\x87p&lt;'</t>
  </si>
  <si>
    <t>b'\xf8U&lt;\x12bC\xce\xa5e;\xca\xf7&amp;\xb0\xfb\x19\xb0&lt;\tpoz\x1aTD3\xc19\xce\xd0\xe4u'</t>
  </si>
  <si>
    <t>b"]Z\x16\xfa\x87\x94\xb6\xbcH\x07\x88\xa4S\xf4\xca\xdc\x90rx'^T\x9f\xf1-\xbe!\xac\x1b\xfd9%"</t>
  </si>
  <si>
    <t>b"\x8d\x96\xe3V\x86$\x82\x08'\xb0\xbbh\xd7\xee\xe4\xfeI\xcd\x10\xcf\xd9j@\x19\xcehH\xb3o\x8dk\x94"</t>
  </si>
  <si>
    <t>b'"n\t\xb3}\xb7\xe0\xb2"\xc7L\x80Q\x97\x82\xb2\xc2\xc6\xa1{\xa5\xa2\xbe**\xe65\xab\x1e\xb3`9'</t>
  </si>
  <si>
    <t>b"\xed&lt;\x87#\x99\xc5\x1b\x17\x0e[\xd1a\x1f\xef\x85!'\x97\x8d\xaf\xfb3t\xe7\xeb\xb2q\xbf\xe2\xe8K\xb6"</t>
  </si>
  <si>
    <t>b'\x7f~\xbbC\xadON\xe8;\x8fQ\x81w\xed6t\x93\xf3\xb8R\x83\xa3\xe4]\xc4\xfb\xa8\xc4\xdb\xb420'</t>
  </si>
  <si>
    <t>b'h\xc94m\xdd\x01\xb7\xca\xc3l\x85s\x86\x9dd\xcbbD\x8a\xcbUd\xc0L:\xf6\x88gg\xcd\xa9C'</t>
  </si>
  <si>
    <t>b'\xd0\x95*\x93B\x8d\xd0\x16\xab\x13\xb4b\xee\xdd1\x1a\x0e\xbcT\x852\xaf\xb6&amp;\x90\xf7\xc0\x05\x9b\x00\x0e\xc0'</t>
  </si>
  <si>
    <t>b'\x987w\xb2%&amp;\x0cV\x8fn\x8f\x8f8M*E(:{\x12\xc7\x14\xe4\xa3\x9fz5\xfa\xe5\xf0g#'</t>
  </si>
  <si>
    <t>b'\x85\xdbum\xdb\xa0\x84G\x1b\x03\xc0\x1a$\xc8\xc9\xb7i\x17\xe4\xcb\xa3\xe1\x16e\x15\xe8E\x7fDt\xdb\x03'</t>
  </si>
  <si>
    <t>b'\xf6\x9e\x19q\xed\x89.\xe3\x05m\xcc%{,\xd8\x13\x9e\x03D\xb4$\t\xb2\xf0\xd9\xcb~{\x01\xd1\xe0\x9d'</t>
  </si>
  <si>
    <t>b"M\xda~\x01u\xaf\xa3\xe8\xcdO\x88\x1e$\xb9\xfc\x07Ol'6\xcepu\x99\xfc\xe4\xb5\xe1\xd1\x1c\xea\x9e"</t>
  </si>
  <si>
    <t>b"'\xd6m&lt;N\xff\x84!B\xfb\xc2\xd8\xb2Kk;\xe1^v\xf5-\xb5@\x83\xe3Q[\x96\xd6\x97Pp"</t>
  </si>
  <si>
    <t>b'\xa1L_\xedA\\)\xabx\xac\xab\xba\xe9\xa8\xf67\x1c\x15\xfbJ\xc0Yp\xcc\xadu\xe9of]\xa4\x1c'</t>
  </si>
  <si>
    <t>b'\x1bsB\xf2\xc3\xed\xd6p\xebW\xc7W7x1\xb0\xdb\x87Vp\x1e\xe1\xa4\xc3\xedl\xdc\x1e\x1b\x9aE\x9e'</t>
  </si>
  <si>
    <t>b'\xdb\xb8\x10Ay\xcaX\x97\xf5\x99Ml\x80\xdd:\xe8\x96\xe16\xaa\xa6&amp;\xb8\xbe%]\xcb\xce\\\xcb\x18\x1b'</t>
  </si>
  <si>
    <t>b'+&lt;\xce_\xcf\xf4\xc2\x01C\xe0f_\xf2\xd0\xf1\x17\xfe\x9d\xc7G\xe8C\xe4\x8b\x03\n\x01\xb1\xa7\xdf\x9bM'</t>
  </si>
  <si>
    <t>b'\xae\x17"\xf9\x85v\\\xb6\x01\x1a\xb6i\x80"[\xac\xa1\xf9\xa9a\xa9\xa6\xafo.\xc5\x97=\xa1Ece'</t>
  </si>
  <si>
    <t>b'\xb3\xf9\xe6\xf6\x85/dD\xaf30\x81""F,e\xe3\xfe\xe8e\xbcD\x1e(\x97L=\x84x\x81A'</t>
  </si>
  <si>
    <t>b'o\xdc\xa1F\x13\xdf/$\xf2P\xcdb\x19\xcb\xbc\xd1\xc5zp\xe9\xb0,\xaa\xf0\x1c9%e\xbdA\xa7\xb3'</t>
  </si>
  <si>
    <t>b'\x85I\x01#\x10Tu\x93\x1bW\x19\xde\x82\xb9\x86\xad!\x18\x97)\xaa:\x97)\xce\xc6\xa5U\xf2\x1a\x81\xa2'</t>
  </si>
  <si>
    <t>b'\xc7\xdc\xed\x82\xd0{\xa2@y\xcc\xc1i\x10\xa2\xc9_\x84\x11T\xef".\xdb\x0bu"\xd2\xfb\x94\xdcb\x8b'</t>
  </si>
  <si>
    <t>b'\x16]\xe7\x03\xfa\xef\x19\xca\xf9\xa8\x86\x9e^\xd2\x80\x16(\xf9/;\xe5U&lt;\xdb\x84x+M+\x7f%\x9c'</t>
  </si>
  <si>
    <t>b'~\xad]F6\x06\x17b\xef\x8e\x8c\x17\xe9gU\xc0\xf0\xb7?3\xd6\xb8\x12\xcfL\xf5\xef\xf8\x83\xa5\xbb\xa1'</t>
  </si>
  <si>
    <t>b'Q}C\xb6C\xd3W\xc4\x9f\xf9[9\xee[\x97!\xc4\x91ald\x0cK\x9d\x9fIz8\x86\xa4PT'</t>
  </si>
  <si>
    <t>b"\x1az\xed\xa2W\xd7\xe7\x16h\x0b\xf7\xf9\x9c\x1a`'\x13p\xdec\xcc|\xb8\x8b\x17\x07\xab\x98\x14\xac!d"</t>
  </si>
  <si>
    <t>b'g\x9eX\\\xf4z\x0e\x12\xc6#p\xadA\xfaiA\xf8\xe6\xea\xfe\x1d\x1d\x06\xbf\r\x01\x1a\x1d\xd6T\x8d\xaa'</t>
  </si>
  <si>
    <t>b'\xd3\x92\x81\xaaR\xd0G\x15"L\xef&gt;\xd1?\x1e\x8e\x8b\xe3\xd5 \xb2\x93\xd8ja8\xf6$i\xe39\xf4'</t>
  </si>
  <si>
    <t>b'\xcd\x848p\xd6J\xce\xa4\xe4CoK\xc1J\xdd\xfbS\xc5WPD\xbb\xe1\x05\xb9"\xaff\xe4o\xed\xf0'</t>
  </si>
  <si>
    <t>b'\xf7"\x1al\x18M\xd9u\xc8\xe3q\x07!\xda\x83\xc3v\xc1\xceq[c\x99I\xf9\xe0\xef\x7f\xf3\xe1?L'</t>
  </si>
  <si>
    <t>b'\xbfor*\x80\xcc \xa2\xc16\xdf\xf7\xb1c:z\xc1\xe7\x86L+I\xaeM\xe3\xd5\x1c{^_\xa9['</t>
  </si>
  <si>
    <t>b'p\x8d\x91n\x111\x8c\x9d\xad\xd3\xb3)HW\x97\xa2\xee\xbe\x0e\xe4\xde\x8d\x17\x18\xb31\x91\xee\xa9\xdf,\x9e'</t>
  </si>
  <si>
    <t>b'\x0cC\x8d\x88l\t\xbb\xa0\xaf\xca0\xd1\xde5F\xcb\xb5N\x89cW+\xd4\xe0\xf8\xb3\x02\x80,\xe2\xd0E'</t>
  </si>
  <si>
    <t>b'\xa7\x85\xba\x8b\xf1\xc8L\xe6Nu\xe0\x16=\xdf\x92\xf6\xae\xd8\x04\xf70\n\x0ca\xee\xa7\xfa\x98\x99Q\x82\xf0'</t>
  </si>
  <si>
    <t>b'\xc7\xad[w\xf36\xae\x98=\x9f\xd9\xec\xc9g\xd6\xd9i\xa1\xde\x89\xf7#\x8aS\x00\x9c\x9e\x86\xef\x0e\xf4\xb4'</t>
  </si>
  <si>
    <t>b'\xcd\xe2\xe8\xc6\xa4!f\xdd\n\xd8\xb1\xa6\xd4\x83\x01\xea-li\xf0\xc6\xc3\x14\x8d1o\xad\x12\xdb\xa21\x9b'</t>
  </si>
  <si>
    <t>b"'\xd8%\x9ab\xd6\xb6pT\x89,\xe0]V\xc2\x05\x19\x10\x184\xa4\xec\xfd8\x98|K\xf1\x95\xd9\xdd\x94"</t>
  </si>
  <si>
    <t>b'\xfd\xf8\x81R\xd0|X\x18\xbb\xd5l\x828a\xfdVk;\xe1u\xc1\x9b\x1e\xc8\xd9\xf0\xbb\xf6\xb3\x87\x00i'</t>
  </si>
  <si>
    <t>b'\xa0\xeb\xee\x96\x85J\x027l\xd9\x93\xed\x1d\xe0\x19W\nb\xc7N\x9d\xf2#a\xa2\xf6\x93\xdf~\xcc\xf9\x0e'</t>
  </si>
  <si>
    <t>b'\xafH\xa1\xbdK\x12\x02?&amp;\xbe\x812\xb04\xc70]_w\xc9\xe6"=\xffoZ3\xceK\x11\x9f\x85'</t>
  </si>
  <si>
    <t>b'\xf5$\xbfv\xd9\xe5\xe5\xafsf\xe5jV\xa1$\xd0\xa5\xf6\xad\xc7\xc8:v\x98\x9cA\x9e\x8a4\xb1\xf4\xa2'</t>
  </si>
  <si>
    <t>b'O_ \xff\x99}\xd0Z\x92n\x1d*\x01\x99i\x1e|P\xd1s\x82&lt;\n\x8d}\x8e\xd1\xda\xdcE\xc9!'</t>
  </si>
  <si>
    <t>b'\xe9\xdc\x1f\xea\x85m\x93\xc7(\xbc\xe2\xa9\xb3\xb4\xe3\x1c\x12)\xb8c47O\xef\x12]9\xa1\x11\xf4\xbf\xc5'</t>
  </si>
  <si>
    <t>b'\x90OJ\xe4\x11\x00pIbV\xfdxlV\x90\xa0\xa2\xa2;\xb6h\xeez\xf7*\xf7v\x1d\xe3\xd2\xd5}'</t>
  </si>
  <si>
    <t>b'\xb6=mM\xab\xdf\x85\x9c\x12\x15|\x9e\x8d\xb70\xcde_\xbe\x95v_^\x9a6I\xdb\x94n\xb5\x0cn'</t>
  </si>
  <si>
    <t>b"p\x99\x86\x15}q'\xf6{\x90\xcf\xc0x36\x10\xe52\xc0\x85(z\x9b\xa9\x17\x84\xf2\rc2\x1e\xf3"</t>
  </si>
  <si>
    <t>b"\x1b\x10\x85\xdb\xc8\xe9-\xca\xcb\x17\xe3\xd6\xfa\xa7\xb6\x873]\xfa\x17\x8e&lt;\xdb(\xd2x\xdfK&amp;'\x9ef"</t>
  </si>
  <si>
    <t>b'\xe9@P\xe6_`\xfb\xa9&lt;\x8eA\xd9L\xf3\x96\xc4\xd97c\xe6\xafi\xe9\xae\xcf\x0c\xc4y\x08\x86&lt;&amp;'</t>
  </si>
  <si>
    <t>b'\xf6\x1a\xbe\xaa\x12z\xe9\xa9\x9d\x95\x06\xf0\xc1\xefc_\xacF\x13d\xba\xc8\x8e\xae\xfe\x9d\xf8PT\x1b\x13\xbc'</t>
  </si>
  <si>
    <t>b'\xa0w\x12&lt;\xa8\xcbhx\xae\x84\xb3J\xae\x16c\xa9\x1f\xe3\x07\xd30\x1c\xedk\x14\x96\xb6-\x89Z\xcc\xec'</t>
  </si>
  <si>
    <t>b'U\x0cQ\x15i@\xd5N#\x95\xe3\xa7J\x94\x01\x1d\xfe{\xc0TU\xe5\r\xe2S\xc2\xbf&gt;^N\x19\xb7'</t>
  </si>
  <si>
    <t>b'\x8fd$\xa4\x81\x80\xf4{4\xc0\xfe\xdeIcR)h\x1b\xd8%k\xc6\xd1r\x00\xb2\xd5.\xc4}I`'</t>
  </si>
  <si>
    <t>b':G&amp;\x1a\x0e\xcd\xa7\x87\x97\xf7z&gt;\xf94$GK\xac\xca\x08 \x12\xe0"\xde\xf7\x85\xbf\xfb\xe6\xa0\xb9'</t>
  </si>
  <si>
    <t>b'\xe5\xc6\x84\xa2\x0e\xc4\x8cz\xe2\x85_1\xf7\xb4\x1ef\x8eJkg)\xd4D[\x94\xdfB\x93\x02\xd0\xc9\xf1'</t>
  </si>
  <si>
    <t>b'\xfbU\xe11.\xd9w\xf6!\x03\xa15\x05\xd8\xe9\xff\x7f9\xef\xc5=F\xf0\x8a\x861\x87\x04v2\xe2R'</t>
  </si>
  <si>
    <t>b'E|\x13\xe4Xl\xf5cf\xcf=@\x92\xbd0\xc6\x1a"?\xfbWyo!\t\x8b\xb5\xdd\xd8\xb29`'</t>
  </si>
  <si>
    <t>b'\xd6\r1\xf8\xaf\r\xc9\xf7\xb4\xf4\x19\xb5\xae)\xc5\x10\xfb\xa6\x18\x1e\x80\xbf\xa2\xd0\x83\xd6G0\xa2\x1au\xed'</t>
  </si>
  <si>
    <t>b'^\xe1\x1f\xd6\xb8\xda\xc8\xa6o\x92\rV\xe7\xe14\x7f\x9d\x8a3\xd3\x8c\x10\tdI\x00\xeb\x86\xc8\xb7\xb8N'</t>
  </si>
  <si>
    <t>b'\xe2|\x86\xc4pou\xfe\x9bK\xae\xe2n\xc6o\xff\xd7\xcdC\x0f+\xedB\xfd!\xfe\xb1Ua\xe8~@'</t>
  </si>
  <si>
    <t>b'\xff\x1d\xe55\xb8\xf8\xaa\xf9\x99\xbc\xec\xb4\xff\xf0\x81a\xc9\xbf\xeb\xd1tr\xf2\x1d\xb8\x04\x84\xaf\x10\xfd\xd0\xa9'</t>
  </si>
  <si>
    <t>b'Ho\xb1\xe3\xcb\xa1\xf0d]\xd1\x1a\x17\x1c\xa1\xf2n)\x94\x98\x86\x04\xc0\xdb\x90\xa74D1\x0b"dR'</t>
  </si>
  <si>
    <t>b'\x05\xab^?\x97T\xc6\x8dW(\xe9\xda\xfe\xe9\x8a\xc0\xce\x11L\xa7gD\xd5\\+\xf0s\xb8\xb8E:Y'</t>
  </si>
  <si>
    <t>b'\x85\xd5\xfcz\x9bQ\xa2\xd0T\xec\n7A\xd32#\xcc\xcbF3`U$z\xa6}\r`z\xd6\x8b\xd5'</t>
  </si>
  <si>
    <t>b'k\x9d\x0f\xdf\x01SEC\x0c\xe2\xbc\xbc\xa4\x10\xea\xaa\xd8\xcd\xd1\x80\x83\xa2LX\xe7F\xf7\xe0:\xf2H\x9e'</t>
  </si>
  <si>
    <t>b'\xac\x0bc\x9b\xebd1\xeddd+\xa7\x83\xa2\xc0;US\xcc\xd6\x81\xfb\x03`\xe7\xd6D\x8d\x9d\xff\xc1\xdf'</t>
  </si>
  <si>
    <t>b'I`\r\x12I\xcfc0t\x18\x8c\xa1Y-.C\xa3v\xb9\x94xw^\xf3\xba\x92v\rA\xea\xfd\xe8'</t>
  </si>
  <si>
    <t>b'\xc8"\x97\xd3W\xe9\xd9\xb6U\xee\xf5\x90\x920\xabQ{\xd6\xb3\xd9k\x14\xa2j\xd1\xa7P"N-S\xba'</t>
  </si>
  <si>
    <t>b'#ON[\x03\x83\x1f\xfc\x89y1(\xe1`\x8c^\xc7\x07\x96\xd7\xb1\x01\x08O\xe9\xb3v4p\xc6\xb0\xa4'</t>
  </si>
  <si>
    <t>b'UW\x17e\x10K\x15\xa0!1\\\x87\n\xa2+\x16/\xef[\x0fz\xed\xfe\xe2u\xc2Cw\xeb\xce8\xed'</t>
  </si>
  <si>
    <t>b'\xe6\x00\xce\x00\xd1\x9c\x02t:\n2\xb2B.\xea\x1e\x058Q\x1cgk\x8f\xd1C\xb3\x88\x9c0\x02\x0b\x8f'</t>
  </si>
  <si>
    <t>b'1\xaf\xdau\x9abz\xe3u\xf3\xefh\x10\xec.\xdf\xd2\x19\xca\xc4\x0b\xfe\xe5\x7f\xc0\x9a\xbc\x8fT\xe5\x8b\xc2'</t>
  </si>
  <si>
    <t>b'\x0b\xd9&amp;]\xd2\x85;\xbf\xf0G\xb7\x84,cH\n\xd7\xc1\xaa\xfc|\xa6~\x9f?/\x18##\x05$\x1e'</t>
  </si>
  <si>
    <t>b'\xdd&amp;\x90\r^zY\xe1\x8f\x0b\xb95&gt;V\x9b\x1et\xfel\xe9\x85\x1d\xb0c\xe8\xa6\xa23\xa4P\xab{'</t>
  </si>
  <si>
    <t>b'8Q\xb8\xa8:\x80\x9eZ\x14\xafO}T]\xbdv\x17U\xdf\xe1\xd0{\xa7t\x00\xe8\xa5ZwH\x1a-'</t>
  </si>
  <si>
    <t>b'\x98|\xde\xa7 \x1f\xab\xf3j~\xeb\x1f15DV\xba\t\x12\x1f\x91\xad\x9a\x86\x19\xdb\xdc)WH\x13C'</t>
  </si>
  <si>
    <t>b'o\x8cPt\xd00\x0f\x88\xeb\x17\xfc\xbd4\x89\xc5\xe4\x86e"\x13\xc9E2\xd7\xafer3]\x9e\xfb\xcf'</t>
  </si>
  <si>
    <t>b'\xe3\x0e\x1ed\xa02\x83V\x18pm\x9a\x91|\xe9\xd8$\x1b@\xcb6_\x1fS\x8dj,\xac\x16Z\xde\x8f'</t>
  </si>
  <si>
    <t>b'Pt\xcf\x8fkl\r\xbf\xd8\xa1\x0e1B}\x96r8\xbf\xa4\xb2\x97\xf5\xe3\xb7\x15\x12J\xd8AS\xb0\xae'</t>
  </si>
  <si>
    <t>b'pW+\xd3\xd3\xbaN\xaa\x07g\xde\xef&lt;\x00\xb9\x14?\x85\xc1\x84%\xd7\x1b\xfb\xde\xad\xa7-)\x82\xb0\xe5'</t>
  </si>
  <si>
    <t>b'\x03(w8\xfeqp\xce\xbejVj\xc3\r\xe5\xaa=\xc3\xd5%\xf4:\xca\xd5\xbb\x03\xecu\xbd\xfd9\x89'</t>
  </si>
  <si>
    <t>b'\xafy\x1f\xf4\x9ar\x99\x18\xb99\xe7\xfd\xb4Et\x0ci\x1dz\x06|{\xb34\xd2\xd8\x08\xc8b\xa4\xa3x'</t>
  </si>
  <si>
    <t>b'\xf9\xcc\xea\xa4\x01\xfa\x8b\xbbg\x13\x85\x0cY\xd6\x9c\x84#\xba\xda\xa3\x98a\xb6\xfc\xfa\xb8\xb3\x14\x94\xd2\xe1\x16'</t>
  </si>
  <si>
    <t>b'S\xbe\xc9\x8d\xdew\xd1\x9c\x8a\xe2\xd7\xbci\x8a\xed\xab\xfa\xc9D\xba\x93\x19[\xaa\x05\xc1\xba$c\xb5\xb2\x80'</t>
  </si>
  <si>
    <t>b'"\xb4\xdc\xd9\xc7\x94\x8e\xcc+\xb7Tu\x89\x14\xf3e\xd9g\xf6\xea\xcc\x01\xc0\x04v\x8d\xc6|\xfb\xe7\x9ao'</t>
  </si>
  <si>
    <t>b'\xf4\x04\x99\t\xd8c2\n\xf3\xe7\xaa\xe9\x19-\xea\xba],\xa0K\xf2AS\xdb\xd7H\x8fE\xd3hb-'</t>
  </si>
  <si>
    <t>b'\x10O\x08\xbc\x0c\xd3\xb1\xc8"\xd1E\x16\x16]\x88Melj\x9fp\xe9{!\xda\xc1\xa8\x91\x10E\x80+'</t>
  </si>
  <si>
    <t>b'c\x1c\xbe\xd20\xf9\x18\xcd@\xa0m\xe0Q\x980s&amp;\xf5E\x8c^\x08\x99\x004C\x93\xef!-\x8a\xf2'</t>
  </si>
  <si>
    <t>b'x\xc2\xaa\x8f$\xc2"\xea\x83CdG&gt;/+\xf1lMn\xddd\xef\xa1\xcevem\xf5\x0c]\xc0['</t>
  </si>
  <si>
    <t>b'\x95+\xcb\xe2\xfb\x1fA\x9c$\x1d\xfdU\x06B\xf3&amp;\x0f\xc4\xcc\x9e\xd5\xa2!\xd8\xf1\\\xdb\x10\xe1\xfd|A'</t>
  </si>
  <si>
    <t>b'l)\x8d\x01s\x99\xc4d\xaf\xe0\xffcG\xb8x\xc1\xaaj\x18\xd3\xdd~\r\x93\xc5\n/\xc8o\xeb\xe5\xe6'</t>
  </si>
  <si>
    <t>b'\xd8\x82\xbb/\xf6\xf5&amp;j\x1e\x08\xa9?\xe2\xaa\x8cb\xa9Y$s\xab\x0e23\x7f\x94v\xa6B\x15Fb'</t>
  </si>
  <si>
    <t>b'\x83)\xee\x80\xa5\x9c*\x16\xb8\x83\xbf@\xf0Ux\x8eb\xa7\xd0\x18\xe0S}\x01\xa0\x01\xab\x11j\xf0\xf9P'</t>
  </si>
  <si>
    <t>b'!\x96\xe0\xca\xaa\xb3\x1f%?WE\x83,\xf8wQ+\xae\xd9\x8cH\xeb\\\x8c`\x8bE\xb0X\xa9\xfeg'</t>
  </si>
  <si>
    <t>b'\xa4\xef\xf6\xf6\x853\x99\xfd\x9b\xb1\xf8\xaa4nV\xd7I3\xe2SF\xc0I\x1cl\xdd{lPg\xb7\xfd'</t>
  </si>
  <si>
    <t>b'\xc9\xf2V\x91\x1d\x0bu\x14\xa8\xe4\x87t\xd8\x89b\xfc\xca\xc3b\x9a\x15\x8e7\xc7\xca\xd1\xe1\x8b8\xd8\xb3\x81'</t>
  </si>
  <si>
    <t>b'S\x9b^\xec\xff\xa5\xcf\x8d\xec\xbbi\xf9\xe5\xc2\x90\xc7\x07\x8e\x83)\xf3\x8f22\x13%\xb9\x17;t\xf0\xb6'</t>
  </si>
  <si>
    <t>b"\xa8Aw'\xd8\xc2\x81j]\x0f\xa6$T\xb9x\xa2uY\x9b\xa2p\x13\x9a\xd1q\xff\xa6\xd0\x19\x08=B"</t>
  </si>
  <si>
    <t>b'S\xa8.\x9a\xeeO$\xe6\xa8\xa4\xa0X\xe9\xfb{j@u\x05\x8fL\xb5\xbae\x16)?\x8e\x85\x07\xc4\xa2'</t>
  </si>
  <si>
    <t>b'm\x00^4\xd1\xd5\xd6\xc8\t\t\xcd\x12\x8f[\x04A8\x08n\xf5\x89\xcd\xcc1\x1dt\x01C-\x96=\xc5'</t>
  </si>
  <si>
    <t>b'\xb0\xa1\xa3\x08\xd1\x96l\x13\x8eo\xbbu\xac\x7f\xd3%&lt;\x84\x88\xe6\x0ePK\xf5\xd38\r&lt;\n\x81\xcc\n'</t>
  </si>
  <si>
    <t>b'y\x1bMQ\xe3\xd7\x89\xf8x\x0e\xd6\x05\xc5\xb8\x90\xdck{\xc1OO$\x13@\x06\xef\xea6#\xe4\\k'</t>
  </si>
  <si>
    <t>b'\xeaz\x81\xf5\xeeh\x9d/~ \xe4\x90\xf2\xf6\xe9x\xa1\xcd|\x8e8\xd4EO\x1d5\xe3\r\xe3\xcb\xcd\x0c'</t>
  </si>
  <si>
    <t>b"\xa5\x9b\tK\x11LI\xf2J\xfcF'\x18\x15\xf8$z:\x94*kxB\xe7\x84r'&gt;z\x1ey\xf9"</t>
  </si>
  <si>
    <t>b'4s\xec\x13\xf8\xe8\x89\x90\xc3[\xc3#\xb4\xfd\x99Bi;YP\x10\xfb&gt;BE\xeaN\x9a\x06\x0fB\x06'</t>
  </si>
  <si>
    <t>b"$\x86\x1e\xdc\x9a\x12\xa0i\xc9\xa7\xad\xc0'\xd57\xe5ro\xcd-\xd13\xa7V\x98\xcb0W\xa2+\xea\x90"</t>
  </si>
  <si>
    <t>b"R\x9c\xd1\xcf1\xcb\x1e\x0bc\xaf*\x95\x9aU\xf3\x0f\x995\x88\xbe'\xa4\x1b\x99\xfb\xb9Qj:\x01F\xe7"</t>
  </si>
  <si>
    <t>b'\x93%\xef\x86\x17\xcc\xed\x8d\x1a\xd6\xecEY:\xf2\xff,3g[\xb3\x84p\x0b"\xe0\xac\'\xe9\x90x\x8c'</t>
  </si>
  <si>
    <t>b'ea+\xc1q\xe2\xb2aZ\x17\x1a,P\xe6A\x02\x95\xaa\x16=\x1d\xb6\xf3\xe3\xce#\xdf`k/\x97\xdb'</t>
  </si>
  <si>
    <t>b'\xb9|\x9aJH\x8e]\xc3@\xa1\xdb\x12Wm\x02\xd2**\x9c\xf4g\xad\xe3q,\x9c\x04\x90\xc0\x9a\xae\x9c'</t>
  </si>
  <si>
    <t>b'H*\xd9\xe6;\x8a\xab\xb0\xa9/\xc4\xa6n\xc6\xd1\x1a\xe5\xd4\x92\xc5\xd6\xb3\xfd\xdf&gt;\xab\xe8\x1d\x19\xf1,\xd9'</t>
  </si>
  <si>
    <t>b'-v\xc7G\xe7B\xe3X\x112\x97\x8e\xa9\xe2\xc3\xbd6T\x06\x87\xbd\x8c?\xf9\xc3OjCHU\xf3W'</t>
  </si>
  <si>
    <t>b'\xd6\xa6\x93!\xbb\xc6Cl\xd6\xa6;\x15\xa0WW\xd7\x02\xaca\xe16\xe8\xc33,Z\xda\n(c}\xb8'</t>
  </si>
  <si>
    <t>b'\x86&gt;Mg\xe2\xda\xc5\x14\xe5\x9b\x86\x8a\xaf\xb5\x93\xfa|,s\xe2\x81\xea\x94\xc1/jy\x92\x84a\xda]'</t>
  </si>
  <si>
    <t>b'\x19\x7f\x0c\x87\xf0\x91\xbfP\x01\x85;\xcfQ\x89\xd9\x85\x89\xad\x82L\xe37#\xa1\xf2\xb8f\xe0\xdf\xc1{\xac'</t>
  </si>
  <si>
    <t>b'B\x98yH]]Q\xfeCK\xf6\xdbK\x9dj\x15&gt;g\xcb.\x93\xebC8G\x9e\xcd\x8c1,\xda&amp;'</t>
  </si>
  <si>
    <t>b'b\x0b\xc7\x8d\x1f5\x89\x90b\x92G(=\x05\xd7T\xbc\x1d\xe9V\x93as\xd4A\x0f#\t\x06\xb7j\x8f'</t>
  </si>
  <si>
    <t>b'`P\t\xe0\xefdas\x94\x8bJ\xe8A\x98\xe3\xb7\x7f\x9b\x95r\x9e\x0c\x88\xd8\x05\xe5`\xbaH\xd8\x9e\xc6'</t>
  </si>
  <si>
    <t>b'\xb8xw\xd4N\x18\xf9"\x979):\xf2\xf8\xc5\xfek+\x82C]S\xe8\xbb\x1cG\xe3\x0e\xfc/\x95"'</t>
  </si>
  <si>
    <t>b'^g\xe9\xb2\xc7\xf46*\xbb\x928\x15\xb5:R7B\xde\x97\x0e\x1e\x0b\x8e\xfe\xea\xa5\xd0\xcd\xa0\t\xfb\x86'</t>
  </si>
  <si>
    <t>b"#\r\xed\xe9\xf6]&gt;\x12\x160-\x05\xe7N'\xdd\xaf\x07\x13;g\xbdD\x1b\xc8\xc3\xe3\xc2v\x97'!"</t>
  </si>
  <si>
    <t>b'\xd8S\x05\x86\x93]\xaa\xfa\xc2\n\x8f]\x82\xd8\x91\xd4l\x9c\xc7\x86\x8a\x02\x14=\x04\x04\x7f\xcaF\xe8\xc3 '</t>
  </si>
  <si>
    <t>b'\xd1.\x02AL\x8a4\xc4\xecG\x91Y\xde\xef\xca\xab\xb6\xd3Ukn\x87\t\xa4I\xaaU8\xea\xcco\x93'</t>
  </si>
  <si>
    <t>b'\xbd\xc77$i!\\\x0c\xb8Y\xfc~\x11\xa6\xcd\xec\x84\xb8\xa1\xa97\xafr\xf2\x1f\xf0\xabws\x87\xbc&lt;'</t>
  </si>
  <si>
    <t>b'\xec\x80\xae\xfav\x01TG.\xe0e\xe5\x87\xb7$\xa5\x97\xdf:\x97\xb9\x9fI\x8f\x8c\x9d\xd1\xe0\x069E\x15'</t>
  </si>
  <si>
    <t>b':\x84}\xa6\xc1\xf7qi5\xe2\x0ev\x0c.\xcc1i\xea\xc4\xd3N:]l\xb0\x8e\x9f\xa9\xca\xe8!\xaf'</t>
  </si>
  <si>
    <t>b'pB\xb8mB#%\x9e&lt;&lt;\x95@L\x9a\x98\x1e\x90fv\xad\xcd\x0c\x18Q\xa4\x1a\x90\x86\xb3@\x05\xb2'</t>
  </si>
  <si>
    <t>b'{Wat\xcaM\x85\xa2\xc5\x148\xac\x16n\xed\x18\xac\xde\xa4\x0f\xd0\x06\xb9\xb5\xdd\x9c\xa6\x8e\x92\x1fZ\xf2'</t>
  </si>
  <si>
    <t>b'\x7f-\xe3|\xb0\xf8\xde\x9c\xe78\x99s\xaa!*\xb5\x08\xd7\xb8\x84\x97\x8f\x8b\x0e\x9f@\x0f\xbfJK\xea~'</t>
  </si>
  <si>
    <t>b'\x97l\xf8\x8c\x19\x1d\xaa\x92\xad\xcb\xc7\x9d4\xc5\xea\x88\xe1\x8c8\x81\x8a\xe79\x18\xbc"\xed\xfa\xb4h\xda5'</t>
  </si>
  <si>
    <t>b'LW\xddY\xb8\x8a\xc5\xeeB\xd0x\x87\x16\xbc\xcbi\x8fL@=\xe4\xff\xad7\xfe\x93\x0f\xbbZw\xb14'</t>
  </si>
  <si>
    <t>b"\t'\xb2\xf3)\x81\xfdd\xe4A6=w\xa6\x9c\x16\xb8\x13\x8b3D\x8d\x9f\x84sQ\xd8z\xb2\xe6\xc6\xec"</t>
  </si>
  <si>
    <t>b'it\x9d\xef}\x93B\r\x1a3H\xf2\xdd\x114F\x01\x80\xc5-\x8c\x95\x90\xc5b\xaa[\xb9\xf5P\x84\xd6'</t>
  </si>
  <si>
    <t>b'\xe3\xe2\xd3\x1b\xb0\xb9\x9fF\x9c0\xda\x1a\xea\xf3\xe6\x95\x8e\xadi\xe7\x1a\x90\xae\xdd\xec\xe4z\xb6Jud\xe1'</t>
  </si>
  <si>
    <t>b'\x0c\x9d\x84O]\xfb\x08]\x96\xc5\x95\x94S0t-\\\xd3\xb7h\x1b\xe1\x90J\xc5\xcd\xc9\x12\xc5\xb0\xe4H'</t>
  </si>
  <si>
    <t>b'?\xa3Q\xb6\xf2t\xaf/%\xab\xd6\xc8\x9dy\xd37\x13$C{\xaa\xb1\xd0V\xae\xbe5\x01\x06\xf1\x17\xef'</t>
  </si>
  <si>
    <t>b'DuS\xd9\x97EP/\xceS\xe3y |J\x9b\xc4\xd7i\xb4\xa8\x10\x80\x07\xfc7|\x8f\xbb\xc5\x81\xe6'</t>
  </si>
  <si>
    <t>b'\x1a`\xe9\xcfj\x8c\x8c\xe8v\x1b\x05L,v\x1d3K\xb31\xac\x96R\xa7\xbcS;\xaa\xf7\x88\x1a\xb4\xd4'</t>
  </si>
  <si>
    <t>b'\x90\xb9\x84\xe1\xf8\x83dAa\xbe\xef\xbb\x9a\xdd\xb1\x86\xadCCU\x12%U-\xbe\x82\x05\xe8&amp;\xab}\x9e'</t>
  </si>
  <si>
    <t>b'\xc7\x8bc!#\x8f\x89\xa9\xf4\xd1`\xc1\xb3e\xb2vEj\x10\xf9\n\x98\xd5Q\xeeI{\xd2C\xb9\x93\xf8'</t>
  </si>
  <si>
    <t>b'\xb5O\xa0Kf\x19\x8a\xeb\xd2\xdc\xf0\xc8\xc2;s#\xbe\x96"G\'\xdaI]\xda\x92\x9e\xcf\x12\xc9:\x7f'</t>
  </si>
  <si>
    <t>b'\x8c{\xed&amp;oA\xe2\xf4u\x03\xbd\x17l\x08\xe4\r\xc3^\x8al\x94\x1d\xb34\xcb\xa1{n\xb2#\xfd\x08'</t>
  </si>
  <si>
    <t>b"\x1c(\x88`o\r\x07|{\xee\xdf\xa4\x87\xc7.\xb0\xc0N\x19\x00\xdb'\xcb\x16\x0c\x82\x08\x82\x1f\x18\x18'"</t>
  </si>
  <si>
    <t>b'@\x82}\x18aO\x03\x15\x1d\xd3\xd3\rC\xf8\x9f\xa4\x14\xd7~O\xac!p\xe7u\xee\xb0\x08j\xba\xc2P'</t>
  </si>
  <si>
    <t>b'&lt;\xc1d\xab\x95\x8bR\x86\x9a\x00e;$3\x80\x04\x80Z\x90\xf6%\x8d\x87X\xbf1H\x82\x05T\xb4\xed'</t>
  </si>
  <si>
    <t>b'\x029\x9c1e\x81\x86!\xeeUe[\x1d\x87#\xd5gq\x8aY\xa5=H\xaa\x90\xdb\xb1\x89V?\xf8B'</t>
  </si>
  <si>
    <t>b'5p\x0c\x18\x15\xe7g\x0c\x97\xc3\x05\x90Y\x8c\x07\xd1o\x8f\xc9\x8c\x84\xf6%\xb1\xbe=Y\xaa\xff\tR^'</t>
  </si>
  <si>
    <t>b'\x06\x92P\x14\x8a\xdf\xff\xa9T\xba\x97\xaa\xb7\x03\x93\xf7YK2,\xbbs\x19\x9eB\x16\xce\xd0\xb1\xb0S\xdd'</t>
  </si>
  <si>
    <t>b'\xc4P\x00\x183\xa3c\x89\xf4c\xa4\x19L\xdb\x82\xa2R\x8c\xc5\xee\xccbr\xce\xd2\xf5\x93\xed\x8f\xcf"\xe7'</t>
  </si>
  <si>
    <t>b'`g\x02\xf3\x08R\xa0\xa9\xc7\xa8q\xa0\x99\xb4\xec\xf87\xf0\x8eY\xa1\r\xf8,f\x17\xf2\x8e\xd6c\xbdR'</t>
  </si>
  <si>
    <t>b'\xd1\xb0NC\x030\xbd\x83\x99\x0e"\x82dD\x10FN\x9dZ\xe4gA\x88(\x12\x18b\x16\xa0\xb7\x99\xe7'</t>
  </si>
  <si>
    <t>b'T0\x90\xa9\x85\xac\xa0\xd6\x95M\xebwI\xfa\xfa{&lt;\xb4w\x00\x10\xcdB+\xcd\xb8\xc1\xac#\x91\xa4\xb8'</t>
  </si>
  <si>
    <t>b'\xc9\xa5\xf8X,n\xb1\x8c\x14_\x86d\ti\xfa\x1d\x12$\xc3\xe4\xdc\xdb\xb8j\xad\x8fg\xac\xb4\xa0I\xc4'</t>
  </si>
  <si>
    <t>b'\x18UC\xef\xf16\xff\xe4U`d\xdb\x804\x0c\xa4\x83\xa2\xc1)\x13\xa2\xf7\x83\xac\xc4\xd5t\x96\xe2\x99\xbd'</t>
  </si>
  <si>
    <t>b'h\xdb}\xbd&gt;WY=\x03a\xa7\x9e\x1a\x14C6\x19\n\xbd\xa6\x16\xba\xd5\xf6j:\x9d\x04\xf8\xc3\x97\xfa'</t>
  </si>
  <si>
    <t>b'p~\xa0\xfa\x94\xa8\xcb5&amp;kv\xb0\xd1\x11\xa3\xb8\xc1B\x8b\x1bb%\xbdx\xdd\xed\x80\xd3\x0fX\xdf\xb5'</t>
  </si>
  <si>
    <t>b'\xca\x1fY%\xe3\xe9\xcak\xf1\x86\x8fmH\xf5\x82\x97\xc3\xf9\x19`\x15\xad\x97\x8e\xcew\xcc"\x98\x90\xa3c'</t>
  </si>
  <si>
    <t>b"k\xf74\x8f]\x07\xaey\xdf\xb677\xb2\xf4ll0\xa8\x9b\x13R\x96?\xdb\xde\xad\xdd'\xe2X\x99\xdf"</t>
  </si>
  <si>
    <t>b'\x8d\xb8\xae\xb7\xc0\xba"\xad\xabk\xdf\xb5\xe6\x04\xf9\x84\xc9\x1f\xe6_#`\xbaep\xbb(\x11w\x14\xdb?'</t>
  </si>
  <si>
    <t>b'\x03[\xad\xf0\xb1E\xf1\xe9\xe5\x82\x07]\x85\x7fa\x9a?\xf4\xba\xafo\x7f\xa6\x98eA/\x83(\xc5\x9fL'</t>
  </si>
  <si>
    <t>b'K\x95\x1f\x1d\xbf\x88\xd5\xeb\x7f\n\x9c\x877O\xc3\xdc\xf4\xf7\xe0\x0e\x8ec\xc7\x99LC3\xb3\xeel\x80\x9f'</t>
  </si>
  <si>
    <t>b'u\xea\xf6%\xdfr\xba\x97P\xac\xa0\x95\x0f\xe2\xa3\xd6\x1d\xf4A\xcf\xff\x9aw~\x97\xeb\xd6\xb1\xb8B\xc2\xd8'</t>
  </si>
  <si>
    <t>b'\x034\xed\x03\xf7\xc4\xce\xcd\xb8\x0c\xecV\xbc\xfcC\xef\xee\x82L\xfb R\xddn&lt;\xd3h\xebyc\x91\x80'</t>
  </si>
  <si>
    <t>b'\xb4\xb3\x94\xd8?\xc2% \xf0\x89\xec\x9d\xbb-\x19\x1b\x98q\x85\xf5aCIW\x99-#\xffA\x80P\x00'</t>
  </si>
  <si>
    <t>b'\x84\x9b\xe7\x02G[\xb9\x02\x81E\xcc\x81\xe5\xe8T\x07C\x96\xcc\xc9Fa\x01n[8B\x93\x038\xcf\xdf'</t>
  </si>
  <si>
    <t>b"'\x95\x81p\xb9\x8b\xae\x82P\r\xb5G\xf2\xd4\x91-09\x02\x14#\x81\\\xaa\xbf\xf2\xb5\x1a\x80\xc2\xe1\x1e"</t>
  </si>
  <si>
    <t>b'i\xb1\xb1\x13)\xa1\x15\xd4\xaex!\xcdx\x93\xc9[\x1f\x92&lt;R=\xbbd\x83\xdcf\x9a\x16+^\x0e5'</t>
  </si>
  <si>
    <t>b'\xe9\xe4qG\xee\r\xd1\xf76@\x12\x83\xea\xce\xbc\x17I=\xc2\xc5\x87\x04\xcb3\xaf\x07~\xa2G?\xa7;'</t>
  </si>
  <si>
    <t>b'I\xb8\xa3\x17^ ,\xeb\xc8\x9d&lt;\xa2\\\xe8\xb8"&gt;\x03\xd2\x01\r^\x90\xef\xe1X\xab\xdf\xfa\xa4\xb8\x90'</t>
  </si>
  <si>
    <t>b'\xb9\xe6\xf7\x0b8\xac\xe9l\x97~V\xa8\xfe\xb8\x9a#\xdb\xfe\xee\xdf\xa3q\xfa\xb4\xc5\x16\xac\xdd#\xdf\xbf\xa2'</t>
  </si>
  <si>
    <t>b'4\xc1\x80\x06\xb5\x86V\x15\xe8]\xc5\xfc\xb8\xcck\xa9FJ\x19w\x98sk\xad)\xae~\xbeRTu&lt;'</t>
  </si>
  <si>
    <t>b'FgQ/\xee\xbe+\x91\xa3\x9b4\xea\xea\xf7\x93\xf0\x0e\xe9h\x07\xcb\xfa46\xbf\xd8\xae\xda\xffy|\x07'</t>
  </si>
  <si>
    <t>b'\x1aB\x17\xb4\x84\xfb~\xee\x8b)Ku\x08^wV\xe2\xa8\xa0}\x1d\xa0\x1a\xd4z\xf4\xcfrlR\xf2\x7f'</t>
  </si>
  <si>
    <t>b'9\x03~cb\x916\xe89\xfe\tKh\x93z\xb38\x9c#\x02\xc0\xe4E+&gt;\xc3]\x96\x0b\xa6\x9e\xe0'</t>
  </si>
  <si>
    <t>b'e\xba\x8a"\xa6|~\xdbr\x14#\xf3;\xc4\'\xa5\x85\xb0\x01\xbar\xb5\xf1\xe4\x16Z\xdb\x01b\xd2\xa2&lt;'</t>
  </si>
  <si>
    <t>b'\x02^\xbf\xf5\x85~\x9e\xac\xfb\xe0;\x92\xd7YL/\x98)gI\x19,\xeey\xb0\x82\xf4\xebo\x1cn+'</t>
  </si>
  <si>
    <t>b'q\xac\xe3X\n\x05\xab\x90i*\\m9\x11\x93ZMx\xdc\x82\x11\x84b!\x85\xa5x2\x94\x9fmH'</t>
  </si>
  <si>
    <t>b'V\x9d\xba\xd7\xd4\xa7\xe2,\x88\xbd\xf4?\xc8Mcg\xac\xc8\xe5\x80\xd2\xd72\xe2J\xcb\xd2\xcc\xcf\x92L\x06'</t>
  </si>
  <si>
    <t>b'\x8b-*ws=ad\xf9\x12\x15z\xfe\xd1\x90\x04Y\x93\xb2\xbc\xfc(\xae\xc7O"\x0f\x8a)\x8e~\xe3'</t>
  </si>
  <si>
    <t>b'\xee\xf5\xc2&amp;G\xdd\xad\xb4QW\x07\x9c\x04\x18\x81\xd8\xc0\xe08\x83N\x84\xd9\x95J\xbe\xdd\xe2\xc8\x90(\xac'</t>
  </si>
  <si>
    <t>b'\x06\x05\x00*P\x99\xe5\x0c\x11{\x06\x90\xbc\xf8 D\x02$i\x98\x87\x862\x83\xe1\x9a\xc6!Ms~\xb6'</t>
  </si>
  <si>
    <t>b'\xc0\x0e5\x12*\x8a\xac\x91W\xc2\xe3\x1e\xefv\x8e\x89H\x1b\xd5\x00E\x0b\xd1\xd0\xee\xdb\xbf\x9a\x8b\xcfW\x12'</t>
  </si>
  <si>
    <t>b'^\xd8t}1\xc89H\x965k$$\xc0:\xad\x19\xb2\x03\xc0\x9b\x9f\xa3\xf7t\xdd\xcf\xa0l\xa6\xc5*'</t>
  </si>
  <si>
    <t>b'\x01\x89`m\xc0T\xaf\x8e;\xf3\xa3W\x07uH\x98 \xa2KZ\xf1*\xf4\x8d5ne\x82u\xe2&amp;i'</t>
  </si>
  <si>
    <t>b'H4)*9\x84d\xff\xd5\xfb\x07A\x1fOp{\x1d\xffX\x805\xfa\xac\t%\xbb\x17v\x98\xaftK'</t>
  </si>
  <si>
    <t>b'\xdf\x1c\x03\xe6\x194\x95,\xd3\xc6)\ta\xa4\x07]\xfe\x0fW\xe3+\x00H\xd7\xb3 \x92N\xf1\xdbP#'</t>
  </si>
  <si>
    <t>b'\xc2$c\xce!j\x86\xe5p\xe7\xac\x9c.A+9\x05\x9c\x19\xc4\x88\t\xfbb\x1e\xbe\x9fi\xc4\xc3[!'</t>
  </si>
  <si>
    <t>b'^&gt; \xc4a\xd8\x8e\xd0\xfb#\x9e\x98Mi\xb6Q\xd1\x10\xe9^\xc7\xcf\xa4\x17L\xff\xca\x994;A\xff'</t>
  </si>
  <si>
    <t>b'\xfb\x17\xbf\x7f\x93h\xab"\xc3\x9ekh\xa8E\xd4,C%1s0\xd2\xe2\xf8\xd2\xcf\xdb]\xb2\xd0\xc6o'</t>
  </si>
  <si>
    <t>b'm0Q\x81\xca\xd4}w\x08Dq\xfc\xce\x8d\x9b\xe3m\xa1Lq\xba\x8bvR\xc2\x1c\x1a3I\xd9,%'</t>
  </si>
  <si>
    <t>b'e\xa4H!:\xf1\x96\xb1v\x9a\xca\x19\xf0\xcc\xbc\xbe]T`&amp;\xba\xd0{\x98\xb3\xd7s\xea\x9em\x19j'</t>
  </si>
  <si>
    <t>b'\xbf-n\xb4\xcd\x96\xb1\xb9d\xeb\x85\x9az\x86\xacF|\xc6\xbf~\xc6\xb2\xc6\x1c\xabZ~{\x13\xd0Hj'</t>
  </si>
  <si>
    <t>b'r\xb9\xb7-Bbh\x03\xa7\xa2\x8e\x14xf\x9f\xf1eG\xffC\xe0\xc3H\x1b\x86\xac?be\xad\xa9\xb4'</t>
  </si>
  <si>
    <t>b"_\xc1\x9e\xde\xc5m\x97\xc7%\xc13\xad\x0bSz\xd6\xebkI\x9cK\x86!SP&amp;;\xe0\\\x05'V"</t>
  </si>
  <si>
    <t>b'$v\xb6\xfd\x1cHmi\x18U\xa9Z\x86]n\x7f@\\\xb6G\xa3Y\xbf\xd9i\xb2\x1c_\x0c\xfd\xef\xd5'</t>
  </si>
  <si>
    <t>b'\nJ\xbdc56\xd9\xd3\xb7%\xf8p\xe3\x1f?\n\xbb\xc5\xe3\x87\xd5[(.V\xea@24\xc1\xb1\xef'</t>
  </si>
  <si>
    <t>b'\x8fA\xb6\xe3L\xbd&amp;0:\xec|\xec_v\x00\x8e\x9b\xf0\x1b.\x83=\t@ \xad\x7fMc\x92\xc5\xce'</t>
  </si>
  <si>
    <t>b'\n\x9a\xc7\x1b\xdf.\xd5\xb8\xf0\x1d\xcf\x8b{\xb7&amp;\x91\x8b{0\xe2Y]\xea\x90*Y\x1c\xe2\xa1\x95\x16Q'</t>
  </si>
  <si>
    <t>b'\xabu\x06\x17\xa9$\xa7*\xdd\x10\xa6$Z\x07% \x04\x905\xa8\x02^\xa2\x9e\xca-1\x9c\xc3y\xa8m'</t>
  </si>
  <si>
    <t>b'sq\xcf\xf0\xa7B\xfc\x97A\xe4\xdd\x9b\xe4_\x1658?t^G\xf4y\x0f\xad|\n&lt;ZW\x82t'</t>
  </si>
  <si>
    <t>b'(\xd4\x0b\xcc\xcfF\xe6\xbd7L\x15-[f\xb3\xb9,F*\x91EU\xa9o\xf1\xd0j\xfb\x8f\xc2\xa9d'</t>
  </si>
  <si>
    <t>b'X\xe6\x99f\xc7\x89\xb2\xb8H\xf4\xcb]\xb9\x92.\xaa\x8c?\xa6\xa1\x8a#z\x02\xd5\x00$Xn3\r\xce'</t>
  </si>
  <si>
    <t>b'\xfd\xa0\x87T\tZd\x8c\xeaQBZ\xe2y\x90\x15\xd3\xb8\x88\xa0\xfe\x841Z\x85K\xd4nc2\xcc@'</t>
  </si>
  <si>
    <t>b'\x80\x03\xd4\xfa\xa9\x7f=%t\xb8\xfc\xe3\x1f\xf7"i\x93\xed1\xd2\x94\x84\'[\x8a\xdd\x9ahU\xf9{='</t>
  </si>
  <si>
    <t>b'\xe8d\x9b\xa0C\x809L)\xaf\xa3UR\rVC\x8c&lt;\x8e\xa0\xcb\xa4\xcao\xac4b\xd1\x0c|\xbe\x16'</t>
  </si>
  <si>
    <t>b'8\xc7\x95\xf9\xab1M\x89\xd5g\n\xf2\x99f\xf0\x1b\x18$\xa8\xb9n\xcc \xbe\x02\xcb\xc1\xd6\x92\x18\xde\x99'</t>
  </si>
  <si>
    <t>b'\xde\x96N\xf4\xf4S\xa73"\xca\xa5\xb5\x1b]\xcf \xcb\xb4\x16CE}\xee\nP\x90\xaf\x8d\xd4L\xd4\xd5'</t>
  </si>
  <si>
    <t>b'\x0e\xfbY\x1cs\xb6\\\xb0\xa4\x17d\x9c\xe3\x8b\xf25\x0e\xc8S\xe9z\xae*\xd41\xc0\x88\x06&lt;j\xdf\x01'</t>
  </si>
  <si>
    <t>b'\xba\xc6\xda5\x04\xd4\xed\xbf\xdb\x7fZ\xa8\xb1"O?++\xe8\x0cSJ_u\'\xc6\x13U\x08w\x17\x15'</t>
  </si>
  <si>
    <t>b'\xb5S\xb5\t\xcb\x0c\xdb\xc2^\xa8\xd5\xf4\xa6\xd8X\xad\x04\xb1\xa1\x8ft\xd6\x14\x7f\xbe\xbcn("R\xb2\x0b'</t>
  </si>
  <si>
    <t>b'\xc8v;\xe0\xf3\xf2L[\xfdk\xfb\xdf\xc8\x89\xa9tkA"\xd8H\xe50\x06\x1d\x87\xd9\x1b\x88\xc2\xa9\xc5'</t>
  </si>
  <si>
    <t>b'}5\xae\xd7sMD\x05\xf5\x05/3\xac,\xaf\xaf8\x14W.\xe2E\xd4\x1aK\xd7\x86h\xf63qK'</t>
  </si>
  <si>
    <t>b"j&gt;a\xce\r\xc6V\xa7\xc1\xf3\x1e)\x0b\xd9&lt;\x85\xa9\xb8\x87'f\xe0\xc1\x01k\x98\xc78\xa1\x14\x84O"</t>
  </si>
  <si>
    <t>b'\x04|Y\xaeY\x11\x84\x9e\xb8o\xd1@\x9a2K\x1d\x1d\x88\x83k\x0b\xb9eJ\xee7\x9a+\xab\xf2\xf0\xaa'</t>
  </si>
  <si>
    <t>b'&amp;\x8e\x11\xf9\xaa\x0b\xde:\xd7}nJ\x8e\x06\x18\xa9\x81\xc2\xd0\xf7`94\x83*,3\xba\xec\x8e\xbd\x9f'</t>
  </si>
  <si>
    <t>b'&lt;\x1c\t\x8e\xcd\xf1\xd6\xe5\x18\xbb\xdcq\xad\x0c\x03\x95\xff6\xfc\xbb\xe9N\xb5\r;\xfc2d)\xe4\tg'</t>
  </si>
  <si>
    <t>b'\xbd\xb5G\xb3\xe8\x8e\xa9&amp;\xc3\xe38d\xb0\xd4\xc8\xadxV\xdf\x1a\xa0\xbbhbp\x94C\xfa\xfd\xf6\x1b\xc7'</t>
  </si>
  <si>
    <t>b'\x07\x0f\xc0\xe2S\xa5;\xfd0\xa2j\xd3\xe1\x17\xdc\xe7#\xd1\xdcc\xcfH e\xee\xe3\xda\xf5=\x85\x0e\xbc'</t>
  </si>
  <si>
    <t>b'2~1[\xfa&lt;=[\xc0/\x16S\xb1m\xfd\x19\x9d\x9a\x00\xd0\x92NV\x9f\xa3\xd8\xb3\nL\xfe\xd7\x95'</t>
  </si>
  <si>
    <t>b"\xd5\xcf\x87~\xca\xcdk\xe1k\x93'\x1fsCV\x0f8\xd6\xc1\xf1\xb7\xea\x81\x92\r\xc2\x1d\x0f\x84eX\xff"</t>
  </si>
  <si>
    <t>b'\tJ?\xf1\xc1K\x1e\x90\xfa\xf2\\\xcf\xf7\xfcO\xe5\xc9\x83\xee\x03\x1a\xe1Q\xc0-\xda\x03\x8b\x9c\xb5\xc4\xe6'</t>
  </si>
  <si>
    <t>b'1\x02\x9a\x85~\xff\xe1\xddQ\\[\xa5\xb2wQ\xe0W\xfa}x\xbb\xf8\xd9\xfa=9\xbb\x8a\x15\xd1j\xc1'</t>
  </si>
  <si>
    <t>b'\x0b?\x9e$\xa3\x90\xe5F:QGvT\x816p|\x17d\xda\xff,zv4\xf8\x98\xa3\xaeY8?'</t>
  </si>
  <si>
    <t>b'\xd4\x9cIM\x10\x06X\x12\x82\xe7\xeeT\xbf\x9a\x1e%Q\x98c\xa8\x9c%7K\xbe\x16\xf1\x0c\r\x12\x87\xd7'</t>
  </si>
  <si>
    <t>b'\x87\xe6\x1f\xb7\xd8\x0e\x92\x86\xb8\x1cF\x9a\x88&gt;\x8a\xd5\xafB\x13i9K\x81\xdc3\xdfP\x92l\xa2\x05\x85'</t>
  </si>
  <si>
    <t>b'@\xa3Cyv&gt;\x9e/g\xae\xbeV\x96v\xfa0\xaeU\xa1\xba6\xb5j\xf3\xe8v3}h\xea\x89\xea'</t>
  </si>
  <si>
    <t>b'3\xc9w\xe0\x08\xa0\x13\x17\xac\x94\xed.i\x97\x0fa.\xe6x\xc3\xd8\x0fP\xdc\xa4\xbcP\x9f;\xfa\xc6\t'</t>
  </si>
  <si>
    <t>b'\xec\x9c}J\xba5#\xbc,\x14\x99\x9d3\xaa\r!\x1e\xcdO{a\x96x\x9d\xc0\xfa\xde%h\x88\xda\x1a'</t>
  </si>
  <si>
    <t>b"\xfe\x8e\xf6.\x1f\xfca'[\xca\xda\x80\xda\xf4\x1e\xceN$\xea\xfbn\x81\xe2dh\x91-\xe4\xa9\xb3z\xfa"</t>
  </si>
  <si>
    <t>b'l\xad\xf7\xfd\xf4\xb0\x86\\V\xdcK\x81\xe87"\x16\x99\x88w\xa3m\x8b\xbf\xab,\x05\xbf\x912\xa0\xa8\x0e'</t>
  </si>
  <si>
    <t>b'{\xbe\xb4\xaf=j\xaas\xf3\xe1\x14\x12\x83N\xca\xfdO1{b\x08\xb6\x8d\xca\x7f\x8cjZ\x11\xd2\x10\x92'</t>
  </si>
  <si>
    <t>b"4\xc1{=\xe5,\\R\xbcU\x13\xee\x82'\xbb\xbd\x0f\x12\rZ\xb4\xd4\x80\x87\x9f\xd4v\xcc$\x02\xb1t"</t>
  </si>
  <si>
    <t>b'\x17\xde\xfc%\xe3\xb9\xe3\x1b\xb1YClo\xfa\x17\x17h\xd5\x16Y\x8eA\x96?\xb4\xdb\x95\x89\x9c\xb3\xd2%'</t>
  </si>
  <si>
    <t>b'\xc6\xe2\x97\xe8\xfa\x0e\x16\xbd\x85\x93\xe2\xdb)\x8f\xe9\xec\xbd\xc4\xd2\x1b\x1b_\xd9\x99\x9c&amp;\xfeU\xfat\x9dR'</t>
  </si>
  <si>
    <t>b'\xa5\x93\x90\xa2\xfcc\x1c\x9b,k\xa3\x90\x93\xd7+g\xea&gt;\x80\x14\x10H\xac\x9a\xcf\xd5\x91g\x05"\x90O'</t>
  </si>
  <si>
    <t>b'}"\x8d\x99\xfb\xbe\xec\xd5\x0e\xe5\x15_3\xff5\xd6\xb2\x18\x08\xdc*\xf7]\x83:6:\xfc\x1an3M'</t>
  </si>
  <si>
    <t>b'&lt;\x0bU\x96\x9e\xda\xe7.\xac?-\xde&amp;\xc01\xb9\xa2\x019\x90d\xd1\xf8\x18\xcdY\xb1\xb7]\xa6\x9b\x06'</t>
  </si>
  <si>
    <t>b'\x85\xff\x14\\.\xa4(J\xa2\xc5\x9b\xb46f\xb53{\xa0\xade\x11&gt;\x04F\x1c_\xd5\x7f\x1b\xe2\xc0x'</t>
  </si>
  <si>
    <t>b'wP\x9d\xc2\xd9_\xc7\x06L\xbfV"\xec@\xf0\xa4\xe4dV\xed\x17&gt;,m\xbd\x0f\xabWg\x9e\x91g'</t>
  </si>
  <si>
    <t>b'\xfe\x07\xbc\x1d\xcf\x96\x8f\xe6\xca.$hs\xacI:\xca\xf0\xbc;u\xe7,`Y\xeb\x0c\xcd^\x14\xd4H'</t>
  </si>
  <si>
    <t>b'\x13\xb5\xec~\x88\xb0\xb1\x04\xccC\xe1\xa3}\xc2\x12\xbax\xf0I\xddL\xc2&amp;K\xea\x95\r\x89&gt;\xbc\x00\xd6'</t>
  </si>
  <si>
    <t>b'j.D\xce\x13+\x02\x04\xa8\x14\x17\xf9\x04}\x1f\xf3&lt;\xbb\xeft{c\xd5\xd0\xd0\x7fKmR\x83\x12\xa6'</t>
  </si>
  <si>
    <t>b"+\x14\x08\xe0\xb7\x91\xf7\xea\xbd(\xdcN\xa2v\xfe\xd6\xa2\xc8W&gt;\x1fI'\xf5ZdK\xca\x16Cu;"</t>
  </si>
  <si>
    <t>b'\xad\x89\nk\xb9@\xbc\xcd\xbb\xf6\x9b\xc0\xdbq\xf1E\xcdc\t\xafHK\xeb5\xfb\xe9\xf0\xad(p\xdc\x08'</t>
  </si>
  <si>
    <t>b'\xc4l\x89s\xf8\xc4\xe6ZA\xfc7\x93\x90}\xe5\xb9\xd3\xc3\x19P\x9dY\x04\xb1\x1a\xc2|OYJe\xf7'</t>
  </si>
  <si>
    <t>b']4\xd7!U\xee\xb2\xdc\x8e\xde\xce\xce\xfa\x81\xde= $\x8e{\xb4\xdc\xdbJ\x82b\x07N\x954{r'</t>
  </si>
  <si>
    <t>b'o=\xbb\xa1\xfcG\x00\xaa\xb6\x977?\xfb\x1f\x13\x86\xfd\xf1{\xbe\x8e(\xac\xc6$]\xbc\xb3\xe9\xcb|S'</t>
  </si>
  <si>
    <t>b'\xca\xe7\xf2Hgv}\x9cX\xb3\xc0\xc8\xff\x10I\xe48\x96\x1bX\xe3\x9f\xe8Y\xc7\x91\n\xdfs\xa2&amp;g'</t>
  </si>
  <si>
    <t>b"\xd7\xec\x8cq4~S\xe9\xae \xde\xf3\xff6'\x12\x08d\x04\x9bf\x01\xd0A6\xd3w1#\xdb\x85F"</t>
  </si>
  <si>
    <t>b'\xe4\xba\xe4T\xecj[\x8a\xe1\x90\x88\xd9\x04\x13w\xa7\xe1\x91W\xee\x844gR\xe0n\xb9\xe6\xdc\x1fYV'</t>
  </si>
  <si>
    <t>b'\xbf@\xb8U\x951\xeb\xa3\x8cZ\x9b\xe9\xb0\x83x,\x16\xc7\xa1@$\x1ey!\x98\xbe\x06\xadL\xd4\x12z'</t>
  </si>
  <si>
    <t>b"l\xc4\x06\xd6\xa0K\x83\x8e\x80\xe3D\x1e\xc6&gt;\xc8I\x1d'L\xfbA'\xe3l\xd7\x07\x01\xb4=A\xf8N"</t>
  </si>
  <si>
    <t>b'\xa1\x9ao\xd9\xd6\xce\xa7\x957\xfaan\xfc\xd6a\x99 8\xd8\xf1\x87\xc4u\x0e\xd6\xff\xa6^\xf2{\xef\x11'</t>
  </si>
  <si>
    <t>b'\xec\xb0\xed\x12\xda\x84\xa4M\x82\xe3|\xd8)\x92\x17\xcb+\x8f\xa0\x1eyw%\xfe\x851$\x06\xd5\x1a\x8b\xbe'</t>
  </si>
  <si>
    <t>b'\xc1\xb2x\xdd0\xeb\xe0\xf5\xbe{\xca\x8f\xdf_\x8d\x13\x10\xac\xd1B\xca\x13a\x1fo?\x11\xce\xe3\x11y\xbe'</t>
  </si>
  <si>
    <t>b"\xd6\x0cM\xf21\x10u\xa5\xa2\xce\xb9\xd6\xea\xc6\x85o\x99')\xdf~\x8c\xee\xbd\x7f\xa6\xa5~\xc5dnL"</t>
  </si>
  <si>
    <t>b'\xc6\x02\x0b\x9a\tS\xe4\xfe\xea\x05\xc6\x1a\xbb\xb1\xb6o8\x98AV\x19I\xd4}\xed\xd0\xe0\x0cq\x03(Y'</t>
  </si>
  <si>
    <t>b'\xd1\x1a\x9aa\x81*s\xf3\xf7\xf0\xdct\xb9\x886?\xea\xbf\xcf\xc09v\x1b\x1ex\x8d\xb3\x9f\x82\xbe\x07\x11'</t>
  </si>
  <si>
    <t>b'E\x9a&lt;P+\xd01\x08\xff\x8c\xacv\xb9S~\xed\x8el\xe3\xc9%\xaa\xa4\x00N\xf8\x9d\xda\x05\x03\xc3\xaa'</t>
  </si>
  <si>
    <t>b'\xf5M\x08W\x9c\xa3d\xae\xa5\x02\x96Q\xba\xed$\xf6~f\x84\x88\x15\xcaL\xf7#\xa5\xbcL\xf1\xc4\xe4\xa8'</t>
  </si>
  <si>
    <t>b'\x03h\r\x8fjU\xe7\x8f\x0f\x12\x0c\x8c/$\xe3\xfc\xab\x876^\xecU\xe9)\xf1\xc0\xf8\x0f}l\x92\xe7'</t>
  </si>
  <si>
    <t>b'6a\x8d\xba\xc8\x0e\xf8 \x93\x1f\xfaM\xb4j\x10\x8c\xe6\x91\x8d]\x10\xcf\xd4ob\xbcY\xb9\x1frR\x7f'</t>
  </si>
  <si>
    <t>b'\xbe\xb8\x12\xf53\x08^I\xee,\xcbg\xc5{oH\xa0\x9e%A\x1f\x8c\x1e[\xb6&gt;\xbb\xb2\xeb\xf8\xe2\x86'</t>
  </si>
  <si>
    <t>b'\xe5\xefr\xfe\x81\xf7\\E4;\x05\xbcN\x05\xfc\xac\rV\x89\xa6L\x9f\x1cl\xca\x19\xdd\n\xbb0\xda\x9d'</t>
  </si>
  <si>
    <t>b'qn\x11y\xf1\xa9\xf6&gt;]\xf2F\xd4\xa5`r\xd3\xff\x06\x15\xf0\xe3p:\xe3\x0e\xac\x9d#?\xd2\x9d\xa8'</t>
  </si>
  <si>
    <t>b'\xbf\xc0&amp;4\x03.2e\xe6\x08\xea\xe7\xa1G\xfe\x19E\x8fe\x83Dd\x97\xb2\x8a\x14\xf4\x1f\xa1\xf7\x93\xc5'</t>
  </si>
  <si>
    <t>b'p\x96\xba\xb0\xd0P "\x87q\x9d,\xc2:\xdf\xd5\xeb\xd3VnBe\xd5\xc6\\\x97\xd2\x1e\xff\x04\xe4p'</t>
  </si>
  <si>
    <t>b'\x83\nZ\xd0\x98\x8c\xc4\xed:nY\x17\xed\x06\x1d\x81\xa9\xde!s\xc1.;z8\x89\x1a\x91\xa2\xea`\xb2'</t>
  </si>
  <si>
    <t>b'\t\x95x4\xd7.\xc1\xa8\xb4C*\xb6\x1di\xfa\xac\xfb\xa6K\tz\x8e*\x8e6\x8a\xa3\xc3uOJ\xc9'</t>
  </si>
  <si>
    <t>b'A\x0b\xcc\xca\xdc\xe9\xe0S\xae\x9bX\xee\x13b\xdb\xf2\x045\xf5\xdf&gt;\xe0\x83\xebws\xe6&lt;M\xd5\x11\xc2'</t>
  </si>
  <si>
    <t>b'=\x01\xc0&amp;\xaf\xb6\xe2\xd3*\xe4\xcd\xe2\x95\x12\xb0\x87\xb8J\x9c\xd1\xef\x04\xb9v\x7f\xaf \xc8b\x16e\x00'</t>
  </si>
  <si>
    <t>b"\x0f\xcdj\xc1\x85\xe4o\x16\x83\xc5\xf2\xb3\x10'/\x8cgj\xb3\x0b\x00Y\xb0\xb8\xa4s;\xcf\x99\xce\x93\x00"</t>
  </si>
  <si>
    <t>b'\xa8\xfa\xb6\xf8\xb4\xa7A\x17\xdcL\xdc\x98\xa2\xc0u0\xb0|\xbeXy\xbdZ\x0b}\xedU\x0e\xef\xab\x10\x8d'</t>
  </si>
  <si>
    <t>b'cG\x10\xc4\xfa\xd9.\xd1\x05\xbbG\xd7\xf3\x1fx\xd9_dF\xbb\xabMA\x00e\x19\x12\x9d.\xb4j\x03'</t>
  </si>
  <si>
    <t>b'\xe2\x8a\xed\xf6\xd9B\x1325\x04\xd4\xebd/\xc9\xd6t\x91\x1b\x18\xc2\xc7\n\x00\xa27\xaa\x9b\tk\x8e\xb9'</t>
  </si>
  <si>
    <t>b'd\xe0\x0e\x1e\x1f\xa7\n\x95A\xf3{\x15\x8a\xd7\x04p\x85\x16U\x06\x8c\x82Y/\x1e\x18Ke\\"q\xfd'</t>
  </si>
  <si>
    <t>b'\xc1B\xd2\xba\xa2G&amp;\xe2\xe2\x82H\xb0\x84&amp;B"&amp;\xe5\xaf\xa4\x13cZ9?\xff\xa3|i\xbc\x8eC'</t>
  </si>
  <si>
    <t>b'\x810\x95\x19\xc0\xf4\x18\xea\xe5F\x9d\xd7"\x01,&amp;\xda\xeeQ\xac*&lt;\xaf\xd73\xc9\x11 \xa4\xcf\xb3m'</t>
  </si>
  <si>
    <t>b'I\x90\xa3r&lt;\xd6\xc8\x06\x14\x9cY.*Z\x18\xd6\xec\ry\x0c\x16\x951\xcb\x88\x02\xae\xde\xfd\xa2\x86+'</t>
  </si>
  <si>
    <t>b'\x81\x1dr\xb1;\x0b\\w\xf5\x95\xfa}\xc34\t\xb3\xed\x8d*3\xe5\xaf\x01\x8d\x1b\xf2B\xc2-\xe2,='</t>
  </si>
  <si>
    <t>b'\xee\xbc\xf2\xc1NkF\x1d\xedKm\xf8\xcbj\xb20M\t\xd8\x8d#\xe2\t\x8c\xde&amp;\xeb\x9bS\xfa_\x83'</t>
  </si>
  <si>
    <t>b'`)2\x1f\xb8\x06\xdb\t\x84[w\xd1J2\xc1\xfav\x9an\xec\x90\x1a$\x03p\x00\xe7o\xa2\x9a\x9bQ'</t>
  </si>
  <si>
    <t>b'\xfb\xe23\x83lMn\xaa\x1a\xcb\r\x9a\xddW&lt;\xfd&gt;\x00\xb2\xd1\r#\xbdyF\x13\x9a\xee\xfa\xb3\x15P'</t>
  </si>
  <si>
    <t>b'\x13\xd4\xbcNu\x90`D.\x0b\xfe\xa6\xe7\xec\x03\xda$\x18qB0\x8e\xd9_0\xce\n.\xc9\xcc\x85\xd4'</t>
  </si>
  <si>
    <t>558xx</t>
  </si>
  <si>
    <t>b'\x80\xecV\x13T\x8d\xa5\xd6\x05M\x8b9\x1ff\x07\xcc:(\xe8*\x93\xd7\r\xab\x14.\xe8\x0f\x7ft\x914'</t>
  </si>
  <si>
    <t>b'\xb8\xa5^_\xe8\x07\xfa\xb0\xad\xf7{\xb2A\xc5\x14\xc4\xa6\xf2k\xc6^\x9f\xee\x83Zv\xceI\xae\xf3\xa9g'</t>
  </si>
  <si>
    <t>b'\xd9f\xa5\xce\xc0,\xd3\x84\x82e\xe9\xfc\xb7\xea\xdb\x9c\xe8\xdc`Gt\x85\xb5+\xd0\xdfO\xe3\xbbJta'</t>
  </si>
  <si>
    <t>b'\xe91\x11\x0e8U\xed0\xd1x3\xce\xcc\x05Y\x02\x90\x1em\xbd\x96\xacE\xc0yq\t\x84\x0c5\xda['</t>
  </si>
  <si>
    <t>b'\xe7E:\x86g\x08Z\x9a\x98\xaeA\x93\xc8\xd9\\\xfb\\\x9e\x8c\xe09\xb2\xa3\xf8u\xb2&lt;L\x08\x891\x9d'</t>
  </si>
  <si>
    <t>b'\xcc_\x84\xe1\xce&lt;Ev\x9a\x0ev\x8d\xc5\xbb\x9f0+\xbawp4?\x07\xdd0\xcf\xbb\x92+\xe4e\x7f'</t>
  </si>
  <si>
    <t>b'7p\x87\xc9H\x82m\xd6l%\x92\x04\x90\x7f|#\xfd\xdfAr\x80\x0f2\xac1\x93g\xa0\xaf\xd6*~'</t>
  </si>
  <si>
    <t>b'\x06\xe3\x8ci(\xbc.G!\x00\xc2\x87\xab;\x0fw\xfddU\x90B\xb2C\xab\x18\x13\x11\xc8? y3'</t>
  </si>
  <si>
    <t>b'\x03R\xe2\xae\xc8\x86\xf5\xe2\xad\xf8\xd8g\x87\xc4\xad\x86\xeb\xe2\xceYS0\x11\x8b\x92P\xb9\xb7bO~\x1f'</t>
  </si>
  <si>
    <t>b'\x97u\xc7ZG\x12=\x12h\xb8V\xf3\x823B\xcc\xe3\x9e}c\xff\xd68\xcf"@\xcdS\x93O\xa2D'</t>
  </si>
  <si>
    <t>b'v%s\xf6\xdf\x05I\xd2!/\xf4\x9b\xd1)\xf6\x15\x81\x13v\xd0~\xff\x1f\xe4\x82\xaco\xa6\x8e\xcdM\xac'</t>
  </si>
  <si>
    <t>b"\xc3\xe0\xd2V\xa26\xa4\x8f\x9aZ:\x07\xe7\xcc\x8e5\x98\xaaU&gt;&lt;\x11\xb4\x7f\x0c\xd5=\x8e\xed'(7"</t>
  </si>
  <si>
    <t>b'\x9a4\xc2\x97\xeb\x01\xa1[\x91\xdbl\xa4\xfd\xa9\xa2\x8b\xa4G&lt;\x87m\xfb\xf4\xc3\xb4\xa1\x1d\x05\xdak\xc8h'</t>
  </si>
  <si>
    <t>b'`\x0c\x9b\\\xe0h\xfbU\x13h\x9e\x8a_\xf6\xfd\x98?\xb7\xee._\x9ay\xc9\x10\xbd\xaa\xc8&amp;?\xc2\xeb'</t>
  </si>
  <si>
    <t>b'L\x16\xa8\xe9\x9c\xc5p\xca\x1f&lt;\xe6t\x06\xf5u\x97\x8bIZ}O\x13\xca\x0f\xef\xf9O\x06\xc0\r#V'</t>
  </si>
  <si>
    <t>b'\xafx\x81\x18H\xa7\xbbnp.*\x88 \x0e\xad\x94#\x95\x13\xe8\xb3\xda\xff\x1a\xce\x9dg[E\x02\xd2}'</t>
  </si>
  <si>
    <t>b'\xdbbH\x00\x10\xad^\x911\x13\x12L\x8e\xcd*\xceP\xc9w\xc9\xfdvb"m\xeb\xe8:\x8b\xc9\xd2\xda'</t>
  </si>
  <si>
    <t>b"r\xb8\trd\xc9'\xb3~\x9b\x98R\xcf$-xX\x06\x1c\xd1\xce4_E\xb3\xe8\xfc\xdb\xf7\x9fc\x92"</t>
  </si>
  <si>
    <t>b'\x7fR\xab6R\x86Y_C\x0b\x1a\x07\xfa\xdevv&amp;\xe47\xb9\xd1\xd7\x9e\xaf{/\xaf\x8a\x85\xdd}5'</t>
  </si>
  <si>
    <t>b'\x97\xa1\xe1\xbe=\xbc\x88g\xe58T\xae\x110\x11\x00\x80\x8d\x00h\xa8\x08\x0c\xd5\xb0\x0fc#\x01rw\x1a'</t>
  </si>
  <si>
    <t>b"\x1d\xd5\xcf\xdc$@vF\xc2\xc7\xab\xfb\xc6\x06\xbd\x95\xd8\x91\xd7O\x01\xfb{\xc4&amp;.t'p\x18\xbb\xb2"</t>
  </si>
  <si>
    <t>b'\x9c\x95a(\xac\xe6q\xb8\x18\xcdL+\xc2\x19z\x92\xebe\x98\x12\x8dF\xc6\xcb3\xc8\x99\xc8\xe4NH,'</t>
  </si>
  <si>
    <t>b'\\\xfc\xf1(\x8b\xd9\x8e\xe3\xf0\xa9\xebp\x91\x02\xa1\xf5\xdf\x86\xf1\xa3\xba\x13k`cFu\x11HX\xbbA'</t>
  </si>
  <si>
    <t>b'E\xd4u]-\x02\x1d7\x04\x14\x04\n\x1d\x0c\xf2\xfc\\D(\xd2\xcf\xf5\x89\xee.\xf7\xf1\xe6yB\x8e\xe8'</t>
  </si>
  <si>
    <t>b'Wy\xaefU\xe6N,#N\xccQk\xbf4.Wu\xdc\xdd\x14@i\xff\xf2\xcb*r\x83\xa2\r\xb9'</t>
  </si>
  <si>
    <t>b'%kJL\x7f\xb3\xb4\xdd\xa0\xda\xc6M\xf08$[ \xcbJ\xf6\x95%j\xe3z\xdbo\x08n\x0c\x14\xf6'</t>
  </si>
  <si>
    <t>b'Y3=\x03\xa1izM=\xf0\x02\x8b\xcd\xb4B~\xa3\t\xf47\x00B\xd2\x85W\xa8\x02\x9f\xc6\x8a\xcfi'</t>
  </si>
  <si>
    <t>b'$\x8e\xd1\x1e\x8a\xec\x7f\x1a~\xacrP\xe3\xfc\x05\xd6\xf6\x01\xb1n^\xbdM\xb6\x8a\xec\x13&gt;\x10E\xa8M'</t>
  </si>
  <si>
    <t>b'\xf4*\x03\xee\xcd\x8e*\x89\xc6o\x99\xe1*\xfa|\xd6A\xc6\xbe4\x84\x00\x06\x0c)\xbf\x1f\xd45u\x04\xaa'</t>
  </si>
  <si>
    <t>b'\xc3mOb\xc2&amp;\xf2\x0c5v\xbe(\x12\x8eX\xf5p6\x85\xa0\xa0&lt;\x1e\xce\xb2\xa6\xb9\xed6\xfe\xcc\n'</t>
  </si>
  <si>
    <t>b'\xb5\x8f\xe9)\xff\x0eT[\xef\x90\xcb\xa2U\xa0\xea\xd9"\xd1\x0e\xef\r\xac\x1d\x00_O_\xa6\xa5/Q\xaf'</t>
  </si>
  <si>
    <t>b'r\x11C\xed\x11\x9f\r~\xff\x0f]\x878\xa1\x87\xe6\x08\x95\x0cR\n\x1d\x8e\xf4\x98}\xc4\x1d\xe4\xb1\xb4\xca'</t>
  </si>
  <si>
    <t>b'\xe0\xa4=-4@\xdeu\xcd3*J.\x8a\x9c\xf9w\xdc\xbc\xfb^\xa9o\x86^\x1bAd\xd390&gt;'</t>
  </si>
  <si>
    <t>b'\x8f%R\xe1\x8f\\?\x0c\x05G&gt;\x0e8\xdd\xdeW@\x1c\xbf\x919vj\xf1\xccq2\x1a\x08\x1e\x9d\xb8'</t>
  </si>
  <si>
    <t>b'\xac\x00\xb2\xb7\xa4 \xc7\x13\x15{\xe1a\xcdu\x97&gt;\x91\xd8b\x19\x04g#\xe1\xa1M\xd0\x10\x0f$\xc3F'</t>
  </si>
  <si>
    <t>b'\xba\xf0\xb6\xe0\x8e0*\xbdV\x15\xb0\xec\xdcw\xb7q\xb4\xe7\\\x98V\xd1grX&gt;\x0e\x19\xc2\xb3O\x86'</t>
  </si>
  <si>
    <t>b'\x08\xe3\xbe:|B:\tP\xc5H\xa2\xbe\xd4\xfe\x9c;\x9e\xc9\xbe\xb4\xc4\xe2y\x9f5\xdfb\x1d\xcf\xc9\xbe'</t>
  </si>
  <si>
    <t>b'\xcd\xd6\xd5\x0b\x18\x1d\x8e;\xf3\xb8\xe0\x88w\xba\x97V\xc5\xf5 I\xcbn&lt;h\x1c\xaa\xd1\xf0\x12\x06D\x18'</t>
  </si>
  <si>
    <t>b'h\x15\xec\x87\xc5o)\x9a\x08\x80/7\x18v8P$\xea,~\x93\xaed?G2GJhE\xc6\xef'</t>
  </si>
  <si>
    <t>b'\x15\xdd-!\xec\x00\xcf\xb3\xb3VJ?\x98[(\x97\xc9F\x07\xec\xf2H\x17\x7f\x17\xbc\xffZ%\xaa\xd5#'</t>
  </si>
  <si>
    <t>b'\xc9\xdba\xe4!\xe2\xcb\x96$\xa2X\x1c\xc0Qm\xef\\\xed\xdc\xb4.V-\x1d\x0c\xae\xbd\x8a\xca\xf38\n'</t>
  </si>
  <si>
    <t>b'\xa3\x04:\x12\xa4&amp;D$|\xe2\xb8y\xf8_\\E\xcb\xf9\x16\xf3\xca\x82-\x9e\x83v+7\xc1B5\x14'</t>
  </si>
  <si>
    <t>b'\xf3\xb0l\x8f\x7fJGk\xe7\x8d\xb1&gt;\xfb\x0b\xc38w\xac\x88\x8c-Z\xedI\x88\xa6*\xca\xf7\xdc\xf5:'</t>
  </si>
  <si>
    <t>b'n\xc4\x8e\x8f\xd9\xb97&gt;\xcf\x0eE;$\x0e\xd5k\xf8\xa9\xfb\x9e \x8b\xe4g+\t\x8b&amp;\x02\xf9\xd7*'</t>
  </si>
  <si>
    <t>b',\xec\xbe\\\x8d\x9b\xf0\xa3&lt;\x045\x1f6\xb4\xd0\xf2\xf6t\xbc\x18\xe5\xbb:R\xdd\xce\xd2^\x03\x07\x9a\xbb'</t>
  </si>
  <si>
    <t>b'{7\xc2\xc3d\xa4\xac\x19\x0e\x84K\xae\xd6\x16\xd2\xd4\x14\xcd\x1fR"\xbcH0\x1c\x10\xfa\xdf\'w\xe2\x06'</t>
  </si>
  <si>
    <t>b'\x86~\xb4\xd2\r\x9f\xb7[\xd59pU_\ny\xd5\xbe\xaa\xad+\xbd\x05u\x82\xfa\x031}\x1c*|\x08'</t>
  </si>
  <si>
    <t>b'\x85\xae\xc8V\xc6cT\xa9#Az\xaczz\x89\xa0D\x879\xf8T\x1ca\xfc\xdd\xe5\x14*\xc1\xf2D\xae'</t>
  </si>
  <si>
    <t>b"v=\xcf\xbb&lt;Y'=i\xfa8u\x92\xd6\xbca\xeb\x94\xda=xR\xd9\xbe\x16\x1f\x1e\xeaPe\x0b\x98"</t>
  </si>
  <si>
    <t>b'\x88\xf9\xb7\xe0dZHj\xa3\xb3\x9f5U\x8bg\xc7\x13\xb0\x9f\xff\x9f\x1c^\xec\x1f;R\x81\xfd\xb9Hf'</t>
  </si>
  <si>
    <t>b"\xfe\xa5'|C\xc2\xc3W?\xc7\xd3\x03\xdb\x9d\x87\xbe\xfdV\xb7\xf3Ow\xc0|7\x86V\xd0;\x8f\xd0e"</t>
  </si>
  <si>
    <t>b'\x01\x01K\xfb{U\xbe\x11\xc9\x137\x87\xab\xb5\r\xfeP\'Y(\x05\x04M\x12&gt;"0\n\x88\xae\t\x93'</t>
  </si>
  <si>
    <t>b'\xfb\x81)\xaa\xb0_+\xfc\xd5Hm\xdb\xbb\x849MY~\x81/\x1c\xdb6\xba\xb0\x88\x84\x97\x84W\x00\xb6'</t>
  </si>
  <si>
    <t>b'\xb4\xf1\x0e\x94@\xb6\xdd\x1dBF\x8d\xc3\x84\xd9\x8f\x8b\x83\xbb(\x96\x0e(\xb4\x9b\x10\xc6\x19\x16\x14\xaf\xf9i'</t>
  </si>
  <si>
    <t>b'\xf0\xb4\x9f\x8b\xc9w\x7f\xdb\xd7\x90\x84B\x9d\x1c!\x83Q\xe4@\xeb\x14L\xc1\x06B\x8f\x99iEF\x02\xa5'</t>
  </si>
  <si>
    <t>b"Fv\xcad\x10\xfaj\n\x86*\x80\xdb\xc0^\xd8\xf5\xbfKz\x80'\x87\x97M\xbc\x871\xcc\xed\x8d\xc3\x0b"</t>
  </si>
  <si>
    <t>b"\x98'\x7f\tz\x8f\x86w]n%\xa2\xff\xdc\xb0\x9f\xe1y\x04\x872\xd3\xf4\n\x8b\xd7\x9e\x97\xc9&amp;\xdfZ"</t>
  </si>
  <si>
    <t>b" l\xc2\x98\xa4\xff\xa3\x07'\xc4\x93\x83M~\x02-&lt;\x8b\x82$\xd5$)\xbe\x84$^\xc6s\xc2\xd8D"</t>
  </si>
  <si>
    <t>b'e\xb9\x9a\x02\x12\x93p\x13\xcfd\xa7\xb4\xc0+ \xf8$?\xe8r\xda\x00\xa06\xc1\x90Y\xd6G\xd3`\x13'</t>
  </si>
  <si>
    <t>b'r6\xd1\x8f\xc7U\xd5\xf2\x94F\xf9}x\x95\xe7G\xa8\xc8c\xc0,\xcb\x82|\xcde\x14\xe0o\x8f\x96\xdd'</t>
  </si>
  <si>
    <t>b'\x85\xa0]\xf0\xd3UQ\xf7r\xd0&amp;MkM\xad\xe2.\x1d%\xe6\x12\xcd~\x06\xeb\xca\xb2\xae\x01\xf4h5'</t>
  </si>
  <si>
    <t>b'/\x8bgh,~E\x12\xfa^\xd5\xcc\xfdw\xf6\x0ex\xd6q\xbb\xaf\x08\xdfZ?.e\xf7\x10\xbbi\xd6'</t>
  </si>
  <si>
    <t>b'\x8cq`\x03\x1cM\x93\xbe}\xad#e\xf1Pr\xbe\xfc;\xbf^q\xb0\x01\x16H.1\x00:\x86N\x05'</t>
  </si>
  <si>
    <t>b'\xeb6l\xb3\xc6x\xb5\xc5\xc6\xaa\xb9\xe9\x07~\\\xda0\x1c\x07DF\xd29\x88l\x1dk6\xef2\xb1V'</t>
  </si>
  <si>
    <t>b'i\xb2\x18p]\xc4\x1d\x8aJ|U\x1d\x82\x05I\xbe~!\xec#\xd9s\xaf\xe6J+\xa9Q\xaa\xfa\x91\xbf'</t>
  </si>
  <si>
    <t>b'\xb5\xb5g\xf5\x83F&gt;\x95\xfd\x80\xc2\xbbi&lt;\xb6\xf5\xd9\x13t|\xf3\x0f\x0fS\xed&gt;GUe?$\xc9'</t>
  </si>
  <si>
    <t>b'\xb97\x8b\xb3b_\x8b\xf7\xecL\xdb\x92\xd5\xd6\xc7\xf6\x80\xe2\xa3\xdf1\xa5\xe8\xb6c\xae\t9\xb7^\xb7\x1d'</t>
  </si>
  <si>
    <t>b'\xf1S\x80F,\xcfF\xed@M?q{\x8c\xd1\xe4\x85\xba\x96\x81\x97\xb0\xe7\x98\xde\x83\xc8\xf7\x0b\xe0T-'</t>
  </si>
  <si>
    <t>b'\x80\xa2\x82c\xb2p\xac4\xc0\xbe9\xee\x0e\x16\xd8\x1d\x1e\xec\x17\x1b,\x92\xb8t\x1f\xe3y\x15\x1fh\xa9\xed'</t>
  </si>
  <si>
    <t>b'PAG\xad\xceG\x9c$j\x19\xcbX\xbb\x7f\x05\xeam\xdcp\xf0u\xb0`bB\xd7\x9a\x02\x1c\x0e\xe6\xb5'</t>
  </si>
  <si>
    <t>b'\xe9\x10PG\x96\x81\xbc^\x84\x83\xc8\x8e\x0cy\x84\x94:\xc0\xf7\xaa}p\xd6\xc3\xa7\xfcm\x1eg\x91\xb3\x7f'</t>
  </si>
  <si>
    <t>b'y]\x8e\xd5\x03\x00&amp;j\xefkraR\xf6={\xb3*.\tp[#&lt;z\\)Q\x91\xef\x0c?'</t>
  </si>
  <si>
    <t>b'k\x15^w)&lt;\x84l\xf1\x1b\xaal\xc1\x98\xcasQ\x1e4\xa8CR7\xce\x0f*6ov\xbef!'</t>
  </si>
  <si>
    <t>b'\xd2\xf0:\x83\x9a\t\x10\x1f\xfe\xdc5\x19\xa3\xd7e\xc6\xc5u\x1c\xba\x8e\xe7g@\xcbYK\xb1\xa9\x07Dn'</t>
  </si>
  <si>
    <t>b'\xeag}[p\x86-\rd\xb9\x86\x03\xf6\xc6z\xf9\x04\x8c3\xe1\x06sD\xf1\x92\xf5\x93^\xcd\xaa\xbb\x1d'</t>
  </si>
  <si>
    <t>b'\x81\x1f#\xcb\xbd\x97\t\xdaL\xf2YPn\xb5\x1e\xdfFo\xa2\xdf.\x8d\x9f\xb1v}\xc7*\x85K\xd8\xd3'</t>
  </si>
  <si>
    <t>b'9dN\xa2;\x85\xddXY\xf5\x85\x95m\xc5{\xf7\x88o\x94\x7f\xfd\x00\x97p*\xcf\xc2\xa2\x8bDQ9'</t>
  </si>
  <si>
    <t>b"6 \x1b$[\xdb\x886\x0b\xa5\xe9\xe1\xb1\x9b\x9a\x85A\xaa\xd6a\xdf\x0e\x95\x81\x93\xb9\x93\xcc\xb1'\xb9:"</t>
  </si>
  <si>
    <t>b'\xc8$\xb9_\x97\xc7\xfe\na\x8fG\xc4T\x9f.\xda\x08?B)\xf3\x90\xa2\x0fO\xe05U\xe3\xc0^V'</t>
  </si>
  <si>
    <t>b'\x8fU\x9a\xe1\x11\xf6\xa5\x01\xcb#H\x90l\xcf\x8f\x16\xb6A\xdf\xd0&lt;\x8cF\xd9\xbd\xd6-\xce81\xd7\xee'</t>
  </si>
  <si>
    <t>b'e*\xa0K\x83\x03n*0|\xb1\x97-H\xfc \x18\xe7\xb2\x9bB\xad"\xfa\x1f)"\x9f\x1b\xb2F\xac'</t>
  </si>
  <si>
    <t>b'S6\xbe\xf4\x0f\x97\xec%&gt;\xe3\xd7\x0c\x1e\x15\x0ct\xae\x01)e\xc3\xfe\xeb\x08#\xb1nV\x14\x04\x8d-'</t>
  </si>
  <si>
    <t>b'w\xc4\x12^\xfd\xa8\xca\x91\xb4\x0b\xf9(\xc9\xde\xc3\x15\x08Lh\x14\xc6\xcc\x17Zy\x8d\x03\xebAO\xd8\xf7'</t>
  </si>
  <si>
    <t>b'\xdfp\x9b\x7f\\?D\x90\xbf~3\xd2\xfan\xcb\xe8\xdf\xd2\r-2A\xfe\xc7^\xf9\xa0\x9c\x08U91'</t>
  </si>
  <si>
    <t>b'\x1d\x13\x92\xcb\xc4\x12\xd1\x93N\xae\x16\x9f\x08h7\xcc\xf1F\xdf\xa3\xec^IM\xa2\x92\xfcEY\x11#\xa6'</t>
  </si>
  <si>
    <t>b"$\xa5\x14\xa5|3JKY\xd7#'~\xe8\xb6\xbe\xa5g\x9b?\x9a\x84\xc9]@\xbfTDF$(\xc7"</t>
  </si>
  <si>
    <t>b'\xac\x96\xa0@`\xb8\xfd\x89\r\xcd\x00\xf2T\x90\x9c\xc8\x7f\x88\xbb2R\xfek\xe2\x86\xcd\xfe\xf7\xd1$!('</t>
  </si>
  <si>
    <t>b'1tOZ\x91\xa55I\x13k\xc6\x8fh\xe8\xb8\x15\xc7\xc22\xab\xde\xe9\xcd\xf0\x8d\x7f\xea\x94\x86\x8eF\x03'</t>
  </si>
  <si>
    <t>b'\xd3\xe8\xa7\x98j\x89jqGV\xcel\xb2\xcc\x17=\n_\x1f\xa4\x94\xe4W\xff\x90=\x15\xeacU\n\x9b'</t>
  </si>
  <si>
    <t>b'\r\xb0\xf3\xd72E\r\x83\x96\xee\xb5W\xbf\xe1e\xc9\xf2\xcan\xc5\x05]?\x0b\xdf\xa9a\xf7O\x06\x01\x8c'</t>
  </si>
  <si>
    <t>b'`3\xd8\x7f\xba;\x13Q\n\xf4Y\xe4\x00\xbfX?\x1e(fG\xefTw\xc3\x1f\xc3\xa2\x91\xf0\x96\xc6\n'</t>
  </si>
  <si>
    <t>b'w\x87\xc4$\xddi}\x00\n\xea\xc0\xfe\xde{\x83D&lt;DDT\x10r\xd9]n\xa2\\\xb1-\x13J\xac'</t>
  </si>
  <si>
    <t>b'_|\xfe\xff\x9d\xccB7\x87)9\xc2&amp;`\xa5\xc1j\xa5do\xdb3&gt;\x8e\xe8\x81\xd6\xd8\xf9\x8e;2'</t>
  </si>
  <si>
    <t>b'&lt;\xb4\x19L\x9dO\xbe\xb3#\x1dh\tU\xd6\xac\xab|\xd1\x9c\xb9\xfaa\x7f\xfa&gt;S&lt;X8+\x8a\xde'</t>
  </si>
  <si>
    <t>b'h\xe7W\xd3E\xa6\xfb\x86\x8b\xe6\x8d\x0e\x96\xea\xfe\xbf\xfe\xc4\x95 &lt;j~\xad\xc8\xfaNg\x10\t\xcfw'</t>
  </si>
  <si>
    <t>b"\x0c:6\x05d\x0f\xf8\xc6\xad^,\x95\x91\x1f\xc28ha\x9a\xbe\x00'C\x0e\x02=!\xc4F\xd7A\x92"</t>
  </si>
  <si>
    <t>b'\x93-l\x96\xd2]\x15\x85C\x8d\xf5k\xf5\xf3\xb4\xe0Si\xf1\xf8\xe6\xc2\x02\xaa+\x944\xb9\x02#\xc9&gt;'</t>
  </si>
  <si>
    <t>b'\xf4\xe7\xbb\n\xdb\x87\x1d\xa9\xf6\xf2@\xed\x9b\x9e\xba\xd3i\x12\x0b\xbe\x9b{\xae\x1bo\xe2\xa7/Y\x8e\xad\x95'</t>
  </si>
  <si>
    <t>b"G\xf3\xd1:\xbex\x93\xf2\xc3\xcb\xc0\x06\xba\x17^\xac\xed\xd7\xfb\xfe\x99\x97\xb2Mc\x81\xe1\x89\xba'\xdfL"</t>
  </si>
  <si>
    <t>b'\x1b\xe3\xde!\x93\x11;\x94\xedR5\xdc\x00\xb4U\xbd{\x0e+\x07\xa1)+\xb4r\xdcI\x17\x85sM\xb6'</t>
  </si>
  <si>
    <t>b"\x16&gt;\x90\x8b\x83\x1b\xfe\x1fm'\xe8,\nq\xc0\xf4I\x10\xb6\xf5\xf3\x95\x1e\xc0\xe3G\x15\x81/Y\x0cO"</t>
  </si>
  <si>
    <t>b'\xb5}\x06jx\xe61\x8cf\xaa+\x95\xc3*t\xff\xa1\xabb7\xe7Y\xdb6\xc2\xaaT$\x89\x0f\xc9\x10'</t>
  </si>
  <si>
    <t>b'\x19\xc6\xba\xf0\x0bc\x17\xbb7\xb7\x00M\xafP\xe8\xab\xba|\xf2RE0S\x03yHP5\x15#\x81\x88'</t>
  </si>
  <si>
    <t>b'\x0b\xed\x9c\xc1\xd3\x1f\xa2&amp;\x0ft\xab\xa7\x03\xbb7\xdf\xaf \x90\xeb\xbb\x809\x04\xd6;\xc0\xbd\x95\xbb\x17\xf9'</t>
  </si>
  <si>
    <t>b'\xe6\xda7&lt;Q\xfc\xa1\x93\x7f\xb6\xe8\xcc\xc69E|c\x8a@}\xa6E\x9f\xe9\xfbz\xa1v\xbe\x11\x19s'</t>
  </si>
  <si>
    <t>b'\x86\x8d\x9e}\xcd\x8dAr\xf5\x1el\xa4uN\x0b8q\x04\xeb\xcc,\xd3\xae\xff\xa7\xa9X\xdfh\x11pI'</t>
  </si>
  <si>
    <t>b'3\x97O\xe9\xb1u\xa1?A\x1e1\xcc\x83I~\x1f\x84R&amp;\xf0\xaelD\xc4l&lt;uP\xf0\xcbu\xae'</t>
  </si>
  <si>
    <t>b'\xc7s\x1d=\\\xb8d&lt;\xcc\x01\x87\xeb\x88~f\x88{\xc4d\x1a\xe7\x14\x97\xa3\x13\xfeh"\x12\x13-\x02'</t>
  </si>
  <si>
    <t>b'\x18\x8aJY\x81\x06\x93\xdb\xd0\xdeJ\x94\xaa\xef\xd0\xcb\xc3\xc7b8w\xedU\xc9\x8b"$c}k\x1f\xb8'</t>
  </si>
  <si>
    <t>b'\xceV_\x07\xaa\xf8x\xedr\x9dQ\xa6\x02\x9fR\xa1\x90?y)\xd0\xf2/M%?\x1dc\x85\xc6\xcb\n'</t>
  </si>
  <si>
    <t>b'\xde,\x8eD&amp;8\xc9.\xa2Z\xaaexT2.\x0f_\x9b\x82Z!*\xc5\xfc\xcb\x95~u\xb3&lt;\xa4'</t>
  </si>
  <si>
    <t>b'\xb5^!P\x83\x02\xab\x11\x0b\x96\x8a\x9f\x8b\xc0jJ\xd4\xcao\x89=\xf6=\xeb*7\xfds\x7f\\&lt;+'</t>
  </si>
  <si>
    <t>b'\xed\xc3x\xb7\xfa\x13K"\xb9\xb8\xd35\x19$\xe7\xfcI\xbd\x8a\xf2e\xf84\xd0\'=\x0c\xf5+\xd9m\x10'</t>
  </si>
  <si>
    <t>b'\x03(F\xe2}\xb1#\x7f\xac\xc9\x88cs\xba\x82\x16\xf0\x95\xef\x88\r\xf4\x01\x07\xe4\xb5RL\xb5\x93]\x84'</t>
  </si>
  <si>
    <t>b"\xe9BO\x8dfD\xea\xb3'\xf9\x8ch\x8b\xca}\x18\x08\t\xaf\xfb\xf8w\xe6\x9e3~\xac\xdf-\x85\xfa\x87"</t>
  </si>
  <si>
    <t>b'x\x82LF-%s\xec\x00\xa9\xea=-\xa2\xb9\x1f\x0c\x87\xe6\x11\xe4\xc1\x83\xf9`{\xa0\xce\xf58y\n'</t>
  </si>
  <si>
    <t>b'P&lt;i\xb3\xfa\xa3\xde7?\xbf\n$f\x02\xf5@h\x81Xy\xef\xda7&lt;\xfe\xe3R&gt;a\xd5\n\xbb'</t>
  </si>
  <si>
    <t>b'\x85\xf6\xf2\xe8\xc9\x960\xc25Q-G\xadB@b\xb4:a|\x92\xb4\x83T\x91T\xde\x872&gt;^2'</t>
  </si>
  <si>
    <t>b'\xb2\x9e\xecE\x01\xf0\xb9\xa2\x1c\xdd\xb8\xe2\xf0\x19 \x82\xc4\xbd\x147*\xaf\xd8\x02\x1f\xa1\xe8x0O\xd2\xbb'</t>
  </si>
  <si>
    <t>b'F\xb0&lt;2C\xad\xcd\nZ&lt;\xcc\xbcl\xf0Y?N\x15\xc2w\xd9F\xa6\r\xf6\xb4CC\xbd\x87\xbf\x19'</t>
  </si>
  <si>
    <t>b'\xef\xc1\xeb\xfbD\x04\xd3\n\x83&gt;\xcd\xe5\xc1\xdd\xd02e\x88\xc0\xa96\xf4\xcd\xe8\xf4\xa3&lt;\xcc\ni\xe4\xbb'</t>
  </si>
  <si>
    <t>b'\xb3l\xb1\xae\x9d\xa2\x8f\n\xed\x97\x95Xi\xce\xa8\xbb\xe9-O\xe9G~q\x9ev\xcazWj\xcc\xf0\xd4'</t>
  </si>
  <si>
    <t>b'\x1dB\x96\xa0\x17|\xd4.\x80v\x14\xf5\x05\x91j/\xdbh\x83\xb8\xf1n\xa2\x01\\\xdf\xfe\xf5\x85L\xd3\x11'</t>
  </si>
  <si>
    <t>b'\x85\xca\x96\x02V\xa5\xb6\xd5n):\xdf\xfaScP\xc2\x1b\x97\xc4nRW\xee\x18a\x15\x94\xae4\x84G'</t>
  </si>
  <si>
    <t>b'Z\x16&gt;q\xe3c5\xe4\xa5\xfa\xf1\xc1\xe3\x86\x9d\x81\x94\xb9%\xb3\x84\xe2\x08p\xdb\xbf\x0eaG\xef\xdb{'</t>
  </si>
  <si>
    <t>b'\x01\xda\xd3\xd6\x14\xb5\xae:\xcc\xbf\xa9\xef\xa8F\xbcs*&gt;\x84H\xcf\x06e\xc2T}*\xb7Y\x80\xe6\xdc'</t>
  </si>
  <si>
    <t>b'8\xc2\x88\xfaTS\xd1\xc0j\xe7\nk|9\xe8M\xc0\xb9\x01\xb2\xf5B\x0bc\xa6\xa4\xe2\x05\x1d\x80\x96\xae'</t>
  </si>
  <si>
    <t>b'V\x1aTR{U\x92\x1b\xd2V[ix\xe8\x01\x18\xd7[\xa3\xaf\x02\x0c\x9dh&amp;\x8f\x10\xadM\x83\xd8?'</t>
  </si>
  <si>
    <t>b'\x08\xe9\xecrN\xc4\x92\x05\x9c\xbas0\xa3\xb8&gt;u\xe3b\xe6\xd1!\xe0\x82\xf3\xdf|V\x8b\x08\xeeu3'</t>
  </si>
  <si>
    <t>b'\x03.r\x07\xb9vqG~\x1a\xc6\x8c\x81\x19\x90V\xda\x9c}\xa8\xbd\x99\xc46;\x0f\xbe-^\xe5\x8c\x9a'</t>
  </si>
  <si>
    <t>b'\xb0\xd2\x91|\xa3\x15\x81\xb1,&lt;\x85\xc0b\x1e&lt;V\xd6j\xc5G-\xa0d\x04\x9b\xce4Uv\xf7\xd7!'</t>
  </si>
  <si>
    <t>b'\xd9\xc7\x07\x1f\x8ah\x9e\x1c!m\x9f\xa5\xf7\x8c\xcf\xaf\x19\n\x96\x8a\xc3@1&gt;\x85v\xce\\\x8e\xe686'</t>
  </si>
  <si>
    <t>b'\xaeU\x97z&amp;\xfa\x17U\xfe\xc7\x19i\x16\xd0\x8cz\x83\x9b\xe4\x1e\xf9\xc0\x1a\xbc\xa5r"`\x1a\xd9$\xf6'</t>
  </si>
  <si>
    <t>b'\xe5\xdf\x9f\xb4\\\xa0\x1d\tb\t\x89\x07r\x80\xc3\xb7M\x90\x8f\n\x808|\xc45\xfd\xf6:.\xf5\xfc\xaa'</t>
  </si>
  <si>
    <t>b'\xdd_\xbcoO\xd1\x9d\xb6\xa6?\x0b]\r\xfck(\xc6\xe2\xb2\xf9\xb2\xb6B\xe8\xb3\xb5+\xad\xcc\xae\x11b'</t>
  </si>
  <si>
    <t>b'\xfc1H\xc1uUP\n\xc0\x11\x17\xd4\xf0\x82\xcb\xc0\xc7#\xd8\xcd\xf4\x0b\xf5\xc1\x8dT\xbd\xf5a\xa3\x7fl'</t>
  </si>
  <si>
    <t>b'3\xeeU\x9aI5\xccT:\x9f\xf2\xc4-\xaf.r\xe9\xba\xa8\x96)\xc6=Z\x8c(\xbf0\xdbN`\x9e'</t>
  </si>
  <si>
    <t>b'\x12\x95\x98g\xa4\x9b\xda\xe5\xfd\x8d\x92\xa7l\xfd\x1a\xbcA\x13\xc9\x8ei`i\x95\x81\xb8\x90\xde\xe2\xceu='</t>
  </si>
  <si>
    <t>b';c\xeb\xefm-H2\x9b\x84dD\xb9\x80\xfb^\xd3\xfd\xec\xbcQ\x1e\xf2\xa7\xa7G\xba\xfc\x8dy\x11\x97'</t>
  </si>
  <si>
    <t>b'\x8b\x11"\x81\x90\x1b:\xea\xd9\x04\xbf\xd7\x94CVy\xe3z\xa3\xe3\xb1\xf7\xd3\x8a\x1b\x0b\xc1o5\xf5\xed\x07'</t>
  </si>
  <si>
    <t>b'\xdc\xf7\xb7\xdd\x04\x0f\x8d|a\xb6\x1a\x87W\xc4!\x9cd\xc4\x90\xff\x10Rw1\xf4\x17\x85\xb7\x19\xff\xea\x07'</t>
  </si>
  <si>
    <t>b"(\xb3\xdb\xb2\x8a\x92X\xc5^\xfePV\xb9\xbd\xe56\x18@\x995\xf6\xee\x1c\xbc\x96'\x08\xe6\xd8\xf0\xb8H"</t>
  </si>
  <si>
    <t>b'\x10Y\xa1\xa9\x85\xd9m[\x92\x99\xb0D&gt;=\x9e\xd3\xe1\xea\xef\xd9tQ\x0e\x1d\\\t\x98\x08\xd6\xa0MI'</t>
  </si>
  <si>
    <t>b'\xf8*l*\x9f\xd6\xb9a`&amp;zv\xf9b\x05y\xfd\xee\x89W\xffw\x9e\xcc ;\xabN\xcd\xdcD~'</t>
  </si>
  <si>
    <t>b"Z$aO\xc44ph\x97\xfa\xdd'H\xa6f\xb0\x14{z\xcf\xca\x8c\xe2\x1e\x82\tt\xcd\xb4\x12B\x00"</t>
  </si>
  <si>
    <t>b'\xc4tjC\xfb\x81\x88\x8f\x83\xfd\xb5\xa9\x1ez\xde\xec\xd3\xc2\x86\x9c3\xb7D|\xa3\xaa\xc0$\xaa\x1a"S'</t>
  </si>
  <si>
    <t>b'\x1a\xdf\xc2C\x8c&gt;O\x17\x94y\xca|A]\xb1HO\xdf\xcf\xec\xee\x9f`*\xee\xb9\xfc\x9b\x86\xdc\xc5\xab'</t>
  </si>
  <si>
    <t>b'\xffM\xe8\xa4ggC\x0f$\x8b\xdd\xc0\'\xd9G\xdd\x17\xcd\xc0`S\x93\xdd\xf0S"3\xea\xfah\xd4\x12'</t>
  </si>
  <si>
    <t>b'\x94\xf6\x1f)\x8d\xe6F\x9d\x15\x12\xb5+\x00\xde\x00(\x83\xdc\xd9\x81\x03`s8\xa9\x01\xaa\x8bn\x15\xed\xb6'</t>
  </si>
  <si>
    <t>b'\xab\x07\xcf\x1c\x081\xf3\x1e\xf9?`\x890;\x0b|N\xd3\x83\xfc\xb7\x16 \xf6AC5\xc1+/\xad\xc2'</t>
  </si>
  <si>
    <t>b'h\x89G\xcb\xdd\xeb\xda\x8cC\xe0\xd0\xc6\xeebo4\x9d3\x19sR\x02,\xb1\x8bO!t\x93\xb5+\xbe'</t>
  </si>
  <si>
    <t>b'\x90gz\xc7C\x89kj\xb8\x17\xd9\x04x\x9cBD\xfd\x17\xd6\xa3\x91:\xc6w7\tJ\x94\x9d,&gt;\x90'</t>
  </si>
  <si>
    <t>b'\t\xd6\x9fgS\xfa\x1d\x807\x02\xe5\xf5\xf1\xdc\xa9vD\x06\x1cl/\xe9\x076\rL\x0eY\xf2\xf3\x19i'</t>
  </si>
  <si>
    <t>b'f\xeey\xab\x04JP|R\xdc\xb4Q\xcc\xb4\xdf\xf6\xdd\xbeN\xeb\x14\xb0=UU){\xd8}\xe4zD'</t>
  </si>
  <si>
    <t>b'\x0eB\xbb\xabmD\xa5m!tV)\xd6R$=\x90\x97I\xa98/\x1b\x12\xc6\x96h\xbe.]\xfb\xe8'</t>
  </si>
  <si>
    <t>b'\x1d\x1f\xb5\x0e:\x99\x1eg2\xd1@\x95\xa9*(\xf2)\x99\xc1\xc4c\xf5\xbb\xc9\xfd\xa3\xa4\xbc\xe1&lt;\x14h'</t>
  </si>
  <si>
    <t>b'\x85\xa7\xd0\xc2\xba\x13k3\xbd\x8d\x8fG\xdb\x11\xaak\xb6\xd8e\x1d\x9b\xd6p\xf1\x9b\x10\xa5\xaf\xdf\x80\xc5$'</t>
  </si>
  <si>
    <t>b'\xc4;\xa2\xf7\xb8\xd3\xef;\xe9aV\xd04\x99O\x04\xbap\xbc\xf3\xf0K\x1d\\\x96EO\xcb&lt;9z\xf6'</t>
  </si>
  <si>
    <t>b'ljkm\x17\x96&gt;Gt\x99_P\x1e\x94A\xac8x\xb1\xdd\x02\xe1\xf9\xaen\x82\xa0m,}H,'</t>
  </si>
  <si>
    <t>b'\xfb\xca\xbd\x83\xa8]|\xd9\xe4\xbb\x81\xa4\x1f\x89\x95M2\x13\xa2\x02T\t^u\xd2\xc0\x18/\x16\xff\r\x14'</t>
  </si>
  <si>
    <t>b'A\x8e\xce\xabG(\x8fT!b8\xd1X0\x96\xa0\xea5F\xa8\\\x83\xa6\xef\x11S\xa5ii\xbf\xee~'</t>
  </si>
  <si>
    <t>b'-\xd6+\xad\x9f\xca=\x86l0/\x0b\x96\x0e\xdc`x\xd6\xc0\x12\xdc}\xd8\xb0\xdf\x03jP\xec6F\x1d'</t>
  </si>
  <si>
    <t>b'B(\xfa\x97\xbf\x86\x02\x85E/\x9e-MJ}3\x94{\xe3\xb4q\xd4\x97\x06\x0beS\x18\xc4\x17D3'</t>
  </si>
  <si>
    <t>b'\xfcYJwK\x80&gt;\xbe\x8a\xef\x04\xa4\x95\xf4b"\x0e@@.{o\x8c\xa9\xf3s*\xd2\x8c\x96\xabU'</t>
  </si>
  <si>
    <t>b'\x9fx\x9d\xbf\x9d6\xb3sd{\xfcDB\x132g\tX\x04\x13\x0b\xfd]?G\xaf\xd3\x94\xe2\xfe\x8b\x82'</t>
  </si>
  <si>
    <t>b'\xd0{x\xeb\xa4*\x03kn\xf8\xc7\x9a\x86\xb4\xfe\xfa\xcc\xf1\xdb \xdda\x19\xda\xdc\xb9Z*V\xd3\xf7\xad'</t>
  </si>
  <si>
    <t>b'2$\x13\x83\x14\x1d\xa8\x16\xcd\x1e\xb2=\xec\xee#!\x91\x97\x89!D=\xad\t\xfc\x0c\xc7\xe4\xca\xbe\xe4\xae'</t>
  </si>
  <si>
    <t>b'\x11\xb8\xd1\xb8r\x1b\x9a\x18\xd3\xe7\xec\xdf\xb1\xb6jH\xde\x93\x8a\xdeo\xcc\xd6\xc4\xa3e_o\xd6\x0f\xcbl'</t>
  </si>
  <si>
    <t>b'~g\xde\xa2:Y\xb1f\xa9J\x1f\xea\x82\x99\x95\xa1}\xe8\x00dwI\x00\x17\xdf5\x9ci\xef\xfe\xb5v'</t>
  </si>
  <si>
    <t>b'=v\xc5K0C\xdbbb\xec\x0c\x05\x9e\xd7\xe0\x15\xb0\x1e\xd2\xe8\xfb\xe6\x9f\x8b\xa97\xb0\xfc\x1e1\t6'</t>
  </si>
  <si>
    <t>b'F\xcc\x80\xcb\xc9\x81@\xaf\x16\x9b.\x19\xeci#Jw\xd4\x0c\x80\x10\xdd\x8cj\x1dJ\xe3zeMJ\x1f'</t>
  </si>
  <si>
    <t>b'\xd9\xa8k\x036\xd5t\xc5\xf4eLN(\xda\x85l\xc2\xf8\xd7\xf1I\xcfI\x14\x85\xb7\xea\x7f\xac\xc8&lt;\x12'</t>
  </si>
  <si>
    <t>b'\xd9]w;\xa4\\+&lt;\x94Q8AW*\x81\xfb@,P\xb9I\xfa\x19=\x96 X\xb1\xa1\xc6\x87n'</t>
  </si>
  <si>
    <t>b'\x948Q\xec\x04\x00&gt;\x80\x0c\xbf&amp;\xa7\xca\x94\xddh\x8c8#\xf7\x06\xfa\x10z\xc9\x91\x93\x91\x18!6\x98'</t>
  </si>
  <si>
    <t>b' \xb8\x08\xce\x91\xb0\x80\xa1&amp;\x97\x9c!\xccK\xbe\x85\x87_\xf2B$\xdf?\x12D\xeftL\xeeoQ\x0c'</t>
  </si>
  <si>
    <t>b'w]\xfd\xaaw`\x9d#\x1a\x92eF\xf3\x06\xcbF\xfc\xa0&lt;\xedR;v\x1es\xf9]\x1d\x03C:\x1b'</t>
  </si>
  <si>
    <t>b'\xe5\xd5\x10D\xbf\xee\xdf\xc0\xc0\x08&lt;t\xbd\t\xe2*q\xe4&amp;\xb0\xb0\xd7!\x9e\xb4\x0f[3\x06\xdfDi'</t>
  </si>
  <si>
    <t>b'_\xa8\x99\xf7\xac$5\x8b\xf3\xe9\x08t)#\xc5_\xa3\xb1\x19\xe2\x10\xbd\xc2RA\xcdS\xbb\xba)\xb1\xc4'</t>
  </si>
  <si>
    <t>b'n\xf8\xf2!(\xcd\x10\xa9{#\x8b\x08\x83\x0fH"\xbc%\xbeO\x1e\x1bk\xbel\x08\xa2\xc7\x1eA%\x9b'</t>
  </si>
  <si>
    <t>b'9\n\xda\xc5\xa9rwR\xcb\x07\xb8\xc7\xf8T\x9f\xbe\xf8\xa5&gt;\xd0\xd5\x1e\x9a4\xe4\xed\xf7\xc6\x88=Q\xb7'</t>
  </si>
  <si>
    <t>b'\xa1\xc9T\xc6\\A\xe7^\xe3&amp;\xc0\xe6J\x15\xc7\x8d\xd4X/z\xba\xbc\x00S\xd4\xe8\x16O\xa9\xa7\xf2p'</t>
  </si>
  <si>
    <t>b'o\x93s6I\xca\x17\xc4vY\x99\x02F\xc3\xb0Z)\n\xf4\x9c8l\x7f?\x99\xb8\xb8\xa3\x82z\x06\xb3'</t>
  </si>
  <si>
    <t>b'\x10\x8aS}Qb\x9ei\x97\x18\x87U\xfc=N8U\xb8D\xa1\x9f/:F\t\x00\x94$\x9e\x81 \xd6'</t>
  </si>
  <si>
    <t>b']\xf5\xb45\x08{\x15L:\xa8\xfd\x05\x08\xee\xa4\xa4\x00\x8d\xec\xb5W+\xfb\xd0\xcdfG\x16\xb9.l\xaa'</t>
  </si>
  <si>
    <t>b'\x95E\x0f\x87=\r\x80b\xa1\xbej\x84\x10\r\xad\x83\xa6\xf6\x05z\x87\xe7\xf7\xed\xd3\x05\x05\ne\xff%\xe0'</t>
  </si>
  <si>
    <t>b'\xe9o\xf6\xa4\x06\xbf\xe3Y\x03\xd34\xaa\xef\xea\xff\xa8\xcd\x07X\xcf\xb4=\xd7f\r\xee\x13\x8d\x13}\x9c\xca'</t>
  </si>
  <si>
    <t>b'\x17^\xac\xc9\x86\rb\xc2=u\\\r\x92\xe6\x1f\x9e\xa0\xd9\xbc\xc3+\xd7\xaf\xe0B4\xf3\r\xffv\xe8\xee'</t>
  </si>
  <si>
    <t>b'(&amp;\x1a\xbe\xc0\x14(\xc5\xe6w\xb8rE\x93\x82\xfb\x10uZ\xc0\xd2\xb3\xb1\x06\xf2u\xd4t\xf9\x85Mk'</t>
  </si>
  <si>
    <t>b"\x82\xdd\\\xb6\xfd\xb9\x84\xb5\xff\xec\x07\x0e\xb0\xc1\xf2\xbbL\x9c\x9b\xcb\x86\xe6Hd\x90'-P\x1a\xfb\xecd"</t>
  </si>
  <si>
    <t>b'\xc8`VXU\xe4\xfe\xc2\xe7;b\xcd\xe6\xa1#\x8b\xb6\x02M\xb0\xc4\x82\xd0\xefb\x1di\x9c\x96\x83\xbf\xba'</t>
  </si>
  <si>
    <t>b'\x18\xaa&lt;3\xd7(\x0b\xd0\x15\xa1E)C"\x8d\xa9\xee\xd4\xa4\xddN\x85\xcb\xbe|\x97fW\x083)\xbe'</t>
  </si>
  <si>
    <t>b'\xbaK\xb7\xb7\xea\x9a\xd7\x88\xc8x#O]f\t\x0f\x0e6\x11\xa5\xc4@8c\xb4\xf7\x8a\xe9ID`#'</t>
  </si>
  <si>
    <t>b'\xa3.5\xb5M\xc3\xa7d\xf4n\xfd\xf5\x91\xa6\x0c\xectu\x9c\xf1\xacV\x9e9b\xb7\xe3\xcb\t\xe0\xc1?'</t>
  </si>
  <si>
    <t>b'\xb8\xbc\xa6\xc2\xedi0J.\x12T\x1eE\x97\x9f\xe1&gt;\x8b\x89jm\xfa\x19\x93O\x9c\x84Z\xe6p?\xe4'</t>
  </si>
  <si>
    <t>b'fv\x9a\xcbQ\xcd\xf8\xa8\xf6|\xe2V\x03\xc9\xe4T\xdf\xc5B\x01\x98\x10O\x1cj\xc7J\x1f\x18K\x99\x8e'</t>
  </si>
  <si>
    <t>b'\xda\xb6W\x17\x16\x0f\x9b\xc9\x99\xc0\x1f\x8d\xae\xd1`q\x18\x81\xad\xdb\xc4,\x04\xed\xdd\x9d\x1f\xf6\xaa\x93]j'</t>
  </si>
  <si>
    <t>b'\x91\x16\x7f\x0b\xb0\x83\xa7\xdc\xa7y\xa4\x87\xcc\xb4{\xee\x87\xa3\xff&gt;\xa8\xb7s1~\xc4x\xdd\xd1\xab\xfe\x0c'</t>
  </si>
  <si>
    <t>b'\x01d?\x80\xe2$}\xe6\x9b\xd7\x02\x06\xabN\x8d\xf9\x820/-\x00z\x1c2\x02R\x8b\xe5Y\xbd\x1fH'</t>
  </si>
  <si>
    <t>b'\x16\x10G$\x899^\xb3\xf6iK\x01\x9c\x8e&amp;u\xb4&gt;[\xf8\xa6P\x95\x9b\x94\x8bg\xa0jP[\xe1'</t>
  </si>
  <si>
    <t>b"qP\xb7K#\x0b\xf0*#\xb2P\x1f\xa8g\xa6'E\\\x16\xffT\x0fS\x90C\xee\xa7\xc7\x81\xbd'\xf7"</t>
  </si>
  <si>
    <t>b'\x97IF\x16\xee\xa9%\xe8d1\r\xc1\x11G\x97\x00B;\xaf\xfd\x7f\xda\xb6\xc9\xe1o\xb7\xfb\xc4I\xb31'</t>
  </si>
  <si>
    <t>b'\x90\xfb\xb3\x86\xbf\xe07\xa1\xf2-\xaa\xa0\x10\x02/A\x99\x08\xa8\x8a\xe1\x1fS \x12\xab\xb4\x06\xde\xb3An'</t>
  </si>
  <si>
    <t>b'\xce\xe5\x1b\x89\x9e9\x01\x0b$\xfeCq\xe0\xdaA\x8e\xf5\x98\xda\x96\x84\x9fU\xea_rK\xa2\xb2s\xf8\xfc'</t>
  </si>
  <si>
    <t>b'\xe2\xee\x12\xa7&lt;\x03\xb0\xb3\xdf\xbf\xe8\x85\x82O\xc8\xe3\xfd\x9e\x1c\xacb\x19r\x1c&gt;\xd0\xed\xcf\xfe\xb2\xbfM'</t>
  </si>
  <si>
    <t>b'\xab\x04g"\rw\x1c\xc5-B\x96R\xa3\xa5Gm\xb8&amp;\xf2d&gt;\xc3v\n\x15F\x91D[\x02\x18\xe2'</t>
  </si>
  <si>
    <t>b'\xe5\xac.G[\x05q["\x89&lt;&gt;\xaf\x8f\xca\xb4s\tB\xbd\x16\xb0\xe5\x85e\x1c\x1e\x0c\x08Q\xdd\xb2'</t>
  </si>
  <si>
    <t>b'\x80\xf47\xdf\x1c_= ~\xe3\x18`"\xce\x11"\xeb\xfex\xd4/EH\x184\x80y\x8cch\xa4\xd6'</t>
  </si>
  <si>
    <t>b'\xfa-r\xb2T\xbd\xc0\xadl2\xefj\xe2\x974\xd4I\xebB\xef\x82\xe5\xd7\x91\xd9Bh\xaa&gt;\xc9m\xcf'</t>
  </si>
  <si>
    <t>b'\xa0QKQ\xee(A\x19\xf9h\x13\xbf{\x90\xd0\xdd\x0ex&gt;1-\x17\x02\x05~\x9a\x8c\xc18T,w'</t>
  </si>
  <si>
    <t>b'\x15\xbatz[\xe1|\xf7\xaf~\xff&gt;]\x99\xd3u\x8b\x0eOvD\xe0b\x0c\xcdK+\xa1{db\xca'</t>
  </si>
  <si>
    <t>b'\xab*\xee\x13\xcb\xbf\xbc\x82\xd7\xfc\xe8y\x9c\x9f^V\xb9\x08\xafq\x06\x89s\xab:i\x024 \xe8\xe1\xbd'</t>
  </si>
  <si>
    <t>b'\x1b\xa0\x10\xb2\x80\x96\xc2\x81\x9c8wz\xe0\xaf\xf4\xdf\xaa\x1c\x06=\x8b^\x11\xa1\x97\xdb\x8d\xf7\xb6,\xcaL'</t>
  </si>
  <si>
    <t>b"\xe3:\x82\x82\x86\xf8\xc3='K\xe9M\xba\xb7\xe1\x82Fd\xe1z/P}\xa2'\xebVr\x08\x18\xbf|"</t>
  </si>
  <si>
    <t>b'\xba\xdd\xa0y\x19FQ\x9a`l@\x04\xd7Q67\xf2\xe5J\xc3\xf3\xffOd@Ch\xd9nj\x879'</t>
  </si>
  <si>
    <t>b'\x9c\x11\xa1\xbd\n\xcaW/\x1d\xc9\x03\xe8\x9f&amp;!o\x99y\xeb\xe5B\x01\xbd\xd3\xa8\x96\xf58\x993\x83\x85'</t>
  </si>
  <si>
    <t>b'+\xe7\xd26\xd3\x84\xe7\xf1\x98Vg\xc3\xd9\xbeH\x11\xffh\xcfSJ$7k\xc8"(\xfd\xe0\xc7\\`'</t>
  </si>
  <si>
    <t>b'\xa6\xbf\xccU\x0f\x81\xff\xd7^p\x08\x82]\xb6\x0c\xda.\xde\xbfee&amp;{(\x0f\x80\n\xd9\x18F\x07\xad'</t>
  </si>
  <si>
    <t>b'\xbd0\x01\xe56\xc2\xc9\xber_\x87\x14\x8c\x8c\xa3\xb4\x9d)f\x0fw:PH\xe8\xeb\x0c\x05\xf5d\x9c`'</t>
  </si>
  <si>
    <t>b"\x97\x90\xd3\xd0\x8f\xf6\xb9:\xd8Y\xcc\xb4\xc1\x02\xb9\xca\x18\x83\xae]\x14WBq\xff\xaf\xd6]^R\xb6'"</t>
  </si>
  <si>
    <t>b'\xde4hu$`\xf0\xa7\x92\xb0\xe4\xf3\x8e\x02\xde6\xa2\x88V\xf0\x8d\xfaB&lt;\x0c\x98\xa0\x18\xbb#\xe5\xd7'</t>
  </si>
  <si>
    <t>b'j\xe9\xef\xfe\x87o\xac4\xa3\xa1\xd0\xc3.\xd1\x940(\tW&amp;\\\xc160\xf1\x91\xfb3\xdc:\xe9\x1a'</t>
  </si>
  <si>
    <t>b'\x0b\xdc\xd6_\x81\xc9\x1e\x05\x0e\x84\xd1\xad\x98$E+\x96c\xdfzi\xfc*\xd2X\xe3\xa30\xdc3\\Z'</t>
  </si>
  <si>
    <t>831xx</t>
  </si>
  <si>
    <t>b"\x8b\xe6\xbb\xd3\xdd\x7f\t\x0ff\xc9\x87n\x95*; 7\x1f'\x84tU\xc8\xf7\xe5\xa8\xc7\xb7k`\xde\xe7"</t>
  </si>
  <si>
    <t>b'\xfa\xf8I\xcb\xa0%\xd3\xfe\xd4l\xcf9UD\x88\x05O\xa2\x93\xad\x0e\x8b\xc3\xdfje\x1f\xed\xd8\xe5\xe8\xe0'</t>
  </si>
  <si>
    <t>b'\xf1\x8a\x99\xd7\xcb\x16\xa9\xc2\x99\x8c\x99Fb\xa5h\xcc\xc1\xa6`\tN\xbda\x01\xd5v^\xd3[xN\xc7'</t>
  </si>
  <si>
    <t>b'\xfc&lt;P4\xf9\t\x84\x90\x1c1\t\xafCMf\xd6\xb0\xac\xa4V(M\xfe\x83p\x159\xde\xd9\xcb /'</t>
  </si>
  <si>
    <t>b'\xb94\x13iBM\xb4\xcb\xe6(\xb4\xaf\x19\x01\xf5\xc6g6p\x8d\xb4\xb7?\x04T\xd1\xe5\x93A\xad^t'</t>
  </si>
  <si>
    <t>b'r\x85\x08\x18\x1ch\x8dj\x94?c\xd6\x15}\xe2\x01\xbcn4\r?\x03\n\x18\x93\xcb\xa5)\x06P\xbf\x01'</t>
  </si>
  <si>
    <t>b'al\xd8\x98\xd0\x04\x82Y\xe8\xe6\x9ers\xe1\t\xb9\xfd\xdf\xd8\x1d\x93;3\n`^b+\xd0\x16\xb3\x06'</t>
  </si>
  <si>
    <t>b'\x98C\x9f_\xd1\x1d\x00\x80\xe2\xbbxG\x91\xeeV\xa1bZ\xdafX\xcf\x81\xfe\xff\xcd\xe6\xaa\xd0\x90\x92('</t>
  </si>
  <si>
    <t>b'\xe2\xa6\x99\xd0\xc3\xfc\x8b\xc6\xc1\x90\x80h$\x80\x80\r\xbb\xf9\x1d\xde\xe9~\xd1\xd4#\x1f\xb6\xfd\x96\x1c\x8f}'</t>
  </si>
  <si>
    <t>b'\xc8\xe6\x82\xdc\xab?\x81gQB\x88\x87d\xbc\x1cw6@k\xe1Z2\xe9!}\x00\x1e\xaa\xd3O\x81\xea'</t>
  </si>
  <si>
    <t>b'"\xa5\xe0\xba\xea%\xeda\xf1\x11\x82\xc5-\x98?\xd0\x12\x07;\xdbG\x15\x9a8\x03\x19\x8b\xb1r\x94\xe3 '</t>
  </si>
  <si>
    <t>b'\xb7\xcf\xc9\x01)g#\x1d\x18\xd5\x97\xdc\xee\xedR\x06\x03?\xe2\x19\xfe\x88\xe3\xe4_~$%\x0fW\x95\xfd'</t>
  </si>
  <si>
    <t>b'\x99\xb41\t\n\xec\xb3\xa8;\xda\xa9\xcd\x85#\x86v0JtW\x07w\xad\xf1\xb5\x98\x0c\x8e\x14`]\x80'</t>
  </si>
  <si>
    <t>b'\x1f\xb7\x00+\x90W\x88\xeb\x0f\xbd|\xf1\x11\x93)\x9c\xc6\xcd+\xfb|\n\x00\x97\xc9\x13\x82U\xae\xa5\xf1\xe0'</t>
  </si>
  <si>
    <t>b"\xe1)\xa9\xa7.\xf0#\xaa\x02:\xafIb\xf8\x8aM\xa3\xea\xfe'f\xb0\xa3DKT=\xc7\x99\xc5\x1e\xa6"</t>
  </si>
  <si>
    <t>b'U\x80\xf7\x88\xefXJ\xd5\xccL\xd7)U\xdc\xb3\xc7X\x1d\x99F$1J6\xd0\x02\x91\xbc\xd8(I\x00'</t>
  </si>
  <si>
    <t>b'4\xaf\xa5\xe4\xc7\xf7l\xd0\x0f\xa91\xb3q\xdc\xe9I\x98\xed\t\x12Scu\xe7EUd\xbf\xf2\t\xdd0'</t>
  </si>
  <si>
    <t>b'\xa5\xe9u\x85\x96U5\xa7\x82\xf9EJgH\xc4n\x8b\x8c\xaa\xee;\xe6r\xb4s[\xe3\x10\x92\xd3\xf3\xe7'</t>
  </si>
  <si>
    <t>b'\xe47a\xf7\x03u\x8e\xfbm\xecF\x92&gt;.\xbb\xc10[\xeb&gt;\xc7H\xdb,\xd5\x9d~}\xcb\xd1O?'</t>
  </si>
  <si>
    <t>b'\xcb\x83\x8b\xbc"\xb0(\t\x889\xfa \xac\x80\xc1\x83F\xceUh\xa6\xdc\x17rW\x14=\x1a\xc7\x8a\xb9;'</t>
  </si>
  <si>
    <t>b'\x9f\x8dN7%B\x17nI\xef\xe4\xd2^\x890\xab\x8ea\xc5\r\xb0\x05\xe3[M\xc8\xd9\x7f\xe8\x8f\x9f$'</t>
  </si>
  <si>
    <t>b'\xf8\xefV\x0b!/Z\xdd*\xab#\xcd\x98l\xdfW_Q&lt;L\x9bQ\xf3\x99O$\xc1\xdd\xa6&amp;\xd2\xff'</t>
  </si>
  <si>
    <t>b'K\x9a\x17dJ\x11\xc0\r\x17\xf7\x08\x9d\xc5\xb7f\xb2n\xea\x7f\xa5)\xab/Q\xad\x0f\x07\xe0\xac\xd4\xade'</t>
  </si>
  <si>
    <t>b'C#\xad\xc7\xf5u7\x1f\xbd\xfaI\xc4W\x19\xa5\x90v\xa7%\x0c\rq\x19\xb5\xa5\xc3\x12\xc0\x85\xd6G\x92'</t>
  </si>
  <si>
    <t>b'\xf5\x0c4\x04\x83\x17!\xc3g\xdcQ\xf6I\x97\xb3\xeb\xef\x80\xedb3\x15L&lt;\xfc\x804\x1a\xea*\rU'</t>
  </si>
  <si>
    <t>b'\x1d\x02A\x8dUy\xf5\xb5\x94\x9d\xa8@\x1d$\x8f|&lt;z\x93\xce\xce\xbdM\xafC\xb5\xc0\x8f\x8b\xfb\x7f\x10'</t>
  </si>
  <si>
    <t>b"\xa8\x12y\xc7\x9b\x00\xca'|\xf4M\xf4)\x1et\xa9b\xbb\x9fC\xd2\x13\x0f\xaf\x97\xd0\xec\xf1g\xa0[\xd4"</t>
  </si>
  <si>
    <t>b'\x10\xdcJ\xb7\x0fb+3^\xa7\x13\xba\xd9\xdc\x9e*\xc8\t\x0e\xf7\xc0\xa4\xf3\xd0\xf1\xc1\x8a\xd2N\xa7\xe5\xfe'</t>
  </si>
  <si>
    <t>b'\xe8\x8eK\xa5v+\x89M$\x99h\xb2\xc6\xbc:\xec\xbe\xaa\xe1aV\xd2\xedH\xdbF\x00\xf7-T\x83\xc7'</t>
  </si>
  <si>
    <t>b'\xce\x00\xc4\x10{\xc9w\x14\xd9\xa0Fr\xd4\xe03\xcf\x9e4\xfa\xf8\x8a!\x9f\x99\xc39 &amp;\xe3\xb4U\xf3'</t>
  </si>
  <si>
    <t>b'N4\xb6;8\x19xn\x8a\x96-x\x96,\xd8%\x1aZ\x9b\xec#\r\x16\xf5{cNP2(M\x17'</t>
  </si>
  <si>
    <t>b'1\xdbW\n\x8d\xd4\x9cl\xcd\x9a\x87s\xa3\xc2\xfcK\xb6g\xdew\xdb \xb5\xbfsx\xa0\x98f\x81\x04}'</t>
  </si>
  <si>
    <t>b'9^\xb2h\xebs\xcae\xb0\x03G\xff\x00\t\x1f\xd0\xe3\xda0\xaf\xf4\x0b\x8e\xea\\\x9d\xbb\x16R\xab\x8c\x90'</t>
  </si>
  <si>
    <t>b'\x13\x99t\xf4\xc3\x9b\x1fV?E\t\xde\xfe\t\xeeFX\x91\xd5\xb9^\xf2\n\xf9\xac~Ex\x98\x06!\xdd'</t>
  </si>
  <si>
    <t>b"\x9b\xf8\xca^\x96\xe7\x10Y\x0b\xa5\\X\xe0E\xf9\x85\xac\x16v'\xe8\x8bn\xda\x9a\x19*\xc3\xcd\xaa\xeff"</t>
  </si>
  <si>
    <t>b'\xcd\xff\x88:\xc2m\xecztdj\x0c\x81p\xc6u\x86GM\xf67\x9b1\x7fi\xc3\xc1\x19Uz\x0e/'</t>
  </si>
  <si>
    <t>b';\x84\xfa\xa90\xd9\x03\xb0\xb2\xad\x11\x9dM\xb0\x90\xee\xf0\xdf[\x81U&gt;\xe1\xd9b\xda\xf7\x8a\x0c\xdf\xe4q'</t>
  </si>
  <si>
    <t>b'-&lt;+\xe7M\x7fs\x05+\x88\x13&amp;\xa8n&gt;\xdb8\xef1\xc5n\x81\xde\xdc\xc6v\xdf:\xf7\xcf0\xf9'</t>
  </si>
  <si>
    <t>b'\xce/5\x99\x86Y\x81o\x99f5\xfa\xcc{\xa33ar0\xa3\xef*\xff\x88\xae`k;\x1b\xf2\xe8\x9d'</t>
  </si>
  <si>
    <t>b'\xa5\xe1\xe9\xed\xf0+b\xa3\xf9\x0c\x98pFj/\xe5\x96\x16\xa2\xde*\xfa\xfbnMcw(b\xdft\xce'</t>
  </si>
  <si>
    <t>b'\xf1\xfd\xde\xf8\x82\xc4\x97\x92\xe5]\xee\x95%\xfe\x05\x13\xd6\xa3T\xdb\xebQ\x14\xb7\xc8ai\xa3U:\xfc\xa3'</t>
  </si>
  <si>
    <t>b'R\xa34\xe2*\xf2n|\x1d\x1aSb\x8b7,\xd1\xe0_\x84\x97\x1e\xdc\x8f\xab\xee(\x1av\\\x86\xc8\x85'</t>
  </si>
  <si>
    <t>b'r\xbbC\xa9\xe8r%@\xd9.\xc7\x91\x92x\x1e\x987\x1fT\x95\xce\xf8\xfd\xd9C\x1c^\x0c\xa3\x0c\x1c\xf8'</t>
  </si>
  <si>
    <t>b'6\x9c\x1fK\x1f\xee\xde\x17l:\xe7\\\xe8O|\x1c\x1a\xb1\xd0\xb5\xe0h\xa4Se\x95\xea6M\xaf/R'</t>
  </si>
  <si>
    <t>b"\x81\xa1g\xf2\xac(\xf7\xc42\xa7&lt;D\x9f'n\xc2\x1a\x02\x14\x8b\x1fez.#\x1eZ\xb0\xfaZ\xe9\x19"</t>
  </si>
  <si>
    <t>b'\xf8NOR~^0\xaf\xbd9\x16\xf5\x92\x07o\xb9ii\x89\xd4\xc5\xac\xb6\xa1\x16L\xa9n\xea\r\x10\x1f'</t>
  </si>
  <si>
    <t>b'Q\xcd\xa6\xde\x15y\xe2vE\x9a\xd1\xa8\x1e\x82#_\\\xfb\xda\xd1&amp;\x91\xe5*&gt;\xb0\xd6\x7f\xe9u2)'</t>
  </si>
  <si>
    <t>b'a\xc8P\xe6R-qU"e9[\xdf\xac\xfc\xad\x16\xb5\x0c\x96VnD\xba\xa5\x8c\xcc\x9fE\xc0\x05\x02'</t>
  </si>
  <si>
    <t>b'\xabi\x88\xe2Q\x90\xcaB\x08\x93G*\xe5\x85\xdd\xe0\x85\xfb\x1f\xebf&lt;\x1fJ\x9b\rIj\xab\xbf\xab\xe0'</t>
  </si>
  <si>
    <t>b'\xb2)\x9a\x1a\x12_6\xa7\xcb\xa7\xce\xacx\x90\x81\x83\xc5\xff\xd9\x9c\xda`\xce\x84\xd5\xb6\x7f\x82^\xdb\xf5\x96'</t>
  </si>
  <si>
    <t>b'\xbc}\xdbm\xcda5\x03\tH\xd2\x87\xdf\xc4\xccb\r|\xce\x0cQi\xfb\x01\xfa\xb5\xf1K\\"\x8e2'</t>
  </si>
  <si>
    <t>b"r\xb2\xe6\xbfz'\xed\x05+{\x13u]|\x90\xf4\xac\xdd*.v\xd7\x0f\x0b\xa56\xbf\xb0wI0\x16"</t>
  </si>
  <si>
    <t>b'\xbe\xa3\\\xc0\xa3Z\x88\xb9IY\xfc\xfe\xe7\xb5\xdf\x06zhV\xd7\xef7\xc0\x03\xa1\x93tX\xe9\xdd\xeb\xe9'</t>
  </si>
  <si>
    <t>b'\xef\xeb\xa4\x95s\xbe\xf1\xa4\xc8\xe1\xeb}\xc4\xd6\x8aKx\xdf\xc6\x16\x1f\xab\xf7\xac}\x1a\xbc\xaf\x8d\xaa\\Q'</t>
  </si>
  <si>
    <t>b'\x15s9\xd9{W+[KN]so\x9f\xac\xa8@\x94\xa4\x90%\x1eI&lt;\xb9l\xcd\xf1|\xd2\x99#'</t>
  </si>
  <si>
    <t>b'GS\xb9O+\xe2T\x94A\x8c\xf0\x838\xb3\xfeqC\x83j\xe3\x94\xd2bZ\xa8\xe9\xeb\xef\x8a]4\x84'</t>
  </si>
  <si>
    <t>b'\x99e\x17\x1cn\x9a\xb1N\x1a\x1c\xad\xbd\xb5\xdf!P\tu\x83\xdf\xee\\JNIB`\x1c\xae\xa5\x8b\xbb'</t>
  </si>
  <si>
    <t>b'v\xa3\xe5xa\xac\xd6\xf2!\xe5\xb0)%\xf0C\x87f\xc4\x0e%\x87\xf9\xcaV4i\xed%\x9e\xfdU\x8f'</t>
  </si>
  <si>
    <t>b'\xbdO\xe7\x07\xe8\xa0p[n\x84\xaf\xbe\x14\xdb\xbd3\xa4X\xf0&lt;\x9d\x0eC\x82@\xee&amp;\xf0\xba\xd2y\xe5'</t>
  </si>
  <si>
    <t>b'@-\x19\xe1\x14s\xdf\x18}d)\xf3\xf5\xdf\x03i\xf2\xfb\xf8?\xec/"\xd7\x7f\xb2\x9f\xfb\xe0\x98W\xcb'</t>
  </si>
  <si>
    <t>b'\xff\xd1\xe6\xce\x95\xa6\xdd\x1c[\x90ZM\xca\xa6\xe3\xefB\xc3\xe7\xa8\xa7\x9a:W`2c\x04K{\xb4\xeb'</t>
  </si>
  <si>
    <t>b'\xb7\x8d\xe2\x12(=\x14b\x01\xb0-\x95\x12\x83\xde\r\xdb}m\xba%\x12\x1a%(\xc6\x98DV\x98Q\x8d'</t>
  </si>
  <si>
    <t>b'\xe8\x06\xf5\xb1\xd9\r\xc4\xbb\x06-L"\x08\x1e\xb5\x0bV\xdaOLV\xce\xe4\xc9ZkB\xd3\xebs\xeeF'</t>
  </si>
  <si>
    <t>b'g]Z\xfd:}\xc6\xda\x95\xb0U\x13\xd7\xa7\xdb|\x99\xce\xad\xeaO\x9aP\xff\x10\xf4&lt;\xe5\x1d\x0c\xbcP'</t>
  </si>
  <si>
    <t>b'\xb3\x8a\xb2&gt;$;\x13\xbbh\x05r4Ol\x8e@\xe9h\xd9\x12\xbd\x9f\xd9\xe8\xc0 \x84\x8b\xba\xab\xc3\x02'</t>
  </si>
  <si>
    <t>b'\xa4\xc2\xac-\xc32\x17z\xfc}\xdc\xa8\xf21\xeeC\x8c\x1f\xe5e\x87\xb7\xbd\x1b\x9b\x9d\x9f\x95\x1f)\x02\xc2'</t>
  </si>
  <si>
    <t>b'\x1dP\x867t\xb5\x10\xad\xf0V\xd2\\\xc7!\xa0\xc3\x15\x08\x86A\xd4\xa5A!\x0e&lt;8R\xe2\r\x13\n'</t>
  </si>
  <si>
    <t>b'\xbf\xdd-\x1b\x93\n\x7f\xdb\xdc\xe1\x89\xd2\x9fw\x87S\x8b\xf2?\xf7\xde\xda\xcc\xce\xaa7\x96\x90\t\x1e\x98\x1e'</t>
  </si>
  <si>
    <t>b'\xe9\xa9\xec:\xd8\xf3\xfaL\xb9+\x84\xd1\x9cA7i\xe2Rt\xb9\xf9z\x1f:9\xdb\x0f\xf9\x0b\x85f]'</t>
  </si>
  <si>
    <t>b'$\xac[\xf6\x05q\x99B\xb8\x14\xdcXH(&lt;\x9b\xc4%\xc6a\xc9\xfe\xd1VG\xde\xf5`\xb0\x94\xc0\x98'</t>
  </si>
  <si>
    <t>b'\xbf\xd4\xfaWP\xc1\x0b\xbb\x07\xef\x8e&amp;\xca\xf7}U(\xc4\xc6B^\xfacG\xb2\xf1\xf58\xc7\xac\t\xf7'</t>
  </si>
  <si>
    <t>b'?8ELb\x00B\x9d\x04g\x0b\xda\xb8\xb9\xeaCa6\xce\xfc9q\xc2\xa5\xb7t\x88\xf4\xac\xc0m\xe5'</t>
  </si>
  <si>
    <t>b'\xa3w\x81\x04\rv\xfa\xf6\xe6\xe0\x06\xa7a\x01\x18X\x16\x10\xe9\x86\x0c!\xcc\x89\x85\xce\xb2\x9e|\xa5|2'</t>
  </si>
  <si>
    <t>b'&lt;\xdf\tIZ\x18\x07"\x1a\xad5@\xf9\xef\xf2Lwn?P\x1bq\xd3\x95\xac\x94wm\x94\xbf\xae\xc2'</t>
  </si>
  <si>
    <t>b'\x8b\xfbf\xce\x92\x12\xa6qc\xce\x08\xd1d\xaa?\x81\x89\x1e\x1f\x14\x94)R\xb6"\xe9\xdb\x85"\xfaUh'</t>
  </si>
  <si>
    <t>b"rZC\xc7\x87\xad*\x11\x17\xe7!\xab\x82\xbd\xa6\x9cS\x12Ub,\x99\xa8\x82'\x96E\xcb\xfcoGs"</t>
  </si>
  <si>
    <t>b'x\x9e\xfc\xc5\xff\xb6.\xa5\xc5\xccY\x9e%b\x9a9\xd2Qk\x85\xe3\x94Sv@7\x1e&lt;\x85\xd2Q\xc5'</t>
  </si>
  <si>
    <t>b'9\t\xd0\x146\x89~\xcc\x9c\xb3\xa2\xcfE\x8b\xa5J\x9f9\x16Q`\x9f\xf6.\xa7\x87\x13l\xa4\xe8xH'</t>
  </si>
  <si>
    <t>b'\xb8\xee?]\xac\xb9\xd9bh\xbb\x19\x17\xfe\x03\xfb\xaa\xb7N4\xf7\x88\xc8z\xbd\xfbe\xe3\xba\xd3\xd9\x11\\'</t>
  </si>
  <si>
    <t>b'\xdb\xb7\x10o?\xf1\xa3;\xd1\xa6ZPs\xcb\xd2&lt;]\x0eJ\x02\x1d\xb1\x9e\x9b{_\xe4\x8f\xdf\xbf\xff2'</t>
  </si>
  <si>
    <t>b'\x9d\xb0\xe7D\xb5\xe8(M\x01\xce\xc8?\xe3\xd5\xbb\x13\xef\r?\xb2\xfb\xda\xa3Q\xf0n&amp;\xfb\x87\x8c\x1a]'</t>
  </si>
  <si>
    <t>b'P\xbc\x11\xb305\xb0\r\x10\x1f\x1b\xc4\xb3\xe0\xb0n\xe2\x8b\x8f\xd3\xf8c\xef;go\xde8\xfdP\x1e\xf7'</t>
  </si>
  <si>
    <t>b'\x86{8\xf7(\x80\x16\xde\xe1oY=\xd2(\xbf\xb0\x0fbt0\xb6\xfa\xd3\xcc\xadW\x00\x82\x16\xa9\xf0\xe5'</t>
  </si>
  <si>
    <t>b'\r\xd1\xdf\xe6&amp;\xcc\xc0\xe2+\xb1\xc8\xef\xb0\xb1\xffP\xdb)Jc\xf8\x87\xe9\xa5E?\x83\xfbJ\xa3.\x03'</t>
  </si>
  <si>
    <t>b'\\gY\x95:(NNlgP\xddd\x80\xf5\x1d\xbbW`\x9a\xd87\xc4\x03\x1bVCj\xba\xfb\xafB'</t>
  </si>
  <si>
    <t>b'\xbf\x1c\x92\xab\xbf,3c\x83\x97\xa8\x86H~\xccW\x96\n\x02\xb9\x8f\xef6/\xa6\x1c\x07\xf8\xd0\x9bz\xa1'</t>
  </si>
  <si>
    <t>b'\xda_\xbba\xc5p\xee\x90\xc7aW\xa8\xf7\xfa\x9aC\xa6s\xbb[Q\xce:\xdff*#j\xe2L\xd3U'</t>
  </si>
  <si>
    <t>b'\xd3\xe8\xdaj\xaf[\r&gt;\x07g\xa4\x9b\x99\xcfq\x04\xd1\xe0F\x01\nd\xcf\x97\xfc,\xd2\xdc\x04\xcb\xea\x01'</t>
  </si>
  <si>
    <t>b';\x86D\x13\xff\xf6\x92C\xb2\xd3\x08q9U{\x1ep\xb9\x1e\x05\xb2\x82\xbd\x83F\xa7\xea\x0fj\xfec\xd0'</t>
  </si>
  <si>
    <t>b'\x18\x07N\x80\x1a\xe7\xae\xe4t\x12fV\xd4\x8e\xb2\x02\xa9}N\xf2\xfd\xe5 \xf92y\x83\xfa\x91\xda\xb1\xc5'</t>
  </si>
  <si>
    <t>b'4\x99\x00\xc6\xe4t`\x9b5i\x88\xcd{\x84\x85L\xdc\xc6\xcf\xa7D\xf5DW\x93\xdd\xfe\n,\xe1\x14z'</t>
  </si>
  <si>
    <t>b'@mh\x8cg1\x8cb\x9e#\x89\x08`\xdd-\x14*\x07\x08\x91p\xd5/V\xd33x\xcd &lt;b\xba'</t>
  </si>
  <si>
    <t>b"2'\xba\xcdC\x8fh\xa6\xc4wIy\xbfj\xf2gE\xbc.^\xeb\xb5\x86~\xcd\x8e\xff\t\xb2\xcc\xc7L"</t>
  </si>
  <si>
    <t>b'\xb7%&lt;\xec\xd4^\x90\x02.l\x86P\xb3\xf5\x03\x19\x12\xad\x17]@\xde\x89\xd5\xfb\xc1\xa7\xfc\xa9\x9el\xdd'</t>
  </si>
  <si>
    <t>b"{\xa2\x13\x1f\xce\xea\xa8gw7\xa7\x91\xd6\x8d\xa716\xa5\xa2\xdd#\xc4'\x1fQ\xd5\xbc!,q8\xde"</t>
  </si>
  <si>
    <t>b"\xab\xff\x02\xd3\x92\xfa\xb2'\x16\x91wq7h\x04\xe4obF,Ex\x14\xa6[\x054\xff\x11\xf3\xe5\xec"</t>
  </si>
  <si>
    <t>b'\xec\xf8\x84\r\xed\xce\x86\x8f\xe1\x89\xb9\xd6\xed\x1bjI\xa2\xf6\xfb\x1bg\xb7I\xc4\xca\x90\xaak\xf8e6\x1b'</t>
  </si>
  <si>
    <t>b"\xedn\xd4\xb3Q\x86\xe2\xbf\x08!\xa7x}\xcdmU\xaa\x88&amp;-\x10\x9b $m7\xdf\x06\x89\xfe'\xbe"</t>
  </si>
  <si>
    <t>b'\x07\x13\xa3\xc8\xa4\x16\xe1\xfcEH\xdf\xf4\x10\xc4Xt\r\xe1\x83n\xaaz\xf9\x12\xb3@1\xd6Q\x06\x0e\x82'</t>
  </si>
  <si>
    <t>b'\xdbuY(\x96~\x1b\x1d\x87`\xa7f\xa8\xbf\x1aM\xa8\x81nQ\xe24f\x18\xf0\x1e"j\xe6-\xae\x06'</t>
  </si>
  <si>
    <t>b'\x8c\xf2\xaco#G\x10\x13x\xf8\x1e6\x0cO\xb7t\xaa\x82\x1ewh~B^\xaf\n\xa7\x18\n\x8d\x1d\xef'</t>
  </si>
  <si>
    <t>b'\xcc\x08\xb6\x14\x81,\xc3\xe1\xef\x07\xb0\xe2\x90A\x98\xffY\xc9%\x1by\xeb\xa08\xdd\xe2\x93t\xc2\xc8\xf2#'</t>
  </si>
  <si>
    <t>b"y\xfc\xcc\x9f\x94\n\xf5\xbds\xe8n\x86\xc5'BZ\x10p+u.\x1e\xeaJ\x03\x9fw\xacT\x08\xc1\x98"</t>
  </si>
  <si>
    <t>b'T\t\xe9V\xf4\x8b\xd4\xcbBS\xa7\xcb\x94\xeb\xc2\nv\xd6\xe6)\x87\xa0Wx\xcd\xc6\x832?\xa1\x8e-'</t>
  </si>
  <si>
    <t>b'\xc1*\xb90\xde8`}\xcb\x14\x18\x91\xfeYj\xb3\xa7\xa2\xdb\xfb\x1a\xa6\x02\xeeo\xa2UNh\xa6\x99\xc7'</t>
  </si>
  <si>
    <t>b'B\x01\x89\xa7\xc21\xc2\xc4?/-\xa2\xd5\x1fQz\x17\xb6n](wC\xdd\xbd"\xe2\xdd\xf4\x07\x9b\x9e'</t>
  </si>
  <si>
    <t>b'r\x85\x1b\xa3TI=\xc3?\xf4\xcdv\x03\x81\xac\x1aa\x86d%`\xf00\xb2\x9cQ\x86\xb2p\x8a\x87\x87'</t>
  </si>
  <si>
    <t>b"\xf6\x16}\xf02\xb7\xad\xfb\xc2J;\xd2\xbcC\n\x1f\xc6\x9f\x15I(\xb0$'\x00T}\xd9\n\xac\x96|"</t>
  </si>
  <si>
    <t>b'&amp;M\xc9\xbd\xdf\x10\xf1\x90g\xaf\xf0-{s\x99B\x04d\x9e\xf4\xffPd\xd1\x1cz\x91\x88\x83\xb2"T'</t>
  </si>
  <si>
    <t>b'\x01\xdb]8mr\xeb\xc7\x7f\x91i\xb1\x9e\x14\xb3p\x14\xe2\xab\x01\xf1\x14\x11\xce\xc6\xe4\xafze\x90i.'</t>
  </si>
  <si>
    <t>b'b\xf3[B~\x9f\xde\xd1p\r\x13\xdd[\xeb\x9a_\x99\xb3v\x17\xb3\xc9@b\x853$\xe3\x08bX\xda'</t>
  </si>
  <si>
    <t>b'[\x03\xd7#\xfe/\x07\xa0\xc9\xd5\x03\xf5\xc8k\xe5\xa0y\xa4\x0c\x86\x1a\xc1?\xe9.\xcb\x8d1\xb0\x1d\xc4\xaf'</t>
  </si>
  <si>
    <t>b'\xd4\x85o\xc3\xa5S;\x05\x1c\xdeb\xfa\xc3F\x00]{\xbc\x07\xca\x8c\xda\xbf\xb2\x97wvA\xcb\xc9&gt;\x90'</t>
  </si>
  <si>
    <t>b'\x8b\x9d\x07;j_\x93\xa4o?\xab2\xdc\xf6RT\xa4\x04\xc4S\xd5\xa3=?\xd8\x0e\\J\x1f\xde\xea\xb6'</t>
  </si>
  <si>
    <t>b'\xf4\x1dB\x86\xeb\\`\xdf}-R\x99aK9\xaf\x9a&gt;\x8bM\x1c\xc4B)\x1e\xce\x13R\x87\xf0\x08\xfd'</t>
  </si>
  <si>
    <t>b'.)\xd6.\xad\xd0\xfbM^\xf8\x93\xf8\xd1\xb6\xaci\xd6\xc8\xb7JF\xcd\x1a\xefH\xa5\xc4\xa8\xcaw\xc4\xd6'</t>
  </si>
  <si>
    <t>b'\xcb)i\xfa\x7f\xaa\xcc\xf9Dh\t.t\x0fZ\xa3\x9e\x1aE\x06\x95\xeb\x00\xcaW\r4\xc1f\xe2\x8b^'</t>
  </si>
  <si>
    <t>b"P)\x86\xdb\xadH\x94g(\xb0&lt;'\x06\x96\x85?:0/F\x17\x05Y\x9c\xb6\x0b\xcf\x94oZ\xc0Y"</t>
  </si>
  <si>
    <t>b'\x0f\xe4\x08\xac\xfa\xe7,\x18SN\x082\xe2a\xfd\x18\x1cy{\x8d\xb4\xeb\xc0?\xf3_)\xd5\x86\x92\xb4\xf1'</t>
  </si>
  <si>
    <t>b'j4&lt;!\xb7\xca\xc8\x94\xfa\x18fa.b_\xf5\xee[\xa2W\x8e\xb9\xa7\xf2\xc8YX\xb1\xdc\xe2\xbc8'</t>
  </si>
  <si>
    <t>b'n\xa7\xed\x8c\xc8\xce^\xb7N\xa6\xef\x16e\xb0\x82\xabGt\xd7\x89{F\xe5_\xa5\x1cA4\x95\xdcNX'</t>
  </si>
  <si>
    <t>b"\x91\x1b\x9cD\x08\xb4\xa4M\x8f\xa4\x119t\xbc\x86\xacQI\x94\xe3\xe0\xf3P!{L\xf9\xe9\xf2\xbb\xbf'"</t>
  </si>
  <si>
    <t>b'\xa9\xea\xb7\xfbX\x9c\x92*\xca(\r\x90\x07[\xf8{c_\xc3_\x03\xd8\xbbw\xf4-\xbb\x86~1\x12#'</t>
  </si>
  <si>
    <t>b'\xf6\xd0p&lt;2\xa0\xb6\xd4Y^\xb4\r\xe1\x07\xa9_\x85\xb5\xae7\xc9i\xd4\x9aTr\x14\x96\xffD\xf5\xa2'</t>
  </si>
  <si>
    <t>b'\x7f#/\xfa\x97?\x8f\x98\xbb\x801\xe4\xf6\xec\xea\xbd\xe5_\xc0W\xd7#)\xcd8\xd5v\xd5\x12$\x1e/'</t>
  </si>
  <si>
    <t>b'\x90\x84\xa4\x00\xa6\n\xd3\xa9A\xc3lE-:\x05rNO~)\x7f\xdf\x1f\xef\xaa\xcc\xe2\x83\xe2\xaf]Z'</t>
  </si>
  <si>
    <t>b'\x9bfX\xcb\x9e\xe0/\x84\xcb\xa5\xf1\x03\x8cm\x98%\xe6\xc2\xc7\xff\x8dO\xcd\xa2\xe5\xb9A\x0b\x9f\x08\xb9\x96'</t>
  </si>
  <si>
    <t>b'\xa8\xb6E\x96X")\x06\xd9_\xe7\xba\x98(\x8b\xbdC\xfe\x1d}\xa7\xd1\x1b\xaaL\xcfC`\x07\xc9*j'</t>
  </si>
  <si>
    <t>b'\xb4\xb5C\x9bL@\xf0Y\x80\x87\x16Q\xa59\x0cQ\xe2)r\x1e\x8f\xfe\xcb:c\xd0\xca\x1f\xde\x7f{\x96'</t>
  </si>
  <si>
    <t>b'k}5\xf3\xee\xac!\xa4\xcd`\xd5\x11BF\x12@\xd3\xbdd\xa2\x85f\xe0`\x93PB/\xf9\x91\xec\xec'</t>
  </si>
  <si>
    <t>b"\xe2G7\xda\x9d\xbe\xe2\x1b\x87&lt;\x01\xad\xc0\xb7k\xd2\x03q'\xd2\xb0\x8b\xa9LJN\xe3\x83\xb4-mt"</t>
  </si>
  <si>
    <t>b'\x8b\x08a\xa0\x05\tb\x83\xa3\xa7\x11x}x$_\xae\xdc%\x07\xd9w\xff\x1e\x9cUy?4\x1a\x11@'</t>
  </si>
  <si>
    <t>b'\xa6\xf1\x1b\xea$8\x1fO\xa1\x15\t\xcc\x98#\x11\xf5\xdd\xdc\xc9\xe5\xd9\x8b\xb0!\x96\t\xc1\xa9v\\uz'</t>
  </si>
  <si>
    <t>b'\xeb\xd2\xba\x80\x0fB\x0896\xaa\x12\x80Pbx\xdb\xdeq\xda\xd9\xeb\x9byR\xb1\x00\xde\xc6~m5\xe7'</t>
  </si>
  <si>
    <t>b'\x16\xb3\xe1\t#S\x9dy\x89\x90B\x9c\xe6\x1e\x9bR\xc2\x12\xdd\xb7\xab*\xf6oO8W\xe5\x08\x1b)\xd9'</t>
  </si>
  <si>
    <t>b'\x95\xc13\xc4\xfa1\xdb\x8be\x14\t\x06A\xdbg\xb8\xfaD\xd9\xe7\xcc\xe9\xc8\x02\xca\xe1\xc1V(\x0b!J'</t>
  </si>
  <si>
    <t>b'\x06*\xa1\x82~\xdb\x8d\xdev\x11\xc7?\xda\xdf\xb4\x1b\xb7\xa9\xafqfs\x9ap\xa6\xf0\xc8\xf0&lt;\x04z\xfa'</t>
  </si>
  <si>
    <t>b"\xa6\xa1i\x10\x89W\xa6\xd9\x81*\xb8E\x85\xf9\x90N\xa4\xddh\x84\xcd8\xfc_V6'\xaaq\x820\x94"</t>
  </si>
  <si>
    <t>b'\xa5I\xabr\xc4t&gt;\x88\t\xd4c$\x90\xd9\xcd\x19\x19"\xfe\xfb\xeaw\xcb\xa5\xbf\xe3`^L\xe7\xb2\xd2'</t>
  </si>
  <si>
    <t>b'\x02&amp;\xba\xc3\xf6\xcd%\xa9\x1a\xf6\x86\x1bW\xb0\xa5\n\xd1\x0f\x11\x92l\xf6?L\xd5\x00K\x08\x02\x92\xe3\xb6'</t>
  </si>
  <si>
    <t>b'\xe7u\xfd\xf4\x14p\xe1\x0eo\xb7a\xf8p\x08\x95p\xadwsT"\xecD\xc5F\xb3~\x83\x80\x0b]o'</t>
  </si>
  <si>
    <t>b'\xa6\x8a\x15\xb9|\xe5\x86\x13\x84I\x15\xbe\x1eb\xaahiC%\xc1\x885\xfb\xc4\xcb@q\\\xffZ\xb2B'</t>
  </si>
  <si>
    <t>743xx</t>
  </si>
  <si>
    <t>b' A\x92\x90jh\xe1\x16\xc0NU\x99\xc4\xdd\xac\x028\xcaR\xb4\xd5\xe8\x01\xbdA\x86\x05\xa48y\xd8\x9e'</t>
  </si>
  <si>
    <t>b'm\xcb\xb8\x18=v\xce0JH\xf4\xb9\x1f\xfc\xe2\x87F]\x14\x1ax\xf6\xfby |&lt;\xac\xd7\xe3KU'</t>
  </si>
  <si>
    <t>b'\xa6s\x11\xf1\xed\xa7\xf9\x06\x8au\xcd\xa7z\xdeP\xfda\xdc\x195\xfd\x95\x1e\x95\xf2\x80y \\\xb9\x86\x08'</t>
  </si>
  <si>
    <t>b'\x1cws\xc7\xf4\xd1\xb9\xad\xd0XI\x07@\x8b\xb7\xeckN\xc8c\xb9T\xae"\xb4_6~5\x9b\xeak'</t>
  </si>
  <si>
    <t>b'8~\xd9\xea\x02\xac#rJ\xf8o\xd8\xba|\x9dX\x1cm\x07\x96\xc5\\\xcdD\xe5\x12\x8c55-\xac\x18'</t>
  </si>
  <si>
    <t>b'\x8c\x92S\x1e\xd1\x01\x0c\xa9=b\xd6\x0b\xa05\x80\x93\xf1@y\xad)\xc3\x05\x8aw\x98\x15_\x15\x1dWn'</t>
  </si>
  <si>
    <t>b'2\xfd\x93\t\x12\xeb1P\xa5\xd3\xc6\x99\x05\x19\xa94\xbfd\xfa\xd9\xf7D\x86\x1d\x04-\xfb\x92\xdb\xf3\x0c&lt;'</t>
  </si>
  <si>
    <t>b'\xfc\xb2\x9dg~\x03\xc2\xf1\x11\x02&gt;\x1cS^\x15Yd\xd5$\xaa\xc3\x81\x1b\x1a"\xa2"~H+r='</t>
  </si>
  <si>
    <t>b'\xa0\x9c\xa6\x08$\x17\xe3A\x14\x10\xdd\x8d\x88\xc8\x0f\x13\xcfM\xf5j]#g\x87Bi\xf4\x0e\xc9ru\x92'</t>
  </si>
  <si>
    <t>b'l\xa4Y\x82N\x9d\x95\xc3\x86\x1e\xe6\xe2\xbb\xd8\xcba+\x8b\xba%\xffM\x97\xfco\xa1\xcb!\xc8A\x9ep'</t>
  </si>
  <si>
    <t>b' \x17\xec%X-\xab\xc6\x04(\x88\xb4\x8e\xc5\x1e\xa1E\xeaLF\x00\x9d\x19\x12\xa2\xa1\xc0\xa6\x94\x87\x91\x04'</t>
  </si>
  <si>
    <t>b' \xe61\xa0\x1aZ\x15Z\xa0p\xa7\x005\xe9\x83\xfbn\x18\xf2\x81\x92]0#8O\xa3\xb3\x0f@\x0b\\'</t>
  </si>
  <si>
    <t>b"'3\x04&amp;\xe3\x87\xad\x8e\xbe\xdf\xa7!\x9c\xa7\x15\xbb\xef&gt;\x8b\xa7t\x16lbw\xd7\xb1\x00&amp;\xc2s\x8f"</t>
  </si>
  <si>
    <t>b'\xee\xf9\xe5\x93\xfa\xee\x8f\xdb\xd1\t\xf7n}yW\x9a\x98n\x89b\xbc\x92\x9c\xd3\xd7\xe6\xc6\xd3c@`\xc9'</t>
  </si>
  <si>
    <t>b'\x9cs\xb3Li\x0f\xd0\xfdW\xceq\xd6\xc6K\xe8\xff\x16\xe6mXd\xf2\xe5)\xe8\xf1AG\xe2\x14\xbbg'</t>
  </si>
  <si>
    <t>b'\xc29\xecGI\'\xa5\xd7\x97J\xa2`\xc7_\x0e%x\xd9f\xdfx\xdc"\xb4O\x85\x1f\xb38\x9f\xe6\xf8'</t>
  </si>
  <si>
    <t>b'\xa8p\xf8{\x02\xd4\x88i\x18\x9cd})\x1a\xaa\xfbZH\x9f}\xeb61\xb1\xe4:\x89\xc1 C/\xa4'</t>
  </si>
  <si>
    <t>b'IB\x02\xe3\xec\xbf\xee\x97 Pt\xe3N\xd8z\xe6\xff:"\xa9\xb77\xe5\'\xa9)e\xa9?\xbe5L'</t>
  </si>
  <si>
    <t>b'"\xd5b`7\x1a\x05\xeeo\x08\xc6\xb2\xbb\x1fN\x82{r\x18&amp;\xab\xd8)\x0fs\nE\xfe"\xfbgQ'</t>
  </si>
  <si>
    <t>b'0\x18\x02\xa4\x97\xa9*\xa1\xbc\xe1&amp;\xd2f\x93i\xbe\x9ca\xdf\x03\x8c\x1b\x8f\xce\xb4\xaaC\x0bC\x80\x99X'</t>
  </si>
  <si>
    <t>b'c\x0f4.d\x07H1\x90\x06xO2\xbeS9\x0c\xebd\x9c\xd9\x88\xa6\x10\xb71*m\xbc\xca\x0c\xde'</t>
  </si>
  <si>
    <t>b'\xf4\xb9\xb8&gt;VNY\x83\xc74\xddI\x0f\x8a\x18z\xb6\xcb\xbd1\x91w\xc35b\xeefc\xcc\x12\xc7\xbc'</t>
  </si>
  <si>
    <t>b'\xa9\xe1|\x8b\xb0\x81\xe5\xe9\x8dH\xd6X7C\xcf \x05\xd4\xf8P\xed#\xc7&amp;\x11\x81!\xc4\x06\x93\xae\x0b'</t>
  </si>
  <si>
    <t>b'\xa8E\xee\x13\x97\xe4\xeb\xda\x8d\x95\x01\x18\x14\xf8\x95Q\xb3\x96\xce4\xaa\xe8\xa1=/v\x1b\xd0\x07\x9ed\x1b'</t>
  </si>
  <si>
    <t>b'D"\x05\x89CW|\x18\xbd=di\x08u"\x93\xf0\xa3Rc\xc0ko\x05\xb0\x0b\xce\x1fe\x83\x8f\x16'</t>
  </si>
  <si>
    <t>b'w\xd3i\x1b\xed Vj\x81t?-\xfc\xbd\x92\xad\x9c\x96\x92o\x8aB\x85~\x0f\xa7k\x98\x94M\x87\x90'</t>
  </si>
  <si>
    <t>b'\x8ah\xbaBfF\xf14dr\xa5\x8e\xcd?\xb9\xa4\xa5\xe9\x92\xe9\x8e\x7f\x11\x0f\xa3\x98\xa7F\xe8\xb8\xf8M'</t>
  </si>
  <si>
    <t>b'`\x80\x98\xf7\xda\xcc7O\xb2\x84\x97\x17\xa3+Yq\xc3M\xee\xb3cJ\xea\xfah\xe5j\x8b-m\xbd\xed'</t>
  </si>
  <si>
    <t>b'\x9d8\x8f\xd1t5,\xf5X\xf0\xc9\x89v\xe0\x99EL\xc9Z\xea\xf4\xdc\x1f\xdaF\xb4\xb6C\xdd|T-'</t>
  </si>
  <si>
    <t>b"`\xadn\x92\xab&amp;'\x94\x1b\xa4e|6\xc9\x16\xdf\x0e.P\x9b\xfe\xd4\x85\xe5F\xda\xce\xaf\xd8\xe2\xa4\x07"</t>
  </si>
  <si>
    <t>b'\xd8\xbb?\xe9v\x0e8+\x81\xf7\x86\xaa[\xb5\xa5\x92!\xe5k\xdf\xb1\xeeS\xf2\xf4\xec\xdb\xca*\xff\xf5\x0f'</t>
  </si>
  <si>
    <t>b'\xa7\xda\x81\xd0=!\xf7\xb1\xd1U\xe4\xb5Q\x87\xbe\xeb\xa2x\x17\xee\x8cCG7"_`\x84\xb8\xc94\x82'</t>
  </si>
  <si>
    <t>b"\xc4\x94\xf4\x0b8\xb6$c \x05\xce\xcb\xebQ\x8f\x96\xaa\x82Q'\xc2\xa2Ca\xbfMn'&gt;L\x06\x96"</t>
  </si>
  <si>
    <t>b'\xf8\x92Z\xa6uK\xc4\x99\xa4\xe8\xad_n\x05; U\x14\x80+\xf5f\xf2y=\xbb\x06\x1b\xd7\xa2\x04y'</t>
  </si>
  <si>
    <t>b't5\x9f\xeb\x11\x03\x87\x7f\x16\x91\xf3eeB&lt;&amp;){\xc83\xb80p\xeb\xeb\xc6\xf4\xe5\xee\x8e\xf9\x1c'</t>
  </si>
  <si>
    <t>b'D\x9e\x93&amp;\x0cRN\x1d\xe1[\xc4\xf1\xd8\xf3zc:0\xeaB\xbf\x80\x84\x82n\xfc\x96\xc3m\x85\x1b\x07'</t>
  </si>
  <si>
    <t>b'\xd5{\x19ce\x0fw\x10N\x13\xf660\xc5\x03\x94\x8c\xe5\x90\xb2[\xb3{\x89O^\xa2\xc2\x7fnF"'</t>
  </si>
  <si>
    <t>b'\xaa&lt;\x88\x8bu\x14\xe2\xb0\x93Q$\xb0\x00B\x10\xfb\x91Hg\xa5J\xab\x91\xdf \xd5\xd7\xf7\xf5\xec\xcd\xf3'</t>
  </si>
  <si>
    <t>b'\x05\x0bk&amp;\xbc\x04\x10A\x83\xae\x88\xb6\x8a\x95\xa0\x8a\xda\xd6\xa4\xfb\xee\xc9s\xc0\xc2\x81v\x0e\xcaI&gt;:'</t>
  </si>
  <si>
    <t>b'\xcc&amp;\x94X\x9eT@\x81\xcc\x04\x9a&lt;!P\xe7\x90\x95\x86\x05\xfe&lt;\x04\xa7\x8dO\xf9\xd9\xf9\x93\xd5k+'</t>
  </si>
  <si>
    <t>b'\xfb\xe0\x9d4\xe0b\xcbS\xad&lt;\x92V#\xfd\xe7\xa4*0\xb7\r\xc1*\xb8~\x8a\x05(Ro\x0c\xc5n'</t>
  </si>
  <si>
    <t>b'@\xbbf\xed\x86B\x1c\xac\x01\x0be\xc0o\xc7\x1a\xb6{\x98&amp;\x96\xa5\x8f\x8b\xf1\xd8\x7f\x1a\xa3\xf6\xd2.\x8e'</t>
  </si>
  <si>
    <t>b'\x03\x0e\x08\xe8\xceqN\xbaW\xec\xf1\xf0\xffo\x11Y\x01\xdd\xec\x19\x93\x90\xf9\x8cn\xb9\x99`\x13\xa3\xa7q'</t>
  </si>
  <si>
    <t>b'H\x1e\x1b\xfc&amp;\xbc\xd5\xe87e\xe9\x97\x16\x19\x18\xb0D\xca\xe6\xab\tO&amp;\xfet\xacJ\xb0\xa4\xcd\x96\x9c'</t>
  </si>
  <si>
    <t>b'\xce\xf5\x98\x91\xddz\xcd\x00\xc1B\xc2\xb3C\xc6\x81\x99\xc63#\x8c\x8fhRutJU\x04/j\xf6\\'</t>
  </si>
  <si>
    <t>b"7\x9e*\xa1]C\xb7\xc1\xbe\x17\x9f.\x1f?p\xa3\xa7|\x17\x94\x08\xd4\xfa'G|\xf06\xa8y\xbe\x06"</t>
  </si>
  <si>
    <t>b'78\xad\xf3\xee\xb2\xe7\xa5Y\xaaEO\xdd\x11\xbaY\x00j$\xf1w\xdf\xfb\xa6&lt;\xaaT\xa3\x80\xde\xed\xe9'</t>
  </si>
  <si>
    <t>b'\xb2\xccr\x0b\xca\xa5Fs7\xc1t\xd4\xbab\xaa\xaa \xcb\xf7\x1e\xfe\x0e\x15$\xb91\xe5r\x8dB\x8a\xf2'</t>
  </si>
  <si>
    <t>b'\x8b~\xfa\x00\x1f\xd3T\x15\xe8\xf7,\xda\xda\x07uJ\xb3J\x13B\xb2fwGA\x981\x81(\xd5\x13E'</t>
  </si>
  <si>
    <t>b'\xd1\x93%\xc5\xf7\xd8;\xef\xe6\xcfO\x8c\xa5\xc2\x1f\xf8\xd63\xf4\x7f D\x812\x17\x1e\xc0"S\xc9\xa9\xb7'</t>
  </si>
  <si>
    <t>b'\x9a;T\xbbsI&amp;4N\x99Qn?\x9b\x06\xd3\x96\xfb\x1f\xebF\xb9\xa4n\xa3\xcf0a5\xc1\xc2\x97'</t>
  </si>
  <si>
    <t>b'\n\x85] Jp\xce-\x071\x89\xe5\xa9\xad\xc7\xc1\xbaZ_\x11\x19]\xc7P\x0fr\xab\xd0\xedU\x08q'</t>
  </si>
  <si>
    <t>b'\xcb\xdfQ?\x8bI\xd2\xee\\\r\x889\x8e\xe9\xdf\x83*9\x0c\xce\xabb\xe0\xfcs\xd5l\x92\xcd\xd1\xbe\xbf'</t>
  </si>
  <si>
    <t>b"E\x99r\xae\x1d\r\xcb\xf2*~\xe7\xa2\x9a.\x13F\xdf]\xd4'\xe2\xef\x8e\x95\xef\xbc\x06Y5\x1dP\xc1"</t>
  </si>
  <si>
    <t>b"\x0c\xd3\xbe\xa5`\xf7'\xb0q\x0b\x86Wt\xc3\xefX\xc8\xa44\x1d\x0bM\xd7\xec\xd3r&gt;\x9d\x89\xc6\x84\x16"</t>
  </si>
  <si>
    <t>b'\x15\xff`\xdb\x98\x0b\xab\x94\xf4(\xe4K\xdc\x84\xe4\x8f()\x1b\xd9\xa5\xf8\x00F"\xbc\x19\xfc}\x94\xd2R'</t>
  </si>
  <si>
    <t>b'\xa8\xb0!\xc1\xd8&lt;\xaeC\x90\xa3\xc58s\xc5\xd3\xf1\xaan"kI)\tU\x9b\xd4v\x1cZ\xde\xf7\r'</t>
  </si>
  <si>
    <t>b'\xe0\x15C\xc0\xed\\\x8d\x13O\xff}\x8dC\x8en\xdf\xf4\x7f\x96\xc7\x8f\xffc+\x03\xff\x9c\x7f\xe8d\x9a\x19'</t>
  </si>
  <si>
    <t>b'\xd9o\t\xa1(\xef\x1a\x17\xa1Cg\x9f\xc0\xd6\xea.\xcf\xff\xe0\xe6\xc7\x94\xf9r\x87\xea\xb2"M\xb5\xce\xde'</t>
  </si>
  <si>
    <t>b'vV\x0b\xcf\x8e\x9d N\xa3]V\xd6)\xeb\x7f^\xa6\xba[\xd9\x13W\x19\xa2\x1b3J/\xf4\xdf|H'</t>
  </si>
  <si>
    <t>b"'MZ\x96\xba\xab\xc2la\xeb;h\x9d\xc5\xc4J#An\x05\xa9?\xce\xb7\xfe\x0c.\xb1\x123\xc3\x0b"</t>
  </si>
  <si>
    <t>b'\x1f)\x05\x16\x0e\xac\xce1\xb4-\x94;d\xa2X\xc0\xc2\x17\t\xd6\xfd\xdd\xb57Jk\x8d5\xf3\x08\x12\x91'</t>
  </si>
  <si>
    <t>b'O0\xea\xcb\xdd\xaec\xbe\xc2\x04\xb3\xdb\xd4\x1e\xfe\xa0\x9d\xea1\xf0j\x1b\x08\xd8\xb6\xad\xa1F\xe3&gt;f\xfe'</t>
  </si>
  <si>
    <t>b'\xe7\x80\x8f_5*\xb5\xf4\rZ+ku)\xb15,;\xaa9[n\xaf\x86\xc1\x07Ga\xd1\x8d\xaa\xfb'</t>
  </si>
  <si>
    <t>b'\xd2\x9a\x12H\xc7\x95)`\xf5\xcf\xae+\xfcK&lt;\x00\x1a\xb1\x87\x84\x1c\x07\xd6\xceR\xb1\xe9\x01\x1b\x81$M'</t>
  </si>
  <si>
    <t>b'Xn\x96\xe1\x16JCW\xd7\xc5\x94\xb8\xe0\xad\xbd9_\xcf[\x94N\xc00gt\xc8sv\xf6\rc\xbf'</t>
  </si>
  <si>
    <t>b'\xf7\xc8\xc2\x8a\xd1\x84\xf7\xd9\xa6\xaf\xf0R*t\x04\x9cp\xecK\x07\x07h\xa1\xf5\xed!\x08y\xad\x8f\xfcw'</t>
  </si>
  <si>
    <t>b'\x04)\xf1]P\xe7\xd3\xb5B5\xb7dV\xe4\xb2\x8a\x1f \xaf\x00D\xf6\xdd\xe9\xb50N|6\x14h\xe7'</t>
  </si>
  <si>
    <t>b'\xcfEB\x19\xe7\xe7~\xc0J\xf2\x15d\xc2\xf5\x9aTV\x87\x95\xa2\x04#$v\xfcm[\xa5J&amp;O\xd7'</t>
  </si>
  <si>
    <t>b'S\xce\xbaj\x8b\xfd\x93o\x15-7\xbfW\x9e\r\x7f\xe8\xb3\x86I\xf3 \x851X?a\x7f\xe1t\xb0\x08'</t>
  </si>
  <si>
    <t>b'\x15A(Y\xcc\xec\xe2\x84\xc1!Z3\x1aD\x1c\xa5`a?\xf7\xc3j\xe8\xa0\xf5\xbb\xf7\xe69R\x8e\x92'</t>
  </si>
  <si>
    <t>b'\x06_\x9d\x1b\xa4\x15\xbb\x15\x14\xf0S\xfb\xe5-e\x07s\x94\xb1Sv\xf1\xf9\x11w\x14\xc3C\x1b9\n\xba'</t>
  </si>
  <si>
    <t>b"\x89\x10\x88\x81P\xbd\xc6Y\x94\x85\x9a\xdc\xc7]L\xd5\xa2\x89@-nB\x88$'&lt;\xc16o1\xd9l"</t>
  </si>
  <si>
    <t>b'\x1c\xea^\x88\xefr\xf1\x03D\xea)\x8c\x80\xeb\x96h\xd7\x01$\x15\xb1R\x0cL\xac\x08\x8c\xd2\x1f\xf5\x04\x80'</t>
  </si>
  <si>
    <t>b'#&amp;\x98\x8d\x94\x07MV I\x027\x8f\xb4_x3\xceC\x1d|ry\x955W\xd7u\x8e\xe8\xcf\xac'</t>
  </si>
  <si>
    <t>b'qRW&gt;\xcc\xaf\x99\x1c\xad$\xc8%\xeb\xdf \xa0_\xb7\t\xee\x83O\xc0\xb9&gt;9!\x88`\xa3\x04\x1c'</t>
  </si>
  <si>
    <t>b'\x92\xb8\x0b\xa6A;.X\x1b\xfa\x90\xa2g\xb7,@\xb9\x8dN0.9-\xc2_\x85\xc3\n\xf3h9E'</t>
  </si>
  <si>
    <t>b'\xa1\xeap\xef\x9dp\xca\x1a\xc2\xc0!\x84\xef\xc2\xcaK\xd3\xe0y\x88\x1d\xef2I\xe3\xae\xdb\xfa\xcd\x85\xbe\xac'</t>
  </si>
  <si>
    <t>b'\xd8\x96\x0c\x881\x05\xadc\xaaW\n\x9dBwg\x14"\xaa\xe6\x93\\j\xb4\r7\xecq\xd6\x8f\xb8\x99%'</t>
  </si>
  <si>
    <t>b'\xf4\x80x\xf1\xf7QK~a\x93\rXg\xeev\xe9(\x1d\xdc\xff\x17Ln\x8f\xda\xf9A\x16e\xd4\xf3\x92'</t>
  </si>
  <si>
    <t>b'\x1c\xd9\xaa\xec6\xeb\xc0bd\x82\x90\xd2\xcc\t\xf5"\xaa}4\xdd\xe3\xd4a\xf1H\x82\x14P\xb4@M\xa9'</t>
  </si>
  <si>
    <t>b'\xaa\xb7\xd6\xa0\r\r\xcd\xc10\xbb E\xc7q\x9d\x8bG\x87*`\xad\xc5K\xbd\xd0Y\xd2\xfb\xc1?J\x89'</t>
  </si>
  <si>
    <t>b'v\xf2\x1fl\xb2\xde\xc6\xb5\xd4\x14\xe1\xf4\x1d$\xa3x\x08\x1f\xd8\xd9m\x17\xa3\xafP\x90\x1e\x0b\xb07\xb5\xfe'</t>
  </si>
  <si>
    <t>b"Z'\xc4\x0f\xc0\x93e|\xd9\xaa\x80'\x05,\no\xbc\x1e?\x12J\x9c\xa7\xe2\xd5\xd1\x15\xc3\xe5\x1d;\x0b"</t>
  </si>
  <si>
    <t>b'T\x9f\x11\xd5\xb9\xb5\xb1\xe5&gt;\xb8\xb0\x98\x86;ze\xff\x15\x9e0\xd1"\xe6\x8dxmL\xb2\x84[\xef\x1d'</t>
  </si>
  <si>
    <t>b'&gt;\x02]&amp;\xa9\xe3\x99\xef_m\xc1\x91\x87\xb9:_\xc2\xde\x0c\x99\xef!ue(\xef\x0e~E^\xdb\x1b'</t>
  </si>
  <si>
    <t>b' \xcf,|\x90\x90 \xfa\x04\x87F\x85!\x9dBp,l\x86\x8fT\xef\xaetzC\x9e\x91U\x9ea\x19'</t>
  </si>
  <si>
    <t>b'6\x8d\xa8\xa9gX\x95\x12\xdf@\x0c\xc9\xcf(\xfb\xb9\x9a\xc9\\\\\xad\xaa\xac\x81\xd5\xffy\xb6\x85y\x06\xfa'</t>
  </si>
  <si>
    <t>b'\xa5\x15\x9aw\xda\x89^\xd7j\xcb\x88\xaay\xb1\xb4\x00\xc9F\xc9\xe7v\xc0\xbd\xec\xc4\xad[:\x0b\xc4+\xe0'</t>
  </si>
  <si>
    <t>b'\xedZZ\xca\xc2\x83\xfe8\xcc\x15\tW\x19\x1d\x104\xfe5I0\x8e\x02\xe7b\xd0\xecCp\x1ftX\xf2'</t>
  </si>
  <si>
    <t>b',\x12\x86R\xccV\xe9JB\xe0\xc1n\xfb\x81\x16ZQ\x9b&amp;\xc77\\K\xad8\x91\x1e8\xa1/Z\n'</t>
  </si>
  <si>
    <t>b'\x8f\x00d\x9eW\xb5\xd4?bc|\xac\xff\x90\xfa(!\xe39(\xf1\x8a0z\x1bc\x02(\xd3\xd6Lu'</t>
  </si>
  <si>
    <t>b'\xd8\xd0\x18\x84\x012bi\x92\xea%5\xc6F\x18\xaa\xf0k\xb7\xfe\xf6D\xabC+\xbfWC\xa1}K&lt;'</t>
  </si>
  <si>
    <t>b'\xa7\xdd\x1c\xd2\xe2\x0b\x0b-\xaf\xd6nD\xd93\x9aES\xd2\xfb\xe5\x16\x17\xea \xe6v|Lj\x8bU='</t>
  </si>
  <si>
    <t>b'\xc2|i\x1e\x1e\xf3\xbd&gt;\xad\x86V\xa5^\xda[B\xfa\xab\rR1\xd4\xb3\xe2\xfa\xe1\xa6\x01jU\x17\xa4'</t>
  </si>
  <si>
    <t>b'O\xbfWW&gt;\x08W\x0b\xe22\xa0\\\x86\xf4\xaar\xd0\xa7\xd3m \xea80\xda\x88\x98|Gf:*'</t>
  </si>
  <si>
    <t>b' \x18\xd4\xd2\xde\x14Y\xfd\xe6\x8ab\xab\xd3;\xf6\x11\xd4\xf8\xc43\x1e=l^\x8fY\xf9\xccC\x18\xeb\x12'</t>
  </si>
  <si>
    <t>b'\xc42\xac\x0f\xb3\x0ba`Hv\\\xee\xc7\x8d\x9fO\xfb&gt;6Yv\xfc\x8b\x82S\xe1Q\xf1~"\xc6h'</t>
  </si>
  <si>
    <t>b'\x02\xc8{8!\xe8*\xbcy\x9e\xcdo\x0f\xc3=\xd6\xcdn\xa3\xf2&lt;\xc2&amp;6\xf1&gt;\x14H\xc9[*\x1b'</t>
  </si>
  <si>
    <t>b'\xe4\x9b\xdb\xc7\xd1\xdb\xe0\x07\xe2\xb1(\x0f\xc1\xfbw)\xb2-\x17\x07\xb3\xd2\x17\x87N\xad`;\xdd\xe7\xa1&amp;'</t>
  </si>
  <si>
    <t>b'N{\xf5U\xb4\x06UaF\xe4\n@bmP\xee8\x7f\xf4\xd3Qg\xa4\xa5x,\xfei\xb7\xeaS\xf0'</t>
  </si>
  <si>
    <t>b'\x87\xae\x8d#q\xe3&gt;\x8c\xd5\xbb\xce\xd6\xd8&gt;R\x15\xd4\xb5\xbc\x86\x80(\x1d1\xb0\xc2\xd6q\xda#m*'</t>
  </si>
  <si>
    <t>b'=\xad\x0c\xde\xed\xe7\x0e\x16\x90,\xc5\x12&amp;\xe2\xb0\xa5\xacS\x9d\xf8\x0cA\x02\x07\xba\x89/&amp;\x85\x15\x15+'</t>
  </si>
  <si>
    <t>b'\xea\xa3\x07j|\x1b\xac\\\xd2\xe3%\xe7\\=\xb0\x16i\x8f\x1bW\xe7\xcc\xb8\xf6o\x9d\xeffP\xac\x9b\xc3'</t>
  </si>
  <si>
    <t>b'at\x07\xa5\xddV\xc2\x1dN\xad\xdd\x83r\xc0\x84\xe86\xb7\x9f\xaa(\xf4\x96\xf7\xae\x0e\xe1&gt;\xd7T\x00\x1a'</t>
  </si>
  <si>
    <t>b'!\x02\x92\x9e\x83N\xcb3M\xbdS!+cc\xaf\xa4\xc1&lt;\xe3eD\xech\x9b\x0b\xc5\xc4\x1f\x881\xe0'</t>
  </si>
  <si>
    <t>b"|\x08LC\xc7\x89\xcd\xe5I\xb24\xe3\xd4G^'/\xac4\x84\\~\xe2\xd7b-;\x84\xf8\x10\xe83"</t>
  </si>
  <si>
    <t>b'\xa2\n\xd7\x18\xe9\xbf\xa6\xfb"\xd0\xf5\xf8nH\x0b"\xcb\xc4{\xd4^\x10b\x17\xfdj)ez\x039\x1f'</t>
  </si>
  <si>
    <t>b'S\xae\xd6lq8\x1d!= eE\x01`\x8a&lt;\xe7\x96\xc6\x83SZN\x19\xf8\xfa\xe4E\xc6\xcd\xec\x92'</t>
  </si>
  <si>
    <t>b'\xb9\xcd\xbb=p\x10\x87\x97\xeel\x01\xb7\x1c\xc8\xb4\x00\x05\xbf \xaa\xb6\xc7T\x88\\\xd5"0\x94\xf5f\x11'</t>
  </si>
  <si>
    <t>b'G\xa0\xbe\xa4\xff!&lt;\x97)\xd5iA\xc4a\x99\x19\xec\x81\rY\xa1\x9c"\x13\xb6\xf7\xe6\x98ah\xd1&amp;'</t>
  </si>
  <si>
    <t>b'\xb7S\x95&amp;|_\xb40\xf5h\x90\x7f\xe5\x991\x9d}\xa6\xd1G\x95\xc2}\xba\x06\x07D\x1f+\xe9\x95\xd6'</t>
  </si>
  <si>
    <t>b'\xae\xf8-\xc5\x89\xe1v\xd9\xa9&amp;F\xa6@\x9d\x003\xe2\x9au\xfbC\x16\x9dD\xaf\x03 \x93\xec\xb6Z\xc7'</t>
  </si>
  <si>
    <t>b'\x11\xac\x8e=o\x18\n\x8c\xbb^\xb1E\x9e\xb57\x07\xa2\xc9\xdc\xa3\x8fK\xf4\xf5\x11\xe2\xa9;\x99\x16\xf3.'</t>
  </si>
  <si>
    <t>b'\xe7\x03\x10\xde\xfb)V\xf0\x91\xd4_\x1d\xf0Er\xfd@r\xee\xf3\x80\xa5\xf6&amp;\xfd\x85.p\xba\x80\xb4"'</t>
  </si>
  <si>
    <t>b'6Ua\xe6\x04\x1d\x19\xaa\x86\xa4\x91\x02\xe9\x15\xe9\xc7@\xaf\xba\x01X\x81M&lt;\x01HR\xd2"\xf9\xcf"'</t>
  </si>
  <si>
    <t>b'[\x8c\xad\xab\xef\xddBM\xd3\xe3\xee\\\xcd\xd01\x92pm\xdd\xe5N\xe9\x18Z\xefP\xa7_\xe5\xff8T'</t>
  </si>
  <si>
    <t>b'\t\xcf$\x96o\xedZ*\xd6\xca\x17%:\x846E\xc3\x93\xd84\xe5AsB\xf4C-\xb1\xaaa&lt;\xc1'</t>
  </si>
  <si>
    <t>b'\xf9\xf4I\xe2\x1aP(\xe2p\xa4\xe9\x8b`\xd2\xe8_\xc4\xcf\xf9n\x9f\xfd\xc1\xa0\xc5\xc5z\x831\xa9\xe7\xfc'</t>
  </si>
  <si>
    <t>b';\xcfB\xe8Z\x17j4\xc2\x1e\xfaU\x04\xb4\x8e\xf7\xde\xf6\xd3\xef)\xceH\x18.F\xa4\x99\x9e\x1c\xd9\xb8'</t>
  </si>
  <si>
    <t>b'\xc1Bj\x82\xd7E\xd1\xf4\xbc\x97\x96N\xd7Oi\xc4\xda\xab\x8e\x90\x87mc\n\x0b\n\xc0c\x03\xcd/\xdb'</t>
  </si>
  <si>
    <t>b'MG\xc5\xb6r\xa1\xb5\x0c,\xb3\xa9\xd7E\xe9g&lt;5\x04\xfe\x17\xbe\x81\xc1\xceB\xd2\x9a3\x07\xed\xeb\x1f'</t>
  </si>
  <si>
    <t>b'\x97\xd1\xa5M\x9dN\x01\xb2\xe3T_n\x94\\\x1c\re\x1cB\x97\xc4\x16\xd7\xe0ZJ.\xb3\xbdi\xc02'</t>
  </si>
  <si>
    <t>b'\xee8\xcf\xbamy\xc4\xad\x00A\x8e\xeei\x8b\xabU\xbc\x1a\xddZ\xf7\x80\xd2Z\x9f\x7f\xe9\x1e*\xbb\xb0i'</t>
  </si>
  <si>
    <t>b'}\xfaS\t\x19\xd71\x90\x9c%\xd12\xf2U\xb7\x00\x943\x1d G\x9d\x8f\x87a\x13\x13\xa0\xf3k\x15*'</t>
  </si>
  <si>
    <t>b'i\xe3\xe861\xb9\xac\xfa8\x80ql\x9a;_\\\xac\xb6G\xd1\xfe\x95}Y.\x95\x11\xdd1B\xd1i'</t>
  </si>
  <si>
    <t>b'w \x9f\xf1\x95\xd3\xf7f[\xc1\x90\xe5\x8bmR\xac%t\xdeN\x19\xd2\xbc\xd1\x8fmK~\xa9D\xe6\xcd'</t>
  </si>
  <si>
    <t>b'\xcc\xde\xdc\x9f\x9d\xdf\x8d\x13\x8b\xe8&lt;\xe9\xfd\xeeG\x1c#a\x0e\xcfd0\x01\xcb6\x88E\xbd\xd2RI\x10'</t>
  </si>
  <si>
    <t>b'0\xce_n\x9bR\x16\x84\x03\xd7\xf6Y\xf4\xd1&amp;\xd8\r\xccQf\x02\xc5\xce\x92\xf3V\x80\xb5\xbf\x13\x19\x1c'</t>
  </si>
  <si>
    <t>b'\x9d\xa9@\xc8\xb6\xb1\xf5\x0b\x86\xef,yM\xfe\xd9rT\x18\xc1\x8bSY\xe1\xcf\x04\xd3\xbf\x8a\xb4\x0e1\x8b'</t>
  </si>
  <si>
    <t>b'\x0c\x99I\t\x99h\x10~\x90\r\xbb"1\x96\xb1\x1e;&gt;\xe6\xf7?3\xf3&lt;g\x80S\xd8\xa1&amp;{\xf1'</t>
  </si>
  <si>
    <t>b'\x8d\xb0\xf4X|]\x1co\x97L\x81W+\x9d\x82q\x93\xc5p}`.}\xa4\x07\xe2\xc82P\x86^i'</t>
  </si>
  <si>
    <t>b'Ep:3*0x\x00\x818\x9eD\xbd\x18\xb4\x87r\xcb\xbf\x93\xb7\xdbI&gt;\xa7d+\x7f\xfe\xf8\x80\xb9'</t>
  </si>
  <si>
    <t>b'\xba\x93\x92\xbb\xc9Vq\x99Kl\xf1e\xf2\xc5\x10\xf8&lt;V&lt; \xc4\x08\xect\xe3\xa2\xa8\xe7\xed\x0eC\xc8'</t>
  </si>
  <si>
    <t>b'\xf6\x99\xcck\x95*\x13,w\x08\xa4\xa1a&gt;\xa8\x06\xc1ur\xbcQ*\xa2\x8f^\xb5\x84M\x82@\xc0\xcd'</t>
  </si>
  <si>
    <t>b'\xa1]\xb5\xe93\xe4\xa4eA\x04f-\xbaB\xb6G##\r\x86\xd8\x98\xcep\xc0]\xce\xb6l\x9a\x8c\xc0'</t>
  </si>
  <si>
    <t>b'\x94\xae\xbcK\xe5z\xd2\xf4\xf4\x90\x06\x16aSq7"y\xed\x8b\x83H`\xa2\x1bs3\x925R\xf1\xae'</t>
  </si>
  <si>
    <t>b'd\x01s\xdd\xd5\xf1\xd3\xe2\x03\xf7\xb1h\x19`\xc31\xe2\xe8)\x15p\xa4s\x12WvK\xb7\x17K\xd9\xa2'</t>
  </si>
  <si>
    <t>b'\xdb\xb4\xad\xea\xa8%;(a{X\xe6v\x0f\xc6}\x11\x0e\xbb\xb26\x01\xb6\x04\xaa\x95\xee#\xc9J\x1d\xd1'</t>
  </si>
  <si>
    <t>b'\x86\x92\xf8\x1a\x19,\x0f\xed\xab\xe7?\xf9L\x17\xdc\xa9\x9f[\xa4\xaeu\x9f\x89=\x8eb\xdd\x9b\xbe2\xddq'</t>
  </si>
  <si>
    <t>b'Sa\xf8I\x9eg\xa2\xae\xe0\xfa\xdc3$\xa0\x8b+\xc8^\xe8\xe8\xfe\x97\x0ff\x84\xe3\xb5T;0\x97\xf8'</t>
  </si>
  <si>
    <t>b"\xbe\xc0\xc9\x85\xab\x8f3\xbc\x18\x9f\xda(\xc9\xb0W\r\x91'TQ\x1a\xde\xa6\xae\xac1\xfc1\x0ek5\x0c"</t>
  </si>
  <si>
    <t>b'pn\x1bO\x1c\xc1C\xaa\x8d\xd2\xe4\x16\xf3\x17\x9aAqP,CF]\xf8J\x91\x99Yp}\xb9\xee\xa5'</t>
  </si>
  <si>
    <t>b'\x92\xb9F\x13u\xc8\x19\xc59\xf4\xd9\x8c)\x85\xf3\xb9\xf4w\xa2\xb4q(\xca^\xf5\xca(\xc2\x9f\xc4\xb7\xd1'</t>
  </si>
  <si>
    <t>b'\x86\x90\xab\xc683\xac\xed\xca#\x81\x825]=L\xa3.AO\xf5|8\xe6\x12I7&gt;\xba\xbd\xa0\x82'</t>
  </si>
  <si>
    <t>b'\xc8l~F&amp;M\xdb\x0b\x80\xd0\xfdZ\xef\xf5\xcd4S\xe0\x1e\xdd\x11\x97\xfc\x8eW\xc0\xcef\xca\xed\x81\xff'</t>
  </si>
  <si>
    <t>b'\xa9\xb6\xc4@\xdf\xc3qY\xff\xa3\xb9-$\xc7\xc0\xfb\x0eI\xbe\x8aq\x8f\xda\xf0\x17/\xcb\xdd\xf1{7a'</t>
  </si>
  <si>
    <t>b']\x1d\x11\xf1\xec\xd7\xb1C\x08l\x1f\xf1\xebzb\xd7\x8f\xa6\x8bE\xcal/Y\xc4\xb3p\x1c\xb7\x9fi\xcf'</t>
  </si>
  <si>
    <t>b'\xe0\xb3"K\x9a\x1a\xa24\x98\xc2M\xce\xfcVw\x99\x83\xc4\xfe\xb2^)\x89_\xf3A\x87\xe2\xf1\xb7\xea\xa5'</t>
  </si>
  <si>
    <t>b'oQ\xe9\t7\xc7-/\x81\x92\x043\x17e)\xcfE\xa98\xab|ZT\xcb=\xb7\xa4_b\xbd\xdb|'</t>
  </si>
  <si>
    <t>b"\x16\xa6\xf0\xade1\xaf\xaa\xf2=RxW\xf4\xe6'\x86:|\x0cB\xa3\x88\xfc\x00\xedO\x0f\x12\x12m2"</t>
  </si>
  <si>
    <t>b'\xe7T\x8f&lt;\xc6\x95\xcb\xe5\x97=\\\\\xd5\xf3t#\xb05\xcey\xdb\xca\x7f\xf8jV\xcb\xaa\x99\xf6UQ'</t>
  </si>
  <si>
    <t>b'\x08\xebv\x0e\x0b\xf0\x16\x9c\xc7\x17\x08hq\xe3k\x14x\xf9E\xc2\x96\xa2\xd9\xcar\x06\x14\x8b\n\xb0\t\xec'</t>
  </si>
  <si>
    <t>b'4\x0c\xc6\xefe\xe5\x00\x93\x8b)L0,\x02\x97o\xb3N\x97\xa2\xa0$^\xf7\xbaBAM\xce)\xf2\xf3'</t>
  </si>
  <si>
    <t>b's\xffI:\xb9\x14?\xbf\x0eI\x82K\x853\xc2\x8b\xb4Ni\x86\xba\xbc\xcca\xb6\xa7\x0f\xfd\xe94_\xb2'</t>
  </si>
  <si>
    <t>b'&lt;\xab?\xc40\xact\x99\x1e\xff\xc2\xd6*\xb3[\xe0\xce\x06\x86WQ\xd7#\xcfan\x17\xfb\xd9\xd6Si'</t>
  </si>
  <si>
    <t>b"\x83}\x1dxj\xef\xf8\x81\xda\x11\x814'&gt;\x8b1\x15P\x9e\xf8L\xaa\x92\xea=\xde\xefg\xef&gt;\x9b\xbf"</t>
  </si>
  <si>
    <t>b'_x\x18\xbc\xa9H\xcf\n\x9e\r\xee\xbd\xc5\xb2\xd9\xa4jYQPn\xd4\xf5c\xed`2\xd8\xfb\xd4\xd6`'</t>
  </si>
  <si>
    <t>b'\xcf\xc3\xd8xb\xc9/\xfd!\x0e\xff\xcb\xc9T\xd9Q\xab(\xee\x00\xad\x1el\t\x90\xc2\xd2\x95\xcb\x8d\xe3G'</t>
  </si>
  <si>
    <t>b'j\x9f\xaf\n\x9e5&gt;\xf3\x1c\x1f\xa4\xa5\xe2\xa5:\xbb\xe9%\x06D\x81\xa6\x9fe\x82!\xcd \n\xf9\xc0\x82'</t>
  </si>
  <si>
    <t>b'\xc9D\x1cr\x1e5\x14~_\xe5q\xd4\xc7\\\xea\x04\xa4\x9f\xe2?j\xc5/Q\x1d\xb2\xd2\xc7\xfe)\x9eV'</t>
  </si>
  <si>
    <t>b'u\xafe\xd9\xd9\x7f\xa0\x0e\xfcgN\x00\x19\x8a\xdcB\xa8\xa5\x8a\xb9\xae\xc6\x14\xcaeDj\xc1n+/O'</t>
  </si>
  <si>
    <t>b'\x1dK\x9b\xef\xb7t\xabP8\xc21\x19\x91\x80\xd8l[\xf5\x1dx\xfbMm\xcd\xfa\x9d\n&lt;&amp;\x97V\x0e'</t>
  </si>
  <si>
    <t>b'-\xfa1\xa4\xc4\xec\r\x8c\xdc\xfa\x82\xee\x99Bd\xca\xbd0aU\x9bV\xfb\x86\xfb\xdd\n\xdb\xefE\xc7R'</t>
  </si>
  <si>
    <t>b'\xa5\x14\xf6\xd6\xbb\xa8r\x99s\x16\xc9\xc4x\xbc1\x06\x12\x87\x1e\xfc`y-\x15\xd3\xdd,21\xce\xf5E'</t>
  </si>
  <si>
    <t>b'-.\xd5}Z]^0\x0316\xcbb\x94\x97\x90\xfe\xf1\xde\xaa\xae3\xdc\x9c\x9d]s\xc2M\xdf.`'</t>
  </si>
  <si>
    <t>b'\x9d_\xd5\xad"\xec\x8c"\x00\xc9\x8a\xf2\xf4c\xd2\xf6*\xa1\\\x01p\x9c\xd4\xafmW\xba\x98\x0c\xfbxo'</t>
  </si>
  <si>
    <t>b'\xbbF\xaa\xac\x80\xd9\x17\x81\xe9G\xaa\x1e\x81\xebk/\xe5\x8f\x08\xfc\x08\xa5\xe6f\xf1w\xf5S\xd7\xd8k\x9a'</t>
  </si>
  <si>
    <t>b'\xedF\x93p\xf8s\xa9.^{\x0cz\x18\xd5^\x12\x1e\x1e\x12m\x03\x1e&amp;\xa0y\x9d\xf9q\x08\x1dFL'</t>
  </si>
  <si>
    <t>b']\x8e}N\xb0-# \xacU\x810X\x94\xfc\x04\xf4\xe2c\x03\xf0\x81\xfd\xb5Vq\x87\xb1-4\xb8\xa8'</t>
  </si>
  <si>
    <t>b"\xf0\x9e\xb9H\xd9\x9cF\x7f\xaa\xc9\xfcw\xffj5\x80D\xff'\x1ab5lf&lt;o\x84\x1c&amp;&gt;,'"</t>
  </si>
  <si>
    <t>b'Kd\x187M\xc0\xd6N\xe2\xd7{\x1a\xe9\xfag\xdd\xfc\x05W\x93\x90y,\xfe?\xb2P\x88\xc9M\xd7G'</t>
  </si>
  <si>
    <t>b"\x8e\xde{\xde\xb1l\x06L/=A\xc9\xfaF58\x02qkT\x9e\xb0\xb6\xc4E\x04G\x02\x14\x84'\xbf"</t>
  </si>
  <si>
    <t>b'\x95\x18\xce\xd2\x1b\r\x9e8\xae%.;\xb8Y.\xef\x93\xd9\xa8v\xbe\x80\x8f\xb7\xf6Lq\x13\x08\xb7\x94\x9a'</t>
  </si>
  <si>
    <t>b'\x88b\x0b\x0cO\x82\xe9\x97Z\xbf\xd8\x03[J\x013\x97\xc8q\x12\xdeB\x1e!\x1bh\x8eT\xca\x88-)'</t>
  </si>
  <si>
    <t>b'C\x0fM#\xf6B\xc4d\xdc\xae\xc3\xe7\xa4w\xc4\xb8\x95\xa1lP\x1a\x08\xeb\xff=\xe5\x0e\xc4\xf6\xb1iB'</t>
  </si>
  <si>
    <t>b'\xb53r\xe1(\x07\x03\x00\xe8\xb9\x18\xe0\xb2\xeeCy\x07&amp;H\xfc\xc2KC\xd1\x0f*\x08\x10\xb0\x85\x887'</t>
  </si>
  <si>
    <t>b'\xd7\xc4\xb7A\xb8m)w\x83\x16\xcdICO\x93\xb7\x10;\xbaj~X\x94U\xbc\x17\xd0\xac\x13\x18\xea\xee'</t>
  </si>
  <si>
    <t>b'\x99\xb0\xe6\x03\xdc\x8c6&lt;\x07\xb4\x04\xaa\x84(\xe6\x0e\xeb\xf7n{Rv\xfc\x9b)\xbc\xbd\xac\xa7\xa5O\xc5'</t>
  </si>
  <si>
    <t>b'\xf8{\x93ydi~i#\x1a\xbb6\x14M\xf0\xbd\xc9\re,Z\xcd\x8f\x13\xa9\x08\xdc?\x08E\xc0P'</t>
  </si>
  <si>
    <t>b'5\x9b\xd73\x7fk\xb5\xf68\xe7\xcf\xea\xd6_2\x0c{\xc54\xbb!Y\xe1\xe3S\xc0\x9d{\xccw\x11\x85'</t>
  </si>
  <si>
    <t>b'\x81\xdf\x1dS\xa7\xe3\x11\xc9\x96^\x97\xe5\x1bG\xf7\xe04j\xe3\x9e\x9d\xf5\x84`\xeb\xec&amp;k\x14a\xd4\x1f'</t>
  </si>
  <si>
    <t>b'\xc1\x10\xf5kg\x179\xa86{\xf7Y\xbf\xe6\x88\xc9"i\x89\x1d\xdfMH\xbc\x8cg^\xbc\xf3%\x1er'</t>
  </si>
  <si>
    <t>b'\x15G\x9cU\xec\xf3\x88\xd0\xd3`\x17\xf99\xbebv\xec\xf4n\x87m!z=\xa7\x1c?\xd1\x8d\x1f\x0fg'</t>
  </si>
  <si>
    <t>b"'T\\R\x8f\xff\x8d\xb4\xda\x902\x88\xf5\xea\x93\x8dE\xa4\xc2\xeck\xcfN\x12\xe8sq\x81\xc1\xb7\x97\xac"</t>
  </si>
  <si>
    <t>b'l}hu\xd7\xc9]`\xca\xa01I\x1e+\x17\x18=DS\xf8\xf2\xa2\x8b6f\xb2\x04\xcc\xf2j\x94F'</t>
  </si>
  <si>
    <t>b'\xf7\xe9\x16\\\x89E]\x19\x83\x91\x84\x11\xae\x96\xb81s\xed\xd5\xce\xd1\xe7\x8fG\x8f\xc3\xf5\x90\xfd/\xee['</t>
  </si>
  <si>
    <t>b'\xeeS\x04}\xd7\xb6Z\x16\x19kO\xdc\x12h\xb5# \xe6@\x8fi\xd5\xde\xfa\xa0fO\\m\xc4\xc6\xd5'</t>
  </si>
  <si>
    <t>b'\xb6K\xe5\xc2s$\xaf9\x96\x97\xf0Z\x8b`\xac\x07\xd9\x10\x86\xc1\xc1)\xde\x1e\x0b\xc5\x92\xd2/\xed\xaf\x8a'</t>
  </si>
  <si>
    <t>b'\x98\x9e\x9e\xe6\xa9aFsb\xed\xea\x7f\x186Kf\x02\xdc\xe9\xe7"\xe0-\xe0\xc3}\xdc\xdcN\x99\xb7\x1a'</t>
  </si>
  <si>
    <t>b'\xf4\xbb\xfc\x8amr\x04\x02\xb8\xe8\xf6\xed98&lt;.MKD\x1e\x12[\x15\xe0Blcy\xac-\xe1\x88'</t>
  </si>
  <si>
    <t>b"Y\x1b\x92v.S=\x17\x82\xe3\xc3\xcf\x00\xbf\xb5Qx\x9fKE\xb2L\xc0\xc7Ho\xdc'\xd6\xeb\xffJ"</t>
  </si>
  <si>
    <t>b'\xa9\x9a\xec\x0e\x9c\x97\x11\xfa\xe5J\x89l\xa0|\x16\xa9A\xec\x89p\xf0\xbb\x9b\x8f\xff6Sp\xfb\xbe,\xa8'</t>
  </si>
  <si>
    <t>b'\x84\xfa0\xae\xee\x14E9\xa9B\xf0\xe4u\xf5J,@n3[\xca\xe4\t\xd7\xd7\xcb\x00\x0f\x8c\x9f/x'</t>
  </si>
  <si>
    <t>b'C\x88\x10\x02?i\xd4\xde6\x87(V\xce\xd2\xaa^\xec\x90\xaf\r\xb9\xa6mL\xeb\x075~\xd3\xc9\x01\x8e'</t>
  </si>
  <si>
    <t>b'oEgw\xe6\n\x14/\x19\xaf/\xbe@\x90\x93\xbc\xe8\xde%\xa9\x1eRU\xff\xca\x1bT-\x13\xbb[\xc4'</t>
  </si>
  <si>
    <t>b'\x12\x9b\x0f\x0f\xfeY6\x83\'m`@\xbb\xd1{.\xdd"\xae\x14\xed{M\xdf\xf3(\xc91\x8e\x82\xef\xd1'</t>
  </si>
  <si>
    <t>b'R\xe5\x8a\x82\x94\x14RD\xf5\x8b\x8b\xcf\xf8Y\xac^1L\xc0\xc9p\x19OD\xda\xd1\x89\xdd/\x8a\xe1_'</t>
  </si>
  <si>
    <t>b'1\xf6\xde\x91\xd9\x05\xbd\x87e\xc4\xa3\xb5\xf2.xM\x15\x1f\xac0x\x02\x0fu\xc8\xf2\xcf\x18[\x1b\xb8{'</t>
  </si>
  <si>
    <t>b'\x953\x00"c\xebmK(\x11\xdcj\xc4\xd4\xd3p\xb8R\xfa1?_\'\xaf\xee\xe6\x89\xf7\x9c4\x00z'</t>
  </si>
  <si>
    <t>b'\x7f\xc8g\xf2\xda\xe6O\xd2l\x8f\xf1*\x89\xd6\x05\xfb\xdb\r\xa3SZs\xb6C\nH\x97\xe5\t\x9a\x0f\xb4'</t>
  </si>
  <si>
    <t>b'\x1e@5\xf5\x98B\xc7\x99@#\x1dC\xba\x13:\xe8^\xc5\xcf\xae\xa4\xd2\xc3\x8e\x14\x92\x94\xb6*\x06\xed@'</t>
  </si>
  <si>
    <t>b'\xbdg\xa9\x7f\xa9\x9el\xe5\x92{j\xa7\x8a\x96\xcf\xbc\x18\xc1\x03\xe6\xa3\x8a;$\xa8\xc7I\x7fx7\x19\xac'</t>
  </si>
  <si>
    <t>b'h\xa7\xd4\xa8Jls]io\x01\xf5b\x92\x0c\x082ID\xe2\xd8\x803f\xbf\xd4[\xf6\x7fN\xee\x05'</t>
  </si>
  <si>
    <t>b'\x13\x90M\xc8\x1cQ\x05\xcaE:(\x1b\xf1W\xe12\xf7\xe1-\x95\n\xfb\x069:\r\x80\x8ax\x97\xb8\xc6'</t>
  </si>
  <si>
    <t>b'\x92\xca\xed|v\xfd\x04\xe8\xed\xab\x1e\x0f\xbeK;\xbf,\r\x82\x11-\x1d$\x9f$\x0eU\x9aeK(\xd4'</t>
  </si>
  <si>
    <t>b'8\xc4w\x0b\xb2\x16\xef\xfd\xa6\xa8\x1d\x0e\x15W\x89 \xd3\x8f8\x97\xb5K\x17\xeb\xb2\x08\x81n\xc0\x0c\xb0\xb5'</t>
  </si>
  <si>
    <t>b"\x8b\x10\x934)Hw\x07X'\xa0\xd0n\xd8\xb9\x1b\tLv\xee?\x895\xad\xfc\x9e\xbe\x06\xda\xe6U\x9c"</t>
  </si>
  <si>
    <t>b'\xdeN\xe1#\xc8\xef1~[\xae\t\x07\x978\xdai\xaa\ny\xb3\xaf\xa9\x00s\x07\xd5\x84\xfe\xa2c\xe8\xcc'</t>
  </si>
  <si>
    <t>b'\xe6\xc0Y}\xd2Q\x8d\xed\xb4\xdb&lt;E\x82\xb6\xd6\xb8\xb6.{.\\\xfe\x1f\x8f\x10\x16t%(w\xdd\xe1'</t>
  </si>
  <si>
    <t>b"\xba\xd1B\x03\xe4I6e'\x1b\xfc\xfc\xf9Bv\xe3\xa6\x11\xf4:8\xd2q\xad~\x14\xa0\xb8l\xba\x9b\x82"</t>
  </si>
  <si>
    <t>b"\xcat\x15\x00\xcc\xac-\xc6\xd5\x0cy\xb2\x86@\xde\xc5\xdc'\xd9\xbb\xa9\xb5\tT\xa6\xb3Lss!\xb4\xbb"</t>
  </si>
  <si>
    <t>b'\xf3\xc3\x874\xd9e\x7f)\xc3.$TC\x15a\r\xff\xf6c\xceS}\r+\xf1\x17g\xa8\x88\xe5\x08\x10'</t>
  </si>
  <si>
    <t>b'\xdfR\x9dc\x11\x9d&amp;\x9a\x19\xa1@\xf2x\x1c\xe5\x84"[I\x01R4\x02\xb1\xe0\x00!\xb5\xd9\xb9\xc0t'</t>
  </si>
  <si>
    <t>b"x\xe8@\x84\x16]\xbb\x81\xa9\xab4\xd1\xa79zn\xf6\x1bc\x8eI\xb9'=k\xed\x02c\x1b\x83W\x10"</t>
  </si>
  <si>
    <t>b"\xa9\xb6\xa8\xd3l\xca(A-'\x01o\x00x\\l\x179\xdc\x86\xe5\x1a\xcf\xa8\x8a|\x84\xddk\x99\xc3\xca"</t>
  </si>
  <si>
    <t>b'\x97\xd6\xb6a\xc1fa\xc6J\xcdy\xca\xa9\x98_ \xc8aH\x06\xa5:\x88\x81\x88\x1c8\x16\x0b\xa2\x8b\x9a'</t>
  </si>
  <si>
    <t>b"\x18\x0b\xef\xad\x11\xac#&amp;[\xa8n\xfbw?\xd5\xa6$\xa3\x8cq\xfd'\xc6$\x07\xb2\x8f\xe3\xf6\xb2K5"</t>
  </si>
  <si>
    <t>b'=y_ll\x90\xab\x17\xf7*9\x12\xdf\x9f\x1e\x0bv\x95\x8a\xf5T\x1a&gt;--\x99\xd9!mM\x15\xaf'</t>
  </si>
  <si>
    <t>b'\xf0Cj\xfdf\xc5\xf9\x86\xb7\xfa\x80\x06;\xa1\xcf\xd5Z\x9d\x11\xc8\xd74\x82\xea\xef\xfb8nA\x9d:\xc8'</t>
  </si>
  <si>
    <t>b'fO\x1aq\x9f\x86\xf1\xeb\xfc\x02\x9b\x18\xa6\x1e\x97\xd3\xed\x1b\x81\xc2\xc1\xe8\xba\x9f\x00i\xe4\xe0\t\x9d\xdd\x91'</t>
  </si>
  <si>
    <t>b'\x9c4\x8d\xfa\xf9\xf3\x90\x89)\xb6\xac\xb0\xc4\xf2\x9d\xce|\xeeN\n\xef\xaf`e0\xeb\x1dX\xd9\x00\x92&gt;'</t>
  </si>
  <si>
    <t>b"%W7\xb5\x11\xaaq\x00\xc8\xde\x93\xc2\x19\xf3\xad\xdc`N\xda'\xff\xd1\xec,jd\xe7e\xf3\xdeZ2"</t>
  </si>
  <si>
    <t>b'3\xf2\xc5\xcc\xdc?\x8a\xaf\x02m\x97\x9b\xbb\xa2\xbd\x9f\x84\x8b\x8f\x06\xa6\xb0\xe0\xc8\xfc\xf2`\xdfx\xf0t,'</t>
  </si>
  <si>
    <t>b'\xa4i\xc9\xd5\x8aQS\tTQ\xfb\x07\xdd\xd6\xa0\\\xc3\xa0^\xc6\xc8t\xb1\x00r\xa2\x8e\x08\x1c\xf7&gt;\t'</t>
  </si>
  <si>
    <t>b'\xd0W\xed\xf4fP\xa0Z\xde\x10\xd8\x94\xeef\x93\x9b\x02\x15S\xc3\xce\x1b/\xb4\x88\x9f\x1f{C\xd1y\x02'</t>
  </si>
  <si>
    <t>b'6G\xbe\xd6\xb3&gt;\x0c\xd9\xdfc)Z!\x19\xd1\xf9\x0b\xdb\xfa\xbb\xe7\x8d\x0b\x03v\xaeE\xae)|\x11;'</t>
  </si>
  <si>
    <t>b'\x12#5\x1a\xd4\xa4}[\xb2V\xac\xcc\xb2\xce\xd0\x99\xbd|\x9d\xcf\xef\xb4_\\\xf5\xe8\r\xcf\x9e\x02\xc1\xd3'</t>
  </si>
  <si>
    <t>b'\x83y\xbeL\x84&gt;\n\xcf\x13\xbd&amp;\xe4k"\xf6x\xde\xa3\xb6\x8c\x96W\\\xbbD\xc5\xbfn\xbb\x01g\xa0'</t>
  </si>
  <si>
    <t>b'oH\x1b\x9f\x88\xfcY\xec\xe0\xd8wdC\x82\xf8\x88r\xbe\xfd\x81\xd86X\xfe\xc1\xc1\xb9\x84\xf0\xe8\xb9_'</t>
  </si>
  <si>
    <t>b'\x9e\x9bp\xc5@\t\xb0\x95\xdaP1h\xbc\x8c\xb9hI\xe2\xf1\xbc[\x9b\xe9\xf1\x17\xb7S\x0c9X=E'</t>
  </si>
  <si>
    <t>b'\xd3\x97(V9\xcb\xd0\x07\xfcT\xa7\xed/l$\xbb\xe6\xee\x17\xbch\x90\xb5x.\x87\x8d\x9e\xc1Vx9'</t>
  </si>
  <si>
    <t>b'\xb1\xa0L\xbb\xb3\x18N\xec6\x9c\xcf\x18\xadK\xc8\xd2}!\x9bV\x14\xb8\xdcf\xa2tm/\xaa\xdc\xe7\xe0'</t>
  </si>
  <si>
    <t>b'\xb3&amp;pP\xf9\t\x17\x17\xb6\x8a\xe3\x90\xfd\xf5\xeb\xe1\xfb&gt;\xb8\xb4\\\xee\xa9F\x0f\xa0\x1a5\xbbV\x87\xb1'</t>
  </si>
  <si>
    <t>b'\x81\x1ff\xa1k\x9a`\xd8,Z_\xee\x87\xc2\x0b\x85\xa4H4\xb5\x92\xfa7Q\xb8\xef\x96\x07\xa2d5\x9d'</t>
  </si>
  <si>
    <t>b'\x08\xd8X\xbcd&gt;\x00\xad/\xf6\xb1P\xda\x1ew\xc0n\xddW\xfd\xdcY\xe8.|\xf6/{\xc2\xd4:\xcc'</t>
  </si>
  <si>
    <t>b'\xdf\xea\xe6T\x1ab\tk\xd0\xa6\x01d\xb4\n\xb5#\x9a\xb7p\x9a\x11\xcfG3\xd7\xab\xf1\xe3V{\x06\xc3'</t>
  </si>
  <si>
    <t>b'\x1e\xf7\x13\xa8\x1f\xc7\xac\x9f\x8dT\xa4m\xa6e3^\x10\x01\x87\xaa\xd0\x99:T\x0f\xfe\x0e\x9aig\xd6\xd4'</t>
  </si>
  <si>
    <t>b'\x9d\x04\x8cRGZRC\xe9\xa8\x15\xfd\xcd\x0b\xc6:W0\x82YM\xe16\xe7\x19|\xcakg\xae\x89H'</t>
  </si>
  <si>
    <t>b"\xc4\x0e{6\xa3\xc6\xfb\xfeJ\x16\xa7N\xb8\xceFk!^\x90\xcd(\x8e\xb3\xd5\xa4\x0eLT'f\xfe["</t>
  </si>
  <si>
    <t>b"?\x8d\xb0\x9c\xf4d\xc4\xc1C\xe9\x8b!\x8a\x96ib(7#\\\xcf\xbe5\x10-\xa9\xf0'\x05n\xbc;"</t>
  </si>
  <si>
    <t>b'\x0bm\x7f\x05Y\xd5$\xa8\xae\xfd\xafn4\x86K\xc3\xb7\rdk\x9fd\xc0\xad`^\x8f\xd7SW\xa3\x98'</t>
  </si>
  <si>
    <t>b'*\x9c\x93\x90\x0b\x87\x1eT;\xc3\xe1\'\xd1\xe2"?,\x84\x9f\x90\xf3\x07\x1e\xbe\x81\x0c\xcaP\x1d:\xb4\x8c'</t>
  </si>
  <si>
    <t>b'\xd0\x16~\xfe\xdc\xff\x87\tT\x17c\x9f\x01I\x82\x024v\x12\x83\xb4\xd3\xd1\x94\n5\x1aPZ^S\x98'</t>
  </si>
  <si>
    <t>b'\xb2\x80\xc6\x11\x93@\xd7\xe6y\x8brg.\x1fB\x98\xcd\x10\x9f\xd6\xb7K\xb3_\x88\xea\x1bK\xbd[\xb3)'</t>
  </si>
  <si>
    <t>b'\xf6y!I\xca\xac\x87xk{\x1a\xf22\xbc[\xa3\x91\xf2\xf5p\r\xf6L\xb2\xef\xaf\x9e"\xf4M~\xe4'</t>
  </si>
  <si>
    <t>b'l\xe0]K\xcb\xacSp\xe8D\xdb\x8c\x06ywYRM\xd6\xd5L\xe7\xf5\xd65\xc5\xc8\x89\xb6\x04$\x8c'</t>
  </si>
  <si>
    <t>b'\xdf\xab/\xc1\xe4=JnDj)\x1ewJ\x04\xb3)\x8cC\xc8v\xcbyu\x9e\xea\xd0\xdd\xd9\x8e\xbd\xe2'</t>
  </si>
  <si>
    <t>b'\xb4%\xca\x83\x11\x1c\x07i\x16\xc3\xb7\x9d\x9b\xf5\x9c&lt;bI\x8a\xe6\xda\xfb\xd2\x11\xb9\xf42\xaf8\x9e\xc9!'</t>
  </si>
  <si>
    <t>b'\xbbL\xda6e\x95\xcf\x16\xbf\xaa\xd4\x0e\xb1t\x7f\xb0[\x86\x7f+\xe4\xd0a7P\x18bs\x90\xa5&amp;\xcc'</t>
  </si>
  <si>
    <t>b'2v\xb3^}\xff\xfa\xda\xb0\xa8\xb5&gt;F|t\xf0e~\xb4\x0c)\x06\xb2\x9bm\x84E\x95\xd0?\xbe*'</t>
  </si>
  <si>
    <t>b'"t^\xf6\xf8~\xae\xf2\x19\x91\x93Y}d\xcf\xe9\xe2l\xa4\'\x1cm\xbd\xb0\xe0\xc3yz\xd1\xd0\xfe;'</t>
  </si>
  <si>
    <t>b'\x82`\x95J\x10\x88\x03\x8b\xb6\xc3\x028\xd8\xf3\xd8\xd1S-\x84c6\n\xa2\x1az\xd2\xdfy\xe1\x9eO\xac'</t>
  </si>
  <si>
    <t>b' \xc7\x10\xd0\xa6\x00\xfa^QF\xcdTi\xc5\xf0Pkx\x10S\xe5\xd4\xec\xfc\xd0\xc1\xcf\\W\xb7\xe8\x08'</t>
  </si>
  <si>
    <t>b'\x8e\xa0hg\xe4F6\x88\xed J\xed\x170b\x8a\xb2\xf2{y7\xb8VEK0H=\x86T$\x18'</t>
  </si>
  <si>
    <t>b'\xef\x99M\x14/\xbe\x8a\xd0\xe3\x02L\xb5\x92"\x04O\x1c\xfep\xa9K/\x81\xf3\xfc\xb1\xf7\x8d(\x8eY\xc5'</t>
  </si>
  <si>
    <t>b'_\xbc:\xb6l:e\x9blL~C\x92\x13\xa4p\xe1y\xeb\xc9\x11\xdb\xb2\xd9\xda\xff\xf3\x1a5\x08i\xc7'</t>
  </si>
  <si>
    <t>b"\xb7\xd8AW\x95'\x1drRs\xda\xb25\x7f\x97\x16b\x93O\xdc\x98q\x074\xad\xa4)C\xc0\x0f\x17\xf0"</t>
  </si>
  <si>
    <t>b'\xad\x18\xa8\xf1\xd6\xdbd\xd6\x0eW\xc8\xc9\xd8\xf2!^\xd1\xa97\x96\x95\xd8K?Il\xb6\xb2\xfd\x11\xaf5'</t>
  </si>
  <si>
    <t>b"o(u\\'\xc0\xacR\x8a,\x10BFzv;\x8e\xcd\xac&lt;\xf0\xf8\x10\xbb\xc8\xfbO\xd0om\xe7\x97"</t>
  </si>
  <si>
    <t>b'\x86/(|\x009\x14\xd1\x8eN\xa4\x7f\xaa\xdb\x98\x04UL\x12T\x8f\x92\x9a\xd9\x9cYi)\xbd\xa9\xdc\x91'</t>
  </si>
  <si>
    <t>b'\xb3\xca\xd8\xf8\xa4\x8d\xc4\x89/\x95\\ZE\xe6\xda\x87g\xb8\xdb\x02\x9d\xddw\xfb\x052\x12\x0c\xad\x98&gt;\xad'</t>
  </si>
  <si>
    <t>b"\x8a\xc2\x92d\xb9'=u\x1c\xde\xdfc\x89\x85\xe1N\xd9\xa0;\x1c\xf5\xe5\xa4\x95tf){\xe7*\x8ci"</t>
  </si>
  <si>
    <t>b"\xeb\x1b\xfb}\xb5\x01h\xf2\x9e9C\xe2\xbd\xd7\x148\xae\xa2\x1en\x88\xda\x06I\xe1'\x9dW\x83\xcf\xb1\xaf"</t>
  </si>
  <si>
    <t>b'\xb5"\x9d$]\xf5\x0e\xb8q\x10\xab^\xc1\x1b\x97\xd7D\x00\x87\xccq\xa7!\x17\xc5\xfc\xacc\x89+\xb7\xbf'</t>
  </si>
  <si>
    <t>b'\x9f\xf7\x85\x02\x1b\xcc\xb4\xfb\n\xc0+\xe5D\x14\xa8=\x1c\x88\xad3x\x82\x86\xd6\xd4\xb0+\xbc\xc2^\x9c\xa7'</t>
  </si>
  <si>
    <t>b'0\xebJ\xa8s\xc2B\xc8ZK+\xe4\x15\x03\xcd\xab\xfa\xf0H\xd0\x95\xab^\xd6\xbe\x8bk73zki'</t>
  </si>
  <si>
    <t>b'\r\xcaK\x8e\xb6`\xd3\xd9\xbeO\x8eF)\xab\xa1 \x04|[\x8f\xd2\x9a\x97\xc7p@_\x1e\x94\nP\x8e'</t>
  </si>
  <si>
    <t>b'(:i\xe7caT\xc7\xfc\xda\xde\xf0\x9e\xfc\xb6N\x89AA1\x833r\x92jUZ\x03\n7\x88\x01'</t>
  </si>
  <si>
    <t>b'.Qg\xba)}6\x8a\xa6\x94\xd4=1V\xc1\x1a\xf0\t8bk\xa8\x95&amp;\x11X+\xfa \xb9vP'</t>
  </si>
  <si>
    <t>b'J\xaeh\x80\x90\x83\xd1p\x00\xb6\x97\\P\xe4\xeac\x97\xb7\x15\xb6\xdb\x0fHX\x7f\x93E\x82\xd0\xc3 @'</t>
  </si>
  <si>
    <t>b'\xf9+\x83\xb2\x07\xec\xef9\x93\xb7\xc7\x04|\xd9\xcbX\xe7\x00;\x08\xd7\x8e\xb0\x7fw\xfc\xe3j\x9bN\xdd\xeb'</t>
  </si>
  <si>
    <t>b'\xc3B/f\xcb\xd5\xea\xc3\xc2B\xe87\x1f\xeet\xc0\x93\xd5\xfc\xc2\xc3\xaen\x0b\x9bz\xf0ry*[S'</t>
  </si>
  <si>
    <t>b'u7\xc7\x1fW\xb2\xcev\xee\xce\xee\xc8\x15\xb1\x94\xc4\xe7nT\x8f\x014\xaf\xbdn\x13rcJ\x97\x8e['</t>
  </si>
  <si>
    <t>b'\x9f\xb8\x9e~\x1a\x96\xe1\xd0\x92\xd1N&lt;\xcd\x1f\xa3\x98\xea\x1d\xc2\x1f&gt;\x8d1\x94\x96\x19\xa4P\xc8\xe9O\xba'</t>
  </si>
  <si>
    <t>b']V\x92S\xb6\xa2\x16\x898\xc3\x8e\x15\x1d\x89\x17\xe6c,\x94@t\x89\tq\xc7\x8c\xfbRc\x1b3E'</t>
  </si>
  <si>
    <t>b'\xa91nm\xc6\xbc\xdc\x82\x1aZO|@\xa4/,V\xc6t\x10\xf60\xd8\x9f\xf4\xd7\x7f`\xbdk\xba\xae'</t>
  </si>
  <si>
    <t>b'"0=\xc3X3\xc5\xbc\xa9B\x83\x1b\xa9\x8f\xf2\x1d8\x85~%h\x0f\x8a\x88L]\x91 \xd9\xbe\x84\\'</t>
  </si>
  <si>
    <t>b'&amp;\xa0\xd9\xdd\x89\xabiu\xd2n3g\xdd\x04\xfd\x96\xe4\x9ft\x06;\x89~Fah\x83w\x18i\xa48'</t>
  </si>
  <si>
    <t>b'Q\x02\x88\xf9\xd1\xdaJmF\xb4\xf5\xb3\x19\xac[\xc6\x8d\xeeOO\xe0\xa4\x19B\x13\xfd\x1e\xc0\x1e\xcf\xf6q'</t>
  </si>
  <si>
    <t>b'\x89%V\xca\x9c\xc9\x8b\x80\xca\x07\xb2\xa0YS\xaaT8\x06\n\xfe\x167,\xf7\xef\n\x8fOt\x86\xa5\\'</t>
  </si>
  <si>
    <t>b'xT/\xa9\xed\x9f\x12\x8agL\x92~\x90Y\xa1\xfa\xb4G\xc80[y\xf4\x98\x83\x02\xbb\xd1o\xcdC6'</t>
  </si>
  <si>
    <t>b'\x07\xab\t\xed\x9f\xd9\xd6\xb0V&lt;b\x0fO\xb2\xc2Q\xdd[\xce\xcc1\xffdW_brm\xb0\x93\xa7\xdf'</t>
  </si>
  <si>
    <t>b'\x9c\xff&gt;[\x97\x10\xac\x91\x86\xbcc\xc8T\xd6A\x03o&lt;\xa54G\xba&gt;\x0c\x19\xcb\xdb\x99\x86h\x14e'</t>
  </si>
  <si>
    <t>b'\xb1\xdan+;\xb4\xef\xf1\xda\x05\x03\xc8\xd2\x13?\xd7J9\xd2\x18\x8e\xb1^!\xeel\x8a\x16\xe3\xd3C\xc9'</t>
  </si>
  <si>
    <t>b'ZA\x9c\xc0\xce\x90%\x9f\xc2\xff\xd3&lt;|m\x99\xd2!!\x8e\x9e1\x84\xad\xc4.%$\xa1\xe3\x03\xa5:'</t>
  </si>
  <si>
    <t>b'*\xf6\x16\xe0]M\x1b\x1f\xd2\x8c\xed\xd8\xf0\x8aj\xc0\xe8\xa5\x8c\x06C\xb8\xaa\xba\x9f\xfbM.#\xe9L\xf6'</t>
  </si>
  <si>
    <t>b'_\xf6v\xfc\x88\xc3U\xf2\xc3&gt;_\xc3y\xa9\xa6\x9eY\xae\x8b&lt;E=\xf6x\xb9\xa1\x94!4\xec\x84"'</t>
  </si>
  <si>
    <t>b'\xc6C\x93\xf5+\xb6f\xca\x9c\x92\xd8\x96\x84\xc1\xf3G\xd8\xa11Vu\xe2G\x85O\xca\xcak\x17\x07`\xd7'</t>
  </si>
  <si>
    <t>b'\r\xd38XG|\x03\xee\x85t`(S\x9c\x94:\x14E\xf8\xfd{\xff\xd38\x8d\xf07A*\x83\x924'</t>
  </si>
  <si>
    <t>b'\x9e\x08\x8cJ?G\x01\x86"\xf8\x04(\x12\xd6\xad\x1f\x81\xbb\x11Z\xd7\xdd\x05w\xc8)A,\xfe2\x1cp'</t>
  </si>
  <si>
    <t>b"\xe5\xfb\xf5\x89I|\x98;Z\xe0#\xbf\xba\x9e1\xc6N\x97'\xbe)'\xce\xaf%-\\E\xf3\x9e\xa7\x18"</t>
  </si>
  <si>
    <t>b'\xec?\x8b\xf0\x81\x8a\x80"\x9f\x98d\x0f\xef\xf9\x9b\xd7\x82\xce\tn\x87\xf7\xf7HJ\xef\x04\x03\x1f\xc9C\xf4'</t>
  </si>
  <si>
    <t>b'\x87\xf4\x9d\x83\xca\xa6y\xd5m*E3:\x1c\x8a]\xa8(|\xabDw;S\x00\xef\xf3]\x14\xeb\xdc*'</t>
  </si>
  <si>
    <t>b'\x12M\xf4\x0c?\xfd\xb3:%\xb0&gt;\xb5\x9c\xf1\x1d\xcb\xa8\x1d\xb8\xbf_9\x0fRx\xdd\x1a\xc5\tf^\xe1'</t>
  </si>
  <si>
    <t>b'\t\x8f\xbc\x1c!\xa0\xe2\xe5sd\x83\x16e\x9c\x9dUo\xd1_\\q\xbb+\xa0\xb2/\x1c\x1db\xa1\xd2\x19'</t>
  </si>
  <si>
    <t>b'e\xef\xe3\x85-\xaa\xcf\xe6\x9c-\xc1A5\xa1\xdbQ\x16X\x19\x8eV\xd7\xb0\x12?\x82\xb44l\x14#t'</t>
  </si>
  <si>
    <t>b'\xcd\x9e\x84\x02\xa8`,\xd2\xea\xb8\x04\x91\xf6&gt;\x06\xd5\x07\xe4\t\x7f4\xa1\x80a\x01&lt;{\x95O\x0f\x92\x86'</t>
  </si>
  <si>
    <t>b"\xb9[\xb2\xaf\x15\xf9\xc3\xa1'\x0f\x02W\xe0\xc1\xe0\x13Zst\x97\xfcoK\x82\xd3\x03\x15\x14~\x9e\xb8\xe7"</t>
  </si>
  <si>
    <t>b'Q\xc8\xd2r+&amp;[\x13.\xa9\xac\x9f\xf7\xf9\x19\tNC\xcd\x9f\xcd).\xa19\x1c\xf5\xe5&lt;~\x98\x8a'</t>
  </si>
  <si>
    <t>b'\n\x1e\x8c\xdf\xd5L@\xe5\xa3\xbd|A\x1c\xd4\x90\xec\x18\xc5\nB\x02\x8fw4\xd9Z\xa5\x1f)?(_'</t>
  </si>
  <si>
    <t>b'\xfb\x07.6\xdfjAx`\xa3\x9dU\xc9w\xa0I\x99\xc9\xf9t\x98\xa6\xfc_E6WL\xc9\xba\xa56'</t>
  </si>
  <si>
    <t>b'\xa9\xc7\xf9\xdc\r\x92I\xd8\xf5\x99\x00\xeb,\x13\x01L\x1d\xff8\xd3\xa8\xf6\x03\xc3\x1b&amp;\x82\xb8\xea\x14\x87?'</t>
  </si>
  <si>
    <t>b'\x85\x0cz\xcd\xde\n\xeeX\xb8h[\x8e65\x13\x19\x0c\xf6o\xc1\x18a\xcc\x1d\xe9-\xa9c\x95\x9c\xabR'</t>
  </si>
  <si>
    <t>b'\xb4\xfdu\xcb~\xcf\xf7\x99\xa2\xcd\x93r^Z\xce\xd9\xee\n\xe9\xf5\xf5\xba\xba|\xdc\xa1\x95QNsb\xc3'</t>
  </si>
  <si>
    <t>b'\xf4\xc2\xe0\x01\x8ej24\xaf\x14C\x8av\xe9n&lt;\xaa\xfe\xd7\xf5~_\xba\xd5\x1e\x8e\x1b\x01\xfb\xa8\x12\x9d'</t>
  </si>
  <si>
    <t>b'\x94&lt;(\xc4\xe3\x06\x89\xf3\xa3\xa1\x0b\x11\xebE\x07L\xc3\xd1\x03\x13\x13e\xf8Y\xa5X8\x1d\xa5M\xea\x9a'</t>
  </si>
  <si>
    <t>b'\x91\xc9\xab\x1f5\xf4\xd1\xa9\x88\x8fC\xaa%?0\x0f\xc9\x9d\xc6\xa6-T\xda\xa6\x0cz~\x84f\xe7&lt;\x85'</t>
  </si>
  <si>
    <t>b'\x1a\xb8|(\x9f\nXudZ\x9f\xa4\xae\xd1\xa3*\x07\x05@\x19+\x80*\xbf\xa6t\xe23*%\x88\xe3'</t>
  </si>
  <si>
    <t>b'\x9d\xef\x0e\xa3\x06\xab|z%\xa0+\x99\x96Av\xbb.\x94\xf5\x84\xf1\x03s\x0fz\xea\r\xeai\x10PX'</t>
  </si>
  <si>
    <t>b'+m\xf7\xd0v\x17\xbf\x80\xdc!\xb1%\x96\xd6\x01Tw\xc1\x18-\x02\x06\xe7G\x98w(\xcd\x9e;u\xea'</t>
  </si>
  <si>
    <t>b'EH\xad/E\xa0\xed\x9c\x8b\xb8m4\xf1[\x9c\xdb\xe2j\x07\x84\x15}?s\x88\x93]X6\xfc\xfc\xf3'</t>
  </si>
  <si>
    <t>b'H}rNq\xea\x11\x86\n\x05_\x06\xe7Y1\x7f\xff\xa8b\xd8\x19\xafYF\xb2S\xb5\xe1/\x91\x0e\xa4'</t>
  </si>
  <si>
    <t>b'\x88%!\xa2}\xc6\xd7\xc3\xb5j\xa7\xe5\x01\x96\x91\x1f&gt;4\x8d\xcc\xab\xb0\xad\xb2\r)[\x8f\xbfo\x86\xb0'</t>
  </si>
  <si>
    <t>b'\xaa\r\xb2\x9f\x98\x06".\x1a\xcb-;\x1dP\xe9\xba\xb5\x85\x99\x8c\xecVq\xc6\xbd\x90\xda\x1eE\xed\xdb\xa6'</t>
  </si>
  <si>
    <t>b'`\xe3\x90G\xd8)G\xd6\x9fLi\xc5,\x89\x14\x0cf\xbdGe\x1b\xd8F\xe3i\xd2\xb3M\x8f\x10\x08\x0e'</t>
  </si>
  <si>
    <t>b'\xe7-[\x81\xe6\xb5\x81\x94\xbf\x14z\xea\xd2\xdf7\x16\xdb\x1d\x01\xd5\xc22l#\xeb\xcf\x96\xa7\xcd\x052\x07'</t>
  </si>
  <si>
    <t>b'W}=\x9d\xc4\xa1:;\xc2\xda\xe4c\xf1\xa6\xfa\xb5\xc8\xbc\x90\xc8\xdd#\x18\xe7\x9fK]![\x9eEs'</t>
  </si>
  <si>
    <t>b':Mq\x87#X\xf8}|\xba\x1fi\\H;U[%\x8e\x81\x1c\x8cr\x1eW\xec\xa1,S\xad\xbb\xbb'</t>
  </si>
  <si>
    <t>b'\xbc\xeen}\x0e\xba\xccd\x13Y;\xfe\xb0\x1a\xc6\x9b\xcf\\\xd8\xc5\xf0U\xe2\x97CHM]%DC\xc0'</t>
  </si>
  <si>
    <t>b'\xf8\x07\r\x1b\xea\xc9\x859q\xac\xea\xcf*\xae\xf9\x00[#:\xb9\xc2\x0c\x99\xeah\xbb6\xb3\xa8\xa1\x0e\x14'</t>
  </si>
  <si>
    <t>b'\x887\xf7\x18\xfc\xe6+=1\xd2\xca\xfd\x9a\xd42\xe2F\x9b\x83\xa3)\xb9\xc8\xbb\xe8\x1b\xe2\x17\xc5\x07\xcc\x7f'</t>
  </si>
  <si>
    <t>b'\xa2\x95}\xf5(_\xfd\x9a\xc8,\x92\xf3O\xc8\x96M\xbb\xe3xny\x8aQ\xbbP\xca\xe7\xc6\t\x80\\\xba'</t>
  </si>
  <si>
    <t>b'\xf0\xd46\xc8U\x9a\x84#Ft\xcb\xe9\x1d\xe8\xea i{\x94d\xd9K\xe4\x04\xb7\xee\x8b\xe1\xde\x96\x91\xac'</t>
  </si>
  <si>
    <t>b'/&amp;\x1a\x9a\xfb"`o\x1bx/L\x92\xc6\xc5#\xc5\xe0\xc2L\xa8\xa1^\xc9\xe5\xb2B\xf0\x0c \xb8\xef'</t>
  </si>
  <si>
    <t>b'\xac0\x19veH\xa9\x80\x19K\t\xd1\x15\xf6\xd4\xd4\xe5\x00\x86\\\xccu&gt;\\\xa0\xb9o&gt;\x8d\xcf\xe8\x8a'</t>
  </si>
  <si>
    <t>b'\xa2\xee\xa10\x91\xe3BQ\xcb\xcb\xae,"\xc6Q&lt;\xaf\xf62\xd8\xe1\xf1\xe0\xdcN\xf2\n\x05\xe5\x7f\x05p'</t>
  </si>
  <si>
    <t>b'\xe3\xfcw\xba\xbb\xc53\xd5]\xa5G+\xd6VF\x18\x85\x96\xa2\xe2s\xbdZU\xaa\xf9*\xa7\x12\xb0\x8c9'</t>
  </si>
  <si>
    <t>b'\x9ca\x9d\xe1\x9b\x96\xb8\xdc\x8d\x9e\x1f\xe9\xe0;\xc6\x81\xd5\xb2\x96\x95\x8bC\xc2ZZ\xb2\tb\x9a\xd9\xac\xa3'</t>
  </si>
  <si>
    <t>b'P{+\x04\xad\xbb\xf5\xebL\xdf\x9dC\xb4\xbb\x94:E~n,g\xb7m\xfb\xb6\xcf\x08\xc1\x17-[\x0e'</t>
  </si>
  <si>
    <t>b'iC\xbd8\xbf\xad\xdb\x05g\xe7B\x93\x17\x9c \xf2\xf8\xbc\xf5\xc3,\x92}X?&gt;\xd6)\x02J\x97y'</t>
  </si>
  <si>
    <t>b'+rI\xf1\x7f\xbeGi,\xda?\xb8{\x92?\x8a\xa3\x950k\x80\x10\xc8\x04M\x12\xfb\x99|\x81Q\xa3'</t>
  </si>
  <si>
    <t>b'\xb3\x08\x96C\x04\xfe\xb2\xcf\x1ewcqvR\xf8)Q\xe2^\xebQ\x9e5\xaf\xc8\xf9i\xec\xbe\xbcZ\xe7'</t>
  </si>
  <si>
    <t>b'F\xc6\xd2\xfd]\xd3"\xc4\xb2`\x15\x0b\xe0\xbd\x07Q)\xa9\xd4\xabO-\xb2\x9f\xb4pu\xfb\x82\xd5[g'</t>
  </si>
  <si>
    <t>b'\x00?\x1aA\x03\x91\xf9\xaaEB9\x8a\x01\xd7\\\x94\xc6L\x90\xe0\x14!_\xafw\x10\xd9\x05\xf0\xf6\x1f\xcf'</t>
  </si>
  <si>
    <t>b'\xd9|\xa8\x03Z\xb0:\xaf\x1c\xcf\x07\x04\t\x8c\xe7P\x98\xf6\xa9\x12u1{\xf8\xa9L\x9a\r\xe7gV\x8d'</t>
  </si>
  <si>
    <t>b'\x12uO\xd0\xc0\x10\x85x\xef2\xfd\x95\xefBa]\x02\x15]\xb1\xf1/\x1c\xdf\xd0tG\xf3\x9dM\x07\xe1'</t>
  </si>
  <si>
    <t>b'5\x0bm\x8a\xcd#\xbc\xdfp]\t\x1ay\x03\xc4B\xa5\xc7 \xb7|\xc8k\xc9o\x11\xa6\xf5Hz\xb5\x9c'</t>
  </si>
  <si>
    <t>b'\x9d\x99\x04G\t\x8c\x9a\xed\x17\xbdrndBJ\x16d^Bg\xf9r\xc8\xc2@w\xa6!\xa0\x91,\x8f'</t>
  </si>
  <si>
    <t>b'\xbd\x80B{M\x07:Gf\xbd\x9b\x80\xcbD\x19\x9ce\xcc\xddU\x08\xea\x0f\x15\xd6\xe5U\x9dJ\xbd\n\x1d'</t>
  </si>
  <si>
    <t>b'2&gt;\xf6$K\n\x0c$\x8e\x02\xea\x16t\x0b\xfb\xf3\xadu%\x02\xcb\xa1\x0b0\x03\xfa\x99&lt;\\\xbe\xa0\xb8'</t>
  </si>
  <si>
    <t>b'\x8bS\x7f:wND\x99_\xbd\x8d\xb1\x92\xe4\xb1s\xa9\xcct\xad+\xdb\x1cY\x03\x92J\x10+\xda\xb7\xcc'</t>
  </si>
  <si>
    <t>b'\x04\x8bI\x0c\x0e\xf1R\x15$|\xaeQ\x04\x15M\xc2\xbeqM\xc3z"\'`\xa5k\xb2\xcd\x16\xcc\nH'</t>
  </si>
  <si>
    <t>b'\xd8\x83\xa2`g\xe2s&amp;Y\xee\x82{Y"\xa2\xfb\x18o\xef?\xa8\xc8\xff\xa9\x9e-B\x1f}\xfe\xd6!'</t>
  </si>
  <si>
    <t>b'\xd0\x19(\xbfC\n\xf0\xaf\x17\xf55\x8a\xea\xaa-\x95dn?\xb0\x88\x1aaY\xae-\xa4\x89~M\x99\xef'</t>
  </si>
  <si>
    <t>b"\xe2R\xe5V\xc95#\\\xeb\xf9E*\xd4\xcf\xe1\xe8\x94|b\x90)pT\xae\xd6'p\x9e`\xcf\xe2\x18"</t>
  </si>
  <si>
    <t>b"\x1f\x89\x0f'z\x14\xe8\xf2q\xc8\x7f+0c\x96\xe3j\x06B\xe9\xe3\xd3?v\x12i1\xda%\xf6\x15\xea"</t>
  </si>
  <si>
    <t>b'\xf2\xc79}\x1fA{\xe0\x8c\xf08\x9bm}\x0f\xe5KEq\xc0\xabe\xf2\x91Y=\x98\x18\xa7\xfe\x8d\xdb'</t>
  </si>
  <si>
    <t>b'g&amp;!\t\x1dC\xa7\x8f\x9d~A\xd1\xd4^\xf1d\x9a"\x85$\xc7\xf1g|\xe7\xcf\xe1\x1c\x98\xd2\xd2\xd6'</t>
  </si>
  <si>
    <t>b'\xbf\xfb\x18=o#Ot`.\xef\x80J\x1c/\xaau\x0c\x08t\xfb\xce\xd51\x7f\xb7\x9a\xd5\xe7?s\xe0'</t>
  </si>
  <si>
    <t>b'\xd9"\xb2\x03\xa5Hg\xaa\xec\xa7f\x83\x81T\xc9r\x05#z\xce\xf2\x08GE\xb0=jG\x86\xb2\xc4Z'</t>
  </si>
  <si>
    <t>b'3\xa9(\xb69\xef\x81\x875\xa4&lt;\xb7\x99\x90\x87\xfb\x90|%\xa6\x16\xeb\x0e\x84\x1d\x1c&lt;\xed\xee\x90\xc3^'</t>
  </si>
  <si>
    <t>b'm\xf7\xd1\x85\xe0a\xc1\x07R&gt;\xcb\x0f\xaen\xd3\xa84\xbf\xcfZ\xed\xe9\xa9\xbf\xd6~\xa9\xf5;\xa6p\xc4'</t>
  </si>
  <si>
    <t>b'\xbbN\xac\xd4\x0e\xc2;Xy\x18\x85\xe4_\xbc\x0b[\xc0\xb6\xd9z\x98%\xcf$9\x8a@\xd8\xbb\xd4\t\xd4'</t>
  </si>
  <si>
    <t>b'\x80.\xfe\xf5\nR\x0c\x12\x9f8p\xc7\xe0\x1e\xe8+\xc9\xcec\x86-\xd3\x19\x949cz$\x9b\x07\xcd\x03'</t>
  </si>
  <si>
    <t>b'Q\xd3\x91!\x05\xe2\x1aN\xd8\x85\x90\x0b|\xa6\x16\xb7q\xe4\xdcu\x8a\x8cs\xafG\x08wr\x82\x9c\x0f\xd8'</t>
  </si>
  <si>
    <t>b'\xc0\xc9=\x05`\xcfV\x94\xe2\xe0\xe0\x1a \xff\x08&gt;\xbc^\xed\x7f,\x9c\xec\\\xcc\x02\xe3\xbb\x9eHe8'</t>
  </si>
  <si>
    <t>b":.\xdf\x0e\x949\xa1\x0e\xf7\xc8@\x86nl'\xd0aG\x03\x17\xda''}Ptr.4@\x91\x11"</t>
  </si>
  <si>
    <t>b'\x9e|\xeb\xc8d\x023I$n\xf2X\xfe\xf7\xbc\xb9fi\xd7S\xc9\x19\x04\xd5+\x12\xc2/\x1e\x80\x8d\xfb'</t>
  </si>
  <si>
    <t>b'\x902\xe9\xd0\xe8\xd1:\r\xc5\xe0\xd01\xb6%\xe5\x0b\xcf\x1b\xffW\xa2\xc9w\x10r\x1a\x0c\xaa\x13\xdb\xbd\x03'</t>
  </si>
  <si>
    <t>b'\xa1*|\xa2\xafG\x94\x17\x02\x9d\x98/j\xa9&amp;\xa8\xfe1\x82\xdb{\xa1T6\x1c\xf9Z\xa6o\x98\xa9\x82'</t>
  </si>
  <si>
    <t>b'\xe4w\x05\x13\xd4%bh\x9d\xca\xf2\x14\x15\x9dF&amp;\x0f\x03u4\x80t?Nd\xb4\x1a\xe0\xd2m\x1b\xaa'</t>
  </si>
  <si>
    <t>b'|\x99\xf6W\xfb58\xf9F\x01\x1a\xcc*C\x0f\x17\n\xee\xdb\xc3h_\xa39\xb4\xb9\x15\x9b\xc1\xa8\xc7\xbb'</t>
  </si>
  <si>
    <t>b'r\x0f\xd9\xf9\xcdW\xe4\xc3-Ns\xccUx3R\xcf\xa8\xd0\xaa}\xe9|\xd8\x94L\x18\x82\xe9J\xe2\x93'</t>
  </si>
  <si>
    <t>b'\xf7\xb25%\x8c\xef\x1a~Wb\x81\xa0f3z\xe9\xc5\xe1\xdd]\xd1\x01zD\xa1&amp;\x12\xc3\xee\x8aPZ'</t>
  </si>
  <si>
    <t>b'\x98r\xb8\x9ba\xd8{_\\b\xa7O=\xca\xc0\xbc-\xebfJ\xf7E?\xa2 \x11\x82\xa3q$_\xc9'</t>
  </si>
  <si>
    <t>b'\xa7\xdd\xe1\xa6\xee\xb8\x11s\xedX\xf1\xa9zAx\xc8\x04B\xb4\x00\xab[\x07W\xc1\xc9\x89\xd0w]\xca\xd0'</t>
  </si>
  <si>
    <t>b'\xe99;\x81\xa2\xb5\xb7\x98\xda/|\xd2\xee\x18\x82\x94\x82T\xdf\x96\x97\x00Q\xbf\x10\xb7\xc8\xcax}W/'</t>
  </si>
  <si>
    <t>b'\x8ar\x9cRt\xcfm=\x02\x02\x08\xb1\x11\x94\x1aA\xbe\xc8\xb6\xe1|\x1f\xc5\x0f\x03E8K\x92\x89\xc9\xf1'</t>
  </si>
  <si>
    <t>b'\xb9y\x86\xe6\xdc^\x13"X\xed\xf7\x95\xa1\xff\xf3!w(\xcc\xc0i\x94x\x88\xeb9|[\xe2\xd9\x9e '</t>
  </si>
  <si>
    <t>b'Y:\xf6&lt;k$P`\xc6F\n\xc2\xd3\x8c\x06?F\x15\xe9\xb2\x8a\xbfi\xde\\\xc8\x1e\x18\xdb\xb9-x'</t>
  </si>
  <si>
    <t>b'\xf4\x1b\xd7E\xcd\x85\xc4\x85\xac\xed\xfc\xba\xe0\xa9e\x94\x87\xf9\x99\x1e\xd7\x9f\x91\xd9\xb0\x01\x04\x07v\xfdJ6'</t>
  </si>
  <si>
    <t>b'\x05\x06\x1e\x0bz\xfbc\x0c\x86\x12\xbd\x1b\xbe\xed\x9c\x162\x14\xec \xbb\xf4\xd4\xac}\x03\x199\xe6\x81\x85\xf0'</t>
  </si>
  <si>
    <t>b'\xa5\xa8\xd93apZ\x8a\xfd \xe1n\x00B}\t\xbb\xb7\xe7\x81\x83HvTx\xdc\t\x14"\xf8\xb4\x07'</t>
  </si>
  <si>
    <t>b'\xe6D\x0fU\tn\xcb,p\x1c"\xc5\xb5,\x8b\xb3\x97*\xb0A_W\x87\xa6\x1b/"\\\x82A\xd2\xd0'</t>
  </si>
  <si>
    <t>b'\xd5\x13c%\x17K\xa9\xc9]\xfe\xcd\x91vt\xfc\\6\xb4\xc3X.@\xa8\xaf6\x10^\xbb\x07\xc3M\xc9'</t>
  </si>
  <si>
    <t>b"Yw\x95\x8d+\x90\x80\xed\xb2\xb9e\x95\x92\xf5\xf7\x7f\x0b\xab%4\xf2\x83e&amp;Q?\xa1\x15\xael\x1a'"</t>
  </si>
  <si>
    <t>b'\x1a\xb6\xb6=\xe8\x9c\xc3M^\x08\x9b\x058\x83fz\xc7)\xf8\x9e\x7fH\x9bY\xe6\x01\xec}\x8a\r\xed\xde'</t>
  </si>
  <si>
    <t>b'E\xe9\xeaeN3l\x94\x04n\x02\x9a\xb6\xa5\x82q\x16\xf9\x17\xcew\xe3\xa2\xbc\x83\xc5\xbd\xd0W\xc05\x91'</t>
  </si>
  <si>
    <t>b'\x85\x1d\xaf\xd6&lt;W\xcc4M\xea`\x12\x1b\xb7\x14\xcd"?\x00\xf0\xfe\xd1\xad\xb7\xd6\x9c\xb7\xb0Gq\xbf\xee'</t>
  </si>
  <si>
    <t>b'\x9aK\x11F\x97;_\xd6A0\xe8\x8e\xfa\xa2@\x98\xde\x156EcS\xe6\xe9gzZO?%\x8e\xcc'</t>
  </si>
  <si>
    <t>b'*\xf0;\x13V%&gt;\xb8A\x9d$\x19O\xb5\xb4\xe6g\xf8\x86\xf5\x1c\x17;\xa6\x0b\x948\xad\xcf\xd0\xe2~'</t>
  </si>
  <si>
    <t>b'/\xad\x004X\xfe\x1c\xac\xc2D\x05\xc0\xe0\x88\x07\xfe\xb2Ur\xc3\x98&lt;\xd6\xbb\xc7g\x81\xb3m\xd6\x0e\xb5'</t>
  </si>
  <si>
    <t>b'?\xf1+vpf\xf4\x10q\x13\x9f\xc0d\x82\x9a9|\x80\x9f\xbf\xd1\x8d\x94\xc8\xb0U\xcd\xbd5\x01l\x91'</t>
  </si>
  <si>
    <t>b't\xef\xf5\x85\xa7HG\xac\x96z\xb6y\xc8\xd9Eh\xa7\xad^=1\x96\x87m&lt;\xbe+&amp;\xe4\xd0f\x82'</t>
  </si>
  <si>
    <t>b'&amp;\xfb\x03s,MJc\x90\xcb\x14\xa2\\\xc6\x19K\xf6\x08,\xbbj\x82\xd2\xed\x08uIMe1\x1bp'</t>
  </si>
  <si>
    <t>b'\x95\xd9\x14\xbdaC\xcb\xa0T\xb9V\th\x0cy\x01\xc8`E\x02&gt;\x1b\xeb\xe5\xb9\xe3A&amp;8X\x87\xcf'</t>
  </si>
  <si>
    <t>b'&lt;\x19\xb5\xae\x07\xf2\xb3\x17\x142~\xbb/\xcb%pX\x8a=-M\x90\x84;\xf9T\xa2\xc5\xc9\x19\xf3\x0e'</t>
  </si>
  <si>
    <t>b'\xd0\xeb\x15\x98\xbb\xe9t\x90\xf7\xe0\x18\xbc\xc7\xf1*yJU4R+\xe5\xde\x14\x04\xf0 \xeb\x8c\x1dz`'</t>
  </si>
  <si>
    <t>b'\xa9e\x08\xfb \t&gt;\xee+\x1aBP\xd7\xc9\xfb\x10P\xecW\xee9{\xfc\xb7\xc8\xcd\xefcK\xff\x193'</t>
  </si>
  <si>
    <t>b"\xe8O\x8e\xafq\xbc\x99:\xb2q\x0f'\x84$T\xb6u\xf5\x1as~2\x01\xed\xa6\x08\xecM\x88\xa4\x83\xb7"</t>
  </si>
  <si>
    <t>b'\xd1\xab0UY\x11\xc3\xde\xdf\x02\x8d:\x93-\x88`\x0e?\x0fy;\x02\xac\xbb`\x8c\x9b$\xd0\x02\xab\x81'</t>
  </si>
  <si>
    <t>b'kO\x89\x81\xe0\x89\xed\xbc4\x1c\xbcl,t\x82\x8c\xf3\xca\x16d\xd6\x04\xa6)\xd7\x9bF\x9d\x15@\\\xc1'</t>
  </si>
  <si>
    <t>b'\xfe\x9e]\xf8\xf7\xa1\xe3\xabmJ\x02E\xb3\xb0h\xe0\x98j\xc3\x83\x0c6\x98\xf0\xa7\xfe\xb9\xa8\xd1H\xe3c'</t>
  </si>
  <si>
    <t>b'N\xcb4d\xf9!\xcd\xcf\x19~\xaf\x85M\x8c\xa0\xa1\x85^\x0ca"\xd3z\xb7\x1e\\\x17\xf8\xe6\xdc2\xd6'</t>
  </si>
  <si>
    <t>b'\xfc\xf8I\x80\xf8\x93i\x94\x94\x89\x1d\xbf\xbb\x99\n\\\x0f{\xc9\xb3F\x1e`\xac0\xe5\xbd\xf0\xf54\x96\n'</t>
  </si>
  <si>
    <t>b'\xd5\xbc\xea\x05q\xf6\xdd\x05\xb8\xa3\xfaC;\xa0\xd65\x0f\xdc\x96A\xc5C6\xfe\xa4P\x0c\xba97\xf8\xa2'</t>
  </si>
  <si>
    <t>b'\xf8C{\x14\xc3\xdd\xf1#Z\x90\xb3\xfd\x82\xdd\x80\x82\xe4\xdf(g\x1f\xe4R\xdb\xaa\x7f\xb4@/\x0c\xd7\xfb'</t>
  </si>
  <si>
    <t>b'ufPj\xf6\xbf3B\xa3\x8f\x10\xea\xb6\x8b\xe7Gz\xb5\\\xc1"\xb3\xd2\xa8\xf4\x8a\x12ua\xb0\xeah'</t>
  </si>
  <si>
    <t>b"\xaae\xec\xb1\x8c&amp;|x\xa4\xfa@\xb7\xd9\xcd3I\xe3'\xb9W\xb5\x0e\xa1\x93{8\x82\x16s\xbd\xac\xa8"</t>
  </si>
  <si>
    <t>b'4\xec\x00\xe3Fv\xed\xe44\xfd\xeb8\x17\x87\xc3LX\xba\xb8; \x18V\xc8S\xfa\xdee;\x1f3|'</t>
  </si>
  <si>
    <t>b'\xfb\x0c\xac\x14d\xfc\x8e\x96\x8f\x96\x7fx5p\x0b^\x96\xfd\x16&lt;\x01\xfb\x18p8\xff3\xe3\xadJ&amp;\xd7'</t>
  </si>
  <si>
    <t>b'DTbY\r*\xfd\xc8\xed\xa4\xde\x1e\xfc\x01\x03Xb\x81;H\x02\xee\x8d\x87k\x05\xe6\x8a?$\xdb\x8f'</t>
  </si>
  <si>
    <t>b'k\x16\x8d\xd4\x0c\xfbC\x01{\xed\xf47\x94\xdd\xb9\x81\xfb\xa5\x8a\xc5]\tc2l%\xb1\xef2\xc5\x83\x15'</t>
  </si>
  <si>
    <t>b'\xf1Z\xed\xd06\xce\x026w\xbc\xab\xdb\xfb\x94\x00\x03\x04K\xfb\xe8W\x0e("\x97&lt;\xebE\xe4\t-?'</t>
  </si>
  <si>
    <t>b'\xcd\xbd\xb3\xe20\xbd\xf8hP4\x05\xfe\xa78\xc0"\x1a\x0b\xe9\xd6\x0e\xce\xfb\xf0\x95\xe5`\'\xb0\xbb\x83\xeb'</t>
  </si>
  <si>
    <t>b'h\xb8\x01\x89\x83@\x82\x82\x8f\x8b\x80\xb1\xab\x0c\r\x0b\xc9\x9f\xae\x17\xc3U\xa4O]\x87\x96\x7fk\x91"\xfc'</t>
  </si>
  <si>
    <t>b'm\xd1!\xfdfaN\xc4\xd0\x17\x8b\x7f=\xff\xae\xb1\xeav-[H\x94\x84\x858\xffJE*p\xa8\xa9'</t>
  </si>
  <si>
    <t>b'\xd0\xc7&amp;\xd7\x04\xa9a\x97P\xbc\x184~V7?\x91\x0c1\x8f9v+\xf7\xde\xf3SNm\xb0=\x04'</t>
  </si>
  <si>
    <t>b'\x0b\x0e\xacH\x8c\x08&gt;\xa0\xa6B\xae\xfde\xab\xf9\xfd1=\xeb\xa8\xa5\xef@\x1b\x96\x94\xc2\x938\x01\x9d\xc1'</t>
  </si>
  <si>
    <t>b'\xe2\xb5\xf1\x90D\x04\x9e[\x1bV\x16]&lt;hXB}\x1f\xb9\xcb\xad\xc8\xdayqDf]Ik\xbeR'</t>
  </si>
  <si>
    <t>b'\xef\xcd\xbc;U0:\x85\xc1\x12\xc1\xe1\x9e\xa5\xa0\xd5\xa6\xc5\xe3\xc2\xd4\xab\xc0\x8f\x1b\xe14\xe2\x8c\x06\xc4L'</t>
  </si>
  <si>
    <t>b'\x15\xff.\x8e\x10IpC\xa4:!\xcd\xc4\x8e\x8fE\xe8f\x8e\x9ay\xe6V\xd0J\xe9\xef@\xa9\x90N\x0b'</t>
  </si>
  <si>
    <t>b'+\xb8\xc8~M\x13\x93.\x0f\x10\x1e\x8d\xea?L\xbas\xc2m\x8aR\xc1\x92+\\3\xb2\x16w&gt;\x00\xfe'</t>
  </si>
  <si>
    <t>b'\xc5\x05\xa9\xb2|Ty\x99\xfa\xf7\xf5\xe5Z~\x0e\xc2~\x1f%S\xa1\xa7\x95\xf4Y\xd3g\xdf\x1c\n\x1b\xe2'</t>
  </si>
  <si>
    <t>b'\xe9s+;\x1fa\x18\xb3t\xf1I*Nb\x90\x8bq\x12\x02AFRM\x99\xb4\xecY\x92\xf9%L\xe7'</t>
  </si>
  <si>
    <t>b'\xa9\xcca\xaa9\xb2\x93b\x88\xfcy%\x01\x01i\xfb\x10\x9aM?\x99\xd5\xa8\xcdm\xeb\xddv\xc4H\x80\x9e'</t>
  </si>
  <si>
    <t>b'M\x15~\x12\xf2\x1fcgwk5\xa8\x84\x98v\x0b\xea@\x0e\x05o\t\xb6\xcf\xb6o\xf3D:\x7f3\xef'</t>
  </si>
  <si>
    <t>b'\r\xd8\xb2\xdc\xd5\x0e\xd8\x963^{\xcdG\x1d\xf3!\xb0\xcfh\x911\x19\xfe\xc0;\xf9\xb2\xc9\xb7\x0c\xdeK'</t>
  </si>
  <si>
    <t>b'\x95\x1c%\x03\x06\x8ccc[\xcdw^\x98Iq2$~\xdaS,\xf4)\xacd];\x12\xe5\x115\x86'</t>
  </si>
  <si>
    <t>b'\xc3\x95\x9c\x15bv\xe2\xe9\xa2\x1c\x92\xd9\xd3\x81L\xde\x15r\x18\xf00\xa4\xb0db\x13*\x898\x87{E'</t>
  </si>
  <si>
    <t>b'\xf8\xd1\xfb\x1cs\x00\xd1Mc\x93\xbeN\xd3K\x10\xc5"\x19\xfa\xfd\x93\x07\'\x8f\xd8LB?\xa98\xb0_'</t>
  </si>
  <si>
    <t>b'\x16S\x92x\x87W}*\x84\xabj\x1a&lt;\xbfrE\xd3\xed3\xfe\xb3M\xe8i\xb4V\x80\xeb\xcf\xcf\x01v'</t>
  </si>
  <si>
    <t>b'gV\xe9\x9ei\x0b\xc9\xbf\x04\xa5\x8dgs\x1c\xe5\x93\xe9\xb8\xd1\x1e]\x11\xebN\xc4,w4B@.\x00'</t>
  </si>
  <si>
    <t>b'_\xfa\xd9\x0e#AB\xa0\x17se\xac\x14r\xdb\x98\x01q\xe5&amp;4\xd7\xd9\xfc\xda\n\xc2\x82\x11=*\xa2'</t>
  </si>
  <si>
    <t>b"\x11\\'\x8ds+\xbb\x9a\xb3\xe6\xfdi}\xa1~\xa1mm\xa4\xa0\xd5\x07\xdd\xcc\xfdP\xd1\x91o\xbd\x19\xff"</t>
  </si>
  <si>
    <t>b'\x9cO\xce\x16\xa0\xf9c^3\xa90\xc0\x1c}V}\xd5\x10\xf76+\xc1\xe5\x01~z\xa4|\x7f\xe6Qr'</t>
  </si>
  <si>
    <t>b'\xff\x0f{\r\xcb:u\xd0\xc6&lt;\x1f)\xfb\x9a\xf5\x8c5\xc7&gt;IE\x83\x93\xde\xe6h\nb\x961MD'</t>
  </si>
  <si>
    <t>b'\xb0"x\xde\xf7\xeaQ\xe00R\xc2\xa4/\x81\xb1k4y&amp;n\xb8\x0b\x94\xb6\x9e\xa6\xd7C\xbd\x1f|6'</t>
  </si>
  <si>
    <t>b'\xae\x9a1&amp;\xbfc\xb7XN!!\x19HL\xb0;\xf2\xc8)\xac\x8a\x1akGI\xd9\xc9`8\xdc2\x7f'</t>
  </si>
  <si>
    <t>b'c|\xfa\x02\x9e\x98(\xf5\xfe[$F\x9eW\x9d\xe2\x16\xd7\xa2U1\x9cc\xc5\xa5\xaboi\x10\xe3\xf6~'</t>
  </si>
  <si>
    <t>b'\xe8\xfbR\xa7\x13E]\x99\xff\xf6\xdfX\x95\x04\x1b6\xa2\xf9*\xdbw\x03\x01\xe18\xc3B\x01\xfc\x84\xbb*'</t>
  </si>
  <si>
    <t>b'\x80cb\xbc\x97\xa4\x18\x0b\x1d\xe2sJ\x85G\x1e\x9c-!\x99\xfb\xed2\x05\x85e\x99\xc6\x91\x8f\xd3\x17b'</t>
  </si>
  <si>
    <t>b'\x7f\xee\xd0hE\t\xc2\xbc\t\x99\xf4m\x82\xa2\xa1}\xff\x00\xa4\x19\xcb\xc5\xb7\x00\xeb&amp;\x8f\xbeH\x8f\x19\xa8'</t>
  </si>
  <si>
    <t>b'\x9e\xeb\xe3\x84j\x8eg\x02t_\xecM\x9cr\xbc\xb6LY\xea\xeb\xa3Z\xe8\xd9\xee\t\x90de\xcb\xd7\xd8'</t>
  </si>
  <si>
    <t>b'-\x17J\x9e]\xbd&lt;\xe6t\x9f\xde\xad\xfa\xa29\x85\xebO\xb6\xf5\x83\x11\xaaY\xf4\xd9k\xc5\xbb\x1b\x96a'</t>
  </si>
  <si>
    <t>b'(O\xb60\xb7\x87Y\xa7U\x9d\xaeh\x89\x01~"\xea\x1fO\xfc\x95Y\xa3\x01\xe7\xd8\xcc\\i\xc0\xbf\x92'</t>
  </si>
  <si>
    <t>b'\x8d\x0b\xfbhp\xba\xd0\xde\xe4\xea\x83\x95\xaa\xf0)\xb0\x804\xf3\xa3\xf6%\xee\x89\xa5\xa4\x9ckK|\xb7\xbc'</t>
  </si>
  <si>
    <t>b'\xa6\xbf\xa4\x1a*&amp;\xda%\x8feGnh\xbf\x94\xd8\xbf^N V\xbf\r\xe3\x9b\xb6J\xdeU\xaa5g'</t>
  </si>
  <si>
    <t>b'\x1c\x0b\x02+Ft+\xd0\xfa}\x9e\xdc\x15\xadJl\xdaO\xb1\x16y\x8d\x9dhuDO\x04\xd9\xc3\x19E'</t>
  </si>
  <si>
    <t>b'\x0f\x82VR\xb1\xec\xc8J\x97\xf5x\xeex\x8cW&gt;\xef \xaa\x1bO1R\n;\xee\x11~(\x0e/\xc6'</t>
  </si>
  <si>
    <t>b'}\x1c\xce/\xce\x8b\x9a\xd3\x86&amp;\xee\x9d{B\xaf\xcf|J\x13\xd3i\xbd\x02v5I\xa6\xd7\x18\x18zM'</t>
  </si>
  <si>
    <t>b'`\x8b}Dh\x8f\x9cAg\x99/\x08\x87\x1b\xc8V.:-\xf5s\xdax\xad?\xebN\x10^\xe7\xc5\xaa'</t>
  </si>
  <si>
    <t>b'\xf1\x1fHg\xfcx\\\xa0\x05\x8d{W\x93!\x0c\x14vO\xf0\xb7\x8a;\x11\xae\x02\xc9Yx\xb5\xe6y\x96'</t>
  </si>
  <si>
    <t>b'\xef\x00\xb3\x1d\xce\xcar\xcb~\xfe\x81\xd8\x8f[\xfa\xe8\x90\x83\x1etyNuFD\xa5\x93\xb5ew\x81\xab'</t>
  </si>
  <si>
    <t>b'\x13\xcf\xe4\x1f.\xc6@\x0c\x81\xed:\x96\xa0h\xeb)\x90\xde\xeen\xaf\x81  \x97iy-\x16\xf7\xe2\xe5'</t>
  </si>
  <si>
    <t>b'Xh\x17\xc8v\x1f&gt;\xe6!\xd1\xb2\xc7)\xf9\x10\x03\x05R\xbb\x7f\xe5\xaa\xdd\xac\xd8\xedEr\xb9&gt;\xaa='</t>
  </si>
  <si>
    <t>b'\xf4\x19\xb4\xdd\xca\x9c\x89\x81w\x0f\x9b]n\x81\xf9\x14At\xa5\x99&gt;\x951&amp;\xea\x95\xff!p\x87\xe9n'</t>
  </si>
  <si>
    <t>b'\x8fod[|C\xa5\xedh\xf2\xe7\x9e\xc3\x9f\x1eMEb\x97\x8dK\xb3\x19\xc1\x07\x9cc\x8aW\xa5M\xba'</t>
  </si>
  <si>
    <t>b'\xca\x1f\xb5\xf5\xa7\xa9\xb7\xc8\x1d\xbc\x99\x96\xbb\xf8\x99\xff\x86*E\xad\x89ey!P7\xf4b\xf1\x9c\xcc\x81'</t>
  </si>
  <si>
    <t>b'\xab\x1a\x8a@N\xca\x1a\x96O\xfe\xdf\x14\x85\xfd\x0c]9-\xd7\xa0\xd8\x10\xe48\x9a]z\xdd\x9b\xab"\x8e'</t>
  </si>
  <si>
    <t>b'9C}8!y\x94\xaa\x8e\xf4\n:e\x13\xc8\xcauTCZ\xecT\xa0\x173\xbb\xb0Gf\xfd\xd1\x8b'</t>
  </si>
  <si>
    <t>b'\x99\\\xce\xf4pc\xbf4\xed\xbdQU\xdc1\x03@^o\xf7\xb3K\xf0+\xb4\xc6\xce\xf4\x82\xa9\xa1\x8aH'</t>
  </si>
  <si>
    <t>b'\x111\xd9v!\xdeZ94\xde\xa2\xad\x00\xd9\x8dO2\xec(\xb7\x1c\x1f\x0f\xb2i\x96\xa1\xe6\n\x02\x80\xfc'</t>
  </si>
  <si>
    <t>b'q! P\xc0;\xee5\x8cv\x10\xfb$\xf6\xfd\xc5\xd0\x1a\x91F\xec\xee\x1cb\x9c\t\xe2@G\xda\xec\xa3'</t>
  </si>
  <si>
    <t>b'\x00\x8b+Y\xeb_b\xc1\xb9\xcc\xcb\xae\x11\x1d=M\x06\x04wA\n\x1f\xff\x7f\x97\xffu\xc4\xca\x8d\xe8\xc0'</t>
  </si>
  <si>
    <t>b'\xbf+\x82\xdfp\xbc\xf1\xbaN\t\x06\xead__\x83\x08\xbb\xb4O\xdb\xc4\x115\xbc\xd1\x0c=\xe7^B\xd1'</t>
  </si>
  <si>
    <t>b'\xa6\xa4\x98:z\xcc\xaaJ)\r\xa0\xe0z\xa1\x1b\xf1\x0e\xf0\x02&amp;N/p0Q\x89\xb1\xd0-\xcf\xae\xbb'</t>
  </si>
  <si>
    <t>b"\xa7\xe3\x1e]\xe2\xc7\x8f]\xe9\x9d\x89\xd2\xa6]U(\x802I'\xc68\x17Wb(\xccn\x9cP\xd1\x8e"</t>
  </si>
  <si>
    <t>b'f\xd6\xb7`\xc3Uqr\xcbeW\xad}S\x91`\xc7\xfe\xf2\x1b\xda\x8d\xee\x88^\x16d\x1c?E\x10\xe4'</t>
  </si>
  <si>
    <t>b'\x8bi\x9bj\x11\x1e\xe5V+\x9b\xd0\xd7\r\x17\xcfoh\xecm\x04/k:\x91\x08\xd1}g)\xda//'</t>
  </si>
  <si>
    <t>b'F\\\x07\xec\xec\xad\x0b\xd9\x9d\xe7\n.wf\xe0\xaaY\x7f\x10\xeb&lt;xN\xe9\xa4\x80\xa2R\xac*\x9fj'</t>
  </si>
  <si>
    <t>b'\x1a9/\n\x1b\x9by\x98J\xb0\x8b\t\x8afxn\xcdj\xcb\xae\xc0Q\xc6r\xb4\xa0zf\xb7J\xef\xf9'</t>
  </si>
  <si>
    <t>b' \xa9\xf7K6\xba\xed\xaa7\xffA\xf4\x14^\xe1\xf3\xbf\xcb\x1fJ\x1b\xf2\xc5\xf8\x16/\xf23zer\xff'</t>
  </si>
  <si>
    <t>b'\xb0\x85\x07\x86\t\xe5\xd7\x06\xe8lS\xa65\xdc)\x10\xe3&lt;\xe7\xd8\x93\xf8u\x065\xc2\x12\x10\xecs\xf1C'</t>
  </si>
  <si>
    <t>b'\xd3\xa4#\x8f\x1e\x0f\xab\x86\xca\xd95\xe7\x9e3\xd4\xbd\xcc\xaf\xf7{,$l\x08\xb6\xf7\xcd"\xadE\xc8u'</t>
  </si>
  <si>
    <t>b'\x03 \xaa\x07\xa2c\x8d\x82\x13\xe8\x1e\xba\xd84\xd1\x01\x08(\xe6\x00%\xd0{T\x83\xaf\x8cT\x15\x16p\xce'</t>
  </si>
  <si>
    <t>b'%\xa0z\xdal?\xc0\x90\x8b\xdf\x8a\xe5\xab\xceTi=\xaan\xf0Zh0\xb3\x94\xaaq\xe3\x9b\x14I\xea'</t>
  </si>
  <si>
    <t>b'@\x1f\xd2\x85\xf6\xe1\x80\x87\xb0b\xaa\xad\xae\x89h\x1a\xf2\xb8\xfe*y\xd5\xec\x8a\xbe\xd6\r!k\xf9\x00\x1e'</t>
  </si>
  <si>
    <t>b'\x1em&gt;\x89\xe7\x8b\x12T\xb2\x1e\xbf\xd8\x0e\x1b\xfdb\xb7\x99\xb1\xa1\x9f\xf0\\M\xa7\x98\x93\xd4m\x12\xbd/'</t>
  </si>
  <si>
    <t>b'f\xa1r]\x1a\xb2(\xa9\x83\x02\xfda9\x10\xca\x1d?\xeft\\\xc3\xb7\xfci\xcc\xf8m\x1fv\xc6\xfe-'</t>
  </si>
  <si>
    <t>b"\xf7\x90\xd3&gt;\xd0\xcf.v\x9c1\xcf\r\x1c\r\xd8[n!3\\\xbeB\xaa\x9f\x860\xb1\xe8\x90\xe7\xec'"</t>
  </si>
  <si>
    <t>b"\x1f\x0b*%\xca\x8a 6\xe2G'$6\xe3\xf4|\x9a\x88B\xe6\x0e\xdb\xd0\xf2\x0eJcP\xc7(\xfb\xa9"</t>
  </si>
  <si>
    <t>b'F\x02@\xd5\xe5\x85\xd7Y\xd2\xce\x00\xd1\xf4\x95S\x14Rs\xc7\xe3o$\xa7\xe0\xc6KJ"P\xad\x12\xb9'</t>
  </si>
  <si>
    <t>b'\x83\x19\xe9Q?T\r\xb2\x89\x16\xd1\xf7?\xd1\x1b1\xfe\x14XB\xb3!\x80\xc1\xa6[`!\xd3\xeb1\xbd'</t>
  </si>
  <si>
    <t>b'h\x1c0\xb0Cc\x9a \x06\xbb\xa7J\x17I\xb3\x81\xc2R\xb6\xad+:~C\x9c\xc5\x92A\xf2\xea\x85\xcf'</t>
  </si>
  <si>
    <t>b'Gkp\x02\xce\xf2\x9f\xe1S8YO\x93?\xd1\xf9w\xcf\xc6\xa2\xf6\xe3\xac\xf1.\xfa\xed\xa9t\xa33U'</t>
  </si>
  <si>
    <t>b'\x1a\xea\x1c\xaf\x8b3U2\xd1\xe4\xcb\x8a\xf6\xefl\xbc\xd3=+\xb7:R\x07t\x96\xcdij\xb2\xb7hm'</t>
  </si>
  <si>
    <t>b'\x0f\xc8\x98\xdf\xb9m$\x82\xfaRW\x94\xb4\xbc\xeeG\xe9\xf2\xcc\xc8\xb1&amp;\x00T\xe8\xe1+!\x87PC\xa4'</t>
  </si>
  <si>
    <t>b'\x9b\xbe+\xe6 \xc4IA\xa8\xca\xec\x04m\x1a\xc6\x84\x96l\xc9\x83h{QC\t\x1d6\xb2\xcd\xddh\x80'</t>
  </si>
  <si>
    <t>b'O\xd6\x88]\x1e\x07\xe2&gt;\xdb\xdbQ\xbd\xd4\xe55\x04\x81\xb1\x82\x0c\xe5\xac\xf9\x86\xcf\x05\x94w\x8d\x8c=\xd0'</t>
  </si>
  <si>
    <t>b'\x8d2\x86\xfdv\xa2"\x15\x1d)\xbe\xabMi\xfd\x08\xd7`&amp;\x8c\x07\xa1\xef\x1en\x88\x12\x89&lt;\xee\xd0l'</t>
  </si>
  <si>
    <t>b'W\xea?\xacDe\x81\xfe\x858\xaf\xe3\xc5)\x1bY\x17+\xc5\xb2\xca\x84\x89\x0f\x82@\xb8x\xe7\xe1\xbb\x86'</t>
  </si>
  <si>
    <t>b'f\xc9\xe9\xe6\xbc\xa4|\x81\x86\x84p}\xcb\x7f\x0en\x08\xa5\x18\xb7\xe0\x92\xa1m\xbfc\x9a#&lt;m\xd9\x82'</t>
  </si>
  <si>
    <t>b'r\xcb8j\xb9\xba\x02\xe5\x80\x9bfb /|\x80\xe2\x15\x82\xb4z\x01\x90\xf3(\x80\xb19\x103\xbb\x9c'</t>
  </si>
  <si>
    <t>b'\x81\xe4\x82*/(y\x80Uw\xc26\xf1\xb9\xdf\r\x9b\x95\xb8`\xd0h\xac!\x90/\xa6M\xa3\xfc\xe1\xee'</t>
  </si>
  <si>
    <t>b'&lt;\xa5C:\xb9\x85"-\xd8\xed_\xe1\xdd\xf6U\xf1\\\\U%\x95f\x1e\xea\x97\xa6\x9bq\x91%\xda\xee'</t>
  </si>
  <si>
    <t>b'\xb7\x96\x1a\xb8\xde\xb2B\x998: \xf2\xbf\x02\xe0\t\x1e6W\xf6\n\x10Kzb\x87\x8b\xccs\xfb\xdd\xb3'</t>
  </si>
  <si>
    <t>b'\xf6R\xf3*lu\x9c\xdd\xe0ZJ\xb7\xa2\xb5\x97\xa7.\xe7?\xc1\xc0\xc6\x8384\xb5PtA\x89\x7f\x96'</t>
  </si>
  <si>
    <t>b'\x83\x08\x9d\x02\xea;0^\xef\xf9\x8eY\x15\xcc&lt;H\x8e-\x19R\x93\x81l`j[\xe7Au\xaf\x18\xb8'</t>
  </si>
  <si>
    <t>b'\x8d\x0c\xfa\xdd,Q\xafD\xc8\xf1l\xf6\x08\xe6\xdf\xd7\xa8\xaf\xdd\rymS\xdd\x9fgGG,z\x06\xb5'</t>
  </si>
  <si>
    <t>b'\x0b\x10\xeaFIp\xc0\xa6k\x15R\xeb\xb5\xea\x00\xed3\xd5p\xdc\x03\xc0\x0f;\xd8\x14\xaf\xf4\xecCb\x85'</t>
  </si>
  <si>
    <t>b'%\xda\x9d\xff\x8e\x90\xf4O`dD\n\xe7\x96.\x9f)\x04bs\xc7\xfe5\x08\xb6`b\xc8/\x1az\xd9'</t>
  </si>
  <si>
    <t>b'\xfd\xf5;\x90l\xe5\xa8Q0\x86\xf1\x94Q\x8a);\xa9\xe6\xe5F%\x0b&gt;\xd5\xbd\xbd\x1c E\xe7\x9a\x80'</t>
  </si>
  <si>
    <t>b'\x8bl\xaa\xe9\x95\xcdm:\xe8:\xddU\xe0\x9b%n\xd1\xa3dYf\x1a\xf82&lt;H\xae:\x15\xe8m\x97'</t>
  </si>
  <si>
    <t>b'W"?\xa1\x12\x16j\xd4y\xc9\xbc!\xdc\x9bfS\x95\xba\x1bU\xab\xcfk\xa97(P\xa5m\x0f\xdeQ'</t>
  </si>
  <si>
    <t>b'\ti\xe6\xd5f\x8a\xae_\xcd\xca\x0f\x96h\xb7\xddo4\xa5"\x15\x80f\xcf&amp;\xe4\xf9\x85i\x7f\x15\xb9\r'</t>
  </si>
  <si>
    <t>b'\xdc|\xd9\xca\xc0.\xab\x97A\x91\t\xc1\xea\x02U\xb57\xce\xc5\xcf\x99Wx\xd3\xc4\xb1\xe9\x06\xb8\x1az\x97'</t>
  </si>
  <si>
    <t>b'\xf3\x0e\x15\x05\xb9u\xf4\x95\x82\xcdW\xcdkT$\xeaV&amp;\xc0\xf9\xa2\xec\xac\x16c\x83\xcc&lt;w\xe4[\x91'</t>
  </si>
  <si>
    <t>b'\xe5\xa9\x9c\xac2\xf1l\xbf\xf6\xc7\xda\xeaa\x11\xe6"q\x96\xa5\\\x13\x8d\'$\xdf\xd0\x08\xc3\xa6\xef\x1d;'</t>
  </si>
  <si>
    <t>b'\xc6\xdb\xe1\x0f\xb0\xf3EB\x07\xaf\xa9|f\xdd\x1d\xb3\x97\xb9\x1a\xc0\xbc\x8b\x8fI\x1e~l\xea\xb3{\x17\x98'</t>
  </si>
  <si>
    <t>b'\xe13P"\xc4\xfb\xba\x9bV\xf8V\xcb\x1es\x7f\xf5W\xa4\xd8\xcf]\xe9\x1fD\x8a\x02\x96\x83\xf2^6\xc4'</t>
  </si>
  <si>
    <t>b'\x8d\x9b\x07\xbbMa\xc6\x154\xce\x96\x16\xa4\x06`2\x93\xe8\x0c]\xeb\xfc\x04C\xb60i\x0b\xea\xb95\x97'</t>
  </si>
  <si>
    <t>b'/\x99T4\x03\xef\x19\x1d\xa9\x9f\xc9\x90\xba\xa7\xa8\x1ey\x88\xe8mj\xba\xba9\x97]\x8f\xde@\xa0\x94\xdf'</t>
  </si>
  <si>
    <t>b'\x8267\xd2\x84\xe1.v\xd7rx&lt;\xc5H\x9dY\x15Q\x85\xb7\xc8\x0b\x1b\xafs\x85\xe6/\x1f\x9e\x03\x01'</t>
  </si>
  <si>
    <t>b'&lt;\xc2\x8dX\xe2\x10\xab\x1dyq we\x8e\xcc\xb8\x91L\xcaZ\x81\xf8\xdaQE\xb9\x99D&lt;\xcbD7'</t>
  </si>
  <si>
    <t>Individual</t>
  </si>
  <si>
    <t>b'\xc5\x0eN\xd2l\x94\xca0\x04\x1b\x8d\xf3\xcb?\xa2\xab\xb1\xf5n\x99\xe8\x1e\xd1\x95$\x1e@I\xea\x08\xc1\x1d'</t>
  </si>
  <si>
    <t>b'\xea%\x06\x80u;?\xc4\xedZ\xd0\x19.i\x9b\x88\xb7\xa1L\x8a\x1b\xb3\xfc\xa5\x8b\x839\xa4;U\x0e\xab'</t>
  </si>
  <si>
    <t>b'\xf4t\xdfYr%O%\xe1\xe9\xfd\x1f\xf0\xf7\xb3\x03\x9b\x86\x02\xf4\x0c\x9d\x8d\xe75\x1a\x96\xa4\t\xf13v'</t>
  </si>
  <si>
    <t>b'\x97\x94\x02X\xe0\xd3\xa7\xf6\xb0\x93@\xa6\xe0\xe1\\\xcc\x9d#n\x15\xa2\xca\xff\xb82}7\x0c\xbe|\xf4\x14'</t>
  </si>
  <si>
    <t>b'\xa4\xad\xcf\xb4D\xb1~\x15iE\xa2\x16R\xb9\x90\xc9Q,n\t\xfen\x1b@\xf6\xd8N\x97\x1d\xeaXj'</t>
  </si>
  <si>
    <t>b'\xccK\n\x08\x98\xfeD@\x0c\xb7[=y\xa5UR$V\x0b:\xb2\xa0p\x82\xc2\xd4j#g\xbcNQ'</t>
  </si>
  <si>
    <t>b"'\xff\xae\x83~wF{e\xcfe)\x128+:\x0cm\x8c?\x85\xe9\x12P\xc8p\\;@Gi\xfa"</t>
  </si>
  <si>
    <t>b'M\xaf)\x8fo\xc7\x8cT\x85Y\x90\xde\x11\xef\x8c\x992P\x01\xe9\x15\t\xb43\xf8\xec\xcd\xf0\xb4\x9b\x1d&amp;'</t>
  </si>
  <si>
    <t>b't\xeb0i\x980I\x12\x9aHNM\xab\xc3,\x95\x84&amp;\\\xc2\xddd\xf9w\xa7\xd0\xbb\xbb\xb9\xdd&lt;\xbc'</t>
  </si>
  <si>
    <t>b'\x8d\x0f\xd3y\xeba\xae9\xfe#`\xb0\xc6\xea\x9d\xbaW\xec\x17\x10\xa0\x7f\x8b\xb1\xef\x17\xb5U]l\xbfT'</t>
  </si>
  <si>
    <t>b'\x99\xcf~\x1b$N\x12\x1d\x9a\xc7\xad\x94\xb8\xcb\xe2\xa8 \xdc\x8a8k\xc4\x16\x82\xb4 \xf5)3\xe8+|'</t>
  </si>
  <si>
    <t>b'\x8a\x16D\x0c\xfeC\x95\x1fl\xb8\xf0\x07\x0b\xb1\x7f\xba\xd2.\xfd\x06\x0e\x8e\x92\x92\xea\xa7$\xbfVx\xb5\x9a'</t>
  </si>
  <si>
    <t>b'\x87\xa69\x9bNCl\x01:\xe7\xdd\x82\xe0\xa6u\xa5&gt;\x0e\xe7y\xb4\xed(/\xc6\xe2 Td\xaf\x8bQ'</t>
  </si>
  <si>
    <t>b'G\xb6\x0c\x9c\x91\x19\xb9&lt;\xe8\xe5N\xd7\xaf\xa9\xb6\xae\xf6`S\xc4\x08\xe9\xc0\xf8\xf8\xb7\xb2\xf2\xda\xde\xb4)'</t>
  </si>
  <si>
    <t>b'\x1c-\xdb\x96&gt;zy\x85\x93\x0c\xd5XX\xcf"\x93\x9a\xa1^SL\xe8\xfe\xf2\x9e\x01\x10\xaa\x00\x92\xf1\xd2'</t>
  </si>
  <si>
    <t>b'\x7f\x84\xb4\t\xa7z\x8b\xc0\xa8N\xdd3\x95G\x10\x18\x88\x9f)\xcb\x0b\x9aD\xdf\xc5\x98\xedK\xf1\x0b\x13t'</t>
  </si>
  <si>
    <t>b'\xc9@\xcaJ\x91\xdc\xbf\x17e\x19Pr\xa1\xa1\re1\xe9]\xc3\x0fX\xf0\xeb\xce_\xbc\x19\xe1\xb7\xb9\xae'</t>
  </si>
  <si>
    <t>b'\xcf\x10\x8c\x80\xfdF_\xf6\x840:{\x10M\xbd\xfe\xb2\x12(e]\x03t\xa0\x8aT\xf9,\xaf\x12\x11i'</t>
  </si>
  <si>
    <t>b'\xda\x8b\xd5\x1aG\x0c\x05\x96q/gU\x85 \xef\xfbf5\x97\t\\\xb2n\x89\xd1\\\x06\xa2\x14k1\x17'</t>
  </si>
  <si>
    <t>b'5\x94\xfa=\xf4_\x9c,x\xe4\x04\x8c\x03\xc2Wl\x88\xb4\x81\xf98C&lt;\xfe!\x85\x13\x19\x90f6\x1f'</t>
  </si>
  <si>
    <t>b'\x80\x9d\xc3E\x17\xb1d\xc1\x14UFu\x00z\xd8\xeb\xe4=\x00[\xf4\x92\xfd\x9f\xa5x\t\xeb\xf0tP\x03'</t>
  </si>
  <si>
    <t>b'l\xc1\xeaxn\xc8x\xae\x18\x19\xfd\xe0B3\xc7\xcc%\xf3~x0\x90\x04A\x96H\x82\xcd\xf4\xba\x1b\x02'</t>
  </si>
  <si>
    <t>b'!\xc3\xb6\x89\xdcC\xa7\x94x&amp;\xf3x\xc1\xaa\xcc\xdf\x0e\xad\xa2t\x87B\xa3\xb0\xb9P\xa4\\\xb5\xd1\x8c\xaa'</t>
  </si>
  <si>
    <t>b'\xa9\x06\x9f\x81\xc5\t\xfd\xb2\x8e\x10\xeb\xfd\xe3\x86\x1e\x185\xd7\xbe\xd9~\x0f\x82\xad\xe2\xc2\xbfA~\xef@\xae'</t>
  </si>
  <si>
    <t>b'\x15*\x9cr-Q\x81\xc8\xf4\xbc\xaf\x99V\xe7\xa7Lc\x0c\xcb\\"\xf8\x9dH+7\xe4\x01G\x0e\xbc\x90'</t>
  </si>
  <si>
    <t>b'\xc3`\x88F\x00Op\xf6w\xcan\x07\x14z1\xf9\\[=\xb0\x95\xaa\x94w\r$r\x80\xbfzl\xb4'</t>
  </si>
  <si>
    <t>b'G\x97\xbd7 s)?\xd6S\xe3\x99\x12\x13\xbc\x05\xaf\x01X\xc1\x14%\xe5C\x0f?M\x96\x99(\x11"'</t>
  </si>
  <si>
    <t>b'\xb0\xff\xdf\x1d\x05\x11\x9b\xe0\xdf\xcb\xc0\x9b\xdd\x1c\xf6\x01\x18\xafVB\xbe1\x8e\xf2\xd1&amp;\xd2\xf8\xf2\x1b\x8a7'</t>
  </si>
  <si>
    <t>b"\xb1\xa9\xd4R\xea\x92Ox\xe4\xdb\xa8\xa9 o1'\xdb\xd9\xa3+\xfdQ\x07\x81\r\xe6\xeb\x18\x8dM\xbd\x9b"</t>
  </si>
  <si>
    <t>b" \x988\xf2{C\xf3\xeb\x16\x96\x06'\xa4\xf0\x86\xfc\xfbB\x83~7)\x87\xc4\x1e\x96f\xbc\x07\x04\x8db"</t>
  </si>
  <si>
    <t>b'{\x08(\xf3\xfe\x16s\x1cv0\x17\x99\x9c?**U\xec\xb9\xb0\x155\x86\xd3\xd8L\xb3\x95\xc0q\xb6]'</t>
  </si>
  <si>
    <t>b"\xf9\x8c\xa1y\xffc\x14\x88'vN# \xb5\xc9\t\xb3\xf9\r\xa7br\x1c+l\x13\x95y\x8e\xf6\xe3\x88"</t>
  </si>
  <si>
    <t>b"'\xfb?\xf9\xc8\x8a\xf9`}Z=\xba\xf1\x9e\xe3B#O\xbf\xbdBe\\\xa0\xc4\x93\n\xaeg!\x07l"</t>
  </si>
  <si>
    <t>b"\xf1J\x02\xc8x8H\xd64\x9a\xc6i\xf0!{Z\xc1\xc5\x10\xd1\xe8\x81udw\x17YK'\xf4\xc7|"</t>
  </si>
  <si>
    <t>b"J\xc7\xc0Q\xef&amp;\xd97\xdb\x8bS\x8f&amp;#'\xcd\x1bCt\xc9\x07\xea\xa2\x90y\xd4\x1c\x1a\xfe\xafX\xd5"</t>
  </si>
  <si>
    <t>b't\x9f=\x9d\t\r\xf3\xb1\xa9\x93\xfbM\xc9\x99\xbbrsM\xe5H\xd3\xf2\xcb\x8d\xc7c\x96\xac\x9d\xd3gf'</t>
  </si>
  <si>
    <t>b'\x12\xf2\xe8\xf1.\xc0\xbe,\xf2\x92R\xa9\xac\xc9\x11\x11\xa5\xf4\x8d\xbb\x1a\xef\xdc\xbf\xa2-}\xaaB\xe9\xe1\xcf'</t>
  </si>
  <si>
    <t>b'~\x165\xf3U\x8d\xbe\xeaKg\x00Q\x1c\xb5\x9dU\xaa\xea\xb8"\xe2C=\x7f\xd2\x99DxP]uw'</t>
  </si>
  <si>
    <t>b'JJ\xf9\xba\x91\xcb\x9fa-/\x87R;\t\x11\xa1\x12\xff\xccRSp\x13s\xfd\xbb\xb3j\xa9\x12W\xfe'</t>
  </si>
  <si>
    <t>b'S?\xc9\xf1\xda\x85+=\xeei\x12P\x98\xf5{cV\x01\x14\xf3ZL\xdb\xf6\x19\xa1\xbb\x18.\x8f\x08B'</t>
  </si>
  <si>
    <t>b'HO\x8d\xf0"$\xc5\x1d\xd2\xc7\xbd\xa1\x17\xbf\xa5#\xed\x01G\x08\xb4lW\xba\xf66\xde\xeb\x88\xf0A}'</t>
  </si>
  <si>
    <t>b'\xd3\xab$\x1e\xbbi\xae\xf0\x89\xc7\xb8\x16Gn\x92\xa4\x0f\xc8\xc6\x17\x15\xfe\xab \xa8\xf8\xab\xbb`\xa3|\xd8'</t>
  </si>
  <si>
    <t>b"j\xf7#\x1d6z\x18\xeb\xea'\xcd\xc6\x12\x96\xb8\xf1p\x90\xba\xba.j\xb9\xfe\xab8\xa8\x8a\xe0\xaee5"</t>
  </si>
  <si>
    <t>b'\x0fw\x99%\xc6\xeec\xb2\xad\xac|\xa8\x04\xee\xeb\x9e\x81\x1c\x0cwg=\xc3\xc3\xc3^D\xfc\x9c\x95L\x93'</t>
  </si>
  <si>
    <t>b'@\x82\x14\\\xb3\xde\xe2\xa6\xb4D\xac\x00\xf1\x08\x19\xbfB\xce\xabs\x85\x0c\x03\x9b\xff\x89g\x08\x80\xe7f\xb2'</t>
  </si>
  <si>
    <t>b'H\x06\xce)\x1a"\x8a\xeaR\xd6d\xbe\xd8\x8a\x8a\xb1U\xd5\x8f;*\x86\xabiVf\x9b\xd62\xa1\xe4K'</t>
  </si>
  <si>
    <t>b'\xde\xc5\xa1}|`ds\xbf\x05~3\x02\xf5H\x0fW\xaa8\x03\x80\x07\\XY\x1e\xdc\xdf\x08\x1cV\x9b'</t>
  </si>
  <si>
    <t>b'~\x95\x01^\xf7a\x029 F\x81\x05x\xa1\x7f\xde\xdb\xe9\xbc6\xae\x9fN\x123&gt;\xf5\xcf\xb3!_m'</t>
  </si>
  <si>
    <t>b'\xe5\xb2^?2\xe01\r\x80\xb6\xa6\x12\t\x0e\t,\xc1\xabN\xb7!\x80\xfet\x1f\x9e&lt; \t\xad=D'</t>
  </si>
  <si>
    <t>b'\xc3\xb8\xa5p{Y\xb9Mu\x10~@&amp;\x8cG\x8e\x15\xd7s9\xf1\x99\xc1\xe5\x99\xde\xabMC\x1fV5'</t>
  </si>
  <si>
    <t>b'\xd4R\x9et\x15\xa9\xd4\xc2\r\xa4\x8c&lt;\x0f\xb7\xde\xf4Q\xdc{\x98\xde\x832\x195\x00\xa9\xa5\xa2\xc6\x8f\x05'</t>
  </si>
  <si>
    <t>b'\x06#\x0f\xcc!\x87\x94\x8f&gt;\x16\x82\xebd^R=\xb6\xabh8\x91\xaa!\xbe`\xa6\xf7\\\x9b9\x999'</t>
  </si>
  <si>
    <t>b'\xa1Q2*_\xfdW`\xc5\x0el\xd4\x17 \xa7\xee\xd6IvRM\x8b\x87\xf7T;\xc0,\xc9zV\xc4'</t>
  </si>
  <si>
    <t>b'\x0e\xe1Kn\x9d\x98*\xc3\xcf\xf6\xf0\xb7\xd3q\xf2Y\xfe&lt;mG\xcf\xe1\xcc\x14\x1f\xb2.\xb4\x90\xac\xa1\xb9'</t>
  </si>
  <si>
    <t>b')4\x99\xc7\x80\xa6m\x97o\xeb\xdecK\xa9\xab\xd2\xc8\xc6\xba\xa9\xe3V\x17\xaaKy\xdfK\xb4i\xcd\x0b'</t>
  </si>
  <si>
    <t>b'\xeb\xb5\xb0L$Y1)\xfe\x1chEml\x1dG\xe9/C\xa8\xca;c^\xc63xb\x96a\xd6\xb7'</t>
  </si>
  <si>
    <t>b'\xc4\x01\xb8\xca\xdd\x8f\x88O\x82\x8f&gt;d\xce\x00\xef\xb5$V\x87\x85\xd5\x04r\x1bw\x89\xecg\xff\xfc\x0e\x95'</t>
  </si>
  <si>
    <t>b"\x07iQ\xb9\xc5\x85W\xde\x9b\xdf\x8c\xed\xb8aW\xa6\xd6\xda\xe8'\xf4A\x18b\xcc\x9a0\xf8\xeb\xcf\x00O"</t>
  </si>
  <si>
    <t>b'\xc55db7\x96\x17\xd1\xacj\x85\xe7Mi\xbf\x80\xd3\x00n\xad\x98\xff\xeb`\xec\xed\x0e\x0fe\x02[\x98'</t>
  </si>
  <si>
    <t>b'J\xff\xdb\xa3\x90y\xb6\x1d\x16\x98\x07\x80\x90\x18\x15\xcb\xdeg8\xb8\x080V:\xc3\xe8\x96\x1e\xd5\x9fa\xc7'</t>
  </si>
  <si>
    <t>b'*\x13\xe8=\xf2&amp;\xe2v\x85\x97\xc9\xa9\xfb\t\xdf\xc5\xb6n\x00F\xe4#&amp;:\x1bq\xe1s\xf1\x84u\xd3'</t>
  </si>
  <si>
    <t>b'3}\x13\x07i\xed\xb8\x8e\xd1\x90\x81\xd4\xe0i\x90$\x81\x8c_Jn\xc2tu$\x19c\xdf\xfe\xa5\x88\xd7'</t>
  </si>
  <si>
    <t>b'M%@\x94\x8e4\xb3F\x95\xb3\xe9\xc0\x13\xd7\x8f\x8f\xb4\xed+m\xc4\x98\xbf\xea(\xab\xe7\xb6/\xe6\xa9z'</t>
  </si>
  <si>
    <t>b'=\x1dR2\x88C\x17\xd4\x08\xb2\x87&amp;\x07n\xa5\x89\xe0\xcfq\xe1\xb1x\x19\x0e\x1d\x18\xd6\xa286\n\x07'</t>
  </si>
  <si>
    <t>b'*e\x19\xc1]\xb5\x00\xa1\xcd\x92\xdb\xe8P\xab\xe7\xa3\x98\x85\xab\x1dX\x1a\xb3\x96l\xd2\xb5\xbe\xd23 \xa5'</t>
  </si>
  <si>
    <t>b'3\x99\x11\x91\x1d\x90\x93e-\x17\xfe!\xe8\xc7\xb3\xfd{\xde&lt;\x05-\xc7\xee\xe4/\xd6\xcb\xd6\x1c\x82\x1ew'</t>
  </si>
  <si>
    <t>b';\x7f\xf1\x115\x0e\xc5~\xba\x8e\x08\x9b\xd6\xa0}\xee\x07\xf6\xd0\xb6\xf8y\x08e\xef&amp;\x1f\xf2\x03)\xb1i'</t>
  </si>
  <si>
    <t>b'\xfc\xf5[9\xe9\xfd!\x7f\x91X\xc3J\xc8\x0f\x99\x07]\xd9&lt;\xea\xe0)i\xb0\xf5\xf8\xc5\xaa1\x9d\xe7\xc1'</t>
  </si>
  <si>
    <t>b'\xff\x0e(\xcb\xa8\x8d!p\x0e\x95\x05\x9f\x82\xb5f\xc1\x92M\t6\xcd}\xde\x1c%@VC\xbb\xa8R\xfa'</t>
  </si>
  <si>
    <t>b'2\x94\xf3\xfcz\x86q\x8cIA/C\x18\x9a\xc6\x80\xdbB\xe2\xcaG\xd3\x9c\xcd\xd5\xfc\xbcs*\xb7p\xb6'</t>
  </si>
  <si>
    <t>b's\xe8)\x19;\xf9\xfc\xe0\xd5\x8fj\x19 \xe0\xb1\xd4\x85\xfe\x04{\x87\xf3\x91\xec?/\xd1\x94\x85\x9f\xb2\xa1'</t>
  </si>
  <si>
    <t>b'\xae`\x99\xaf\x80&lt;p\x1ai\xf8\xa77\xf5\xd28\xfaL\x03x\xd0\x08k\x9d\x14\xd0L+\xfd\xbbl\x9dl'</t>
  </si>
  <si>
    <t>b'~^\x06\xb19\xa5\x8f\xddGj\x8e=9!\xb3pf\xb65,F\x91j\xaf;\x9b\xff\xecJ\x9e\x93\xf3'</t>
  </si>
  <si>
    <t>b'\xb9\xc5\xba\xce\xd1\x87\x06b`\x92\xcf\x1a%N\x8a\x15\x1b\xac\xfc\xb7tq\xa6c\x9c\xb1\x92[\xcf\r&gt;\xc9'</t>
  </si>
  <si>
    <t>b'\xfd\xe9\xe3\xab\x0e\x96\xbc\x97\x86\xeb\xdcr[S\xb9\xc4\x1fa\x10\xb2\xb6\x87\xf0\x0c\xd6*\x90\xe7\xfe\xad\xe5N'</t>
  </si>
  <si>
    <t>b'\x17\xa1M\x11\xab%\x00\xeeB\xdc\xc9_\xd6\x1cl\xe6e06\x8b\xba\x1e\xc4\x06\xf8\xd9\xbc\x1c\x0c\xd3\xb8\xc5'</t>
  </si>
  <si>
    <t>b'&lt;\xfc\x05g\xb1\x88\x18 \xe9#\xe4\x17\x06\x92\x90\xe5&amp;\xf2\x014\xbbr\x8craF\xca\x88\x8d\x88\\Q'</t>
  </si>
  <si>
    <t>b'\xab\x14i\tB\x88\xbe9\xda/\x16\x1f\xcf\x03\r0C\x07U\xbeh\x0e\x96\x8a4\xb9\x02\xa0\x18\xa7;:'</t>
  </si>
  <si>
    <t>b'P\xd9\xb9UbC\xa5w\xa9\x971P\xbe\x03m\x110\xeb\x10\xe1 \xc4\x92X\x0fS-C\x1a\xf1\xa3\xa1'</t>
  </si>
  <si>
    <t>b'(XQ,2!\xfega\xec^\xc6\x99\xfd\xdfd\x8d\x83\xa6\xb3}? O\x16\xf7^\xd3\x14"\x89y'</t>
  </si>
  <si>
    <t>b'\xa4d\xc8\xf1=\xeb\xe4\x8b\x18\xd5\xab\x9b\x97\xa9\x041v|.\xd3%\x0b\x85I\x0f\xc5\xa7\x08\xc5\xe6\x94\x9b'</t>
  </si>
  <si>
    <t>b'QrxQ\x81\xd2\xd7j\x0e,\xe0S\x85\xdc\x04\xbe\xffRE1j\x8a\xe8\xbcN\xec_\xb3\xede\t^'</t>
  </si>
  <si>
    <t>b'\x11\x0c\xcb\r/T\x9c\xa4\x17\x80\xde\xbfS \xe5\xacH\xe2,\x89\xd2L\xf9\xce;\xc5\x1f\xfd/\xbcC\x8b'</t>
  </si>
  <si>
    <t>b'\xef/x=\xaa\x90~,\\f\xd0a\x8c\xdeN\xcc\xde\x88\xc9\xbf\x1bS\xce\xe8\xc8\xe3b&lt;\x81\xeb0J'</t>
  </si>
  <si>
    <t>b'\xd4\x8f\x00.\xbd\x93\x0b8\xd8\xb7F\xef\xd7\n=\x94\xf3\xae\xfb\x87M\xa1Hj\xb3\x99\xdc/\xf4\x1ek\x11'</t>
  </si>
  <si>
    <t>b'\xbfNr\x14\xfd\xa4\xaaU\xc7\xe3l\xabt\xfbh@\xd7\xc0:\x91\xf2\xc9;#\xcb\x9a\xe0\x07\xcd\xa6\xbc\x0c'</t>
  </si>
  <si>
    <t>b'\xf3St\xb5\xf1\xbf\x95kB\xb2\xde\xb3\xc7\xc2q\x81\xbe?\xdc\xb9\xe9j"e\xd7\xc0eJ\xfeA\xf6\x05'</t>
  </si>
  <si>
    <t>b'\xe9\xe2K\xadp\xc3\x83\xff\xff\xa4\x9e\xbf\x89"\x1e\xdfr\xa1\xbf\xa7\xa2\x1e\x8f\xda2\xc0Y\xeb\x89X\x93@'</t>
  </si>
  <si>
    <t>b'\x1a\x06\xd8&amp;\xab\x0f\xe4U\x98\xd7#\xdcdMBBj\xab\xbd\xf0w\xd2\x9ab\x1c\xdfs~0F\x1fs'</t>
  </si>
  <si>
    <t>b"'t\xab\x91\xce\x83X4V\xed\x9b*0CrB\x10\xb6\xa2\x93U1\x8c\xdb\x8f\xa1\xe3*\xad\xbd&amp;\xbe"</t>
  </si>
  <si>
    <t>b'&gt;T\x14\x8bU\xc0\x18\xc1$\x94\xa89xzz\xc9\xc34WNy\xb0HX\x8dm\xe1\xfexe\x84\x85'</t>
  </si>
  <si>
    <t>b'\xbe_\x83r\xa1@\x84\xde\x8bi\xf3K\xef\x97\xfd&amp;\xca\x85\xe4+\xad\x85\xb2W\x802&lt;\xa9\xfd\xec\x85T'</t>
  </si>
  <si>
    <t>b'\x03\x1b}\x824\xf9\xb8\xc5q\x98\xc1\x0b\xd2\xa2\xda\x1a\xfa\xb21\x1c\x8f\x98@\x91\x8b.:\x98\x96\x0f\xe5Q'</t>
  </si>
  <si>
    <t>b'C\x1aW\xe2{g\xa0i\x8f\xa8\xc6\xfe\xf8\xfb\xe1\xa3-O\xa7\ri\x02_\x14\xc9\xfd\xbd\xc5*D\xf7*'</t>
  </si>
  <si>
    <t>b'\xd7\xd5eF:\xf9\xe3\xec\x85\t\xf5\x92\x82\xf8\xea\xc3\xffeMJ\x90\xb2\x1a\x81$\x1d\x02\xd8\xaa\xfeu\xf7'</t>
  </si>
  <si>
    <t>b'\x8c\x19+t\xf5e)\xc6\x1e\xadW;\xc3\xfd\xbb(.\xe9\x8f\x90K\x8d\xdc\xdc\xaf\x05[z\xaf\x0b\x0c\r'</t>
  </si>
  <si>
    <t>b'2\xc1\xc1\x1aup\x80\x03i9\xc5\xabT\xb9\xee[\x0f\xf9k\xec\x1a\xc4\xd1o\n4h\xe8\xc2j\x19\x1c'</t>
  </si>
  <si>
    <t>b'"\x95\x12\x17f\xfe\x1a\xa4)\xb9&lt;\xf3\xab5\xea(?mJb\xd5\x13\x19\x97\x9d\x19\xd1\x8e\xddL\xa0\x8a'</t>
  </si>
  <si>
    <t>b'y~\x89\xc6Y\xa0\xbd-\x98\x9d\xdc:*\xb8~\x9c\x159\x88\xfd\x96\xda\xf0\xa2\xe6\x897\xb1)\xfel['</t>
  </si>
  <si>
    <t>b'N \x0b\x07\xb1\xf9\xbfyW?\x02\x87\xcf\xd25u\x1e\xc9\xbf\x8c\x92\xa8\x87g\xc2\xb9=\xca?\xa1U\xa2'</t>
  </si>
  <si>
    <t>b'\x1b\xd1\x9e\x9f\xfc\r\x07q~\xf1\xbc1\xd1dWK\x9bI\xdfF\x8dH\xe7\xf8Y\x8b\x8c\x8d\xcbZG\xbf'</t>
  </si>
  <si>
    <t>b'\x9b\x04NIw\x13\x87e\x97u\x13`\xf0\xa0\xd3\xf4~\xe8 \x88\x97\xca\xa3\xda\xda\xd90zN\xf0:@'</t>
  </si>
  <si>
    <t>b'\x8cS\x8bn\xd1\x04t\x88t*/\xe5%\x7f\xba}\xd7\x92\xed\x91\x14\xb8cX\x1d\xed\xac\xb6ql\xc6$'</t>
  </si>
  <si>
    <t>b'!\x03\xa4|y\xe2S\xabC\x1bB\x14\xf9\x88\xee\x19t\xbf\x1a9&lt;4\xd1\x97s\xd7\xce\xcb\xa3\xac\xcc\xba'</t>
  </si>
  <si>
    <t>b'\xec}\xa9\xe9U\xf8\x15(\xb4\xad\xbd\n\xbe&lt;\x9d\xc8u\x7f\xa7`\xac=\xa9\x92O\xad\xb2M"\xab\x9d6'</t>
  </si>
  <si>
    <t>b'\xb2WB\x83\xf6\xdeo\xb4\xfb\x0e\xb2\t\x16\xbf\x16\xc0f\x1cU\xf6@\xa1tg\xc4U\xdc\xedT\xdc5_'</t>
  </si>
  <si>
    <t>b'\xce\xc3\xb0\\\xf5\xe7\xdc\xa1@\xa4$D\x02xO\xa0\xffg\xaf\xec\xfcz\x12]\xb4+\xcaXm\xeetn'</t>
  </si>
  <si>
    <t>b'\x08\xdd\x9d\xec\x1a\x8b%\xd6\xa0L\xd2\xbf;b\xb8C\xbf\xa4\x1a/\xee[_B\xd9\x83.\xa7\xb3zz\x97'</t>
  </si>
  <si>
    <t>b'\xad\x91]Z\x86\xfa#\xd8&gt;\xb3B\xf6\x9fpy\xa5\x9c\xaarb\x1f\xcb\x98\x12\x1d\xf2\xb9\xf8[\x9d|\xcf'</t>
  </si>
  <si>
    <t>b'\xf4\x02%}\xd3\xd2\xbeC\xc9["r\x89\x99.\x15\xe5\x032\x99\xe2`\xf8n\xa3\xfb\x95Z\x9clp\xac'</t>
  </si>
  <si>
    <t>b'\xad$v\xae\x02\xc3\x15/\xf5\xf9\xf9\xfe\x81\x91\x92\x01;c\x8bsk\x8c\x9dk\xc98\x17\xb7N\x8e\xfc\xba'</t>
  </si>
  <si>
    <t>b'\xe7co\xd6\x91m%\xe7X\x03\xb3\x96\xa8H\xecE\xdd\xde\xce|\x9dX\x88A\xe2\xf2\x94\xcb@`\xf9]'</t>
  </si>
  <si>
    <t>b'\xf9r\xad\xc4\xefuh|\xcaEWj\x0f\xacI\xcf\x8e\x92&amp;\x1e\xa0\x99\x7f\ru\x19%G_z\xcf\x0f'</t>
  </si>
  <si>
    <t>b"\x9c\xcey\xc5\x1b[\x10\xfa\x05\x17\xa5\xcc\x0c\x02\x83\xa5\xc9\x8c\xd6\xfe\xdf!\xb3'36\xba\xf5\xb1\x98VS"</t>
  </si>
  <si>
    <t>b'\n\xc0\xb9T(\x93\x05s\x87=\xc8\xd4\x14bX5\t\x99\r\x91&gt;U\x0e\x06\xec\xf6\x90\x9a\xe5\xab\xed\xca'</t>
  </si>
  <si>
    <t>b'\xea\x07\xaf\x90\x01\x14\x05U\xf5\x81\xc0\xe6w\xbeV\xaeG3/c\xa6\x95\xf5\xfe\x9c\x15\x98d\xc2\x10\x046'</t>
  </si>
  <si>
    <t>b'\xafZbQ\xd5\x87\x11\x1bG\xf0\xdc\x15|\xdf0\xd7\x9d\xbd\xf14\x03\x8582\xe1\x81zTT@\xc5\xf4'</t>
  </si>
  <si>
    <t>b'\xb4^\nX&amp;\x11\xc0v\xbb\xd3\xd5\xf2\xc5\x90(\xfb\x0fO\x14)\x0e\xe8\xd6R\xefl\xda\x91\x13\xc1R.'</t>
  </si>
  <si>
    <t>b"\x9cjo\x90\xc7\x92\xec\x98\xc6'\xf9\xfb_2\x94Z\xde\xfa\x81\x83W\xa2\xf7\xca\x99\xce1E\x8d\xc7\x16\xe2"</t>
  </si>
  <si>
    <t>b'\xa7\xc9G:\x87\x94\x90\x95w3T\x870\xec\x1fu\xc5\xe3g\xd7\xfe"\xdf[\xdd\x07f\xf5G\x7f\xa1l'</t>
  </si>
  <si>
    <t>b'\xce\xb8.\x9b\xb9 v\x91.Z\xceK "\x8a\xecL5y\x97Y\x8b\xc8\x08krkI\xbe\xcb\x05\x80'</t>
  </si>
  <si>
    <t>b'w0=\xb4\xdb\xe0\x0f\xc2\xea\xd6]\x12\x9d6\x87\x7fD\xd0\xf8D\x08\x8d\x94~\xc65\xfb\xa0g\xa7\xf3Q'</t>
  </si>
  <si>
    <t>b'\x018\x99\xaa\x00\xe2\x93\xa7G\xfd}\xfe\x18g\x1d\xcc\xf8\x14:,\x07\xb3\xcb\xbc\xa7\x94\n\x1b|\xa5k\xa5'</t>
  </si>
  <si>
    <t>b'#\x84s\xcaa&lt;.\x95\x7f\x88\x88v\xe2\xea:6:m0\x08\x9c\x9c&lt;j%\x16*\xb4\x9e\xfa\xcdI'</t>
  </si>
  <si>
    <t>b'\xe1\xe0\x9b\xf6/Ml]\x14m\xc3}\xa2\xfaeT\x0c\xcfgf\x81ef\xcd\x199Aw\x08\xe3/\x0c'</t>
  </si>
  <si>
    <t>b'\xbb\xf0@\x06\xe7\x06caxK\xe8\xc0\xd7\xb8b\x1c\xc1\xd1\xe7{\x06Y\x08\xd9r\xf2\xe7\xf7\xf0\x14\r\xd7'</t>
  </si>
  <si>
    <t>b'\xb4]\xe7\x0b\xc3(\x13\x98\xe8b%\x94n9{\x11?\x0e\x80\xed&gt;\x8f&lt;-\x90\xa5\x05\x0c\x06\x1dAY'</t>
  </si>
  <si>
    <t>b'\xab\xc7\rRQ\xff\xc5-\xb7\\m\xb2\xf3\xa1\xef9\xaac&amp;}\xa1\xf5\xdfA\x88\x98\x1d\xcd\xf9\xb4Z\xd5'</t>
  </si>
  <si>
    <t>b'\x074\xe4\x93IT\x12\xb6F;\xc42?\xdc\x02\xac\x83\x85\x94\x16\x1e\x98%\xf9R|\xf5p\x81\xdc"\x9e'</t>
  </si>
  <si>
    <t>b'\xb8\xf4\xf3\xf6\x08\x9f\xc5\xbaW\x96\x887\\\xceI\xa6\xaez\xeaz\x06\x8c\xe6\xaa?\x0e\x83\xfb\x0c\xaeU\x98'</t>
  </si>
  <si>
    <t>b'z\xa60\x1ag"}I\xc2|\x93S}\x1c\x8f\xecz\xea[eV\x05\x85V\x90\xd1\xfb\xfe\xbcVIn'</t>
  </si>
  <si>
    <t>b'_\xc9\xa4\xb2\x94\x1f\x96\x88M\xee\xdd\r\x9f\x94\xe5\xff\xb7#\x7fA\xd8\x1f/g\xf7(\xd8\xaf\xcb\x03\x8c\xc5'</t>
  </si>
  <si>
    <t>b'\xa1p\x92\x1d8\xff7p3\x1b\xf5\xc3\xfe6,tB\xed\xb9\xb9;\\\x89\xc2\x03\xdbI\xc0Cj?\x01'</t>
  </si>
  <si>
    <t>b'\xbb\xc6\xf6|\xed\xf7\xc7\xf9\xd0\x8f\xa8F\x93c\xdf\x12\xce\x1b\x11\xef\xfb\x8b\xde\x07\x127=\xa8\xed\x01)e'</t>
  </si>
  <si>
    <t>b'y\xac\x04!\x17\x8a\xb8?zP\xd1I\xa5O\x00\x94\x05s\xb9\xde\xd7h\x9c\t\xb4\x93/7\x17\xf7\x0e\x99'</t>
  </si>
  <si>
    <t>b'\x17\xf5\x10TE@:\xf6\xb0\xbdj\xec\x1dK\xcdk\xd27\xc8m\xbf`\xed1\xf1\x10y\x04\x08&amp;\t\x17'</t>
  </si>
  <si>
    <t>b'h\xa5\xa4Tv\x967\x12\xa2G\x86Xw\xa1\xd0\\3i\x1e\x07\xb2z\xd5|v\x1e\x0b\xbb=1\xfe\xe3'</t>
  </si>
  <si>
    <t>b'\xd6 \xe3T6h\x005\x96\x80u\xc4x\xe2\xbb\x1b8 \xe2\x07;\xde\xe2\x04gY[\xbc\x1cp\xe9b'</t>
  </si>
  <si>
    <t>b'\xda\x058-\x06\xd5y^i1\xf2n\xacuv\xbeIV,\x90\xc3\r\xb6\xcdHuF2\xb4}d\x04'</t>
  </si>
  <si>
    <t>b'\xb7\xf2\xd1\xdb\x1aO^\x82fQ\xf6N\\\x1d\x80/\xaf\xec\x06\xb6Ji\xba\x15\xe4[\xd2"\xa9\xb6",'</t>
  </si>
  <si>
    <t>b'\xa7\x16\xa5u\xb0&gt;\xb2\xa6f\xf8\x03\xc0[\xe2\xd4\x1d\x11\xe5\xdb\x98\xd6\xc6\xaf\xc1\x9e\xb5\xa7a\xc8\xef\x81\x98'</t>
  </si>
  <si>
    <t>b'\xc1\x1f\x80\x16\xb1\x96\xc4dl\x85\xc1\x03#\xc5Is\xd1=Z\xe7\\\xd5\xce\xcb\x9e\x82\x91\x08\xfd\xb2?\xae'</t>
  </si>
  <si>
    <t>b'G\xdd{\xf0\x8aO\x91s"\x8a\xe0\xe21$J\xc4\xb8GN\xae/\xec\x16x6\x00]\xb1\xc5X\xd2\x99'</t>
  </si>
  <si>
    <t>b'\xe3f\xee\xc1\xd6\x01\xf0)\xe9l%X\xf1\x1c\xc1\x97\xe1e\xec4\xa0\xeb\r\xa0\xa9\x10\xd2\x7f\x16\x1a\xd4\xc8'</t>
  </si>
  <si>
    <t>b'\x8e\x00&amp;C\xbc\x8c\x85l\x80\x1d\x85\x9d\xf5`\xc0\xb0\xc4|\x1d\xb5\x19m&gt;\x14c\x8a\xab\x1fm\xa0G\xf8'</t>
  </si>
  <si>
    <t>b'\x9au\xe3\x11\xad]\x95\xecJ\xa7\x84\x15I)$\xb4?\x12\xa9\xa0YU[\xf3\x8aT\xb1\x0bIP,%'</t>
  </si>
  <si>
    <t>b'9G\xfa\xc0\xa6\x98\x1f\xca\x15\xe4\x11\x02\x07$\xae\xca\xd1\xa8\xc2\xad\xd0\xbfo"\xe52\xc1\xdb\xdd\xff\x90\xe8'</t>
  </si>
  <si>
    <t>b'\t\x11\xef\xeb\xa7(\xefB\xe3\x82\xf8amJ\xf3\t\xb8\xe6V\x00\xc4\xc0u\x0e\x8e\xa6\x85\x10b\xad\xde\xad'</t>
  </si>
  <si>
    <t>b'\x96\x97\xcc\x90\x1cQ\x8f\xb7\xa9\x1d\xd7ym\\0hz&amp;\x8c\x10\xba\xbe\xc3^\xed\xd5l1\x82]Ir'</t>
  </si>
  <si>
    <t>b'E~KRB\xae\x99I\x99\xe2\x89\t\xb2\xff6\x89\xdbBh\xd6T-lC\xdc\x17\x99\x0ce\x99\x85\x89'</t>
  </si>
  <si>
    <t>b'8\xce%\xa1\x94\\\x92i\x92{Q\x00\xa0g\x12\xc6\x8a&gt;\xf5P\xe5\xf5\x1f4j\xab\xfa\x80\xd3\x9eB9'</t>
  </si>
  <si>
    <t>b'\x16~\x80\xc0h\x06\x96,\x13~\x8dS\x0b\xbd\x7f\xe4\xb8?q\xa4U }\x95wpP\xf1?\xe4@\xf0'</t>
  </si>
  <si>
    <t>b"\xbe\xa6\xe4\x01m\xd3\x9c\xd0-`\xb16\\'\nG\xf9\xc6\xe0m\x9aZ\xcf{\xee\xaa\xf9\xba\x08\xfd}\xfb"</t>
  </si>
  <si>
    <t>b'\xb9G2B\xfd\xcc)\xa6\x0f\x00\xc3RMd\x9d\xf1\xab\xea\x06\x87\xa1\x9e\xda\xf2,F\x1f\xf3n\x13\xda\x94'</t>
  </si>
  <si>
    <t>b'\xad\x08\xa1\xd7\xe9\xe7MB\xc6\xbf\x1e\x9b\xc5g\x13\xd76Z\xdf\xbb\xcb\x98OHK\x91?F\xbe\xd6J`'</t>
  </si>
  <si>
    <t>b'\xc6\xfb\xd5\xd9\x1a\xb2\xe9\xb6\x12H\xcd\x0c\x90\x1e2\x1f\xe0)\x80\x7f\xb4\xc2\xdfR\x9f\xbb\xdb&amp;\x87*\xda9'</t>
  </si>
  <si>
    <t>409xx</t>
  </si>
  <si>
    <t>b'[\xc9c\x9d\x85\xbd\x04\xeb\xb8\xe9y\x10\x95\xe0\xdc\x84\xddo\xca/\xb0d\x03\xe1\xe3\x8e{QGd\xcdO'</t>
  </si>
  <si>
    <t>b'\xb5\x95\x12\x9f\xbc\n`\xc2\x88k9\xd8&gt;Q\xcd"\\5\x80\xae\xdc;\xa5\xad\xd93\x06\xcbV\xb3`\xfd'</t>
  </si>
  <si>
    <t>b'\xfd\xcc\xd6\xd9p$Bv\x8f\xc4Z\x93\x83\x8d\xf5\xf0y\x0b\x02\x1a\xdbF\x81H\xf4\xa2\x06\x1dJ\xba{\xea'</t>
  </si>
  <si>
    <t>b'B8\xc7\x83\xff\xb2\x0b\xa7\xb5~\xb6\xc3F\xdaFQ\xb8X\xb8\x81\xdf\xbeHt\x7f\xf9?\xec\xc04\xe5v'</t>
  </si>
  <si>
    <t>b'i\x81\x843\xcf\x07\xb7\xe4V\xc0\xf7\xdf\xbe&gt; \xc1KDab\xc8gJ\xae\x9e%\xaa&lt;\x02m\xff\xeb'</t>
  </si>
  <si>
    <t>b'\x02\x17jv\xb4\x85\x92\xae5o\xb7\x05\n\x1a\xf49\x91\x87\xff`K5\xeda\\\x0b\x97$\x1f&lt;=\r'</t>
  </si>
  <si>
    <t>b'\x8a\x16&lt;\x85\xf5`\xf2X\x7f-Q\xf8\x15\x97?\xd7\xac\xd2M]\x08\xc0R\xc3\xcd\x14\xea\xbc\xc0\x8d\xaf\xf3'</t>
  </si>
  <si>
    <t>b'\x8b\xaf\xe9\xf6\xaea\x87A\xdch\x01\x95\x03=\xc7\xc6!\x0es\x13\x9fS\xabJ\xac\xd7*Z\x00\x8c\x83\xa8'</t>
  </si>
  <si>
    <t>b'\x91\xc0\x8e\xca\xa4\x8d!\xe0\xb3\xaa?\xc8\xf6}\x94\xf3\x82:c\xaa\x99l:\xf0\x03BV\xa5L\xd4p\x90'</t>
  </si>
  <si>
    <t>b'\\U\xf2\x96]\x01)\xa2\x1cl{ \xdd\xee`A\xe1\x19%\xd7gE\xfc\x12\xfd\xd2\x8d\xb1!XQ\xa6'</t>
  </si>
  <si>
    <t>b'\xf4\x92\xd5\xd9\x9a\x9a\x06;\xaa\n\x1f\xc4O\xa3\xba\x0c\xba\xb1\xd2\xae\xed\x96Z\xe9\x17\xce\xe1\x96d\xd1&gt;\x08'</t>
  </si>
  <si>
    <t>b'd\xd2\x9b\x8a\xe6\xa0P\xb9^\x10\xace\xa6\xca$\xb9\xcd\xb3\xc1\r\xd9gm\xbb\x86\xa17"6\xd1=\xd1'</t>
  </si>
  <si>
    <t>b'\xbb\x9e\x0fkz\xdd\x1dG\x85\x95Q\x02\xcf2\x96\xd8\xb7\x9b\x13\xe0\xafD8\xee:\x1d%\x9e\xe1]\xce\xdd'</t>
  </si>
  <si>
    <t>b'\xf3\x8bA3\xe4\x18\x00]\x80;9^\xac\xd4\xb6\xb7\x13\x91xm\\_C3C\x84\xf2 &lt;\xad\x0f9'</t>
  </si>
  <si>
    <t>b'J#M\x1b\xf4\x1a\r\x1c\x9f{2\x9dxU!\xe3\xc3fef\xfcF\xe6\xcei\xb8\x85\xc2\xd4\xb2\x11\x11'</t>
  </si>
  <si>
    <t>b"\xd3'\xcd\xccP&amp;\x92\xf8\xf4\xdew&gt;\xd9m3\xb0\x12H-\xbb\xadgci\xa4\xff\xf4\x124\xcf_\x07"</t>
  </si>
  <si>
    <t>b'\x83\x81V\x15\xe3^`\xec\xf6\x87\x9c\x14W\x17\xea_\xf7\xce\x0c(\xb1,+K\xdf\xc9\xaa\xd6\x01F\xc5\x1c'</t>
  </si>
  <si>
    <t>b'GJX\xb8&amp;\xa4\x1do\r\x85\xe6\xe8\x98y\x12\xbf\x1a\xe0\xf1T\xdfm\xf3PU2\xa5\n\xd72O,'</t>
  </si>
  <si>
    <t>b'\xe1\xaa\xcd\xc2\x880x\xfb\xcc\xea\xb5\xaei9\x07\x19$\x8a\x9d\xa1;\xf7\x93\t\x95\xda\x1f!\xdcT\xc3\xd6'</t>
  </si>
  <si>
    <t>b'\xfc\x84qK\xd7\xc7\x82a\xee\xbb\x7f8\x88\x8f\x87)\xfd\xe9\x8d&gt;K+\xb2\xcc\xdaA\x17\xe4\xfe\x16\xb9j'</t>
  </si>
  <si>
    <t>b'\xd1p\xcf\xad \xff3\xcb4\x82 \x0f\x155\xb6X1QC\x8b\xf1\xe9\xafVO\x86\xe3\x84\xedY\x12\x11'</t>
  </si>
  <si>
    <t>b'\xb7\x8b\xaf\xba\x8c5\xefi\xbb\x93\x1c\xc0\xb5\x01\x9d\xcd\x0f\x93dw\xb8bg[3zl\xdc\x04\rO\xe7'</t>
  </si>
  <si>
    <t>b':%A\x83$\x83p\xd7+^\xef$\x89\xe0\xfb"\x9e\xc8\x12\xb2z_th6\xdf\x81\xb0\xb1?\xba\xb8'</t>
  </si>
  <si>
    <t>b'\xee%\x8c]GH\xd9x\x8c\xaa\xd88&lt;\x91\xaa\xf03j\xf8\xa2\xbdKR\xd2\xac\r7\x8f\x05\xcd\x03k'</t>
  </si>
  <si>
    <t>b'\x12\x85\xb6\x1e,Mx\xb9\xb0\r\x88\x15\xa3*0\xae\x12\xa6B8\x0e\xcav\xb8\xb5\xda{m\x1bRg\x8e'</t>
  </si>
  <si>
    <t>b'\x0f\x13\xa8\xff\x95\xdb\xfcl\xb2z\xa2o\x13\xc8\xd2=b[Y\xe0U\x82\xb4\x1ei\x848&amp;e\xf6uL'</t>
  </si>
  <si>
    <t>b"')\x881\xe7E\xba\xee/\xdf\xcb\x17F\xfc\x95\xdfg\x18\xf4\x1exGe\xa7\xdd|\x94\x19 \x14\x9a+"</t>
  </si>
  <si>
    <t>b'f=\x02g\x15\xdf6\xbd\xad\xabJ\x10\xc4\xf4\xb3\xa4\xff\xc8H\x0c\xec\x89l\xdd\xf0h*g\x93\x87\xa1\x8c'</t>
  </si>
  <si>
    <t>b'\xe3\xec\x14\xef\xe8\xe4\x1c+\x90g\x02\xd6Y\xe8\xc5\x83\xcb\xf9\x81\x0cm\xfb\xa9\x07\x15\x9f\x16\x13\xec\xec\x03w'</t>
  </si>
  <si>
    <t>b"\xe4\xa7\xd3\xf2\xa7q\x12\xaf\x8e\xca\x03\x02\x1f\xac'\xb2\x04T\xd6Y\x07\xacv\x06f\x83\xa7\xbf\xefl7\xa9"</t>
  </si>
  <si>
    <t>b'\xfb\xcf\x08\xaf0M\xc3\xf7f\xc5\x8a\xe6\x12b;{\xb0 \xc2\xd9-\x16fl7\xce\tM\xc8\xcb\x06\x8e'</t>
  </si>
  <si>
    <t>b'\x1f\xea\xb9\xdd\xe7\xc9\x92Y\xb7\x9b\x1b)\xa0\xffR\xa5\xc0 \xf9p\xae\xa9\xedT\xbfa\xff*s\xb8\xc6\x86'</t>
  </si>
  <si>
    <t>b'\x98=[\xe11\xb8\xb52\xeb\xdfUl\x94g"\x02V\x01\xfd\x86\xacv\x15=8\xfd\xab\xd3\xeb\xc2\xfe\x89'</t>
  </si>
  <si>
    <t>b'\x84\x1c\xae\xa3\x1f\xec\x19\x99\x9c@\xeb)\xe4\xa6\xad\xef/\xd4\xea\x92I\xfe\xdd\x1e\x1b\\\x8c\x8c_\xb2\xbfO'</t>
  </si>
  <si>
    <t>b':\x8cx&gt;\xd2\xdf\n\x9fq\x01\xaa\x97\xfc\xe7\xe66\x97\xdf\xd0\x85oS\x9e\xca\xe8\xfb\x12 H\x005\x9d'</t>
  </si>
  <si>
    <t>b'B\x02"S\xac\xb5\x03m!\x80\xab\x99\x12\x07\xf5\xdea\xe0"\x17\xaf0|\xf6"\xb4e\xed\x80\xc04.'</t>
  </si>
  <si>
    <t>b'AD\x86(\xa4n5\xee\x91\xf7\xa5-\xdf8\xa6d&amp;\n\xb5q\xd81\x98n;\xaf\xac\xfd.T\x8a\x88'</t>
  </si>
  <si>
    <t>b'!\x9d\x95|\x9c\xaec\xd5\x02\xfd\xd3\xd2H(\xe6\xad\xb2\x1c\x8aV\xb3v\xb7g\xb6\xe3$uE\xd0\x15\xd0'</t>
  </si>
  <si>
    <t>b'\x1d|%\xe4\xb1\x06I\xaa\xd1\xff\xe8|V\x0e \xc9\xad?\x94VN\xd9\xc3g\x11=\xdb\xcc\xf1*\x08u'</t>
  </si>
  <si>
    <t>b'}\xeb5j\x15\xba\xdfm\x15\x12\xce\x08i\xb1\xf0\xff\xa1\xdf\xd4\xd1\xf7f&amp;\xde\xf0-\x9e\x14A\x84(D'</t>
  </si>
  <si>
    <t>b'\xec\x14\xcd\x08\x9c\xcf9-\x87Pb\x81\x10\x1e\x04\xd4\xb1@\x02B\x08\xb7#\xd9&lt;{\xa0\x8b \x8a\xabP'</t>
  </si>
  <si>
    <t>b"`;\xe7\xbb]?\x9f\x1c\x834\xd1\x16\xfd%\x93\x10'\xabsg\x0cC*f\x9a\x8e\x89\xbd\x87&lt;\xa8s"</t>
  </si>
  <si>
    <t>b'\xf3\xf2U\x858\xecu\xf3\x8a,#M\xc0m\xaf%^\xd5k\x8a\x17\xe33V\x85\x11\xae\xef\xff\xafj"'</t>
  </si>
  <si>
    <t>b'\r\xa5\x12\xdd\xec\x8a\xca\xb6`\xf1\xc7Qn\x95\x10\x13x\x9c\x13\x9ckg\xe7j8\xffYY9`\xca8'</t>
  </si>
  <si>
    <t>b'\xad\xb2\xf0\xd4\x175\x1d3\x8c|\xe4\xe4Q\xec\xadu7I\x05\xd48\x7fj+\xa7o\xfc6;\x97\x92\xf2'</t>
  </si>
  <si>
    <t>b'\x00$T\x1ck*\xc5\x8a\xfe\x85\xb7\xc9\x97\xbc\xcd\xa9s\xd7\xd4\x01r\xe9\x96D\xca\x12\x03\\\x0c\x8d\x99a'</t>
  </si>
  <si>
    <t>b'\x8b~\xac\xb6\xa4x\x02-(\x8b^\xa8\xe5\xc2\x97TD/\x89]3\x87nE3\n\x90;f\xc8oX'</t>
  </si>
  <si>
    <t>b'\xdb\x12*\x9a\x8a\xfdm\xfb3\xda\x00\xb2&lt;\x82\xb25\x1a\x9am\x8d[0d\xa7\xd8\x80a\x0eN\xfb?e'</t>
  </si>
  <si>
    <t>b"\xd6\xb74\x9d\x03\x97\x07\x93WJq'r\xbd\xb7\xd74\xcb\xc2px\xba+\xe6\x12\xb2\x12]\x04\t\x9a\x8b"</t>
  </si>
  <si>
    <t>b'(\x93/\xee\xa5&amp;\x06\x13y\xf8\x1f\x88;:\xb2p\xe5\x9eKAq6\xe1p\xc6\x9f\xfd]\xf1\xeazj'</t>
  </si>
  <si>
    <t>b'"8n\x94gO\x1f\x04Iq\x19\xa3\xc1?y\x17u\xbd\x0e\xd6\x0bxwz\x02\x88\xdd\xdb[Cc\xfe'</t>
  </si>
  <si>
    <t>b"\x8d9\xde?\xc4\xf5\xab\xd2\x05\xd407T\xceX\x0b\xcf\xceI\x1d\xb5\xca\x0bq\xbcy\x11\xd0W\x9f'\xf9"</t>
  </si>
  <si>
    <t>b'A\xe6\xef\xf0//W\x91\xc1j\xf8\xb8!\x875n\xc3\xe2T\xaa\x9e.B\xe1\x86v\x87GB!~\xcd'</t>
  </si>
  <si>
    <t>b'%}\xb7\x95\xd1\xa4\x19\x0e_\x94\xfb\xb1\xd6\xd8\x8a\xcf7\xaeO\x9ehB\x1c8\x18\xf5\xac\xa7\xd6KB\xbe'</t>
  </si>
  <si>
    <t>b'{\xb6\x0fY@5D\x15\xe5\xc2\xa5Na\xc4\x956\xba,\xb5l\xe1\x80+\x7fv\\L\xb61\xf2\xfd/'</t>
  </si>
  <si>
    <t>b'j\x84\x95\xaf6\x16\xe07E\x99\xb2\xe4\x19\xcd6.\xf1&gt;/O\x9cXm\xc2\xfc\x0ft\x96\xfb,\xdd\xa4'</t>
  </si>
  <si>
    <t>b'\xf2h\xfe\x05\xe6\x95\x91:J,&amp;\xa3:e\x1b\xf23nj\xb3\xd6\xe8\xae\x02\xe1[\xe3M\x11\x10j\x1a'</t>
  </si>
  <si>
    <t>b'\x84Ij\x12\x19\xc9\x93Th\xad\x9f\x0b\\\x8fkp\xa2\x8d0UBA\xbc\xd4\x9c6\x97\xf5\xb4M\x83\xd4'</t>
  </si>
  <si>
    <t>b']\xa3Y*NL\x84Q\xc0\xb3\x96\xf3\x19*\xb4=]\xc2~c\xfe\xca\x14kX\x0c \x9b\xbc\xbemA'</t>
  </si>
  <si>
    <t>b'?\xdaA\xfc\xa3d\xa3(7+\x9a\x9a\xa3\xc8Gs\xba{\x17+4\xa6`\x0c\xa6"O\x9a\x05\xa7yD'</t>
  </si>
  <si>
    <t>b'O2\xf0+\xd1g\xcd\xff\xdf\\\xbe\x0e\xb57;\xd6\xe0\\\xf6\xea}\x1b\xddW6\xe3\x02\x97@y1\xb8'</t>
  </si>
  <si>
    <t>b'\x9e\xa7\xc4\x97\xf8\xae\x9a\xd3\xcd\x99M\xcc\xf2~%\xea_\x0f\x1d\xc5c\xcf\xaeG\xd7\xc7\x16\x0ex\xf6\x84Q'</t>
  </si>
  <si>
    <t>b'\x83\x15h\xefg!\xb8\x8f\x1f%\xed:9\xaf/Ow\xa7\xe8z\x1b\xae0ua\xda/\xbb\xe7\x861\x9e'</t>
  </si>
  <si>
    <t>b'\xd6\x03\xac\x05\x88I\xd0\xe7\xc9B\x9aa.\x1c\xd4\xd2\xce\xdb\x187p\x82*s0\\\x0e\x9a4\\\x16\xe7'</t>
  </si>
  <si>
    <t>b'D3\x08\xff\xac\xb8\xf3\xac\xc5}\x10\x11\xba\xdb\x03~\x89\xc5.@-\x1b\xdc\x1b\x11\x90\xa02=\xa5\xf7\x90'</t>
  </si>
  <si>
    <t>392xx</t>
  </si>
  <si>
    <t>b'\xeb\x1d\xa9\\g\x02\xe9^\xe1\xce\xf0\x8a1\xaf\xe0p\x9a9\xf3g\x8c\xacRj\xba;5\x0e\x89UYY'</t>
  </si>
  <si>
    <t>b'\xc5\x98\xaf\xf3,\xb6S\xb7\xed\x1cB*\xf1\t\xc4\x94\xfea\xb2"\xefI*\xba\xec\xb0\x91~#\xddj\x98'</t>
  </si>
  <si>
    <t>b'A\xbe\xda\x1e\xeb\xdc&gt;yB\xa0\xc6g-;\xa1\xbe5\xf1\xef\xc2H\xf9Sk\x1f\xe2|\x19NT\xf6\x12'</t>
  </si>
  <si>
    <t>b'\xe1\xde\xdb\xa8\x9c\x9a\xad*\xe7\xf9\xb8\xf3\xf9\xf9x\x9b28d\x124\xbf"&lt;^\xd7\xc8\x90=\xb3\xae\xf8'</t>
  </si>
  <si>
    <t>b'\x82=/[:K\x80Fo\x9c8\x8aY\xfaH\x87}\xf0\x84\x13\xef\xe0}\xa8\xac!\xf4\x07\xde\xfe\xfa\xeb'</t>
  </si>
  <si>
    <t>b'\x1f\xad\x06\xf8-\xfc`K\x97\xc8\xf6\xcd\xec[Dx\x7f\xf1\xc8;=v\xa5~[\xb3\xef@-\xb0\xa8\xf6'</t>
  </si>
  <si>
    <t>b'\xe1\xcfu\xe5\xfa2\xd1d\xcb9\xf7zF\xd0;Y,\x1a\x9b\xcc\xe5\xf6\xa9\x91\xad\xf5\x8e\x1c\xfc\x04\x82&gt;'</t>
  </si>
  <si>
    <t>b'6\xd6Y\xbc\xe0;t?P\xa9\xd8\xf2\xa1w\x1c\xd5D\xc4\x97u\xedi.\x0b\x83tQ\xb8\xbdR^\xf9'</t>
  </si>
  <si>
    <t>b'Ki\xe9\x95[\xf1\xc2\xa9T\x8c\xbb6\xb2c\xdc\x11\xee\x9e\xfe,\xcd\xddU\xe5\x9f\xfaK\xf3\x87\xe6/\x1a'</t>
  </si>
  <si>
    <t>b'\x0b-u54t\xf0\x1c\xfc\xda\x8a\xf7\x8cY\x18\xed\x8be\xc4\x9e\xf6&lt;\xe5!\xf5\x85V\x844\x1c\xc04'</t>
  </si>
  <si>
    <t>b'cC\xc0(\xa38oh\x10\x1b3\xc3:\xb5\x8d\xe3-\xa5u\xb2\xb3\xc1`\x00\xe0dy\xbf\xa5\xc8\xbe\xe7'</t>
  </si>
  <si>
    <t>393xx</t>
  </si>
  <si>
    <t>b'\x02\xc2\x8eb\xdc\xedA\xed,\x08\x10\xd1:e\x1c\xa0\xbaG"4\xe3\xab|\xda\xae9,Z n\xeb\xef'</t>
  </si>
  <si>
    <t>b'\x1ad\xb9\x8f\x99\xe6\xb4\xa2(\x1a%\xec\xe9\x00\x97\xf1\x9e\xfe\x11\xf6\xe5\xdc\tsTZ2\x118\xa0\x0c\x89'</t>
  </si>
  <si>
    <t>b'\x07\x95\x13,8R&lt;\xde|\x9d+(\xcawG\xd5\xcc\x97\xd3\x86\x9c\xad\x8aJ\xbb\xbb\xfe\xc5\xd4Z\xa3R'</t>
  </si>
  <si>
    <t>b'$0F\x8dgg\x8d\x175\xb0hbx\xaf\xeb+\xd3\xb3\xc5I\xc8C\xfe$\xf0\x81\xc4\x9b`d\xcaZ'</t>
  </si>
  <si>
    <t>b'\x90\x15\xbe7\xde\xff\x95\x7f \xd6\x07b"\x8d{z\x1d\xe3\x84\xdb&amp;w\x8c\xb6\xa6M\x92D\xbcV\x83\xca'</t>
  </si>
  <si>
    <t>b'\xf66C\xf0\x1b\xca@q[C\xe7\x1c\xad\xac&lt;\xac\x85\x85\xf0\xe6\xa4.\xf8@\xe6\x9d\x0f_.kb\xf9'</t>
  </si>
  <si>
    <t>b'{\x806K\x94\xd2\xd4\x89\xd9\\)\x18;Ra\xab\xa5\xa5\xfc\xaa\x08\xd7\xf8\xca\xf6\x81\x0ey\xd8@\xb8\xf8'</t>
  </si>
  <si>
    <t>b'\xa4\xe62\xecCkZ\x11\x97\xad\x0b^\xdc\xd8\xe7\x9e\xdc@\x84\xbaJ\x84A\xe1\xc9\xb0:\xa2|\x9d\xbe\xd2'</t>
  </si>
  <si>
    <t>b'\xf5\xb0\x83\xc8\x8b;m7\x00Y\x87\x8d\xe3O\xdf&lt;\xd6{R\x1b4\xda\x7f\x04\x03Q\x8bb\xa4\xfd%\xe7'</t>
  </si>
  <si>
    <t>b'Gr\x80\xff)\xb0\xc6\xf0*\xe3\xd2\x18\x12\xd6\xd6-\xe6\xe8Cq\x8e\xbd\tY;hU\xeb\t\xdc\x19}'</t>
  </si>
  <si>
    <t>b'\x99XI\xb1\xf2\x80\xa9p25\xd4\xf7\xea\x8e\xcc\x00s\xa2\x86\xc39\xb8\x8c\x8b\x89\xf1?\xb3\x08\\\x16\xbe'</t>
  </si>
  <si>
    <t>b"\xef\xdb\xe4\xacr\xf6Q\xa1\x80\x9fB\x81\xcam\xb0\x17\x9d\x82\xcd\xdf\x186^'\xe6\xc7\x84\x8c\x9f\x8bnQ"</t>
  </si>
  <si>
    <t>b'\x19\xcb\x82G\x13\xf3M\xe0\xb4\x12\xb8:0\r\x1d1\x9fnxh?\xd5\x0b\xf1?m\xbc\x12D\xad\\\x8e'</t>
  </si>
  <si>
    <t>b'y\xdb\xe4x\x9cB=,\x7fgp\xec|V\xcd\x0e&lt;\xf5,\x8a\xa7\xe4\xa1W+UR\xba\xe8\xcb\x18\x13'</t>
  </si>
  <si>
    <t>b'\xb6M\xe1\x98\xd8\xb9\xc3\xdewm\x85m\x10\x96\x1e\xf8k\x92\xef;\x1a\x85-\x82\xbfC\xf8\xc6w&lt;\\\xd9'</t>
  </si>
  <si>
    <t>b'\x01\xf1\xb7~\x16a,\xac\xabQ\xa9\xf8\x7f\r5,\xbc\xbaE\x94\xe3\x92J b\xfei\xc8\xb4\xc6\xcb\x06'</t>
  </si>
  <si>
    <t>b'ilo\xd4T\xc9\xaa\xf3\xe4\xf3n8J\n\x1a+\xf5\xde\x8cw\xfc\xae\x0b\x8b\xc4\xcf\x1e\xe8A\xd90m'</t>
  </si>
  <si>
    <t>b'\xe3\x84\x83\x14\xf2\xfd.\xe1\x1cp+\x00M\xf0Sm&lt;\xbe\xb2\xe4\xbd\xe5\xb5\x05\xa93\xfd!\xdd\x1d}\xfb'</t>
  </si>
  <si>
    <t>b'\x94P\x82\xa2\x85\xea+c\x13\x92\xc8\x87O\xd8\xf6{\xe0\xde\xaa\\\xb1\xad\xd1M\x08Y\x0c\xd7ZzR\x13'</t>
  </si>
  <si>
    <t>b'\xa26j\x9f\xc7[N,r\xeem\xe2\x94f3\x12@\x7f\x01Y^;\xc9|U\x08\xe4/\r\x14\xc0\xd5'</t>
  </si>
  <si>
    <t>b'\xc4\x98C\xfc\n\xe3X\r\t\xbd\t\xfc\xe0\xc8\xd0J\x9b\xb3\xc2C&lt;\x97\x9aR\xb50\r\xb3&lt;\x9e\xcb\xbc'</t>
  </si>
  <si>
    <t>116xx</t>
  </si>
  <si>
    <t>b"\x04\xd2\xe7\xc8\xd1\x8f]\x03\xc1\x8a\xe5\xeb%5\xccD\x8bv\xd1O\xe6\xd5\x9aI\x18\xe7\xf6A\x1bT'o"</t>
  </si>
  <si>
    <t>b'\xd42\x80p\xfb\x8c\x84[t\xd5\x17\xdbES\xa7e=\x99\xaaN)Pp\x1b\x82\xa4\xb66g\xf6/\xe7'</t>
  </si>
  <si>
    <t>b'\x8b\xcf\xa4\xd0_+\xe3^\xef%V\xe19{\xe1\t\x95\xf84\x02b\xb0&amp;[\xfc\x17\xacq\xac\xa0\xc5\x85'</t>
  </si>
  <si>
    <t>b'/\xc8q\xe9\t\x04O\xfcG\xba\x96zL\x84iz\xd4\xd5\xe6z\xd5i0 ]\x81$O\x13&amp;\x8a\x16'</t>
  </si>
  <si>
    <t>b'\x974\xf59\t3\x85\x06i\xdf\x81\x16$\x16\xdf\xd4"\xc2]}\xed\xa9\xddY\x89P\xb0i\xc1\x96\xcf\x92'</t>
  </si>
  <si>
    <t>b'\x1ca\xc5)\xe3\xaeCV\x08\xda\xdb\xbd\xfc\xf6\xca|\xb5\x8dj\x0e\x83\xcaR\xe1\x1b\x932\x16u\xd0YK'</t>
  </si>
  <si>
    <t>b'\xb0\x06\x01\x82,\xa1BQ12\xcd\xe9\xc5\xfb0\xf3.n\xb7@\x94\x90\xd0m0,\xe5b[\x12[\xbd'</t>
  </si>
  <si>
    <t>b'W;k$\x94\xdc\xda\xd5D=\x8a\xa6\x1b/;\xa6\xf7"\xeb\xbd\x99\x82\xf5\x1e\xdcXk\x8e\xa4\xba\x06\xd8'</t>
  </si>
  <si>
    <t>b'\xb1\x84\x17\x81\xba\xf5\x858\xba\xc2\x9a\x0f\x95\xc2\x972\x94\xa4\x05\xf8{\x98\xb5q\xf0\x07c\xdb\xea\x0f\x1dy'</t>
  </si>
  <si>
    <t>b'F\x908\xbc/\xed\x8a\xbd1\xdd\x17\xd2\x08\x1dv\x99A\xf46\xf0\xd6F;\x87\xb5E\x0c:|\xb3\xdc\x05'</t>
  </si>
  <si>
    <t>b'D\x97\x85\xb3\xaa\xef\x00p\x19\x96\xb4+\xb0\x14c\xe2\xd3\xc4\xfc0\x88\xb67w\x10\xa3\xa3\x1f\xc2\xaa\xd8\xda'</t>
  </si>
  <si>
    <t>b'9\xf7\xc5&gt;\x07/\x1b\x90u\\T\x07:\x15{\xf2\xace\xec\x02D\x86\xde\rV$\xb1S\xedn&amp;\xe2'</t>
  </si>
  <si>
    <t>b'\x99v\xa1\xe6\xf0\x1c\xe0k\xfb\xfa\xfd\x7f\xaf\x16\x8a\xe6\n\x8a;\xf1\xf4\x16\xbfo_\x11\xefz!&gt;\xbe\xf7'</t>
  </si>
  <si>
    <t>b'\x95\x19r\xfe\xc4\xec\x12\xd4\x99\xd5\xd1\xda\xcb\xbdDc\xfa\x1c\xe0WDG\xbd7-\xc0\x0c\x95\xae\x03\xb2\xc3'</t>
  </si>
  <si>
    <t>b'm!\xd2\xefz\xd8\xaf\xe6v\x1eM(\t\xa6C\xec\xbf$\xa6\xee\xe0\xb3\xa38\xc1\x1b\xbc\x99\x85BIa'</t>
  </si>
  <si>
    <t>b'\xacE\xbbBBb*|/wD\xc6YY\xa3\x1e\xf4\x06\xe9&lt;Y\xe0:E\xe7\xda\xc3n\x13\x17\xbaC'</t>
  </si>
  <si>
    <t>b'\xe6\xc2\x07\x8b\xb4Q\x92\xf7\x99=\xeb\xca^!n\xb8\x92\xcf\x91\x9e\xbd\x0c\x89\xae\xdf^#\x7f\xaa\xde\n\xfb'</t>
  </si>
  <si>
    <t>b'\xf2y\xc2\xaa\xb7;\xb8S \x15\x88\x0eg\xee\xde\xa087!\xd4"\xd1\xb2&amp;+\xb2\x1eD)D\xf7\xf8'</t>
  </si>
  <si>
    <t>b'`m\xb1\xcf\xf8\xab\xd0nK\xd4S{\x04\xa2\x05\xf3p\x90\xea\xafE\x92/\xafy\xe4V\xb2\x0b\xd1\x1em'</t>
  </si>
  <si>
    <t>b'k&amp;`Y\xa5\x87\x02\xdd\x08)\x0f\xd4L\x1f\x95k+c\xf8\x0fj+\x93|\xbc\xbcj\xc7y\xb9\xbb\xe4'</t>
  </si>
  <si>
    <t>b'&gt;O\xeaQF\xefu\xd4\x7f\x0c\xebi\xbf\xe8;R\x92=*2P\xfb\x00\xa0OL\x89\xd3\x1d\x8dI\xb6'</t>
  </si>
  <si>
    <t>b'Z\x85?\xb0w5\x06\xf6|L\xa7P\t\xe1\xfc\r\x0b\xbe\xe5\x88\xcc;R\xcc lS\xb2e\xf0\xfe\xc6'</t>
  </si>
  <si>
    <t>b'P\x9bM\x006\\^\xc6\x15\xa1~\xdc\x1ePL\xf4\xdc\xba\x97z\xe3\xaf8\x81\x9e\xaf\x80\xb27EQ\xc1'</t>
  </si>
  <si>
    <t>b'\x98\xc9y\xe73\x13\x9e\x07\xe6\xc1\xe9\x86s*\xc1\xd9Z.\x1bJ\xb1\x07C\xcb\xefFj\x7f\xfao\x1f\xe8'</t>
  </si>
  <si>
    <t>b'\x19\xe8\xe8\xab\xd7IG\xb1\xc7\xb8\xc1\x19\x80\xfd\xa3qN\xe2\x19\x9co\xa8\x1a[\xc2,D\xaed\xb4\xa9{'</t>
  </si>
  <si>
    <t>b'\x96\xe2\xf9\xd3@\xc6O\x8eI{\xea\xc0\x841f\x0f\xc8Fh7\xb10\n\xa3\x85\tX`@\x1f\xc2\x1c'</t>
  </si>
  <si>
    <t>b'\x89\xb6\xcfO\xa3\xea\xd2\xc8\x1fz\xf7\x19\xa2W\x81V\xd9\xeb%\x17(\xd6.\x03n_\xb4\xc2\x14\xe8%\xa1'</t>
  </si>
  <si>
    <t>b'\xd2\x9e\xf2\xc93#\x94\xad\xa0G\xbch\xc3K\xe5?F\x07\xe4{\xf7\xbc\x04\xd20\xaax\x83\x9cds\x85'</t>
  </si>
  <si>
    <t>b'f\x17U\xf0n9\x17\xa4n+&gt;c\xc4\xa2Ppx\xe1C\xc9\x81\t\xc4%\xee\xd4\xa9\x81!\xb9\x12\xf2'</t>
  </si>
  <si>
    <t>b'\x14j-\x82\xfa\xcd\xa7\x9e\xc3\x815\x01\xe1\xf1-X_\xe5S\xe8\x91\x9dS\xf2S\x12WVt9\t?'</t>
  </si>
  <si>
    <t>b'\x02\x8dZ#\xe3\xee\xf9{\xe1D\x15\x12S\xbd\\)1\xdc\xdc\xfc6\xcb\x15\x01\x8cu\xd7\x80QB\x98\x8c'</t>
  </si>
  <si>
    <t>b'\x00\xd1\xd0@o\xe1\xc3\xb1\x98\x1f\x9b\xae\xb4j\x8c\x03D\x9f\x8bf\x81\t\\^\xd7~\xc9\xa3\x0fb{\x8f'</t>
  </si>
  <si>
    <t>b'8\x82Y]\x7f\x92w,"\xc5XD\x88\xe1v\x06qN\xf5$Q\x01T\xdf\x94\x85\xcb\xd5\xbd\xcc\xa7P'</t>
  </si>
  <si>
    <t>b'\x98\xf0P\x064\xcd\xae\x96*\x1b\x9f=V\xb1 P\xceS\x9f\x89AQ\x04x\xc9W\xa4\x1e\xb0\x0e\xdeS'</t>
  </si>
  <si>
    <t>b'\xb0|\\\xc9\xcd\x05\xa1\x0e\xc0\xac\x0f\xc29_\xc5\x02\x1e\xaa\x1a\x03\x87x\xcc`\x1f\xccd\x12%\x7f\x19\xde'</t>
  </si>
  <si>
    <t>b'\x96\x83X\xe4Z\x149m\xe9\xab\nt\x0c\x91ISh`\x80\xb7\xc9\x00\xcdNY\x03"\xb2=\xc3kr'</t>
  </si>
  <si>
    <t>b'\xf0\xa2\xbf\xaf`\xb0\xb4\xbca1\xf1\x95\x90\xfa\xf7b\x95\xa7\xd9\x18\xca\xc6j\xe7Zz@\xc4|\xbb\xe9&lt;'</t>
  </si>
  <si>
    <t>b'\xc9N;Z"\xffA\xfe"R\xb3*\xbd\xe59\x12\x1aJy\x18\x80lU0\t\x12w\x1f|a\x9eS'</t>
  </si>
  <si>
    <t>b'\x8a\x8d\x9b\xe2r\x85\xd0\xf7)\r\xcb\xcb\x8e\x980\xef\x13\xcd#]f\xbbf\xab7%\x8a\x06\x8e&gt;\x89)'</t>
  </si>
  <si>
    <t>b'|\xcb\r\x10\x1e-\x0fV\xf7\xceT|}\xf0u\x1c\xcas\xba%\x81\x93\xb8\x82\x05S\x0f\xd4\xa2\x8c;N'</t>
  </si>
  <si>
    <t>b'v;S\xf1\xa5&gt;\xcd\xa6\xa6\xa8v-\xfd\xaaMr\x1fo\x98\xaf|LnH\xc1zT+;4\xc6R'</t>
  </si>
  <si>
    <t>b'\x06@\x1a\x0en\xdbDl\xf7I\xa7M\r\xf5\xb3\xcf\x1f\xc0t\xb3\x94\xbb\xf41&gt;s\x9d\xd8\x1a\x18r\xe0'</t>
  </si>
  <si>
    <t>b'\x81]\x009jo51Y\x8c\x03C1I\xe7\xb3\xf8`(D\xf1\x8f\x10\xaf\xd3\x04-ro\xffq['</t>
  </si>
  <si>
    <t>b'2\x1b\xd5\xfe\x90\xd6\xf0\x04a\xa3\x1d\xdd\xff\x08\xf1q`\x1ft\xe7\xa5\xb5e(&lt;b\x82\xd5,\xa0\x05\x81'</t>
  </si>
  <si>
    <t>b'\x13U\xd0\x07!\x93\xcf\xf34\x8b\x91\xf9[T\xb9;\xa59\xe1H\xeft\xc1\xbc\xfc\xd7\xed\xfb\x95P\xb5\xff'</t>
  </si>
  <si>
    <t>b"\x8e\xe2\xbeZ+\x82\\N\x83\xa6\xc9\x13\x8bQ\xdb!\xd9\xe45z\xd8\x99\x1b`bSt' \x1b\xd7&amp;"</t>
  </si>
  <si>
    <t>388xx</t>
  </si>
  <si>
    <t>b'E\xed\x91\xd9\x82\xb4\xe2\xc1gC@\x1b\xadfKM\x91\xe5\x92\xde/\x1f\xfbgZGE#\xfb;\xf9}'</t>
  </si>
  <si>
    <t>b'\x81\x13^\x1c\xbe\x0cJ\x9b\xac5!\x8c\xe4\xb6^\x8b\x1e\xb54"$R\xc9\x89D\xabF#U\x12\xc0|'</t>
  </si>
  <si>
    <t>b"\xec;1\xab'SD\r\xd3.2T \xb0\x1e\x1a\xecf\n\xb0\xde\xc7\xcf9\xc9\n\xc4|\xc1c\x8d\xfb"</t>
  </si>
  <si>
    <t>b'\xc1\xb4?k2*\xbe\x1eD\xddx\xfd!\x1e\x12\x9aG\xc1}\xa9\xa8C\x90FA\x92h\xf8~\x89\xd1"'</t>
  </si>
  <si>
    <t>b'\xa0\x0c\x10\xb6P\xc8\x8a+\t\xd5\xd6E\xe5(N\nf\xb3\xef`\xc7yg\x05O\xeao\x86_\x07\xbd\x9b'</t>
  </si>
  <si>
    <t>b'\xba{h\x01\x8d{\r\xf4\x0e\xdbe\x9a\xec\xfe\x06\xdd\x18\x1bV\x10\xfa\x9e8i\xe1m\xecTP\xe9\xbe\xf8'</t>
  </si>
  <si>
    <t>b',\xa9&amp;|\x8e\x9e\x9b\\\x1d\xfc\xc2\xefH\x04M\xf3\xb2\x1af\xd7\x10\x88\xed\x18\x19f&gt;\xd7\x9f\xde\x8a%'</t>
  </si>
  <si>
    <t>b'\xf9g}\xee\xf4)\xa8\xd4\xe0P\x95\x1f\x1e\xb8-g\x01ln\xc5^A1\xf1\x9b\xedM*;;Y\xfa'</t>
  </si>
  <si>
    <t>b'\xd8\xcd\xa6\xf7?P\x92\xf1\xe2/\x04\x98\r\x92\x87{e\xb8\x17\x15\\Q\x1f~\x177\xbb\xb3/O\x05\xc7'</t>
  </si>
  <si>
    <t>b'\x0e\xfc \xd0Q]\xc2P\xd6\xb2\x83c\x17\n\xaeTx\x1fh{\\\x82\xb28^\x92\xc1z\xb2\xe7\xf4k'</t>
  </si>
  <si>
    <t>b'Q\x06\xd7\xa5\xee\xb1\x10K\xe4\xb0\x89D*\x19Z\xa6V\xacJ\xf8\xc6\x10o\x15\xbeO\x1dJu\x9d\x93\xe7'</t>
  </si>
  <si>
    <t>b'\xf6\xd0\x91(\x10\xc3\x85\x00\xe4\x84\x93\xac\x00\xc1\xe4\x83\xd5\xa5m\x80\x0e\xc5qlh7oo\x1b\xda\x8b\x99'</t>
  </si>
  <si>
    <t>b'\x92\xec\xe7\x02[H\xcd\x0f~\xddN\xbb\xf6\x10@\xbf\xb5+cR\x13,\x17u\xb9b\x11\x16\x12H.\xb7'</t>
  </si>
  <si>
    <t>b'\xa6j\xfc\x01\xe7?!C\xa3\xe72\xe6Q\xf0\x08\xfd\xc6\xd2\xa3\x80\xe3\xfd_\xc4\xa9\xf6\xaa\x89\x1a\x0c\x16\xf6'</t>
  </si>
  <si>
    <t>b'\x02\x1e\x85^V\xd4\xdfM\xaa\x1d\xcf\xe8\x831\n\xef\x81\xdb\xb9\x90\x03b\xd0m\xec)\xd7\xe2z\x1e\x88\xd8'</t>
  </si>
  <si>
    <t>b'\xd6X\x13\xa5\x93Q\x90=\xd2\xaa\x7f\nEI4\x01\x9f\x97`\x9b|\x10\x9eN.\x04\xcdU\x84t\xec}'</t>
  </si>
  <si>
    <t>b')JD\xc5\xa9h\xfd)\x0f)\xf2=y\xc2\xa7[c`p\x8d4U\xbb\x19b\x94w\xf7\x86\x85\x8b\xd6'</t>
  </si>
  <si>
    <t>b'5\xaa\x07J\xbd\xf1oT\x8f\x82\x90\xebJ\xbe\x94F^\xe4\xab\xbc\xbb\x81\xf2\xf5\x11\xb9S&amp;\x87\xa5\x11\xd6'</t>
  </si>
  <si>
    <t>b'\t\x10\xab#^\xe2\x94\xcd_q\x80\xc2\xa6N\xee}=\xa3$\x9e\xe6\xfb\xcad\xb5]\xa4\xff\x02\xef\xb4\x88'</t>
  </si>
  <si>
    <t>b'\xc0\xcf\x8d\xa6nu\x9e\xe3\x8a9\xeb\xb7$\x0b\xceb\x8f\xe8j=N\xf6I\x0b\x8fo\xcf\r\xea\x9d\x15\x9e'</t>
  </si>
  <si>
    <t>b'\xb2%?\xcc\xe2\xd7\x8f\x90\xbbA\x9d\x9d,\\\xdc2\xe6\xb3M7(\x07ec^\xde6\x83\x97+\x9d\xa2'</t>
  </si>
  <si>
    <t>b"\xd8\xd6\xa12\x1ed\x94\xbb\xa9f@\xee8\x7f\x1fe\xe8\xa8A1\x12\xc5VJ\x8cJ\xf3lfE`'"</t>
  </si>
  <si>
    <t>b"\x11\xbb\t\x05d\xb1\xa0\xa3 \x11\x92\xfb\x95o:-r\xff\x9b\x0f!\x87'\xe4\xdb\xe6)\x9f\xfa\xc7\x8f\x17"</t>
  </si>
  <si>
    <t>b'\x1b\xb6\xc5\xd2\x9dc\x8b|^K\xdb\x8e*\x85\x17a\x8d\x84\x17\xbc\xe4\x02\xbe\xab4[\xba$v9\rg'</t>
  </si>
  <si>
    <t>b'\x90\xea\xa62\xe2\x93\xf8\xcb\xdaW\x05\xaaR\x04KM\xe4Y\xe8\x8df\x0c{\x0bi\xeb\x8bb\xd2\xfft\xf1'</t>
  </si>
  <si>
    <t>b'\x90\x0c\x072\x96\xcd\xd8w;\x0e\x9a\x7f\xb0r\xf4\\\xe0cQb\x85\xf0v\x1a)\xfd:\xecO2^\x80'</t>
  </si>
  <si>
    <t>b'L\xcdf\x07n\x91\x7f\x94\xe4.\xf8\xd7lC\xfe"@"G\x90\xb6\xc1e\xf7o\xcc\xd8:\xa43\xdd\xc6'</t>
  </si>
  <si>
    <t>b'\xc2`"\xf5\x96H|\xa6\xc5\t\x91&lt;\xec\x9e\xb9L\x12\x7f\xdd\xec\x97\xbf\x83VE\x0f\x11Kw3\xf7\x9f'</t>
  </si>
  <si>
    <t>b'\xdc\xbd\xdf?y\xb2\xb9\x1b\xd9K\t\xb8@\xe6\xa5]\x86T\xd8/a\xec\xd5\x97u\xee\xfe\xeb#Jk\xcc'</t>
  </si>
  <si>
    <t>b'W~i\xd9\xf8\x1b\x99\xc4\x12M\x8eX\x0c\x80\x06J\xd0\xa6\x8a\xb8\xe2$\x92!\xe7lm+*\xed\xecz'</t>
  </si>
  <si>
    <t>b'9\x16N\xb7\x95\xc1Tz\xa6w\xa0\xdaf.R)\x98~\xfb\xfc\xe1\x84\xb39|h\x12\xe5\xd2K4\xbb'</t>
  </si>
  <si>
    <t>b'\x99\xea\xb3\xbd\xe8\xbeNXN\xf2\xd0\x88\r\xe8U\x16\x81\xc6\x91\xad\x16\xb41\x7fAUe2\xcc\x8e\xd0@'</t>
  </si>
  <si>
    <t>b'\xd6Y\xf4l\'\x7f\x19\x15\xa4}\x90\xac\x96N\xd4G\xeb\xacE\xa7sA"y\x11#\xf5_\x8ad#\\'</t>
  </si>
  <si>
    <t>b"\x95\xaf\xd1l[\x8b\xf7\x99B'\x8blmd5\x94A\xa8R\x00\xa9\xe2\xc5\x16\xc6\x9a1\xd4\x01h\xa9\x1e"</t>
  </si>
  <si>
    <t>b'\x196*\x0c\x8dh\xb8\xed\xb4+J\x7f\t\xc5\xaf\xe6\x13z\xa3\xe9\xe8\xe2+xP\xf9ys\xec"4\x08'</t>
  </si>
  <si>
    <t>b'#\x82U.z\x02\x14$\x7fD\xe0Y\xc9\x8bB*\xfb\x9b"t\xe8W\x8fB\xb2\xc3\xb0\xed#Is\xe3'</t>
  </si>
  <si>
    <t>b"\x8c\xdfv\xc3h\x9d]n|i\xd2\xa7xI\x10\x97G\x99K' \xc4\xf2\xd85\x0bkc\xfa\xf0-\xef"</t>
  </si>
  <si>
    <t>b'\xce\xfe\x01`mR\xd2l\x8a\x00\xe8\x93LL\xdfR&amp;\x92\xa7pv:\xac\xbf\xbf\x9at&lt;?\xc8p\xf6'</t>
  </si>
  <si>
    <t>b'\xfd\xc3\x84\xe0\xbb\xa8\x94\xd5p\xbf\xa4\xad\xff\x02\xfa\xd1\xe9\xd5\xb6S\xd1\x88\xa7\xda\xa6Q\xd8\xaeF\x15\xd6\xaf'</t>
  </si>
  <si>
    <t>b'\x07\xeea\x10\xc8\x85\xec\xfa\xd2$\x98\x9a=+!\x95\xed\x1c`\xb1\xc5\x17/\x96\x7f\x1f`\x12C\x0f\x83K'</t>
  </si>
  <si>
    <t>b'&amp;\x94\xe7\xaf\x84\x8c\xe2E\x803\x1f\xe3RK\xcbg&amp;k\xc4v\x18\x9dw\x17j\x96\xde\x84D\xa6\xefv'</t>
  </si>
  <si>
    <t>b'\xf2d\x04\xe6\\@r\xa6\xbb\xec2\xfb\x9b\xdccN\xb2\xa7V?\x80\xa7c\xe4\xdb\xf2\x17\tr$O1'</t>
  </si>
  <si>
    <t>b'\ny\x7f\xe3\x85-\xfcJ\x9ff0Ke:\xe8X\xf9\xe5\x16\x8d\xc9\x01\xe9\xa9\xf7\xe0\x853\xa2\xf7\xe4B'</t>
  </si>
  <si>
    <t>b'(\x84\x08\x0e\x8fr\x92\xaf:\x1a\x1e\x9ax\x85\xe2"\xe9\xfe\xbc\xaa"\x1b\xe4{"1\xf8\xde|\xd9$1'</t>
  </si>
  <si>
    <t>b'\xe3\xd2\xbb\xec\xe1u&amp;\xcf\x864\x14\xd6\xb7\x9be\x14H\xb0o\xbb\xddMJ\xf6+\xac\r\x92|(\xaa\n'</t>
  </si>
  <si>
    <t>b'\x9c|W\xc6\x93\xca.\x8b\xdfE\x1e1&amp;\xd9[\xa9\xf9x\xb3.\xb6\xe3b?\x99\xfc\x92\xc2w\xafc\x9a'</t>
  </si>
  <si>
    <t>b'\xfd\xfa\xe6@\xf9G!\xd1\x8f"&lt;\xe2D$\x9a\xdc\xde\xe91*\xa7\xf1&gt;\n\xb4\xa0\x05\xc6\xaf\xae\xc6\xfd'</t>
  </si>
  <si>
    <t>b'\xff/NX\x92\x8b\x0et\xe4j\x04\x90N\xebs\xa4C\xa6\xda\xa2\xb4\x1d\x9e:\xe9Au\xf3\xd0\x0b\xcd&amp;'</t>
  </si>
  <si>
    <t>b'\x16~\xb0\xf3=-\x07\xc5\xcce\xce=\xe4\xc1\xc5\xbf}h\x83g\x8d\xeb#+&gt;)h\xc7\xa3\xae^7'</t>
  </si>
  <si>
    <t>b'\xa2\x81\xf7\xdb\xa7|o\x84\x9fV\x02\x8e\xf5\xdd\xbeBX3\xce\xcb6\x94P\xb5U\x12N\x93@\xb5\xcc8'</t>
  </si>
  <si>
    <t>b'\x02z\x97\xcb\x02\xb8\x87\xf9ItE\x8az\x13\xb0\x92F\xd3\x01\xab\xa4\xa74\x02\x1a\x86\x99cU\xdff\xd5'</t>
  </si>
  <si>
    <t>b'\xb1\xa1B\xa7\xe7\xdf\xccc/Z\xe8=\xee\xc0\x9c\x99\xce`\xa1f\xee\xb9\xba\x04\xb9\xfc\x93\xa9\xf8\x9fq\t'</t>
  </si>
  <si>
    <t>b'\xcf\xa8\xe6O\xf9C\x93=\xf5\xc6\x9bh\xf9\x14\x1f\xcaZ\x15d\xc8%\x88P\\58`6\x01\x1e\x19\xb5'</t>
  </si>
  <si>
    <t>b'7u\x9ey\xfc]\xd3\xfa\xd7\x10\xd6\xdb\x80\x1d\xa8`4\x08i\xd3\xdd\x8c\xee\xe9\xe8\x85|\xb5\xff\xe9\x87\x93'</t>
  </si>
  <si>
    <t>b'\xa3\xbd\xd4+\x19\xb0l1\x1a\xa0{|\x01~\x1b\x9dr\x89\xfc\xb3\xc9\xd8m\xea\x93\xc5@9\xf9\xd4\xc7\xaa'</t>
  </si>
  <si>
    <t>b'6\xe1\x1d\xb9,a\x02\xbf\xd1\xd7\xb3\xf6\xf8L\xff\x0e\xb4H\x0e?A\xe4\xe7\x08m0\x0f$K\xbf\x9c|'</t>
  </si>
  <si>
    <t>b'\x1aC\n\xceI\x10\xf9!\xf7\xbaeG\xbf\xa2\xff\x9fv\xdd\xec\xeb\xa3\x80\xb6\xa96\xc2\xbc(\xc4\r\xc5S'</t>
  </si>
  <si>
    <t>b'T\x1bL\xadlD}\xfc\xc7\xe7\x99t\xbe\x17\xee7\xcd\x14z,\x1c\x7f\xa9\xee\t\x13i\xab&lt;\xe3\x8f\x98'</t>
  </si>
  <si>
    <t>b')xP+\x18\xa9\xcb\x0bX\rp\xa1^YKU\xca\xf03\x0f\xc4\x17\xba\xaf_\xbbF\x04\xe8\xdco\x1f'</t>
  </si>
  <si>
    <t>b'\xf7\x05!\xde\xe3\x9d\xfd~Z\xb5r2\x05T{*\xe2\xb6x\xb3iH\x00\x95\xea\xb6\xdd\xedWQ\xda\xc5'</t>
  </si>
  <si>
    <t>b'\xd8\x16\x9b-\x9e\xa5\x08\x84\xef\xda9\x89K\xbfu\xab\xd7L&gt;6K$\x0b\xd6\x83#`\xc8\xeaJ\xfe\x18'</t>
  </si>
  <si>
    <t>b'w\x15W\x8fL\x1f\xe7\xcdhU48\xdb\xbe2m\xb2:\xa8cn\xc2\xf7G\xd7}\xb8gc\xc7\xd4B'</t>
  </si>
  <si>
    <t>b'gy\x9a*\xc9-*\xd10\xd5\xee\xed\xd5\x8a\xbf\x8dQ\xf09\xf6\xf7\x10\x80\xfa\x10\tj#\xe3\x99\x1e\x19'</t>
  </si>
  <si>
    <t>b'\xfe\xd1&lt;\x8f0YcB\xfa.)\xdf\x9d\x91\xa9j\xcaW\xb2\xf33\xf75\xf0[6k\xb7\x15\xaa\xf0\xc4'</t>
  </si>
  <si>
    <t>b'L\xb7\x07\xfdF\xdb|\x8e\xf0s\xa2J\x81\xd1\x8e\xb5`\xc9M&amp;LD\x80o\xb6\r\xa2Z\xd6\xd8\xf56'</t>
  </si>
  <si>
    <t>b'\xf2,\xff{b]\xbe\x11\xba\xf9,\x1aA\xd1U\r\xbd\x9aq\xddQ\xa5\x0c\xe4% \xe5&lt;}\xd6mP'</t>
  </si>
  <si>
    <t>b'\xfar\x06&lt;\xe1\x11\x98o\xb4\xfa\xa9\xff\xaa\xe4\xac\x91\xb1\xb0;gh\x16\xc5\x89\xb9M:\xe1}\xa7\x86\xd2'</t>
  </si>
  <si>
    <t>b'\xdf\xb6]\xe9\xfb*\xccS\xb8\xb5\xc7\xc7\xff\x97x!\xea\x99\x89kY@\x1c\xaei\xf7\xf0\x89\xa1P.)'</t>
  </si>
  <si>
    <t>b'\xf3\x9aWO\xf1\x11\xb6EH\xe9z&lt;\x01\xa3a{\x12\xf50\xb4\x03\xa4i6\xc2\xd6\xae9&amp;9\xac\\'</t>
  </si>
  <si>
    <t>b'i\t\xaf\xc0\x80\xddz\xe3\x1c~\xbc\xdc\x81OgyH\xcb\xc3\xfb\xbf\x95\xab\x18-\xb9?\xdb\xe4\\\xb2\x86'</t>
  </si>
  <si>
    <t>b'3\xec9F\xf3\xdc\xfa\x0b\xc2f\xf1g\x10\xa5i\xd0\x15]\x99\x11\x9dl)\x07\x93\x95\xf3\xfa=\x02 \x95'</t>
  </si>
  <si>
    <t>b'Q\xc3\t\xc4\xe4\x9e\xa9{,V(\xa1\x99B3\xf7\xf9iJ\xe0f\x11\x00\x172\xefp\xb9\xf2m\xb7\\'</t>
  </si>
  <si>
    <t>b"\xc4HN\xd1e\x97\x96\xd9\x1eH\x99T'ufaq\xd5\x86\x15\xf5\xf0v.\x97_J\xa1&gt;\xf0\xb4_"</t>
  </si>
  <si>
    <t>b'\x95\x8cR\x0f\xf6Hha\xc4(\xba*P\x83\xca\x01\x9f\x83\xce\xbcB\xf2!\x83\x175c\xedr\xa2\x85M'</t>
  </si>
  <si>
    <t>b'\xf7\x0c\x9e\xbb\xea\xae\xec\x12\xb5\xc8uE]\x9b]\x9e\x8a\xcf\xe7^\xc7t\xe4\x17\x98\xc2I\xe3K\x15\xa2;'</t>
  </si>
  <si>
    <t>b'\xb2\xe9!\xc7\xd4\x88Z\x8e~\xc0?*_\xa4\xab\x0fwQ\xc9\x17\x07K\xd9\x90h\x9d\xae]v\xc7&gt;b'</t>
  </si>
  <si>
    <t>b'E\x16\xdb\xd0\xe8\xf7\xdd\xaeC\x81+\x05\xee\xa1\xde\x02z\xb8`\xddm\xf2\n\xbb\x1a\xe0E\xde?\rEO'</t>
  </si>
  <si>
    <t>b'\xbf\xd9\xa2\xd0\xafuHB\xedZ9\x82\xfa`\xcf\\5k\x18}]#\x12\x0b\x1d\x11\xd8G%3v\xda'</t>
  </si>
  <si>
    <t>b'k\xe9\xc1D#] v\xd0O\xe5\x1d\x82\x01\xf4\x0c\xab\x12*]\x12l\xb3k\xde\x17\x9b;lm^\x18'</t>
  </si>
  <si>
    <t>b'\xb0s\xfa\xc0(&gt; T\xca\xa0Fm\xb0T,\xafu/\xb6\xbf\xac\xc2\x86\xf3\xbeJ\xa2\x94pQ\xd6\x9e'</t>
  </si>
  <si>
    <t>593xx</t>
  </si>
  <si>
    <t>b'\xaa"4i\xf7\x97.7\xc5\xb7?\xf1\x85\x87\x00\x17\xed\x1a\x1c\xc1\xb7\xcf\xc8\xcc\x19\x17\xc7\x96\xa6\xfc\xf3`'</t>
  </si>
  <si>
    <t>b'\x01\x0b\xae\x07,\n\xee\xbf~|\xbb\xc0\xae\xbe\x97\xca\x88C\xfd\xf73\xfb\xa7Q\xf7\x85\xa4\xec]\xdbD\xb7'</t>
  </si>
  <si>
    <t>b'\xba\xb9\xd5r\xb5\x820O\x16\xe2\x82Q\x95\x92\xd6\xa6\xe9x\x88\x8aA\xf5\xb2\xc6#\x8d\xc3]\x17\xacq\x07'</t>
  </si>
  <si>
    <t>b'\x0bb,3F0\xd9\xb0\xd6SL\xcbM\x14&gt;2m-4\x88\xdd\xf30"\xfe\xef\x00\xb3\x0e\xfd1\x99'</t>
  </si>
  <si>
    <t>b'\x02\xb8\x84\x15(@\xab2\xb70\xa3\xab\xab\xa6\x18\r\x05\xda.|,c5sw\xd9DM\xea\xfa\x9df'</t>
  </si>
  <si>
    <t>b"\xcfm\n\xc2u\x16?\xb1\x146\xce\xb5\x9f\xc1\xe8C\xf4\xfd\xe6\x16\xeb\xbd'?\x8a\xc9^\xd9\xb1e\x91Y"</t>
  </si>
  <si>
    <t>b'\xdd\xe8^\xe6\xb2\x08\xfc\x1ab\xbd\xa5f\t\xf1\x0cU\x018\x05\xfb\xec\x10r\xdd~\x12he\xf7\x16\x97\x0b'</t>
  </si>
  <si>
    <t>b"\x08\xd8hV\xd08'\xb9\xb8\xaeZ\xd6x\x87\x15N%B(\xfa\xab\xca\xad\xca\x04(\xb6\xcda;\xe1\x1e"</t>
  </si>
  <si>
    <t>b'r%\x88 5\xe8o\x12\x8b\xb7\xfe\xb9C8\xe6\r|\xde\x1b\xf0jy\xb9\x81F\x01{*\x17\xb0\x8b\xd1'</t>
  </si>
  <si>
    <t>b'\x89V|\x81l\x9e\xa6\xabT\xf6k:8g[\xc4\xc1v\xff\xc4\xf7\x1d=\xaa.\x00\xfd&amp;\x8dU\xae\xa5'</t>
  </si>
  <si>
    <t>b'~\xa5\x92\x82\x83\xf2 \xac\x7f;\xad|eT\xefd5^4(9\xfa\x1a\xb2\xb9\xf9\xd3\xdb\xb23\x83\xde'</t>
  </si>
  <si>
    <t>b'\x8a\xf4\xcao\xe0}\xfd\xae%pw^$\xe4-\xfc\xfe\x0c\x90\xbf[\x8eX\xb0\xbf&gt;\x18\xfa\x08\xb4\xb5['</t>
  </si>
  <si>
    <t>b'\xe1u#\x06wY5i\xa9\xe8Q\x18#\x13\xd6!n-#1!;\x0f+\xbb\xe3\xa4\xde\xc8\xe5\xe1\xba'</t>
  </si>
  <si>
    <t>b'\xd3\xcf\xa5k\x91\xf0\\kn%|\xdf\xc0\xe9\xedKlp})\x11\xb4JU\xd5\x9bz\xa5\xa3\x16UC'</t>
  </si>
  <si>
    <t>b'\xf5\xd0\xcd\xb2x\x1e\x95gZFM,\x01o\xdd\xbb\xc1\x125\x90\xd3w\x99\xd4Y\x82\xfb\x9c\x8f\xb3\x1d\xfd'</t>
  </si>
  <si>
    <t>b'\x03e7sa\xc7\xb2n\xd2|7I$F\\]h\xe4\xb6\x04\x89x\xdf\xb5\x8b\xf6g\xab\xedv\x12?'</t>
  </si>
  <si>
    <t>b'8#7\xdc\xc6\xfb\xc8\xe0o \xef\xe0\xe1\x06:\xf3#D4\xfe\xb9\xa1n\x8ai\x0be[\xcdXM\x11'</t>
  </si>
  <si>
    <t>b'K\xd3h\xd8s\x00}\xdf\xbd\xd5\xf3g\x9f\x97\x03\xa2\xc4\xa9\x17\x86\x10\xd9n\x06l\tbO\x19\n\xf9\x85'</t>
  </si>
  <si>
    <t>b"F_\x02c'\x8f\xd9\x16\xb5\x95xg\xc6[\xe9[\x01\x87\xf7\x00\x8a\xba\xb4\x0b\x00TZb\xf4z\xa9\xcc"</t>
  </si>
  <si>
    <t>b'\x88\xb6\x1dK\x1ex\x02\xa7\xb4,|\xe5\xb1z\x1d7\xea\xbe\xe1\xfe\xcfCc\xd9\xce\xad\xab\xeb%jz\xd8'</t>
  </si>
  <si>
    <t>b"DR\nO\xaf[\x1a\x93\xde\xcc\xd1\x0e\xd7V\x00\xb2~\x87\x7f\xc2\xb6\x08\xce\xbc\xb8'\x11&lt;m\xdcJ\x84"</t>
  </si>
  <si>
    <t>b"q\x19\x91'P=\xceWi\x8c\x18L\x94/\xb1/J\xb1}\x996\x02\xb7\x02-\x1cc\xb5T\xaa\xbbU"</t>
  </si>
  <si>
    <t>b'N(*\xfd\xe9@\x12Hp\x87\x00D\xd1$[\xf2\x9e\xa6\x01`\x9a\xf9\xb1n}\x08cI\xaeCf('</t>
  </si>
  <si>
    <t>b'\x10P\t\xaf\x9b\x88z=\xe2\xa4\x15Xi\xd2\xf1\x03\xfbJ\xeay]\x12[\xa4a\t\x93M\x1c\x91\xd3\x14'</t>
  </si>
  <si>
    <t>b'\x9f\xda\xd7-\x08@\xd7\xb6\xd3Xc\r$\xd2n\x8f\x80\x81\xd1\xf9\x1b\n\xf6\xa8\x8d\xf0\x95j\x8c,\xb1\xa4'</t>
  </si>
  <si>
    <t>b'\xc0\x8b\xd4\xa5\t\xd78\x9d\x92\x08\xe7&lt;\x94\xa5\xa4\xce`\xeeA\xfaw\x06%\x94;YQ\xc9\xc88C\x84'</t>
  </si>
  <si>
    <t>b'\xdd\xc0\xf3\xc6E_\xa1\xe5\x87e\xf0\x93-ok\xd8\xb8Jez{\x19q&lt;?\x15\xa74\xf4Z\xcd\xa1'</t>
  </si>
  <si>
    <t>b'\x98\x9a\xe3\xe8\x17$\xdb\xdf\xc3\x16\xbaJ[\x8eW\x95\x93\xd3\x8b\x19`\xc5\x86\xd4{\xe1\xf1\xc77\xb6\xe8\x10'</t>
  </si>
  <si>
    <t>b'\x11\xac\xffe\x13\xfe\x01U0\x96\x15&lt;5*\xc96T\xcb\x84\xe8\xcf\x83\x81N\xb9\x93\xcb\xe1\x8f\xf3Fb'</t>
  </si>
  <si>
    <t>b'\xc1}}f\xbbD\x0cCf\xd1\x0e\x86\x05\x13FO\xf6\x92\x10\xa1\xa9I\xb7%uj5\x04\x05\xdah\xab'</t>
  </si>
  <si>
    <t>b'\xa9\xf3\xb3Ox\x08\x1d\xf5V\x1d3\xa8~\x08\xdb\xb4\xca0\xe4\x1e\x91\x1eI:\xff\xb1A\x1ab&amp;\x14\xd3'</t>
  </si>
  <si>
    <t>b'\xae_I\xbbn\xe6-f\x05\xc4\xd6\x91x\x05\x9b\x95\x97\xd5\x88\x12\xd4;\xe6\x8a\xb9\xcf\xd9Z\xe0\x99\x88\x03'</t>
  </si>
  <si>
    <t>b'\x86c\x14v\xcb\x84\xef\xbd\x07\xf5h\x98\xa97\x03-\xa6\xe3W\xbb"U\x8a\x84/\xf4.D\xf1\xdc\x02V'</t>
  </si>
  <si>
    <t>b'j\x14\xf4\x8c\xb3\x99M\x9e#\x96Iz\x8ex\xf8`LW\xaa\x97\xd5\xceUu\x98\x1fB\xc3\xb3J m'</t>
  </si>
  <si>
    <t>b'\xe4\x1c\xa3\x8c\xa3v.\xe4\xabn^)i\xb9/\xa3eLj\xe5\x7f\xb0@\xcct5\xebd\xf7\xads\xef'</t>
  </si>
  <si>
    <t>b's/y\x1c\x19\x17C\xe9\x7f\x1d\x85\x94P\xe7=\x86?b\x1d\xe4B\x94\xee*\xbb\xb7$\x0c\xc9T\xb3\xca'</t>
  </si>
  <si>
    <t>b'\xae\xc0\xda\xf0\xfc\xcbp\xac\x0b/\xf4\xbd?\x02\xa7^\x9c\xech\xbd\x10\xdb\xb8\x98Y\xc5\xca\xce)\x16gH'</t>
  </si>
  <si>
    <t>b'\xeb_\n\xd1\xb0\xce\xe4d\xd3\x86\xe2*}\x92\xd1\xa5\xd5\xf3\xe8x\xb2\xa8\x8b\x9cSB\xa4 \xfd\xe7*s'</t>
  </si>
  <si>
    <t>b"\xc8\x16F\xb5\x83hg\xde\x93\xb3h%OlJc\xbb%\xdep\xc9\x85'\xecsv\xcd\xf6\x85K$\xa2"</t>
  </si>
  <si>
    <t>b'\xe2\x08U\xc57!\xdb\xc9\xb8\xb6\x9b3\x11\xfaD\\+{\xa5\n\xc9\xb9\xfa\xe7QH\xeew\xafA\x82!'</t>
  </si>
  <si>
    <t>b'\x92\xd4\xfe\xcd?\x86\xb9\x91\xaf\xa0\xfa\xc8v\xcd\xf9C\xfe\xe73\x81\xcbU9\x16am|6\xa6\xa3@\x80'</t>
  </si>
  <si>
    <t>b'\x9d\xdawO$\xf7^\xb4\xb1\xd0\\\\\xe7\x9a\xfa\xc3\xba(\x97w\x04m\xffu\xff\xdf\xbd\xe7\xbb\xd8\xfb\x9d'</t>
  </si>
  <si>
    <t>b"u\x13\xd9\xd3\x03@\x0c'\xb9\xf54\xdc``\xc4\xb5d\\r\xeb\xbf\xbaB\x97\xe6U\xab\xc677\xeeb"</t>
  </si>
  <si>
    <t>b'\x19\x06u\xfd\x13(\xb3bc\xdbs)\x00\x86jb26\x1dUxz\x8b\xe3(c\x99\xdbcwq5'</t>
  </si>
  <si>
    <t>b'G\x8d\xf9iJ\x9e\xd0\xbea\xf4\xd6\xe1\xf7\xea\xef\xcf\xf7\x9d\xc0\xae\x9d\xa9X\xbe\xf8/\xde\xdcF&lt;\x8e\xb9'</t>
  </si>
  <si>
    <t>b'\xb9\x81n\xc8\x02v\x87l\xe2uV3\x80\x11\x99\xd8\xcb\xb4\xb5\x90C\x91\x96\xe4\x05\xd5\xea\xc9\xd70f\xeb'</t>
  </si>
  <si>
    <t>b'f\x89u^\xde\x96\x92\xba\xe5\x03\xfc!\xc3\x7f\xacm\xebU\xd5zZ\x8a\xe1y\x8e4\x0c\xafx\xa3\xdby'</t>
  </si>
  <si>
    <t>b'\x12\x02\xa52\xcd\x85\xd4\x99.\x0c\xfd\x9cAlL\xef\xa0R\xdd\x08\x96\xeb\x04\xa4\xefY\x90\xd51x\x86\xa0'</t>
  </si>
  <si>
    <t>b'\xf7P\xdaB\xed\x02\xc0\x0f\xa5\x7f\xe9*\x1c\xb3\xe1:\xe6\xc6\r\xef\xd7-nH\\xqU\x1e6\xaa\x0e'</t>
  </si>
  <si>
    <t>b'\x0e\x8aH\xe3D\x94\xe1\xf6\x9c\xa5b\x99&gt;\xf9[\xf5\x92\xd8\xf4*\xec\xfb3U\x1bZ\x1a\xec\xeep:\t'</t>
  </si>
  <si>
    <t>b'M\xe4\x00\xdb\xccY\xc5(\xbc\t)%*\xaf&amp;m\xf4\x0c\x11\xc3\x84\xea\x1a\xdb\xda&amp;4\xa3\x01\x7f\xa7;'</t>
  </si>
  <si>
    <t>b"\xee'bD\x97\xbf\xa8\x94\xae]\xf3=6\xb1\xdb\xc3;J\xdc\xc7\x16\xa2\x83\xd5\xff\xef\xda\xc4\x8e\x10\x93\x8d"</t>
  </si>
  <si>
    <t>b'9\nE!t\xca\xc8\xf3e\x1a!\xcc\xec\x96\xe9\xa2\x0e\x81\xea\xd5\xb7\xe9R\xf2\x8d\x93|I\xa8\x82\xa3\xe9'</t>
  </si>
  <si>
    <t>b'0\xfdy&gt;_\xc8\xb0:\xf3\x85\xae\xa3-n\xd8g\xc1\x9bT\xcb\xdf{c\r\x0c\xe1\xe6}n#\x83\xca'</t>
  </si>
  <si>
    <t>b'\xaf\xcb\xfe\xb6\xb0w\x91\x99M\xb4\xec\x1f}\x0c\x18\x92\xac\x14\x0b\x01N\xaa\xf5\xb9\xa3\xa7\xa4M\xd9\xbd\x95\x1a'</t>
  </si>
  <si>
    <t>b'H)\xe7\xdb\xa6\x08\xa5x\xa3\xefq\xa9\x93\xd9\xba\xa5\x94\xff]\x01\xea_r\xf1zf\x8d\xb5u\xa7\xb9F'</t>
  </si>
  <si>
    <t>b'\x07!\nv\xf4\xe3\x10v\xf7j\xcc\x93x\x9d\x84\xa5\x1a\t\x9ah\x01\xffhW\xe8\x0f\xd5/\xd5\x0f\xd4\xd0'</t>
  </si>
  <si>
    <t>b'\x11\xe8\xc8%\xde\x02\x87\xac\xca\xef\xae8E\x05!\xf8{B\xb0\xbe\xc1\xf0\x85\xf8;\x94\xa2\xb1\xa3_\xa3C'</t>
  </si>
  <si>
    <t>b'\xdeW\xec\xcd&lt;O\xd89\x0bJ\xa1\xe8\xc7\x81H\x8a\xb6\xfa\x0bP\xf0\xa6\x8c\xa6\xb9\xd5u\x05\x8a/\xb8\xbe'</t>
  </si>
  <si>
    <t>b'\xb0\xa7\x9e\xcd\x1a\x9a\xdc\xf3n\x02l\x19\x86g\xdb\xbf\xfe7\xb5\x80\xb5\xbf\xd5P!R\x8e\xe8\x86V\xb9\xfb'</t>
  </si>
  <si>
    <t>b'\x8a.\x9a&amp;G+49\x00|5\x98!\xd2o\xe0\xb2v\xbbOP\x9f-\x9ab\x9b\xf9\x1f\xb5\xe7\x86\xea'</t>
  </si>
  <si>
    <t>b'\xf8\xbc\x11\x82\xb2\xe2[\xaf\xd5\x83\x88T\xc5\xb3\xe39if\x99I4\xc1\xd2=\x9a"\xbd.0\x13xC'</t>
  </si>
  <si>
    <t>b'\x15\xc3\x1f\xc6\xa7&lt;\xbd\x986^D;\xf9\xcc_\xec}\xae\xe0\x1b\x9a\x14\x95\xe7\xb8\x1c\x03\xecE\x18\t\x17'</t>
  </si>
  <si>
    <t>b'\xc8\x1fZ\xd8\x19A\xe9\x02F\x18^\x06\xace\x9a\xdf\xd2B\xbd\xca\x8fh\x99\xf6\x9f+\xbe\xc0\x9d\xf0z\x93'</t>
  </si>
  <si>
    <t>b'\x8c\xcf\xbb\x9a\xbfC\x07\xb1\xe5\xe0\xa3\xfe\x08\xda$\xae\xa68\xf8\x81\x9b\x0eS\x99h&lt;&amp;\xb5n\xb4\xfc9'</t>
  </si>
  <si>
    <t>b'\x00\x91\xda\x08\xfa&lt;k\xeb\xaa\xc3*4\x1c\xbd\x02\xdb\xbe{J\x80\xa7\xcep\x9d\x9ba\x0c4m\x15\x13j'</t>
  </si>
  <si>
    <t>b"\xaaA\x05!\xbe8\x93\xae\x84\xcc\xd2\x81\x12\xddt\x12\xa67(L'\x81\x1b)\xf2\xcbV\x90\x1b8\x03]"</t>
  </si>
  <si>
    <t>b'\xa4/\x0f\xf2\xc9\xe4\xc8@\xdb\xdc\n\x9e\x96\xa6\x88{\x85`\x12\xea\xc1\xe3}\xf8\xc7\xb4D\xa9\x97\x08\xd0\xad'</t>
  </si>
  <si>
    <t>b'iD\x82X\xc7J\xa7\x04A\x14N\x10P\xfa\\\xac\x1a\xe6\xeb,\xbe\xb7&amp;\x97\xb0\xfe4*l\xb5Z.'</t>
  </si>
  <si>
    <t>b'\xc7\xa6\xb9"\x18&amp;\xa0\xfa\xb5\xcbAa\xd2\x01\xb4\xad\x17\r\xbb\x1a\xc5\x844\xe5\xac!\xec\xe3#\xcee\xb4'</t>
  </si>
  <si>
    <t>b'M\xed\x98\xde)h\xe2(:\xc8\xa6\x19q\x8a\n\xef*5\x10\xcf\xe3\x16=\x1a0Y\xa1\xcd.+m\xcf'</t>
  </si>
  <si>
    <t>b'\x7f\xd7D0\x05H\xb2nZ\\\xf2\xee\xc40\x02&gt;&amp;\x17\xc8\xab\xe8\x07-4\xf5(\x92\xad\xae\x99\xff&amp;'</t>
  </si>
  <si>
    <t>b'\x89\x8cq\xbd\x14%\x9e\xa8g!+\x1f\x9c\x16@\xbb\xc7$\xd3\xd3\xd3\xae\xce\x88\x15\xf1\xa2\xa98\xa8\x08\xb9'</t>
  </si>
  <si>
    <t>b"\x1b\x0e3\xc9\xbcG\x1fo]j\xe04\xc4X/1'\x17\x86\xc0\xcf\xe4\xc2\xdf\xa5\xb1$\x94Q\xfa&lt;N"</t>
  </si>
  <si>
    <t>b'~4\xa8-\xef\xc9\x1e\x80\xa6\xb2\xceb\x0emT\x92&gt;\x95\xff\xcdY\xbb\x99\xf7\xa9.\x02\xa0q\x12 \xed'</t>
  </si>
  <si>
    <t>b'\x16\xb1\x9a\xbbK\xd9C\x80\x0b\x0e\xb4\x1ayM#\x10\xfb\xbc\x1cXP\x17\x89\xc5\x87\xdb\x1a\xd7\x0eKnr'</t>
  </si>
  <si>
    <t>b'\x82i\x1dv\xdd\xa0\xa7m\x16\xa5\x91=D\xba\x10\x93W\xf7K\xaf5qCT\xbc\xf5R4OiK\xaa'</t>
  </si>
  <si>
    <t>b'\xf11x\x07.\xb43\x8d\xfc\xdb]J\xa6\x837R\x8b\\Zz+\x87@:\xa0\xf8\xab\xbb+a:\x86'</t>
  </si>
  <si>
    <t>b'&lt;\x0f\xfd\x1c/\x08\x87\xea\xe5&gt;\xdb\xe58\xa0AT\xf9\xad\x18)\xbb\x91/\x99I\x00\\\xda\xe9\xa6\xd5('</t>
  </si>
  <si>
    <t>b'RA\x10\xf6\x92\xd1\xde\xb3&lt;G\xb7(\xc19\xd1\x0b\x9b\xde\x9d`Na)cHK\x19:\xacU4y'</t>
  </si>
  <si>
    <t>b"\x80-\xf0%&lt;\x9e\x19\xa9_yp\xb8\xe1!\xb8\xa1[\x7f\x1a#\xcd\xd7\x0b\xf3\xde'$\xf6\xb2l\xf9\xa7"</t>
  </si>
  <si>
    <t>b'\x7f\xc9;(\xf9\x17:\xdfU\xc2\x04\xa3\xe2#\xfc\xec\x00z\x82(\xb1+\x8fnM\xec\xe4r\n\xeb\x8b\x99'</t>
  </si>
  <si>
    <t>b'p\n\x93\x95\xe7\xa3I\x90\xcf\xefip\x87\xcb&lt;[\rJ\x85\x0bp\xe3\xa7\xe3\xecuzL\xb6\xb0\x9a\x8c'</t>
  </si>
  <si>
    <t>b'\xe8I\xc3\x85\xa8$\xe4\xf5i\xbcOk\xc2f-\xefhy\x1b:\xa7&gt;KbC\xaa^9\x92\xdf\x1a\x1a'</t>
  </si>
  <si>
    <t>b'\x1dz)\x9e\x9c\xa5ob\xfa\xd0n\xafZ\x01\x15\xc1\x8d(sx~%c\xd7\xf6\x19\xbb^\xe9*\x9f\xdf'</t>
  </si>
  <si>
    <t>b'bT\xbe\xb2e@\x07E\x82\xd0\xc7\xe7\x1d\xf2\xe6\x0bP\x99\x1a\xd8\x1c\x0c\x146U\\\xa8\x0c\xa34y{'</t>
  </si>
  <si>
    <t>b'SO*"\x0cLK\x0f\x82\xee?\xe2/1W\x98\xc3v\xa5\x88$\xce\xb2\xe62\x15\x07\xcfUj\x15\xd8'</t>
  </si>
  <si>
    <t>b'\xe2\x02R\x185\xd6\xbd\xff&lt;t\xf1\xad\xc6\x89\xf3\xe898H\xf0\x16M\xca&gt;D\xcc\x83\xe1%P_"'</t>
  </si>
  <si>
    <t>b'\xf7\xd1\x1f\x83\xd5\xac/\xbf\xb4\xa4\x10#\x15\xbb*\xce/b\x1a\x00o\xa0C\x9b\xe1\x83Y\xa9r:\xb1\xf2'</t>
  </si>
  <si>
    <t>b'z\x14\xfc\x9c\\\x9br\xf4\x18?K\xf2\xbf\xb9\xaf\xe3\xbb\x8f\xd1\xf2\xe2\xedAGN\x99&gt;\x1d\xff\xcd\xae"'</t>
  </si>
  <si>
    <t>b'v\x90\xf4\xed\x9d\x8f\x04\xcd`\x89;\xe7\x87\xc1\xf9E\xb6\t\xc0\x7f9q13:\x80\x9a\x1c)Y:\x1b'</t>
  </si>
  <si>
    <t>b'\x9d\x02:\xf4Ig\x82\x06\x10c\x19\t\xfe\x9e\xe2\x19\xb8\x1buK\x84\xd6J\xddz\xfc\xc8}x\x13y\xc4'</t>
  </si>
  <si>
    <t>b'\\\xf1\xcd[3\x1b\x1bKXz&amp;\xec}p\x97j\xc5\t\x7f08T\x9a\x8e\xe3No\x86\xab\xabSK'</t>
  </si>
  <si>
    <t>b'\x84\x8du\xcb\xf8\n\xf3\x94\xb0I\xe8&gt;\xf5\xea\xa7\x06\xe1\xbe\x0b\xe0w\xa2\xf6\x9b\x1c\xd0\xc2\xd4\x1aa\xca\n'</t>
  </si>
  <si>
    <t>b'QcMP\x91:\x13dE~b\xf3\xc2\xcb\xf9\xba\xe3s\x7f\xc9\x92\xf0O&gt;\x91\xf3\xc3z\x08\xdcFc'</t>
  </si>
  <si>
    <t>b'\x8aN\xa4\x03\xe1\xc4Q\xbd/1\x12\xf4CSH|\xdb~(]\xde+\xeb\xaaD\xbbn%\xca\xdd\x8b/'</t>
  </si>
  <si>
    <t>b'\xd5\xc1\x9f2b\xfe6y\xf6A\x89/\xe7\x87\xb2\x18\xb1\x1fS\x0ek\xa3\x17c\xdb\xab\n\xdbat\xdd\x92'</t>
  </si>
  <si>
    <t>b'\x8c\xf5\x94\xef#\xa3g\x90\xfbL?\xc21\x17\xcc\xd8&gt;\xf6\xc1:\xa4D\xf0\xdb\xe7\x07\x1elg\xc9}\xd6'</t>
  </si>
  <si>
    <t>b'\x8c\xfbG,\xcas,\xabtj\xa1^\xc8\x87\xffC\xc1\x8b\xb4=\xc5Ut9\xfb]2\xa7_\x88t\xad'</t>
  </si>
  <si>
    <t>b'\xc0\x14y\xdb\xa7\xf1\xa0i\xf2V\xb7\xed\xbbfi\xd90\xe4\x87=\x16\x0c\t\x15\xa9\x04\xd1i\xa93\x02\xbc'</t>
  </si>
  <si>
    <t>b'\xd5K\xd7\x8aZ\x02l;\xcc8\x91Y@+*\xeep\xaf\x82\x0e\xd3JW3\x12\x99\x89\x8c\x82\x01\xb3\xf3'</t>
  </si>
  <si>
    <t>b'oC\x14\xb8\xdb6\xd6\xb3\x87\xd7\x8f\x9a]\x82\x08\x05\x93\x89N\x91\x8a\x84|L5,MtG\xb2\x1d\xe1'</t>
  </si>
  <si>
    <t>b'\xbe\x96;\x14\xb6_\x1c=\x9c\x93\xdc\xad\x15F\x00c\xefSt3\xf5`\x92\xcf\xca\xd4\xce\xb8\x86\xcd\xd1\x98'</t>
  </si>
  <si>
    <t>b'\xe4\x83z\x8e\x8a\xb1\x8e\xb8\xc7K\x8b\xce\xfa\xa3]\n\xcf\xf5$;&amp;\x136\xcd34&amp;\xd7u\xea*\xca'</t>
  </si>
  <si>
    <t>b'f\x1b\xb8\x96J5~\xf0L\x98\xaaMgc)\x1c\x97\xd5\xb5\xf2\x8c\x7f\xd2\xa6-`\xbd\x87\xebve\xdd'</t>
  </si>
  <si>
    <t>b'|\xc1\xf7\x13\x9f\x97\x92\xef\x10\n\xd0P\x94m8\xb9\xaf\xee\xc0\xc3\xf7\xe5\x0f\xf1\x83N\xbc\x180\xdf\xb1\xb1'</t>
  </si>
  <si>
    <t>b'z,\x89\xc5\xe8\xd2\xdcK\x7f\x19&lt;U\xaa m\xca\rnbNZ-\x9c\xcf7OolM\x04\xdfB'</t>
  </si>
  <si>
    <t>b'\xdcU\xa9\xa6\xdc\xdb\x82]\xf1\x1a\x8d1M\x01\x91\x11BO\xb1\xe0\x7f\xc9K\xc3\xd1\xad\x1d\xce\xf5\x9f0\xa3'</t>
  </si>
  <si>
    <t>b'&lt;I\xd1\xdc\xd1\xee\xd5\xbc\xd2\x96\x84\xc9S\x83\xeb\x0f\x0f\xda\x0e\x13\xbblFeI-\x9b\xc3\xb0\xa6z\x1c'</t>
  </si>
  <si>
    <t>b'\x99G\xcdN\xa1\xa6L\xda&gt;Uz\x0ec?u\r\xf3\x96\x98k&amp;\xbe|"\xf9\x0b\x93\x86\x9ah\xd3%'</t>
  </si>
  <si>
    <t>b'\xe0r\x9f:&gt;\x9c\xc1\xeb\x90t*R\r\xab\xc1VR\x08\xea}\x97\x10\x0b\xf0x\xaf\xb1v\xaao\xbe\x10'</t>
  </si>
  <si>
    <t>b'\xf35I\x05#\xd83\x7fy_\x08\xd3\xcf\x9a\x00\xfbg\x0e\xb2&gt;\xaf\xa5\xcc&lt;\x826\x1dV\xd6b\x9bm'</t>
  </si>
  <si>
    <t>b'\xd4\xec6e:\xa3\xf7\xce\xb8\xed\xf2&lt;\xe0\xe5[\xee\x081\xda:\x13\x0f\xbb\xd0\x9e\x8f\xa2\t\xb1\xbbB\xcd'</t>
  </si>
  <si>
    <t>b'\x94\xd6\xa3N\xcd\xa1\xed\x83\x00\x88(\xc4c\xbe\xa6\xbe\xd9i^\xd4f,\x029a\x01;P\xbe\x86\xc4+'</t>
  </si>
  <si>
    <t>b'z;n\xd3\xd9tQ\x8f\\V\xff\x92\xa5\x10\xaf\xdd\x0c-\x02U\x03s\xa14\x80O\xe0\xf5\xb11\xa9\x07'</t>
  </si>
  <si>
    <t>b"\x87\x0b\x0b'\x80\xc55)ylb\xb7)v\xadS\xac:$\x84\x16\xa6\x81\xbb\x9d\xceF\xa3\x1c.\x99\xf2"</t>
  </si>
  <si>
    <t>b'}f\xcb\xf0\x8b\xd6F\xb4LtJ:Y\xee\x9e\xdf\xac\x19\xc0\xe4\x92\x9f\xa73\xa7\x98n\x84\x84\xcdTY'</t>
  </si>
  <si>
    <t>b'r%/\xf2g\x01\xea\x0c^\xc5\x1f\xb2\x13\x99\xf5\xbdMi\x8er\xcd\xae\x90\xf0\xc7`i\xebCq\x7f\x8e'</t>
  </si>
  <si>
    <t>b'\x845,\xc3|\xe1T\xa1:\xb6\xb96qt\xe3\x98+\x8c\x8axP{Q\xff\x80\xa0\xe7\xef^\xa5J\x11'</t>
  </si>
  <si>
    <t>b'\x13\x1e,\xac\x9e\x95xh\xc4\x8c\x19\x19t\xca\xfem\xe1\xe3k\x12)9\t\xb1\xdc\xa2\x17\x90\x98\xe9\xe8\xb7'</t>
  </si>
  <si>
    <t>b'\xbdG*\xa3\xd5\x82\xf3+\x08\xe6\x86\x92\x02\xc5j\x0c\xc5\x14\x8ex\xc9\x91(s\xa4Iju\xd2\x97\xa9\xd8'</t>
  </si>
  <si>
    <t>822xx</t>
  </si>
  <si>
    <t>b'\xbe?\x078\x1f\xc1\xe6+P\x1e\x1fW\x95\x8e\xdd\xd1\xa3\xbe\xc8\xef\xbe\xa6f\xa9z\xa6=\x8d=\x8duF'</t>
  </si>
  <si>
    <t>b'\x12\xb8\xc9{\xad\x9bP\xce(\xf1\xc9\xee/$\n\x01\xae\x125\x06@\xcc\xde\xfdKG|_\xe1g\x8a\xdd'</t>
  </si>
  <si>
    <t>b'c\xde\xed\xf1\x9b(P\x0e\x88ut\xe8\x04\xeb\xe9\xe3\xf4\xe3\xc1JI\\\xfeU\xe4$j\xb8\xd2\x84!\xcb'</t>
  </si>
  <si>
    <t>b'g\x82\x1ca\xb7`\x97&amp;\x91!\xe4XG\xaa\x80U\x8d\x19\xd8;\xb7\xeb\xfc\xb7!1\xb1Z,\x7f\xa1c'</t>
  </si>
  <si>
    <t>b'X\xf5\xb7\x08_w\xe5y"Y\xb0\xbc[\x86\x17\x01\x7f%\r\xdd\xa0\xfe\x06\xadHw0\x1cZ\xbf@T'</t>
  </si>
  <si>
    <t>b'\x17\x14\x8a\x7fo\xb0Y\x9eX\xd2X\xcc\x8d\xd1\x19\x8a\xac\x9f\xba\xba\n\x12x\x8a\xe5\xbb\r\xae\xb22k\xa6'</t>
  </si>
  <si>
    <t>b'\xd3\xb3\xc7Xv^\xe6\x94\xd2B\x19\xd65H\x84\xf3\xcc\xb61&amp;\xc48~=PF\xcc\xd2\xf4\xe1\x19)'</t>
  </si>
  <si>
    <t>b'\x91\xbcN/\xa0l\xc3\xb3\xa7\xac!\x8c^p\xac\xf9\xa7f\x96K.\xb3\xd6]IK\x89\x90\x87j\x8f\r'</t>
  </si>
  <si>
    <t>b'\xea\xca[\x96\xe0paDjf\x02X\xc8\xa1\xe4\xf9\xd0k\x08%\xf7\x106!% \xbf+\x84c+\x88'</t>
  </si>
  <si>
    <t>b'q\xbczt\xad\x0e\x83\xf7\xb5_\xaf\x01\x9a\x83b\xbdyT\x0c\xf3tv&gt;H5\xae1\x13\xd1\xc4U\xb2'</t>
  </si>
  <si>
    <t>b'A\xc7!\x82\xea\xbce\xf4_&gt;\xd3X\x90\x90\x95C \x93\x1ci|\xdf]\xc0\x1f\xc69L\xa3\x03\x15\x00'</t>
  </si>
  <si>
    <t>b'Y\xc2t[\xb74\xf3\x1b,\x19\xc6\x02\x9a\xe6\xa9\xda\xea\xceyf\xect\x1d\x9e\xe3\x10\xaf_\xbf\x98\x9f$'</t>
  </si>
  <si>
    <t>b',\xab\xdc\x87\xf5\xed\xfac\xc5\x9e\x94\x81\xcc\xc7\xae\xb6N(\xbd\xb5r+\xf0c\x84c\x02\xce\xfa\xea\x81\xe7'</t>
  </si>
  <si>
    <t>b'\xf1\x03\xfbB\x8c\x18~\x13\xc4\x88&amp;\xf1=\xbd\x04\x13\\\xabaW\xd4Ij\xbc\xc2\xc1\x9c7\xd3\xf37\x05'</t>
  </si>
  <si>
    <t>b'\xa3\xbd\xffr\xd4\xb4?7Xd\xf0-W\x16\x7f\x84\x8e\xd6\xd9q\x95\xb9\xac\x06\x13\x99\x91\x1bf\xfc\x10\x9b'</t>
  </si>
  <si>
    <t>b'\x18&lt;\xd71n\xa6\xa3\xd3mZ\xbdf\xe0\xa7\xced[U\xbc\xf6\xd3\xe3S\xe3f\xdb5\xf4\x8f\xbf\xe2\xa8'</t>
  </si>
  <si>
    <t>b'\x16\xe4\x85%\xb0\xe2\xc0\xe9FD\xdd\xefO\x83\xd8\xc4q\x83\x19\x18\xfd~\x97\x11\xd2\xc9\xc3A\x93%\x7f\xfa'</t>
  </si>
  <si>
    <t>b'4~B&lt;\xbc\x11\xe4\xe3\xa9\xee\xaa\xde\xd9\x08EzSw]\x13\xa0L\x8f@m\x05\xf1\xe7\xa6fW\x8a'</t>
  </si>
  <si>
    <t>b'x%H\xf8\xe4\x16\xbc\x9d}e.\x06"*@\x87z\xbe\xcf\xd7W\x96\xe5\xf9\x89\xc8N\xbd\'\r\x06Q'</t>
  </si>
  <si>
    <t>b'\xed=;\xb0K\xfca\xe9\x91\x86\x0b]\xe1#\xaa\xfeT\xd3\x90\xf3nX\xa0\x8d\x9f\x19\x83\xd2\xc9SX\xd6'</t>
  </si>
  <si>
    <t>b'\x84\xc8\xa9\x9d\xf1/B\xfa\xae\x997\x0c\x89\xe4\xc5\xff!&lt;\x9b\xf6\xda\x1a\x12\x0b5\xba)\xb6\xf5\xa4\xe3 '</t>
  </si>
  <si>
    <t>b'\x19\xdb\xbe\xdf\xc1\xddf\xd1\xc5\xfe/\x04\x11P\x97\x9e\x9e\x80\x9f\xd3\xd9\xc2M\x9dY)\x9e\xa6f\x95\xbf['</t>
  </si>
  <si>
    <t>b'\xe6^\x8a\x80O8\x9f,\x1c6B\x95\xec\xcc\xf1\xcd\xf3E\x80?h\x17\xdc\xd3\xbdu\xefcC\x17x+'</t>
  </si>
  <si>
    <t>b'7\xd5\xe7\xd6b\xfd\x10\xd8.g_!G\x0e\x0c\x98\xd3\xf7\xa9\xb2\xc4}\xb7\x17\x8c\x1b\xb7\x0f]j\x16\x9f'</t>
  </si>
  <si>
    <t>389xx</t>
  </si>
  <si>
    <t>b'\x04)\x80}&lt;e\xb97\xa2\xc3\xfa\x96\xf4RQyY\xb7R\xb4\xe6+\xae\x95m\xdd,\xcddt\xe1@'</t>
  </si>
  <si>
    <t>b'\x9a\x95s\xc6H\x9a\xdf\xba\xda\x93\xcb\xd1\xd5\xe0u\x84\xbc\x7f`t\xa4\xe5e\xaf*\x10\x04\xa1\xb2;\xc1\x8c'</t>
  </si>
  <si>
    <t>b'\xc0\x83\x81i\xd7Ax\xff\x81\xe9\xe6\x90\xf7\xa1_\x8cL\x10f\x89\xf4\xfbtT\x0f\x8ak\x1ekR{\x07'</t>
  </si>
  <si>
    <t>b'$\x9cpX\xba\x995P\x9d\xc1\x99,\xd1\xe3\n\x9d\xe3\xa0\n\x01L$\xcb\x00\xba\xfe,\xe8\xcab\xebA'</t>
  </si>
  <si>
    <t>b'\\\xb5Q}\xfb"\x87\xfd\xc7\r\x9eF\xe6(M\xe3\xea\x8b\xf7\n\xf24\xaca\x9eA\xc1k\xcb\x9f]\xc4'</t>
  </si>
  <si>
    <t>b'\xce%\xe6\x87\x07;\xe2\xffn\x15\x1d?\x94\xd9\xfa\xac#Ac\xa9Q\xccqk\xb9\xd5i\xcaj\x0f\xc7\x01'</t>
  </si>
  <si>
    <t>b'\x9c\xa8\x14\xb7\x07\x0e[\xe46\xc67I)\x01\x97:\xa8\x16U\x845\xc3h\\\xf9\xfenlJ9\xb8\xfe'</t>
  </si>
  <si>
    <t>b'\x1f\xbd\xa9\x8aU\xea\x88\xb47!\x9b\xcct\xdb97N\x8a\x16\x9e`\xbf:\x13\xeb9\x07\x9a0+.\xaf'</t>
  </si>
  <si>
    <t>b'\x9a\x03j\xbd\xf4a\xb6\x15\'\xb8q\xad\x9b89:T\xac\x87\x8do\x13A\x88\x19\xf0\xaco"+\xa2\xce'</t>
  </si>
  <si>
    <t>b'\x7fA&gt;\xaf\x92Y\x1b\xbe8a"\xe7\xc8\xb2dN\x8e\xe2\xfe\x7f@WnJa\xfa\x97x\xc4hw/'</t>
  </si>
  <si>
    <t>b'\x9eQ\xb2ihL&gt;Q\x1c\x0e\xbe\n\x01\xde\x1b\xf6\x1f\xa2\xfa\x82\xcaD\x01\xc1\xa1\x81Ik\x7flb\xeb'</t>
  </si>
  <si>
    <t>b'dh\xf9\xfaP\x97\x9f\x920\xefU,/\xd0\x1b\xfe\xee\xfe\xf2\xeb\x195\xca\x01\xf7-5q\xdaSf\x9a'</t>
  </si>
  <si>
    <t>b'^\xb7\x8f!\x84\xb3J\x9e\xa5\x128\x1fa/Ln\xe9\xdcZ\x81\x08&lt;\xf1\xfa\xe0B\x029\xb4W}m'</t>
  </si>
  <si>
    <t>b'H8C\xe0\xcf\xb7\xb4\xf8\x94\xe6R\xc1\x8f\xc1\xcd\x98V\xa9\xdfX\x98\x1b\x8cV&gt;,\xfe\xaf5&lt;\x9f\xf2'</t>
  </si>
  <si>
    <t>b"F}\xe2\x9d\xe7\x10ibT\xb6\xe1\xf1\x7f\xb6^7\xb2R '\xfb\x17\x8b;\xd0GG\xfa\xd9i\x87\x8d"</t>
  </si>
  <si>
    <t>b'\xf6;\xb4\xe4\x1a6\xc4\x94\xaf\xc4\xa6o\\\x1d\x9b&amp;%\x81\x96\x9eb\xd7\t\t\t\xb6\xcbw\xf0\x95Oy'</t>
  </si>
  <si>
    <t>b'g\x8a\xc1&lt;\xb1\xe7\xce?z\xcc\t\xb3\x9d\xc5\x10\xe1h\x84\x81\xdc\xb7\xe7\x91\xc2!\xfd)\xcd\x8a`l\xe4'</t>
  </si>
  <si>
    <t>b'\xd1j\xf6\x85\xd8\xd5\n\xbb#!)T\xc3\x15\xd8T\xdat\xa1\xc0\xeb,\rC\x00\tHU\x89\xbb\xc5\xe3'</t>
  </si>
  <si>
    <t>b'\x85\x15\xcf\xce\x14,\xc7\x85\x1b*\x9bD\xd3\xaa\xaec\x0f\x1d+\xcd\xe9\x8b\xd3\x91H\x05\xaf\xbb\x94\xb5\x07]'</t>
  </si>
  <si>
    <t>b'\xccoe(\x95$\xec\x17v?WU\xb9\xc1\xa1\xde\x9a&gt;\x19\xc8\xab\xdfB\xceh\xc8\xfe\x96\xda\xe9r\xc6'</t>
  </si>
  <si>
    <t>b'`:x\xc5|&amp;\xb4\xc4\x95\xef\xf2@l\xeaE\x036\xb8\xd3\xfbb\xa0~\x054\xd6\xcd\xa8D\x01\xd3\r'</t>
  </si>
  <si>
    <t>b'\x90o\x98\x88\xe7\xc6\xc1\xea6\xb8\x9d\xae\x1d\xb6\x88h\x96`\xdeG\xbb{l\xe4c\xe5F\xc1J\xea\xb3\x04'</t>
  </si>
  <si>
    <t>b'\xb0\xeevB\xec\xb0j\xb3\xe6J\xe8mD\xc4n\xa3\xcb\x16~\xd0\x12z\xe9KyM\xc1\x0c\xfce\xa0\xd1'</t>
  </si>
  <si>
    <t>b'\xca\xe0\xcf\x935\xd7L\xd0&amp;\x8b\x9bt^n\x14n(\xac\xfb~Q\xb9s\xaf\\\x0e\xca\x1d\xa8\xd1\xdd\x19'</t>
  </si>
  <si>
    <t>b'+[\x0f\x01\xc3\xee\x91%\xc49L\x90\xed\xd7:\xb6;|\xf8\x9c\x8cY\x9cu\xf46\xcbb&gt;\xfdq\xda'</t>
  </si>
  <si>
    <t>b'\xde9\xd7e}\xcfEo\x04\x10\x04O\xe6[\x1b\t\xef\x14\xd0\xda\xfa\x00\xbe\x1er1\xcb\xa5t\xaf\xd0x'</t>
  </si>
  <si>
    <t>b'@\x98\xbaD\x8c=\x8f!\xef`\xae%\xe4\x82t\xc8\xf6\x1d\xb4m]\xa5\x12\xb4\x00\xdb\x02\x00\x03z\x07d'</t>
  </si>
  <si>
    <t>b']\xf3\xc7\xc3\xf3Fj\x0e\xe5L:!\x86S^U\xae\xe2O$\xf7\xfe\x87\xcb\xb8yo\x15\xe0\x7f&lt;C'</t>
  </si>
  <si>
    <t>b'[\xfd\xb6\xe8\x8d\xa0\xe8o\x9bCA\x9cOE\x8ac\x99\xb9\xe9!\x02y\x03\xe0\x1f\x98\x8e\xbb\xd9p\xbf\xd0'</t>
  </si>
  <si>
    <t>b';\xa7\xcbfz\xad*\xef4t\xf1]q\xff\x19M3s\x85\x99\x89;0\xdc\x0b;*\xb8\x15\xbc!\xb2'</t>
  </si>
  <si>
    <t>b'`J\xe6\xcbT\xce\xefBAB@,*\xf4\xb0\xc43\xd8\r\xaf\x88\xaa\xd7\xa7R\xf4\xa3M\xc1\xd2\x8b\xd5'</t>
  </si>
  <si>
    <t>b"\x10\xec\xaa\x91\xd5yL\xb6\xb9i\x88'\x9c\xc67\x15\x7f\xa904'\xb9\xc4PI\xed\xcb\xc7iPv\x86"</t>
  </si>
  <si>
    <t>b"\xa4$k.f.\x85\x17\xc0`tq\xfa\x85\xae\xd4\xb7\xa8\x94\xab&lt;'\xaf\x05\xca\xe5\xea`\xfd\xcc\x90K"</t>
  </si>
  <si>
    <t>b".ja\xb3\xadl\nW\xca\xbb\x1c`bApcs\xd1dw\xf5\x7f'\xdbo\xbd\xa4\x86\xe2l\x91\xd5"</t>
  </si>
  <si>
    <t>b'\xdd*\xa4\x92\xb6$\x07\xf2\xa35;I\xb1\xba\x97\x95\xb5(\x0e)\xca\x9fJ\xfcb\x19W\x08\xeay\x8e\x9f'</t>
  </si>
  <si>
    <t>b'\x97vI\xa4\xb6\x9b$~q\xb7E\xca\x17\xd7\x15\xae\xca\xf6\xfd\xc0\x9d"\xc7z@\x93@\xaf;\xa6\xd7\x10'</t>
  </si>
  <si>
    <t>b'\xd1\xc7If\xcb\xbd\x95\\\xfa\xb9\xf6\x1e\x18!\xc1^\xbc\xe8z\xf6!\xe3r\x06\xf6\x88Uw\xeemr2'</t>
  </si>
  <si>
    <t>b'O\xa7\xab\xa3;\xf8\xd8\xc1\xaa1\xd1\xc3@m\x9c\xa1\xd8\xd4\xb2)wtWS\xb4.\xcb\xf1h\x1a\x93j'</t>
  </si>
  <si>
    <t>b',\xda8\xa5^\x85\x19V&amp;W\xda8\xec\x8d\xa3\x9b\x00?\xfag\x82\x94\xcb\xa3f\xf7\xd8\xa4\x85\x1d\xda\x02'</t>
  </si>
  <si>
    <t>b'Z&lt;+@f\x89\x85\x12\xec\xdc\xd4.\xa1\x99\x9b\t\xe0b\x16\xb5\xd7\xfad\x80\xf2H\xe3,P\xc6\xf9\x13'</t>
  </si>
  <si>
    <t>b'e\xb22\xb5x!\xb9\xd6\xa3+\n\x9d\xff=0C\xc7Pm\xf5qG\xcb\xf4\x9b\xebC\xae\xdcu\x9f?'</t>
  </si>
  <si>
    <t>b'f\r\xc6\xa9\xd9\x1cV\xbcUz\xf2\xe9oi\xc6kB\xb9\xc97\xe7\xd1\x11k\x03@\x1eW\xf0\x9dx\xb3'</t>
  </si>
  <si>
    <t>b'$\xcdjSw?\x01\xee\xca\xfd\xfd\xf5B\x10\xfaR\x8a\x02\xc5\x8aFO\xf9N\x01\x83|\xff\xd8`\xe0n'</t>
  </si>
  <si>
    <t>b'\x83\x88\xa4\x83F\x1ek\xda8\xb6\xe4\xad\xe9\xd4\xe4D\xcf^\x88,\xfb\x16%\x1f\x8f\xc6\xe3\xc6)\xba\xe8\xfa'</t>
  </si>
  <si>
    <t>b'\xc7\xbf@\x1bnF95\xe0\xac\xf3\xb6\xb0\x8d\xd3Ijr\xb5\xe5zP\x98I)\xa3Az\xb0\xa7*\x8e'</t>
  </si>
  <si>
    <t>b'y\x94K\x96\xd8\x14jPqd\x8304\xe3\xda\x12\xf3\xab=\x06\xc5pi\x1fji\x0f\x0f]\xfe\x16r'</t>
  </si>
  <si>
    <t>b'\xa9\x1a?\xe2j\x04&amp;f5\xeb\xa7\xc8ER\x95`0\xfcA\xb2z\xf4\xe10\xaf\\\x89\xb2om\xe92'</t>
  </si>
  <si>
    <t>b'\xe5P\x93J\x19V\xffd\xd4\xf0z\xd0\xac\xa1\x03\xaa\xff\x9f\r\xaa\xad\xfa\x9fx\x18&amp;\xc1\xe0\xb6\x1c\to'</t>
  </si>
  <si>
    <t>b'\xd3,\xbd\xb6s\x91&gt;\xa67\r)C5\x15(Y\xbe\xd7;\x9bt\xbc{_\xcca\xcfc\xdd\xf9%\xc4'</t>
  </si>
  <si>
    <t>b"Aj8\xaa~\xf4\xb7\xbd\xb7+\x87\xbd\xb8'\x89\xa1\xdb\x0bM\xe0\x9ba0\xc4x\x84\xa4\xcd\xf0\xadr."</t>
  </si>
  <si>
    <t>b'\x17\x9e\xa2\xcbI\xd5\xe1\x05\xef\x0c\x87\x83&amp;\xc4\t\x89\xd1\xd9xr\x8a\xb1P|\xf8\n\xb6r\xc5\xc7\xe9j'</t>
  </si>
  <si>
    <t>b'F\xc0\x80p$\x16\x9e@3\xa9L_uEU\x9e\x83l`x\xc5\x8f\x085\x0b\xa7\x19\xe6W\x8b\x13\x90'</t>
  </si>
  <si>
    <t>b'xk\xc3\x1e;\x80y\xa2_n\xac\x06\x8e\r\xf6\xaf\xe36\xd2\xb2\xbd[\x85\x93q\xdb\x0c:\xd4\xe2%&gt;'</t>
  </si>
  <si>
    <t>b'\x051\xe1\xe4\xe1\t\xc4\xb0SY\xec\x05\xc8\xa3\xfe&amp;\xa5jx\xb8\x9e\x90xa\x88\xa0\xe1\x16@q\x9f\x96'</t>
  </si>
  <si>
    <t>b'\xf4\x0c\xf3\x0e\x89]\xbcj\x1b\xfe\x87,\x0e\xf50\x92\x9b\xcc\xe1\x8a7\xc8\x04\xc4J\xca\nJ\xd5:&gt;\xdb'</t>
  </si>
  <si>
    <t>b'C6\xda\x97\xca\xdca\xdb2\x900L\xb1\xb0\xde\xc9Uo\xc0\xabI\xaay7\x18\x89q@,\x19\xc1\xd3'</t>
  </si>
  <si>
    <t>b'{\xd2\xcf`V}\x13\xeb\\=a\xf5\xb28\xf0"\x80\x08\xdb\xf3v\xcc\xb8\xf2\x84,\xd8\x01\xc5|\xa1\xb6'</t>
  </si>
  <si>
    <t>b'\xbc\t\xa77AEtL\xaa\x88\x0biX~\x84\x84\'"S\xfd\xa2\xf6U\xa4]\xc79\xf3\x99\xb1E\xaa'</t>
  </si>
  <si>
    <t>b'\x10\xd4\x8a\x93\xe0\x02\xc7H\x1c~\x0c$\x91\xf0B#\xde*\x1aF@g\xdfH\x81\x8f-\xc9p\xac\xe4\x99'</t>
  </si>
  <si>
    <t>b'/\xfc\xcb\x99\xff\xd6\xff\xf1\xd5\rCz\xf9\x10&gt;\x1f\xf2\xbb\x02:\xd2\xe8o\xc6\xc2\xb9\xb0\x7f\xf9|\xa0\xcf'</t>
  </si>
  <si>
    <t>592xx</t>
  </si>
  <si>
    <t>b'd?\xce\x1a\xf6r\xc7;\t\xf8\xb5\xb4*\x04\x8f\x97$0\xe8\xb9a\xbf7\xeb\t\xa7\xd3\xc2s\xd9\x81\xc7'</t>
  </si>
  <si>
    <t>b'v\x12\xb4\xc7J\x8cH\\\xb2\xdb@E/!\xbcl+\xa5\x96\x9fs\\\xcf\x08l\xc0\x9a\x16Gl\xcd\xde'</t>
  </si>
  <si>
    <t>b'\x14\x08\xb7\x07\xdf\x0b\xbd\xae5\x9f\xbf\xe8\x14T\nt+\xb5\xfby\xc9\xa77\xf5c~\x9e\xbb\xd3\x9cC\xc8'</t>
  </si>
  <si>
    <t>b'W\xab\xf2\xc1\xa0K\x1d\xe5U\xd7@\xa6\x802\x0c\xe0\xf3o:p\x9f@x\x1e\xe9\xa0z$\x0c\x9e\xd7\xc9'</t>
  </si>
  <si>
    <t>b"\xc8'\xd5H\xd5\x02\xfcE\x83\xe1y\xae\x1b\xd1\xc8\t\xf3dx\x10\xdc+\x14P\xe6\x17`\x9b\xff\xecW\x8c"</t>
  </si>
  <si>
    <t>b'}9\xc7\x90\x87\x85\xda\xb0\xb2h\xe9\xfaq\xbc\xc4\xfb\xa9\xb2N\x9b\x04\x84\xaf\xa1\xc4\xf2\x0f\x90\xb3\xc5JM'</t>
  </si>
  <si>
    <t>b'\x91\xee\xfd\x9e\xe6\xfa\xef\xbf\x9f\xc3\xde\xa2\x96\x8c\xf7\x91\xa5\xbc\x0b\xfd_"u\xad\x06\xa7;\xb5\xec\x9d0\xa9'</t>
  </si>
  <si>
    <t>b"\xbb\xb2\xed\xb6\xdcF\x0bY\r0\xea\x0e;g'd\xd7\x7f\xe3\xbb0\x04\xa8\x7f\xb5\xaa5BrG\x14\xaa"</t>
  </si>
  <si>
    <t>b'\xd1\xfd\xe3gH\x1f\xb4E|\x86o&gt;\xc2y\x86\x81\xb6\x8c\xa9\xff\xbf\x13\xeaS\x87\xed,\x1e\x12\x894\xf7'</t>
  </si>
  <si>
    <t>b']\xd6\x81\xd2m\xc1!\x19\xa5[\x86\xd99%\xca\x9dv\x07\x17\x82\xf1\x88C\xb2+&lt;\xee\x9b\xd8\xc0\xe9\x8c'</t>
  </si>
  <si>
    <t>b'g\x80\x01\r/\x1f\x0bY\x06\xfd\x8f\x89\xabD\x86P\xf5\xfc\xda\xb0\xc7\xd9:\x0b\x1a6c\xa5\x99K\x0c]'</t>
  </si>
  <si>
    <t>b'\'\xf4&gt;\x1b\xd3\xaf\xb1\xc8\x8dR4\x86\x13D\xd2\xee\x90t\xc2\t\xb7?\xd2"yj\xaeV\xe5\xf8\xbe\xbb'</t>
  </si>
  <si>
    <t>b'\xa9\x1bm\xe9\xed?\x14\xe1\xa8\xf6\xae\x83\xe8\xc7L\xebw\xca\xed\xaaf\x82P\x0bk\xe4V\x03\n}\xea\xfd'</t>
  </si>
  <si>
    <t>b'\xe1\xdae\x9ew-\x05\nq\x9e\xee\x8dy\xa3\xb3\xbe\x80\x17\xd8X\xe8W\x1b\xdf,\xb61\x0c\xfdM\xf5\x89'</t>
  </si>
  <si>
    <t>b'\x14&gt;\xab\x1e7\x04\xbe\x0eH\xdf\xd4\xef\x91\x05\xc8-\xe5\x02\x1c\xf2\x8a^\xe4a\xd3M\xb4\xbb\xa399\xde'</t>
  </si>
  <si>
    <t>b'\x18\xe4x\xe4D\xc76%\xa6O\xd4\xc3\xae\x98\xca\x1eY\xd9\x1c=%_+\tr(\x9eE\xbf\xb9B\x8d'</t>
  </si>
  <si>
    <t>b"I\xe0\x8b\xb4!\xa3\xa6'P\xb59\xce\x9d\xfc\xae\xaaK(\xe8\xd7R\t\x11o\x15to\x06\xa0\x0f\x0e@"</t>
  </si>
  <si>
    <t>b'j\xee\xde_\xd8\xf6\xbb\xb4\xd6\x98--\xb4X\xc0*\xc2\xa42u\xd1M\xa6\r\xe2Fk\xe0\x816\xc9\x8f'</t>
  </si>
  <si>
    <t>b'\xbb\x90a\xc2\rQ\xba\x91\x89i\x82NA\xb7T3;y\x8f\x06pxI\x19\xfc~Y3\xa1+\xf9`'</t>
  </si>
  <si>
    <t>b'\x12\x1d\xe6\x94\x85\x9bM^\x06HL\xa8&lt;\x83\xa7\x14\xe1S\xb7\xa8\xba(\x86\x86\xac_\x84\x9d2\xee\x89\xd4'</t>
  </si>
  <si>
    <t>b'\xb9\xa4B\xa7\x84\x08\xe6\x14\xc5\xf8\x19\xb4\x8f\x1fc\xd3}\xaf&gt;&lt;D\xc9Q\xe1\x06\x05%\xc9P\xc4@\xf8'</t>
  </si>
  <si>
    <t>b'\xb0\xa1r-kP\xdc\xc8\x07\x8a\xb1\xe5\x8a\xf0\rR\xd2\x81\xb5.\xd8\xb4\xa9\x8d\xcd\xbbH.pz\xf1\xd9'</t>
  </si>
  <si>
    <t>b"\xe8,.bcwv\xfe\x04\xc0\x8cm\xac\x8cr\xd4\xacb\xee\t\r*\x06`Z\xac\xeb\xc9\xe2\xb0'\x04"</t>
  </si>
  <si>
    <t>b'm\xd1\x99J\xb1.\x94\r\x12\xf5Ki\xc0!\xb5 \xce\xe1\xdb\xc0\xac6-SY\x83\x93&lt;t\xf4\x94m'</t>
  </si>
  <si>
    <t>b'&lt;\x0e\xab\x1c\xd6\xb3,|n\xba\xb7\xd17Y\xa7\xb5\xc4\x84\xa6\xdahkO\xe7\x1e\t\xc2\x0f!pr\x8e'</t>
  </si>
  <si>
    <t>b'e\xb51\xa2\xeb\xbfmw\xbb\x95{\x0cq\xd4\xf7\xce\x90\xed\xe3k\x00\x7f\x1f\xfd{{Y\x14\x03\xda\xb2I'</t>
  </si>
  <si>
    <t>b'\xde\xa13t\xce\x92E\xcaB\xf1\xa2\x9f\xf3\x87zh\xd5\xc5\xb0u\xc9\x14\n\xbd_\xd2\xd6\x83\xd0\xdc\x80"'</t>
  </si>
  <si>
    <t>b"\x89\xf7'\x92\xbf\xd6c_C\x05\xa2O\xfc_@\xba\xa2\xff\xe4\xe1Z\x9368?z\x10n\xb5E\x18J"</t>
  </si>
  <si>
    <t>b'\xc9\xc4\xc5\xd9x\\l\x81x\x1c\x17/|\xbf\x90&lt;e%\x98s\x1e\x9c\xfeS/\x87s(/\xb0\x8f\x08'</t>
  </si>
  <si>
    <t>b'B\xf5\xed\xd5\xben~\xdb\x15&gt;\xff\xb4\xa0\xbePM\x0e)i\x11\xc1\xa6:\xe7\x9c,X^]\xb6?1'</t>
  </si>
  <si>
    <t>b'\x85\xb8e\xdb\xdd;\xc1(\xdb@\x96R \x02\xff\xda\x8aUe\x1aR\x818\x11e=/nl\x87\xc1\xec'</t>
  </si>
  <si>
    <t>b'\x81bz\x1a\tf\xf6\x07\xb2\x02\x12=\x9e\xb6&amp;~\xa5\x1e\xb8\x86C\xd8FM\xf6\xe3\xd8:)"m\xc4'</t>
  </si>
  <si>
    <t>b'[\xcd:\xb7\x1f \x95\xf3\xe4\x11+`=::\xc9,Z\x8d\x01\x13\x99\xf6p\\\xbb\xf5\x17\x1aF2b'</t>
  </si>
  <si>
    <t>426xx</t>
  </si>
  <si>
    <t>b"bF\xe9\xf1\x1c\x7fM\xab\xb4&gt;4\xb5?U^\xf8Ux`?\x8f\x9e\xee^\xe0U\xeb'\xc6/\xf2\x17"</t>
  </si>
  <si>
    <t>b'\x1d\x16\x90\xf1\x89GJ\xfa&amp;\xbc\x81\x8ef\xa1\x87\x15f\xd6"\xe2_-\x18\xae\xd3e\xf1,\xe8O\x04\xb5'</t>
  </si>
  <si>
    <t>b'm\x89\x11\xe6&amp;\x91\xeaM\x06\x15Y\xb8\xf1A,\xc6\xca\xff\xb0\xfb\xc3\xfca\x17\x7f\xe4\x90\x8d\xe0\x05=6'</t>
  </si>
  <si>
    <t>b'V.\x0e-\x9b\xef\x10|\xba\xd0"0f?\xe3\\\x89\xe3\xd7Pz\xbb\x04\x96\xcca\x93\xff\x7f|\x9e\xfb'</t>
  </si>
  <si>
    <t>b'J5\x91CA\xab\xb9\xa9\xe5h"\x1a\xd6R\xf6}b\x99\xd2\xe7\xdd\x05\xd7\x9c\x9b\xca\xf0\xd9\x06\x12@\x1a'</t>
  </si>
  <si>
    <t>b'\xca\xd3\x84\x85\xf4m\x85\xb3\xaaep\x8e\xac\xd8\x18\x1c\xca\xdd\x89Bz\n\x89\x88.h\x8c\xb7\x8d\ne\xcf'</t>
  </si>
  <si>
    <t>b'\xf9\xc9z\xb6Vq\xbd\x9a\\\xe2\xc8j\xbfa\xc3\x9c(?\xb6\xba&lt;\xa6\xef&gt;\xf3\xd4\xa7\xef3Y\x87s'</t>
  </si>
  <si>
    <t>b'\x9c\xdb\xf4\x8e\xf8\x89\xbe\xca\xecy\xc0"\xd3]\x80\xc8\x87\xe92\xb7\xc8\x03\xd5fRX\x80\xa0W%\x05\xb2'</t>
  </si>
  <si>
    <t>b'IC\x12~\xdf\xbcw\x03\x0flP\x99\xf3\x10\xc3\xd1m\xdd}\x9b)F5h\xe4\x053\x87Mj\x12\xc9'</t>
  </si>
  <si>
    <t>b'\xd1\xe7\xdcy\x89\x05:\x05\x8e\xee\x01\xd84f\xce\xe07\xdc\x1f4v\x1b\xde\xdd\x95\x14g\x8d\xf5\x00\x95\x8d'</t>
  </si>
  <si>
    <t>b"^4W}\xb7\xc8\x0c\xa8'\xe1s,\\e;\xd0\x86W\x93Ar#U\x19\xe4\xa1\xce.\xff\xa1\xa3U"</t>
  </si>
  <si>
    <t>b'\xde\xe4\xf4\xb0\xe9\xa4h\x7fuT\xf2\xbf\xc5\x84\xe5\xf8\xad\x80\xdehA\xbf\xb97:;@ \xa5\xe9I\xfa'</t>
  </si>
  <si>
    <t>b'\xec\xd8.\x00\x9eqG\xd64\xea\xdd\x86\xdf\xf3O\xf9\x84?Fzv\xc4Q\xca\xfe\x1cz\x07\xf3a-M'</t>
  </si>
  <si>
    <t>b':\x83\x81]&gt;\x1a\xf2~\xe6A\xdb\x8c\xa7\xcc\xe5\xb6\xcc\xb4\x9eK\xfe\x9b\x80\xe4\xdfu\xb5j\xfcDc\x07'</t>
  </si>
  <si>
    <t>b'\x0e\xa4"ZW\x89\xf9&amp;3\x02Z\xef\r\x11;f\x98&gt;\x18h\xdc\x80\xbb\x94rw\xcca\xb8Xn\x98'</t>
  </si>
  <si>
    <t>b'\xe9\xbe_\xb2e\x0c\x7f\xe4\x00\xc0\xd2\xa8ptD\xd4\xff\xc3\xfb\xbf.\xbb\xf4\xc4\xc5N\xcf"\xfa\x01\x9a\x91'</t>
  </si>
  <si>
    <t>b'G\x9a\\w\x8e\xd6\x82\xea*\x0e\xba\xe3\x06vK9R\x10J\x95R\x9c\xed\xc6\xb6\x11M\xff\x00\xa7c\xe9'</t>
  </si>
  <si>
    <t>b'\x1f*\xf6b\xce\xaa\r\xd6\x06\xe4A\x95\x13\x8d\xd7^\xf5\x1a\x9e\x0b\xe6F\xf2\xa0\xa4^p\xa5\x13Tw\x12'</t>
  </si>
  <si>
    <t>b'n\xc5\x05\xf4b`\x1fD%\x8fr\n\x92*\xaco\x06\xcaD\xcf\xed\xf8\xc7\xb4\r\xb9\rE^Qv\xf4'</t>
  </si>
  <si>
    <t>b'\x19\xaa\xa9\xa5j\xfc_\xe1W\x8aZ\x15\x8e\xa2C7&gt;\xd7\xac`\xd3\xbc66\xa0\x102\xd0q\xf3\x0e\x02'</t>
  </si>
  <si>
    <t>b"\xc8\xe1.\xcf{'\xa5\xc0\xf7\xc6nZ\x80\xd4o\r\xec\x0eP\xff(\x84\xb8\xae\xfez=\xc6\x12#Y\xaf"</t>
  </si>
  <si>
    <t>b'/\xf8\x84@\xbbLI\xcb\x899\x96\xaac\x05\x7f\xea\xe3\xb1\xf3\x0f\xf0\x92\x13\xc5\x06\xc4\x00\x1d\x7fx\x0f\xc8'</t>
  </si>
  <si>
    <t>b'\xc3\xbd\xa46!\xb8\xdb\x94q2&lt;&gt;\x8cW\xf8]\xcdI\x9e\xe1\x96G\xa5Zjy\x80\x99y\x8f?\x18'</t>
  </si>
  <si>
    <t>b"\x87\xad'\x8f\xe1\xe2E&lt;tc\xc2\x0f\x08U\xd8\x91\xfd\xe6U\x1a\xab\xaf\x136\x8c5e\xfa\xcf$\xe4\x04"</t>
  </si>
  <si>
    <t>b'\xfd+\xc2S\x97\xbd\xab\x9d\t\x17\x98\x1a\x939@\xb46\xcf6/\xc3\x1f\xae\x02\xbe\xb7\xe1\xfa\xea&lt;\r\xc9'</t>
  </si>
  <si>
    <t>b'\xc6\\\xdc\xd9\xa6\x8c\xe8\xe3\xde\xad\xbc\x87\xaa9)\xf0\x02r\xb2\xf6\x8c\xca\xe4Q\xd2\xfd\xd5$\x12\xf9\xcd\n'</t>
  </si>
  <si>
    <t>b'\x7f\xd7L\x89*\xb4\xed\xcc\xd2\x8f\xd1\xea\xf1\x90\xb8\xcd\xd7\xd4\xa8\xfb\xf4\x1c\xa0\xde\xb9*1\\\xb7\x87\xf1\x19'</t>
  </si>
  <si>
    <t>b'sk2\x88G\xe0\x15I$So\x16\xe2/\xe4h\xb1\xff#V&gt; \xb3\xcc\x05&gt;]\xa4\x11\xc4\x893'</t>
  </si>
  <si>
    <t>b'\x13W\xf5\xb0\x8e.\xf1\x9c\xca\xcb\x94\xc1\x18\xfe\x1f\xfaH&amp;\tC\xbc|GL\x04\xc0\xeb\x01\xe0\x0f\x8f\xc6'</t>
  </si>
  <si>
    <t>b'\xdb\xcdm\\\xcd\x16\xa0\xc2\xd7\xf5\x88h\xb7\x9e\x97\xe5\xbb\x1fo3!\xf4\xb9c\x939\xbeN`L\xa1\xec'</t>
  </si>
  <si>
    <t>b'\x88\xd6\x9c\xc2\xef\xc1\x9fB\xcfV\x80\xc3\xb4$8\x93\x1e\xb9\xa1\xb0\x03\\\x89\x99\xc7\xdc\xde\x83?\xf2\x12\xdd'</t>
  </si>
  <si>
    <t>b'\x9b\xd7\r\x83\xa4\x05f\xd1v\xa3=+\x15\xf6|\xfc\x85\xd7Y\xae\x8bz\x1fb\xdb\xeaq\xf4uk\xa1B'</t>
  </si>
  <si>
    <t>b').^\\\x14\xa6\xae6\xc6F\xe0\x91\xbc\xcd\xbc\xe3n\x00\xc0\x9d\x87d=c\x0fD\x07\xe6]\x1b\x91\xce'</t>
  </si>
  <si>
    <t>b'\xaf\x0c?l\xbc\x06/7\x86{\x94\x8e\xf4\xef\x85\x95\xf7\x8dM\xb8X\x8b2h\xe3A\xe88\x17\x8auT'</t>
  </si>
  <si>
    <t>b'"k\x8d\x92n[\x8d\x00\x11\xb8$\xbc\xccm\xf0r\x8e\x88\'\xbb\xf6/+f\x85\x88\x0e\x00P\x9e\xc3\xae'</t>
  </si>
  <si>
    <t>b'@\xd3\x10[ u#T\xdcI(\x94\xdcw\\\xf3j2*X\x11\xf5\xd5\x8a\xa4\xa4\xda\xbe\x02\xff-\xc3'</t>
  </si>
  <si>
    <t>b"\x1cB\x16\xda&amp;\xf2\x8a\xde\no&amp;'l0\x03\xea\x1a\xac\xb1\xd4wd\xea\x0b\xfc\xd00S\x89\xe3\xe0\xa1"</t>
  </si>
  <si>
    <t>b'\xe9\t\xff&gt;\xb3RV_$~\xd2VX\x8co\x07\xc0"\xa6&lt;\n\x99\xf6\xe7\xfdp\xf7\x16\xe8\xd5\x8cP'</t>
  </si>
  <si>
    <t>b'\xb8_S\xf6\x06\xe0A)\xff\x8a\x89(\xffs\xc5=L)\xb1\x99\xef\xca\xe0\xa7\xf7ib\x0e\x94\xc4\xf2\xe1'</t>
  </si>
  <si>
    <t>b'\xb8\xa5l\x86\xd9\x84\xe0&gt;\xb4\x1f\x80\xd9\xcf\x8epU\xb2\xcf\xe3\xba\x89\xdbK\xec\xf14Y\xc5P\xfa\xa9\x17'</t>
  </si>
  <si>
    <t>b'_c@\x911\x8a2\x85\r\x91Rir\xce7~\xb6\xde\xf5\x9c\x95\x7f(Bq\x9b\xe5\xb7\xf4\x9eB('</t>
  </si>
  <si>
    <t>b'\xc0\xfe\x9dZ\x01Dw\xc2Xn\xc5\x85\x9e\rhq\xf2\xea\xe4\x059g\xf8\x1c0\xdd\xc6\x85\xa7c\x1e\xc0'</t>
  </si>
  <si>
    <t>b'\x83\xa9/R\x08&gt;\xe1Y\xa4\x15\xfa\x95\xf1\x15\xeeM\x1c;\xd3\xb0\xaeT\xd4Le\x06\x13C\xf9\xb6\xa9.'</t>
  </si>
  <si>
    <t>b'F\x03\xf6\x83\xbf\x8a\xaf\xe3\x8f\x12\x90\xb6\x07\xc5\xaf\x13JJ\xa8hx~\xd1\xc2}\xec?\xa4\xe4=\x89\xfd'</t>
  </si>
  <si>
    <t>b'\xfd5/1\xc7\x80G\xa3W\x07\x9b\x8d\x96@\xbe\xa6DAxP\x97:\xc0\x9eB\xcd1\xd4\x02\xf0I\xb0'</t>
  </si>
  <si>
    <t>b'\xb4\xd4\xf1\xf9N\xfb\x01\x91\x1fSQq9\xee\xe5\x08]\x15\x90\x05\xec\xe9T^\xb9!y\xd6\xf94\x17\xb5'</t>
  </si>
  <si>
    <t>b'\x06&amp;\xb5*\x0e\xe3\xb2{\x04\\-\xca\xc6Ch\xa3q\x80\xfd\xa1+k\xa8$\x97\xba1\xb6.\x02r\x84'</t>
  </si>
  <si>
    <t>b"p\xa2t7\xe7\xbc+B\xf1\x10H\xe2\xf5C\x16 'j\x81\xabL\xc3|\xea\xc4\x8au\xecJ\xae\xe3j"</t>
  </si>
  <si>
    <t>b'\x91\xc3j]\xc1z\xd8\x8585\xbc`\xb1\x98#\xd8\x96\xfe\x8e|\xbd\x10\x7f\xef7u){\xf6\x1d\xb25'</t>
  </si>
  <si>
    <t>b'w\xe8xe\t&gt;\xcf\x87\xaf\xe5\x00b)\x04\xc0"\xcb\xb3\x87\xb1\xc3\x00\x1a\xb7\xed\xc0\x8f\xbc\xeff\xef\xa5'</t>
  </si>
  <si>
    <t>b'\x85\xfe\xe2k\x99\x9e\xf7\x02L"\xd1@\xd9S\x9e;\xbd\xc2\xa7\x0f\x7f\x17\xb0\xb6F\xaa\xdf\x1cN\xf5\xe7\xd5'</t>
  </si>
  <si>
    <t>b'\xc8\x99\x05+\xf0\xa0\xe2R\x0e.v\x84\x91\x98\xf21\xb7\xe4\xf4\x9e\xdf\x7f!\x16\xff\xd7\xc9z\xc6\xe9\xeaU'</t>
  </si>
  <si>
    <t>b'\xfa\xddAz\xaa\xd0\xbc\xe6D\x17VHFn\xee\xe4\xaf0\x01\x8f\x19N\xcf \xe5f\x95\x06fz\x1f_'</t>
  </si>
  <si>
    <t>b'\xb2R\xaa\xbf\xc8t:\xda6$\xdfz\x9d\x11(\x9c\xbf\xef\xe4\xab\xc3\xff\xb3\x17\x8cJ\rh=bp\x00'</t>
  </si>
  <si>
    <t>b'`\xe4P\xf7`*l\x9bO\xa5.Fx\x12"^\xa2U\x1a\xb0\x93&gt;\xe36\xd7H1\xae\x9amqL'</t>
  </si>
  <si>
    <t>b'-\x00\xe1\xee\x00-I0\xda\xdc\xaf\xc6\x9a\xddtT\x14\xe2(\xd5#\xca\xfd\x7f\xa4B\xa88\xdaK3\x90'</t>
  </si>
  <si>
    <t>b'IZ\xaaI\xf0\x8aQ\r\x88\xddkV\xd1\x8f\xa5\xfa\xb5\xb8\xb3\x94\xb2\x1f\xeet\xe9\xd5B\x08\xc0\x06\x91i'</t>
  </si>
  <si>
    <t>b'n21\xff?\xe2\xb3\xe5\x11\xfe\xc5\xa9\xd7\xa4\x1dJ\x94\xeb|T\x17\xa6?G\xe8\xa8\xef\x1d\xaa\xcb\x9d\x13'</t>
  </si>
  <si>
    <t>b'Ov\x0f!\xda\xca-\xc8\r\xbbi \xbc*\xb1\x83y\x12&amp;\x89`I\xb5\xfa\xb92\xc1C\xfa\xaf\x10\xd6'</t>
  </si>
  <si>
    <t>b'S6_\x03\xea\tw\xf5\x0e+\xf4L~c\x1a\xc5\x8f!\xb1\xc8#[\xab\x89\x0f\xa8\xdf\xf9\x85a/\xb0'</t>
  </si>
  <si>
    <t>b'\xce\xa3\x97\x86\x1d\xd6\xb7kV\x86\x95\xc4u\x84\x9e\x0c\x16y\x07\xb8\xa8\x12c&lt;\xb8\xa5,\x1c\xbc\x888\x13'</t>
  </si>
  <si>
    <t>b'o\x13e/\x1a"\x92\xa9\xba ,\x8e\xc4&lt;d41D.5\xa5\x83S\x00\x87\x05\x96\x1d\xaa\xab\n\xa8'</t>
  </si>
  <si>
    <t>b'\xd9\x16Y1\xe9M/3d\x8a\x99\xd1Dz\xebO\xe7&amp;\xd2)\x8b}\xf3\x04\xd7\xbe0H"\xaa\x80\xa1'</t>
  </si>
  <si>
    <t>b'\x8a\x1a`\xe8\xaf\xc8\xbe+\xc9,E1\t3\xb9\xf7O\xf1\xe9\x9b\xd7\xe1\x8e-\xb5\xe5\xd8Y\xf2_\xb6\x9a'</t>
  </si>
  <si>
    <t>b'\xea#\xd0 \xd1\xd6;\x8f#pZ\xa4&amp;\x1av\xf0^\x0fA\xcb[\xd3\x16\x05\x18\x94%*\xc5(B\xa9'</t>
  </si>
  <si>
    <t>b'W^\xc5\x08\x04\xae\x95\x0c\xdc\x86N\xd7\xcb\x0e\xd9\xf0\xaa;?\xba\x12\xe4Hn\x14r\x9aGj\xc3\x9d\xd0'</t>
  </si>
  <si>
    <t>b't\xe8+\x14Di\x11fL$"\x8e {\xd6fl\x80\xea\x9b&amp;\xdf\xa9G7EA\xa7\\\xc66B'</t>
  </si>
  <si>
    <t>b'\xe3d\x19H\xf0\x87g\xe7\x96\xf8\xf4\x1f\x80\xd1\xf2\x96\x07"2\x1c\x87E,H\xdf\x9e\x80\x82\x95\xde+/'</t>
  </si>
  <si>
    <t>b'\x99\xca]\x16\x8b\x90\xad-\xcd\xbc{]\xc0f\x872\xdc\x92\xa5\xed\x87\xbd\xcd\xe5)\x132\xa2\r]\xb2x'</t>
  </si>
  <si>
    <t>b'\x02\xedM\xed3\x0e 6\xee\x92\xb23\x08\xd8O\xe2\xa8\xdei\xd4\x91\x0b\xb9\xb9BT7\x06\xa4,\xaaa'</t>
  </si>
  <si>
    <t>b'\x1a\xc3`m\xf4h\x95$^\xd9\xd6j\x82\xe1\x19l\x9aq\x80t_\x0fn\x8bjhn&amp;\x9e\x0e\x04\xce'</t>
  </si>
  <si>
    <t>b'\xafg&lt;\xe8\x03\xbe\x8a\x90\xa4D.\xb5[\xd4\xb5i\x9d\xd9\x911mz\xcdGAM\xab\x02r_\xfd\xd0'</t>
  </si>
  <si>
    <t>b'\xa9\xb3\xf8`\x07\x8c\xef&gt;\xa1i\xf4\xf1\xab\xc4\xdc\x88\x98\xb6&gt;\xe1\x94\x16\x06A:\xa7}U\xa3\x8f)\xa1'</t>
  </si>
  <si>
    <t>b'\xe2Jo \x02+\x14\xa80\xcbNje\x99,\xe4\xa6\xfd\xfe.\xd1\xfe\x9a\x82\x9c\x10d;\xae&gt;\x02\x83'</t>
  </si>
  <si>
    <t>b'\x98=\n\x96\x87\xeb\x9ey\x9f\x7f.\xf6\xd60_4\x12\x15\xac\xaa\x19\xd7\x1b];\xd8\x13LxF\x1fL'</t>
  </si>
  <si>
    <t>b'\xa6\x16\xfa\x8eA\x06\xfe\x03\x88\x16p\x1e\xc7\xfex\xd9\x93\x8bg\xb9\xb9\x05\x91\xfb\x13\x87\x90cR\x9ct\xc2'</t>
  </si>
  <si>
    <t>b'\x93+\x99\xd2\xbb\xf5}\x9a\xbe9\xb9\xa6\xb3l\xe6\xb2\xbb\x11\x93\xdel\x12a0\x15\x8b\x19\xcc\xebp\xd5\x9d'</t>
  </si>
  <si>
    <t>b'\xf8_\x0b\xc0\xab\t\xe6\x92\xe6\xf83\x0b\x9b\xd2&lt;\xb6\xcf;z\xf8xY\xd7\x18n\xfd\x90\xa4\xba\xb5N\xda'</t>
  </si>
  <si>
    <t>b'i\t\xb0\xfa\x11[\x01`1NZ\xbd\xda\x03g\x8b\x1b\xb4\xdc~\xa6\x01o{\xea\xe6\xca\xab9\xda\xe6\xa9'</t>
  </si>
  <si>
    <t>b'\x8a_]\xf0\xe5\xebo\xbd\xe2\x0b\x02/\xf1\x06\xb3\xebz*v \xdf\x18Sc]\xf55\x1dP\xde\x8dY'</t>
  </si>
  <si>
    <t>b'\xcf$8\x00Q6g{#\x8cj^\x11&lt;P\xfd\x9b\x9d\xdc\x1e\xe0Cg\x88\x17\xf31\x81\xbc2\xfd\xfc'</t>
  </si>
  <si>
    <t>b'&gt;\t8\xa2%1\xf7\x85i\x16\x17\x91\x1bT[\x97\x90\xc1\xc3!"\x1d\x11\xaf\xbd\x1c\xb5\x88I\xa7\x05\r'</t>
  </si>
  <si>
    <t>b"\x0fz$-\xf9\xe8\xdfH'\xe6\xc5\x10X\xadN@\x86\x05m\x91\xd0slo\xd4\x8c\xaa+\xf0\x8a\x130"</t>
  </si>
  <si>
    <t>b'\x16\x03\x05\xb9\x16\xa59\x84Lo\xe6h1\x82\xb8\xab\xf2g\x15@\xa3\x1f\x84S\xe1\xa1\xa0A\xa7PL\x9b'</t>
  </si>
  <si>
    <t>b'\x94\xbf\x89Z\xac\xcb\x94N\x06\xf2t\x8f.\xf5H\xd1;\xd7\x1d\xbbs\x9d\x9b\x8c\xdb/\\\x85ew\xc3\x99'</t>
  </si>
  <si>
    <t>b'H\x11\x96\xee9\xf1\xb9AO{\x94\xa1#Sb\x11&amp;\x18Y\x8c\x97/\x0b\x95:\xaa\xca\xdf\x05X&gt;\xee'</t>
  </si>
  <si>
    <t>b'a\xeb\x81\xbd\xdd\xd0\xac\t6\xa8\xab\xea\xc0\xdd\xb0\xbf\x03\xbbm\xb5\xc6\x03\xdb\xd4\xd8\x86qM\x82\x15\xe9\xf6'</t>
  </si>
  <si>
    <t>b'\xf5u=:\x0eZ\xb3\xf0\xe2\xe5\xf0\x91x\r"\x9a\x9d\xbe\xdf\xb0\x18\xb8hn\x86\x8c\xe4j_\xbfP\xc8'</t>
  </si>
  <si>
    <t>b'\x92W\xfa\x91 2tv\xd6z\x06\xc5}\x10\xf5\xc6e4\x82\xde4m=\x94\xb0\xd1\x92[^\xad\x1a\xda'</t>
  </si>
  <si>
    <t>b'i\xfb;\xcbGm\xbcO\\\xff\x7f\xc4\xcc %\xf2\x8143\x01\xb5X\xb9O/\t\xafx\xd7\xbdn:'</t>
  </si>
  <si>
    <t>b"\x9cS\x07\xe0\x95\x0b\xb0_\x1a|\ro\xfb\t\x98e\xde\xc8'U\x10\xd6\xfb\x18\xcft`\xf0\xca(\xce\xa2"</t>
  </si>
  <si>
    <t>b'\xbe\x90\xbe\xde\xe1\xd2t\x82\xbc\x18Do\xb5\xa2\xc17\xab\x19\x9cF[\x0c9\x0f\xc3\xc4\xc5\x06/\xd9g\xf8'</t>
  </si>
  <si>
    <t>b'\xec\xb7\xe7\x1cCoZ0\xab\xf1\xc7C\xb5\xd0\x83\x9d`\x7fH\t\xe2\x08nTp\xee\xc7\xa0\xe1I?\r'</t>
  </si>
  <si>
    <t>b'\t\xe2\xe7\xf3\xdd\x04\x94\xa2\x13\xdaNP\xa9\xafY\xaaq\x10\x0e\xe8\xbd\x17\xda\x9ao\xbaC\xc1\x94:5#'</t>
  </si>
  <si>
    <t>b'%P\x9c\x8b\xbc \xcbU\xb5\xf6FbV\xd2\xbczm\x84;\xb2b}\xc4PQ\x0c\xc5\x8f\xa0&amp;s\xae'</t>
  </si>
  <si>
    <t>b'\x17x\xcc\x00\xeb\xdep\x0bU\xe0\x16\xa4\xcd\xc4\xe4\xdc\x9a*\x8a\xed\xb5\xe1\x1b\xef\xe9\x8fl\xa6\xb6\xa6\x19\xb3'</t>
  </si>
  <si>
    <t>b'\x8a\xe4\xc0\xfeY\xa8k\x0c\xb1\x91}\xf71\x8dFo\xcc\xd4\xef\xf8\xca\xe4\xc2\x9e\x9b\x96\x92&lt;\xe8\x89\xc1&gt;'</t>
  </si>
  <si>
    <t>b'f5;V\xc2\xc6\xff\xb6\xa9\xferfLg3{\x91\x81F0Z\xec\xd2\xc4\x12\xfb\x9bQ\x95\xa2\x88R'</t>
  </si>
  <si>
    <t>b'\xb6\x80\xf0\x89yP\xb6u\xb4\x96\xc0\x9dlVT\x04X\x97M\xb0\xe9\xbd6\x109\xb4\x0f\x9f\xeb]%@'</t>
  </si>
  <si>
    <t>b'\xfctc\x99\x99\r:ny\xa5\xa8\xb7\x13\x89\xb3\xda\xf6p\xe8\xc7`H\xd6dq\xec\xab\xfbC]&gt;\r'</t>
  </si>
  <si>
    <t>b'\x80\xdb4\xfdR\xcf\x83\xeas\xc9\xa2ZZ\xa3\xc1q\x0c\xa4\xff\x14\x1f\x11\x1f\t\r\xdeE]/\xf7\xd0\xd3'</t>
  </si>
  <si>
    <t>b'gE\xe4t\\"\x02;\xc7\xd5\xb3\xd0\x80K"\xd5\x87\xe3\xd4n\x0c\x85\x13\x91b\xf7\x182\xca\xaf@y'</t>
  </si>
  <si>
    <t>b'\xe8\xfe\xc8\x97\xc9\xe1\x14-\x07\x00\xf8)\x19\xb6IIR\xb8\xf5\xde{\x1ey\x17k\x08\x88\x03\xb1\xf3U\xbd'</t>
  </si>
  <si>
    <t>b'\t\x9a\x82\x0f\xba \x05\xc9\x1f%\x05P}GD\xad\xc3\xb8\xcf\xadz\x86\xbaL\x12d\xa6\xd2 \xa4e$'</t>
  </si>
  <si>
    <t>b'tN\x19)\x1d\x9fR%&gt;\x10)\x14_\x0f?fl\xec\x0b\x0c\x0fIU1\x01\x9d\xbd\xd0\xfd\xf5\xcf\xb2'</t>
  </si>
  <si>
    <t>b'V"\x84\xee\x07apnc\xe5\x93\xf6\x1b\\o\x03\xf5}&lt;\x87\x86\xa1\xc5\x8c\xb7\xb5\x98M\xfb9bL'</t>
  </si>
  <si>
    <t>b'yQ\\\xbdu\xa5h\x1fkv}op\x87Z.#\x06fd\xad\x1f\x87\x8c\xc0\xf6\xf6\x02q|\x93\xb7'</t>
  </si>
  <si>
    <t>b'\x05}i;\xd0\xe4\x8c}Yc\xf1\xfd\xba\x04\\\x01\xd6\xa8\xba\x12\xb5e\x0eU"\x14\xd75dt\x83p'</t>
  </si>
  <si>
    <t>b'\x16`\xfb\x8a\x1c\x88\xc8q3\xfc\xc1X\xe7%\xf2\xed)\xd0\xc3\xf2qV\xa3\xa3\xd8\xe2\xf1\x1f,\xce9]'</t>
  </si>
  <si>
    <t>b'/\xd9\xd6\xf3\xb9\x17S+s\xbc\xb3#2Rn\x17&lt;?\x07tu\x04\n\x01&amp;S\xd2S/?\xb7\xb6'</t>
  </si>
  <si>
    <t>b'\xa3*\xaa3\x1e\x9cFz\x94\xa2\\\xe1s}\xd6\xf5\x9a\xa4}\x17\x8b\xed\xbe\xf1\xd1\x0f\xa2\xae\xc3&amp;\\\xbc'</t>
  </si>
  <si>
    <t>b'\x99\xb2\xa4&amp;\xba/\ra\x80EM\\\xa9\x07\xbdN\x98\x1a\xe0z\xd4\xb0\xac\xfa\xf3i\xc5\xca\x1a\x18]Y'</t>
  </si>
  <si>
    <t>b'\xd6)\xbd\x91\xc0\x8fA-&amp;\xfd\xe2W.\xd8\x00\xabW\xa6\xf6D\xd3\x95\xa3\xcf--\x05\x80;\xfe\xee\x86'</t>
  </si>
  <si>
    <t>b'\xd5K\xccx\xaa\x81S}V\x93\xf0V\x03\xaaP%\x1d$\xa2\xa8\xb7\x81\x86\xd5c\xf3\xf8\xe2\\\xfc\xb0\x00'</t>
  </si>
  <si>
    <t>b'\xf8\xede\x80\xd1\x8c\xbdM\xd3 \x90\xe8\xd7MO~~\x9b\xfb\x06\x7f\xe3\xe2x\x00n\xd3\x01\x03\xe1\xa7N'</t>
  </si>
  <si>
    <t>b'\xa6\xf3\x0c\x0b\xc5\xbc\xfdV\xde\xaa\xe2B@\xf12\x1f\xaf\x91MpL&amp;\x1b\x98\xf8\xdd\xa9\x08\xb6\xd8\x12j'</t>
  </si>
  <si>
    <t>b'e\x0e\xf9\xf59\xb6\x81\xa4W/\xe8\xd6\x9fmw\x02.\xae\xd08&gt;ae&gt;o\xa7:&gt;\x88\xf2$\x8f'</t>
  </si>
  <si>
    <t>b'\x82\xa0\x05\xaeU\x8b\xa6\xd4u\xddn7g\xcb\xcf\xfc\x95k\xf6\xa0\xc7\xcf\xe2\x01\xf5\xc5_\xdd~\x88|\xea'</t>
  </si>
  <si>
    <t>b'&gt;\x93\xd8l\xe8c\x9b\x92Z\xeaX\xcb\xa7b\xe4|\xc5/b8\xd1H)\xb0\xef\x99k~\x98\xea\xa3\x83'</t>
  </si>
  <si>
    <t>b'\x8bV3\xb2w\xa2fnQb\xb6\xd2=\x1b\xf0(\x89\x7fti\xef\x933\xa4[\xb3\xff\x81\x9bA5\xb9'</t>
  </si>
  <si>
    <t>b'\xabm\xf6@\xf2j\x87\x19^l\xd2\xecl4{O\xd2\xc1\xc6\x92z~\x08\xde\x1b\x85\xf5\xcdQ\xdaQ\x89'</t>
  </si>
  <si>
    <t>b'SH\xc2\xb6\x9a\xfb\xc1)\x19\x9eA|-v0\x86\xac\xd0\xd8\xf8L\xf6R\x91baU\xea\xd1\x8ca\xe8'</t>
  </si>
  <si>
    <t>b'\x97\x16\x8c\x1f\x96o\xa3\x12\x97=\xc2`\x1c\x01\xd8\xca\x9a\xed\x11\xde\xf5\xd0\x81j"\xd6\x8c\x0fAB\xa7\xb4'</t>
  </si>
  <si>
    <t>b'\xe2\xd4s\xc1\x18\x8a#\xb0k\xe5$\xce\xee\xa0o\x07\x1eA\xa5\xc3\xf9\x9a\xe7\xd4\t`\xe7{\xa0M\xd9\x14'</t>
  </si>
  <si>
    <t>b'o\x98^\x1c\xb6z\xe4#\x01\x86P\xdbf\xd1\xcd\xdbdI\xbbOc*\x81\xca\xec\x0bm/h\xa1}\xe2'</t>
  </si>
  <si>
    <t>b"\x17\xc7\r\xce\xea\xb7\x81\xaa\x83A50\xa0\xdfk\x18\x97`'\xd3\x1f\x91[\xcb\x07NW=\x11\xa9\xd7\xbc"</t>
  </si>
  <si>
    <t>b"U\x96\xd2\x1f\x9e\xb8\xae\x8d\x81G\x14T\n\x83\xde\x9f\xbd'\xe5g\xa6\x8f\x02\xea;\xe5\x92\x89\x11\x8cE\x8d"</t>
  </si>
  <si>
    <t>b'.\xc3V\x04\xdd\xdf&lt;B\xf8\x1aR\x164\xc9A\xc6\xb4\xb4\xca5E\xefQd\xca\xb4\xd7\xa9\xee\xbe\xe2('</t>
  </si>
  <si>
    <t>b'\xb8\xa6\xb0\xc3\xf0\xc6p\xfc\xdb\xf5\xbdAf\x8dSU\x1d&amp;W\x0c1\xde\x80\xe2\xa7\xe4\x89\xb4#P\xa3O'</t>
  </si>
  <si>
    <t>b'Z\xba\x9c,\xcf\x1f\x02\x8f\xdf\x8e\xe5A\x0bY\x95\x81X\xcd\xafW\xf8\xfdX\x14P\x03I\xfeP\x9cG\xe4'</t>
  </si>
  <si>
    <t>b'd\x140\x14Sb\x9af\x16\x93h\xda:\x08Q\xae\x1e\xfcB\x10\x81\x1e\x88q\x1f\x1d\x90Y\x05\xff\x98\xeb'</t>
  </si>
  <si>
    <t>b'\xf3\x85c?\xed\x82\x9c\xc0\\=\x89`K\x04\xbfC\x08\x99\xaa\xd3f\xfe\xcc\xda\xceUC\xfe\x04\xbd\x84E'</t>
  </si>
  <si>
    <t>b'\x19\xc5=\x9e\xe5\xe7tprAu\x91\xd1\x173\x16\xefe]N\x9a\xfb\xc5\x82\x9a\x98\xec\xf8NN\x11\xb8'</t>
  </si>
  <si>
    <t>b'[\x11c\x10\xa3G\xa0}C\x13:\x81p\x12\x89\x19N\x93K\x04:T\xf0t\xab\xabu\xb9\xeb&lt;\x16"'</t>
  </si>
  <si>
    <t>b'A\xbee\xeafN\xb9\x1e\x14\xaf\x92\xa75\xbdwpLC\x937/\xf9\x94\x86\xf53\xe1\xf9SA~\x17'</t>
  </si>
  <si>
    <t>b'U\xea\x91;\x92\x8fQ\xe1\xf7\xe6|=@4\xa1\xf1\xaco\x85\xb6\xc8\x10\x0eb\xd6\xbd\x96\xb5~\x81h\x9b'</t>
  </si>
  <si>
    <t>b'\xed\xb1\x84\xef\x15\xde+n\xb4".Ujn\xee^\xae\xe4\xa2\xe6Yb\x0fr\xf5\xd7\xca\'\x80\x81\x7f\x9e'</t>
  </si>
  <si>
    <t>b'i\n\xbf\xd6\xa4;7\xff\xe1\xe1X\xb4?\r\x159y\xfc\x01G\xa2\xadt7\x05\x1b\x000B\x8f\xa8N'</t>
  </si>
  <si>
    <t>b'\x1f0\x07&amp;\xb3G\xcb\xd7\x7fT\xfc\x14\xcb\xc4"\xa8\x9e\x12\x80\xe9=\xe2Ww\xcd\xdc\xea\xda3j\xc6\xfd'</t>
  </si>
  <si>
    <t>b'*\xea\x93{@\xb1\x0c\xa1\x17;\xda2.v\xb3\xc0os\xae&gt;\x00\x07a&lt;\xa08\x14=\x92+ku'</t>
  </si>
  <si>
    <t>b'\x81\xbcF\x85zx}tat*\xb3f U\xa1t\xd3\xc6\xa5\x07\xdb\r_`n\xdag\xbb\x13\x1d\x85'</t>
  </si>
  <si>
    <t>b'\xe8\x0b\xf7TM\x0fKSQJ\xf1\x8c[\x17|N\x1c\xdevh\x07\x05=W\x9b\xf5\xdb\x90\nA\xa8\xae'</t>
  </si>
  <si>
    <t>b'\x95\xb4\x91\xe7\xb1\xcb\xa5\xa3\xf9\x1a[\x02s\xf2\x9b&gt;:n\xbf"W\xe0\x07&lt;98S\x8f\x91\x01\xf9\x85'</t>
  </si>
  <si>
    <t>b'\xe6L\x9d\xf7S$Uo\xa1;\x16\xb88y=f\xd9#)\x8a\xf1\xdd\x07\xc5M\xdc\xf2\xce\x01\xbf\x8e-'</t>
  </si>
  <si>
    <t>b'\xed\xe7T\x1f\xa5\xb9\x97\xbe\x13\xb0\x9d\xad\x12\xdbro\xd3\x18\x0c\xbb\x93&lt;\x19s\x04\x13P\xee\xc4\xc1I\xc3'</t>
  </si>
  <si>
    <t>b'ud\x1c\xaa\xad\xe3M\xf6"`yF\x89\x18\xc0\xa58$\x89t7\xf3:\xb2]\xd9h\xc4\x17\xa1d*'</t>
  </si>
  <si>
    <t>b'\xfc\xf7\xa4\xe8(\x9e0R\x82%b\x80S\xb4Z\xb2\xa7\x8d,5\x0f\xd01\xd7c\xa5\x1d\xe3\xf4\xe9^\xa9'</t>
  </si>
  <si>
    <t>b'\xa4\x899re\xfc\xec\x80\x8e\xe0\x95\x12[\xef+\x0f\xc1*a\xb9/M\xc5\xb0\ns\xa4\x8cy&lt;.\xa1'</t>
  </si>
  <si>
    <t>b'\x82\xb2\x12o\xe5T\xb6(\x9e\xef\x17\xc1$\xcf\x9c\xe9,?\xac\xd6\x9c\xca\x7f\x83\xe5)f\xf9\x96\xe3X\xe1'</t>
  </si>
  <si>
    <t>b'\xb1\x95\xc6 \xb0}\x9cRbx8\x11X5\x86\xd4\xd7t\x1e\xf3\xe2))f\xf9\xdf\xc3\xa52zb\xcd'</t>
  </si>
  <si>
    <t>b'\xe1\xbf\xb7\x8e\x87\xe6\x0c\x8a2\x81\xa2\x03)\xca\xba\xee6\xce`o\xd4MS\xfat\x0bk\x9c2V\xb3t'</t>
  </si>
  <si>
    <t>b'\x10\xfa\x97U\xfc\xb3\x93\x13\xa4hN&gt;\xe0\x02[\xf2\xe8\rS\x075L\xaf\x90$r\x82\x81\x19\xceQ\xd1'</t>
  </si>
  <si>
    <t>b'o\xe98&amp;t\x1a\x8f\xff\x9c\xb3\x97\\\x90\x03-\xf9}\x90\x7f\xb92\xc5\x8a\x18\xaf\xdc\x071\xabRpp'</t>
  </si>
  <si>
    <t>b'\xd5Lc\x16`\x8b\x9e\xb3*@\nu\xae}\x8e\x1d\x89\xb2\x86\xa6\x16\x902\x0f\xd4\xcc\x0f\x01\x93\x8d8)'</t>
  </si>
  <si>
    <t>b'\x0c\xeb\x1cL!x\xear\xd0\x05\x15u\xdc\x95Z\x92a\x9d\x17\x01\xd5P\xae@\x97\xea@+\xa5*!\x8b'</t>
  </si>
  <si>
    <t>b';U\x80\xce\x96!\xfe\xed\xa5\xc6\xfe\x9b\x9a\x0f\xa2\x8eO3\rj\xac\x9c%A%\x9d\x95\xfe\x12\xe6\xfb\xe6'</t>
  </si>
  <si>
    <t>b"\x1d\xea\xed\xfb\xdc\xc5r\xbe\xf9_\x1dv\xc8\xaa\xac\xd1\xf9\xec4\xfe\x91\x81u\xf3\x9d\xcb4\xb6'z)\xf1"</t>
  </si>
  <si>
    <t>b'\xf0"\x81d\xea\xac\xb6\xe4\\\x00\xfeO+?\x8af\xc0\x9b\xa7]\xee\xa2L$t`=6\x9e\xfb\x15\xb1'</t>
  </si>
  <si>
    <t>b"\x90\x16\xbb\x0e'[\xcfv\xdc\x8f\x9a\x9c`\xd2\xf2A\x06\xdbZ\xa92WK\x9d\xad\x8b\xa9V\x11\x85R\x93"</t>
  </si>
  <si>
    <t>b'\xf8\xae_1\x0e\xe21t\x91\x88&amp;\xfaw:q\x94\xcd\x1a\xf8\xd1\xbe\xf7?S\x84j\xc7&lt;eX{\xbb'</t>
  </si>
  <si>
    <t>b'\xc1\x06\xbb\xa8ZH\xbd\x1d?\x90\xf3NH\xd8\x8e\x01u\xec\xa7#R\xb8\xd6\xec\x1c+\xa4\xc2)8U\x0f'</t>
  </si>
  <si>
    <t>b'0\xc9.\xab|l\xa5\xc0\xd8\xc7\t\xf8\x9bo2\xec\xd8n\x10\x84\xa8`\xe5\xdf\xe3f\xa9\xa6{\x12\x1b&lt;'</t>
  </si>
  <si>
    <t>b'\xbfp8\x17\xe9\xbe\x7f\xf0\x8dQ\x08\xe65\x10\xe4w\xcc\xdd\xf6\xf7\xd2\x91\x8ah\x12\xee3NF=c\xe8'</t>
  </si>
  <si>
    <t>b'\x98\xc0\x8b#\xb4\xe5\xe3\xde\x81h\xd5O9v\xbe\xc1\x95\x17+`\x9f=\xb0\xfc\xc8M\x92\x9d\xbc\xbb\xd6\xb7'</t>
  </si>
  <si>
    <t>b'TfO\xf9N\xb6\xb29w\x1f\t\x92Wg\x16\xf2o\x14o\x1dAg\x1d\x0bL\x01\xa0\xaa\x969\xc98'</t>
  </si>
  <si>
    <t>b'/\xa14j3\xc7\x0e.~\xb4\xd3\xe4\x8b\xe9\x00Q\xda.\xfeK.\xe0\xdd\x0f=_\xf6l\\\x95\xf1\xab'</t>
  </si>
  <si>
    <t>b'&lt;\xe62\x0f\xae3h\x07C\xdd\xf3\xc7mU\xbd%a%P\x0e\x00\x17\xd0M\xa8\xbc\x02\xcaW\x13\xd9\x01'</t>
  </si>
  <si>
    <t>b'\xec\xe8}\xbad\xfb\x8c|9\xdcv\xe3\xc21\xeb\xe1B\xe8$\x8d\x02;\x8e\xcc\xe2\x1f\x04\xdf"?\xbeL'</t>
  </si>
  <si>
    <t>b'MIh\xa2M\x13t\xa7\x11\xb4R\x04H\x979\x1b\\\xc7\x85\xc56\x1f\x9a\x81\rz\x1fCtHic'</t>
  </si>
  <si>
    <t>b'b\x04\x8b~\x86&amp;I\xc6\x02\xbe\xect\xa1\x10\x94\x9c\xc9\xf2\xf0\xc7\xe8\xb4}\xe7\x89YO\xbfY\xee\r\xe0'</t>
  </si>
  <si>
    <t>b'P\xa1\x10\xce\xcf~j\xec=\xe7~\xeca\x97\xab\x8a\xfd\xb1wR{\xaf^\x1a\x0c\xab\xe3z\x01,\x12\x98'</t>
  </si>
  <si>
    <t>b'\xa7\xb7\x91\xacV\xeda\xfcR)\xb0\x06\x0b\xb9\xeb\x85\x89\xab\xf2\xf2Z-\x83/\xaf\x06\xd7G\xd8j\xc2&gt;'</t>
  </si>
  <si>
    <t>b'\x8b\xcc\x99\xee\x96y\xc7\xfe\x0e\xd9\x84W|\xdb\x9eA\x9f~\xe8\x84\x02\x1bmW\xce2nt\x13\xf6q\x16'</t>
  </si>
  <si>
    <t>b'%\x9c(\xfa\t\xf48\x8f\xfc\x97Ql\xb1\x86&gt;\xa7f+C\x81\x03o)kr\xf8\\\xb8\x0e\xeaI;'</t>
  </si>
  <si>
    <t>b'`f\xf5\x8e\xfe\xa9_\xe50\x19\x97C\xa7v\xe90\xa2\xa1}\xe0\xda~\x03\xbc\xe1\xcck\\\x0f\xdc\x7f\xe4'</t>
  </si>
  <si>
    <t>b'\xc3\xbf\xf0\xcd85^T\xe7&amp;\x82\x9e\xbe\x1bD8B\xe5\xca[\xd2`\x1b\xe2\x94\x0ezqN\x10\x16O'</t>
  </si>
  <si>
    <t>b'~\xd45\x1b\x98/KI\xd8\xd5\xa3-\r)\xb6\x00,\xc0\xd4\n\xb5|\\\xc9\x92\xfcUL\xe0\x08\xcf\x9a'</t>
  </si>
  <si>
    <t>b'Q\xf1\xdar1I\x90i\xa5\x94N\xc2\x91\xd2\xbf]\xc3)!\xcc\x9eim\\s\xb3\xa1\x8fsL\x12%'</t>
  </si>
  <si>
    <t>b'\x8bo\x84\x00\x12lP\x99\x91\xa3\xcaH\xdf\xde\xff\x0ePj\xfb\xab\xdc\x95\xfay\xe0+K\xa3\xb2\xa2V\xc8'</t>
  </si>
  <si>
    <t>b'\xdc\xf7\xf4\xfaR\x92\xa4\xd2\xf4\xfc\xfa\x1d\xc9\xc5\xf4\x80*Ljh\xe3\x89&gt;\x8b\xdb)\x8f\xc4\x8c\x85u\xdb'</t>
  </si>
  <si>
    <t>b'\xd3\xc4\xb4\xb1\x03,}}\x0bW\xd9+\xa3\xba\xa2r\x81\xdf\xe8D/\xf7T\xd8\xdbS\x15W\x89"\x86*'</t>
  </si>
  <si>
    <t>b'7\x161 \xe6\xcf\x18\xafl\xfa7\xdc\xdf\x8bDg\xc3po\xba\xdaz\xe0\xb80\xa5\xfd;\xadS\xf8z'</t>
  </si>
  <si>
    <t>b'\x0c\x03\x82\x8d\xff\xbd\xd9\x8e\x9c\xfe&lt;\x01\xc3B\xa5\x1cY\x1bb0\xde\x9emg\xde}T\x12\xb0\x0fx\x8e'</t>
  </si>
  <si>
    <t>b'\xc8vG[&amp;\x10\xef\x0f\xba\x1f*\xb3\x93\xe1D\xeb\x17\x10\xc6b\xcc\xb4\x9d\xda\xfd\x93\xa6&amp;\x19\xe1\xb0\x92'</t>
  </si>
  <si>
    <t>b'm(\xd7\xa0\x9d\xd6\x04\x1d[v4\x82\x1dxH)F\xd8\xe5k\x8b\x94w0\xda\xd9\x00\x04[\xd4\x9fh'</t>
  </si>
  <si>
    <t>b'\xd3\x8b\x94\x90of5\x0f\x92d%\xfce\xdf\xa55lt\xfa\x81|C\xb4\xbd\xa2\xc2\xf3$\x84\xf0X\x91'</t>
  </si>
  <si>
    <t>b'\\4\x8f\x0f\xd9Z\xdb\xb8\xef\x1a\x14\xd1\x18Y\xae\x11\xe63\x10\xf9\xa5D\xd6\xb8,\xed\xc9\x93\xf5\xbd\x04\xb7'</t>
  </si>
  <si>
    <t>b'\xd1W\xa6\x95\xd60q\xd9\xe0\xff\xc5 \x8b\x03\xbe\x81\x80\xeb\x17\x91\x1f\x8c#\xdc\x94[\x93\xa2\xfc\x1e\xcbq'</t>
  </si>
  <si>
    <t>b'\x844ZaV5\xea\x1b\xe1\x988\xfb\xc7^\xaf\xe6\xb5\xa7\x82\xdc\t\xa17\xfc\xa53h\xa9\x92\r\xa7\x9f'</t>
  </si>
  <si>
    <t>b'\xf1\xce\x81\t\xc7-\xbcPB#za\x7f\x1d\xc3U~\x00\x1a\x93\x8d\x92\xf4\xc2\xdbY0\xd1\xb0\xdb/\xfd'</t>
  </si>
  <si>
    <t>b'Q\xd4\xeb\xb5\x02\xc7\x18\x8b\xab\x91\xeb\xc0\xb2l\xabe\xa0KN0K\xb8\x96\x93\x8d\x98\xea\xdcn\xb8V\x81'</t>
  </si>
  <si>
    <t>b'\xb4iP\x1e\xf5\xac\xbc\xdb\x8e\xa5\xe0\xabJ\xdf\xeb|\xe3$&lt;c\x1f\xe5$_\x02aX\xba\x0b\x9c\xac\x07'</t>
  </si>
  <si>
    <t>b'\xba\x82\\T\xac\xd7\xcc*\xfc\xe3\xab\xba\n^\x81Z\xa2\x8b\x08w\x98\x1d\xb5\xf7N\xfb\x87\xc73?\x89\xe3'</t>
  </si>
  <si>
    <t>b'1\x8c\x1cJ\xd4\x94\xb0\xdd\x1a\xe7\xa9_\x0b\x06L\xcdJR!o\xf9,\x81+\xbbs\x1c\x93w\t\x8c\xe9'</t>
  </si>
  <si>
    <t>b'\xa9b\xc4\xda\xe6\xbe\xcc7\xcd\x81G\xbc0o\xc0&lt;\x91\x1c\x8a5\x02\xf0\xae\x16\xbc`\x1f`\x82k\xcd\x8c'</t>
  </si>
  <si>
    <t>b'*\xcd[\xcb&lt;\xd7|Z\x1d\x17\xf2P\xb1J\xc0\xf8\x93\xaf\x9c\xe14\xde\x95\xee\x97 \xbd,\x88#\xd5o'</t>
  </si>
  <si>
    <t>b'\xe6O\x92.\x8eo\x92\xf4+\xd5\x86\xe2\xc2\xaa^\xf78op\xa5\xff\xbb\x92\x05\x0b\xa5\xd2\x86\x1a\xd0\xaf$'</t>
  </si>
  <si>
    <t>b'\xf5\xec\xe5\x0c\xee?Z~#J\x87s\x1ep\xf6\xd1\xe1a\x8a8\x9b\xb1\xa3,\xdc^\x9e\xff\xcb\xba\xed\x12'</t>
  </si>
  <si>
    <t>b'\xfd&lt;\xdf\xc2P\x17\xf9\xc9c\x05J\xdd\xf8H\ni\xd3\x13\xb3@\xf8\xb5\xe3S\xe4BaZ\xe7\x99\\~'</t>
  </si>
  <si>
    <t>b'\x12\xb9\xfe\x0fQ\xf2Cw+*d\x07\x04\xa3\x19z\x7ft\xd1\xbc\xde.\x10kq\xce\xaa7Yd\xc6\x07'</t>
  </si>
  <si>
    <t>b'\x17`\x1eo\xef]7\xd0\xebo\x80\x83\x86\xe3\xf8\xe7\xb9\x99\xbd*\x82\x84)\xf2\xa4\xc9\x95fF\x8e\xd0\x10'</t>
  </si>
  <si>
    <t>b'\x15DX\xda\x0cg\x83j\xaaj\xdd\\D{:\xad\xbaQ\x92R*7\x97\xcb\xd9a\xa4\xe3\xfc\x97\x17\x9f'</t>
  </si>
  <si>
    <t>b'p&amp;\x1d\xb7}\x00\xe8\x99\xbb\x101U\x15|wl;\x0c\r\x1b\xcc\xb6&amp;\xe2\x96\x8f\x97\xf7\xe0,\xd9x'</t>
  </si>
  <si>
    <t>b'\x8c\xfe\x05\xf6\x95\xe1Q`\xd0\xce-9nWW?R-)X\x9f74\xfa\xd9\xe9\x81/\xd7\xb1o\x9b'</t>
  </si>
  <si>
    <t>b'S6D\x12R\x12\xf0\xfc\x1e\x0c\x9c\xc7\xe2\x1c\xcf\x8a\xb4\x1a\xdf[n\xdb/\xf9\x8c\xce\x06\xa8\xf6s\xa0v'</t>
  </si>
  <si>
    <t>b'v`q\xccz\xf8H\x85\xcc\x92\x15\x0f\x05i\x8e\xc3\xdd\x82\xa7%\xae\x9eD\xbb6\xb6\x9e\xce\xea\x9d\xe4\xe2'</t>
  </si>
  <si>
    <t>b'R\x08\xe7-\xddC&gt;\xb9;B4X\x1e\xe5\x9alN\xd5\x0e\x8e\xf0\x95\xe2nN\xa1\xcbu\xd9g\xad!'</t>
  </si>
  <si>
    <t>b'*\x97a\xc3\x01HjKE\xa4\xe0{9\x95\xd7\xc0\x81\xb7\xceA\xea\xd11\x84t\xa4\x90=\x1e\x96\xf5\r'</t>
  </si>
  <si>
    <t>b'\x89\x1f_\xc5\xba\x8cjF\x94\xc3\xc4w\xbeN\x92}\xe2\xc7uI\xa5s\xcb\xa8\xff\x14:\xd1\xc3FI\x16'</t>
  </si>
  <si>
    <t>b"d\x10D\x19r't1&gt;\x06\x7f\xec\xe5&gt;\\8\xba\x15\xf7a\x8f\xd4)\xf6dkZ\xba\xaa\x8c\xd7H"</t>
  </si>
  <si>
    <t>b'\xfa\x1c%6\x0e\xd0\xfa\x0e\xa4-x\xf07\xf2\xf7b\xc1v\x9a\xc0\xe5{\xc3\x03\xc5\x7fU\x0c\x12\x8a\xb1\xbe'</t>
  </si>
  <si>
    <t>b'\xcb\x92`}_\x0b\x0b\nk\xb2\xc16\xc5\xbf\\\x9f\xc0\xdde\xa1Iwd\xa1ze\x02\xdf_\x1c\x06\xc8'</t>
  </si>
  <si>
    <t>b"\x87\x11A3==\x08\xf8\xfc\\\xda\xbd\xe9\xf4\xb0\xfa\xd2Lr\x8co\x91\x9c\xe3\x16'\x82\xb4\xa0cm\xe0"</t>
  </si>
  <si>
    <t>b'\xdb\xc5\x02&amp;\xef\xee\xa7j\xe3_\x1a\xd5\x06\xebc\x9b`=\x0en\xbfi\x072\x87\x84\n&lt;\xb5u\xa6\xbe'</t>
  </si>
  <si>
    <t>b'\x14\xd3\xa5\xa3Y\x1c\xd7\xdc\xe9}\x13c\xb2q\xe0m\x0c\xdc\xd1\xb0\x89\x1b\x1f\xae\xb5\xf3\xb2\xf2\x18\xfe\xc2"'</t>
  </si>
  <si>
    <t>b'\xa5TS\xc9!\xc8x.\xf1\xb7\xd2\xb2-\\\xa9E\xdb\xa33\xae(M\xf9\xb1\xa42\xc6n%\x07\xca\x9b'</t>
  </si>
  <si>
    <t>b'\x8e\xb7\xecM\xb8\xf9"\xba*\xae\xeet\x12\x06N\xd0I\x8c\xb2b\xb8\xedHNi\xf5\x011\xec)uV'</t>
  </si>
  <si>
    <t>b'\xc5l\xd0\x8f\x81\x07\x06Q\xeeX\xec\xa7\xa4\x10\xe4bfG\xd1\xa3\x8b\xd3X:\xd9\xbd\x8d?Q\x8d\xbf\x9e'</t>
  </si>
  <si>
    <t>b'p9m$\x86\xe1w\xbf\x9b\x94v\x7fHz\xe9 x\xd5qq\x11\xc8!\xdb\t\x9b\x94|\xa2\xea\xf6\xec'</t>
  </si>
  <si>
    <t>b'\x16\x06h\xf1\xe0\x85\xbe\x93\x06\xe9\xb0\x9a\x7f\xc6\xed\xdd\xa87\xa0P\xa4\x1a\x9d\xe7\xe3z\xe0\r\x82FWM'</t>
  </si>
  <si>
    <t>b'\x0b\xc1M0\x10f\x1c\x07\xb8\xe7]\x0e\x82\x0bi\xca\xc7N\xf2\xd4G_\x12\x11&amp;\xc2\x1c\xc0\xbd\x1e\xc5*'</t>
  </si>
  <si>
    <t>b'o;\x84A\xabkb\xf6SI\x94\x8a\x1e\xc8\xeba(UN8\x03R}#o\xf6\x87\xf1\xbeW\xf1~'</t>
  </si>
  <si>
    <t>b'%\xeb\xa85\xe7\xf9\xb5s&gt;yTW\x8d[\x00SK\xe9\x97\xb3$\\\x11\xa35\xcdo\x13\x15n\xd5\xd9'</t>
  </si>
  <si>
    <t>b'\x7f\xa0\x8cDJ\xad\xfaB1W\x1eV\x1a\x08\x94\xec\xf6SM\xc3\x80\x81V\xdb\r\xa7p\xa8LT\xb3\x7f'</t>
  </si>
  <si>
    <t>b'v\xaa\xcc3\xf3\xb7\xee\xcf\xc0\nYu\xda\xbf\x11[\xf1\xcd\xa0&amp;\xdel\xfc\x8df\xd9\xcb.\xa0\x1f0\xc0'</t>
  </si>
  <si>
    <t>b'\xecG\xec&amp;\x84\xdbo\xb7CG\xefY\xf1\n&amp;\xac\x13\xf2\x97\x8c\x9b\xef\x08\xc2\x1a\x80\x11G\xaf(\x1d\xd9'</t>
  </si>
  <si>
    <t>b'\x96\xd2\xf5\x87v\xa3\x0e\x1f\x99\r\xf9Rn\x0f\x05\xef\x12\xba\xdbe\xb8`\x8bi\x8a\x08\xb7=\x1b0sD'</t>
  </si>
  <si>
    <t>b'\xc3_\xe8\x90\x99\x81\x05S\x7f\x93H\x10\x9e\x9dF\xc67y\xd6\xc5z\xa4\xbb\xc6TIx\x89\x17\xf8\x9b\x85'</t>
  </si>
  <si>
    <t>b'\x9a\xb7\x81\x03O \x02&gt;F\x80\x1a=&lt;\xfd\xd1\x9c\x9c\xb5\xa4t }\xb2\x8d\x19T\xc1\x8e\x07\x1d\xb1\xd9'</t>
  </si>
  <si>
    <t>b'\xb5\x8c9}j\xff\xaa\xd8\xd1\xd7\x87\xf3B\x11n\xce\xb3\xb3\xb7\x81\xeb\x11\xbd\xbbY\xe2\xa7\xa8u\xa2&lt;\xd0'</t>
  </si>
  <si>
    <t>b'\xcf\xbc\xca\xf7\xef\xc1Zw=\xb1\xea\xfb\x95\xf7C\x13ls\xb1\xf4\xd7\x0e\xea\xd31\xbf^\xa7c\xf5\x97_'</t>
  </si>
  <si>
    <t>b'C\xa3\x15\x85\x87\xdc\x12Y\x82\xac\x02\x8d\x92\xde\x1c\xe0\r\x9e\xa9;\xa4qWH\xf8\x85\xf6P\x05\x0b\xa7\x0e'</t>
  </si>
  <si>
    <t>b'=J\x87\x1bD\x0by\xc7\x99@\xc3\xabdb\x1d\xf2\xbe\xaf\xb2\xa9h:|\xec|ml\x89Pr\xf2\x02'</t>
  </si>
  <si>
    <t>b'\xb7\xd7\x10\xafP\xc1\x12\xa8\xd7\x9cv\xc7\xbeW\xc5#i\xe7\nE8\xc7\xd7\x1c\x10{\xc9\x04\x8eL?\x9f'</t>
  </si>
  <si>
    <t>b'\xf9\xd0\x97\x05t\xfd\xf5QB\rj`CBC_\xac\x8d`S;\xdf\xef_\xfe\xcc\x053!\xcez\xfa'</t>
  </si>
  <si>
    <t>b'\xde\xae\xa9e{\xeb/\x02O\xd9\x1f"\xe9\xd9E\x9d\xb1D8C{f*j\x0b \x87)\xa5\x9a\x83]'</t>
  </si>
  <si>
    <t>b'N\xa5\x12\x14Q[\xee\xab\x04\xff\x1f\x8f\x14\x11\x8d_^\xcb_\x0c\x1c\xbd\xb4\x01%\xccV\x1e+o\xfdz'</t>
  </si>
  <si>
    <t>b'\t\xed5\x92\x18\x9f\xdc7y\x8d\xc1\xc1u\xe8\xd5U\xef\xd0\xe4\xcaV\xb4\x9b\xb2\xcf7\xc9I\xe1\x8c\xdb\x8d'</t>
  </si>
  <si>
    <t>b'\xcd\xd8 \xb3&amp;\xf1\x9fQ\x1e=()\x96\xc2\\\xd0\n\xb8\x9d[:\x19\xe4\xb5FW\xb0OBw\x1f\xb7'</t>
  </si>
  <si>
    <t>b'\xf1\x92\xfb\x06\xe7\x98\x0f/\xff\x07\x00\x05a\xbciW\x84cC\xeb$\xdc\xce\xff\xaa?\xccV\xe7.E2'</t>
  </si>
  <si>
    <t>b'w\xf1\xa7FL\xa3\x08\x1c\x8a\x89\xc6\xd9\xedfw\xe6\xa22\xe9&lt;\xf30\xb1\x81\xd2\xdaa\xe3\x95\xae\x94.'</t>
  </si>
  <si>
    <t>b'\x81[\xae3\xd2g\xae\x96\r\xdd\x9a\xdd\xc8F\x02\x9f\x03\xb79\x00DpA\xd9\xc3,&amp;\xa1\xa8\xab\xe6\xfc'</t>
  </si>
  <si>
    <t>b'\x9a\xc3\xb6\x8c\x11\xd3:\xdb\x0b\xc1\xccr\xdf\xcc\x14m\x8e%\n1\x9c\x87\xab,\x0f\xf7\xb6\xac\xea\x08\xba\xbb'</t>
  </si>
  <si>
    <t>b'\xf3+Y\x98P\x8e\x16\xe8\xdb\xc0\xdd\xca\x02\xa5\x95#\xb2\x14\x8d\xab\n\xd4y\xac\xedV7\xc1\xb1V\x9a$'</t>
  </si>
  <si>
    <t>b'\xf0%\xfb\xa2N\x03\xa1\xe9}A).\xf5\x7f\x8eW\x0fn\xfc\xd0\xa8\x88\xb6oG\x13\xe6\x84\xd0\x8b\x08\x83'</t>
  </si>
  <si>
    <t>b'\xd8\x95\xbf\x1b*(\x9c\xda\xd2\xc3bO\xf4\x94&lt;j0\x99\x15Mp\xbf\x05L;J\\\x1e\xd2\\|\x14'</t>
  </si>
  <si>
    <t>b'#QR\x03\x99G\xfa\x99\xbc6\xb0\xc4\xcb\xdd\xa4\xc3\xb6!\xd6A|\x9c@\x1f+\xf57$\x87\xf5\x0b\x1b'</t>
  </si>
  <si>
    <t>b'!\xe0E\x9fxMS\xc6\x83.Z\x1c\xd7\xd0\x90s*\xb1\xef^\x0c\xb1\x9e&gt;\x81\x10\x8d|\xe1\xa6\x0f\xc9'</t>
  </si>
  <si>
    <t>b'dg\x1ca\xbe-\xf3\xb2\xc2@ r\xae\x03\xfc\x8fr~\xfd\x93}\xf8\x0c\x82rgF\xf4\xfa\xa0D\x8d'</t>
  </si>
  <si>
    <t>b'\x8167Xv)\xf0\xc2\x186\x1e 9:)\xd8\x18+5\x8e\x81\xd7\xcc\xd6_\xda\xed\xde\xc7\xf9Y\x85'</t>
  </si>
  <si>
    <t>b'ka\x1d\xfc\xc7\xd3\xb8\xdc\x9bq\x8d\x0c\xf5\xb1\xdeB\xbb\xc8NH\xb3\x89\xbfcU\x93\xceL\xe8\xde\xf6\xc8'</t>
  </si>
  <si>
    <t>b'\x9e\xa7\xd4b\xc3\xf1T\x9a\x98\xde2&amp;\xc2ZP\xa5cxC\xa0A\xfd?\xa8\x8d9\xea\xfc\x9f\xb8P&amp;'</t>
  </si>
  <si>
    <t>b'\x12:\xe4\xc1j\xdc5D\x03/a\x0b\xa3eBB\x7f\x05\xcf\x04\xcf\xe2\x8d\xbfq\xa4\xeb\\\xbe\xafF\x02'</t>
  </si>
  <si>
    <t>b'\xb9q\xdf\xc2\xcaP\x817\xba|\xcdA\xa0\xd88\xb1\xb3\xb1\x1c\x93\xd0\xe9\xf9&amp;nR\xd9Q\xa6\xda,&lt;'</t>
  </si>
  <si>
    <t>b'\xc5\x1bK/S\xd4"D\x01\x93J1\xd6)\xbc\x94\xdd\xf3\xd6d\xdf\xeb\xc0R\xbc\xc7\xd06\xb2\xb6\x81\x98'</t>
  </si>
  <si>
    <t>b'\xe2\x12~h\xe0\xd7\x88\xe9\xe6\xb3\xce\xc8\x04\x9d\xb2\x99\xc9\xdap\x96\x1d\xbe\x9c\x1e:\xa3\r\xe6\x88\x1cw{'</t>
  </si>
  <si>
    <t>b'\x9f\x93A\xd9\xa2\x00\x9e\xf0\xad\xe3@\xdfg{V\x84\x88\xf2\x1dh\xb4\xa0\xdb"\xa2\t\xbe\xcfU\xdfj\xfc'</t>
  </si>
  <si>
    <t>b'/O\xd4\xa3Z/\x8b\xf7Hw\xdb\xf5\x0f\xdb\x96\xc4\x146\xf6\xa7\xd3R\x00\x05\x14\x02\xe8%\x86w/\x93'</t>
  </si>
  <si>
    <t>b'B\xa1Bg\xdd\xce\xe0\xd4\xb87\xabJ\xefu\x93\xb0^6F\xb9\x95\xae\xe9\x0e\x07\x8d\x14\x80&lt;_\xae\x8e'</t>
  </si>
  <si>
    <t>b'\x99S\x85\xfe\xb8\x18:\x15|\xe5\xd0\x1f\xc7\x16\xdbc\xde\x9d\xc4\x9f\xc9u\xaf\x02\xd8-\xed\xf10\x8eTv'</t>
  </si>
  <si>
    <t>b'\x99\xe8\xf2\xe1eG\xfc\x92.\xd4\x10Q\xd9\xe6\xf2\x90\xe0&gt;\x15\xe8\xab\x1f\xf4\x8b)?\x16\x9e\x9a@\xbe\xa1'</t>
  </si>
  <si>
    <t>b'+\xc5be\xd0\xd2\x1bz\xf6\x11\xee\x91\xc6\xe4\x8b~\xa0dQ\x87\xd9\xd0G\x10&gt;\xc4\xf2h\x1f|FA'</t>
  </si>
  <si>
    <t>b'C\x8du/x\x18\xc8w\xc4.)\xeb\xe9T\xb4\x8d\xb4\xa1f3\xeb\x16T\x7f\xc1\xba\r\xdf \x9c\x0fm'</t>
  </si>
  <si>
    <t>b'\xfe\x9dbs\x1a\x04\xfb\xc9\xa2A\xe5&gt;\x86e{\xe5n\xd8\xc3Rk\x9fEV\xe6\x98\xd9\x10\xbdTo\x93'</t>
  </si>
  <si>
    <t>b'\x90Bq\xd8@\x05\x8b[\x83\x9d+"42\xc0\xa4\x06\x85\xc1d_\xf8^\x9e\x93b\xb1Z\xf2?\xb8M'</t>
  </si>
  <si>
    <t>b'\xeb\xe8\x00`\xcd\x16\xd0k\xc0J\xcb}u\xe6\xc0.U\xc64F\x9d\xc3\xf7@U\xcdz\xcd\x83\x9c\xd2N'</t>
  </si>
  <si>
    <t>b'\xaa4\xfeF\xc57@\xd8\x12\x82D\x82\xe3\x9be\x9a\xf7\x9d-U;5\x03;2f?o\xc88\xc5\xfb'</t>
  </si>
  <si>
    <t>b'\xf6;].\xd1&gt;\x1cO\xca\xce\xaf\xd3 CR\xd8\x97\xfc\x19m}\xb0\x1b\xe8\xd8\x87\\\x14q\xa6\x9b\xc0'</t>
  </si>
  <si>
    <t>b'\x17\xaeh\x03\n\xa0\xa6^\xdd\x03\xcf\xa1\xd4\xc6P\xe7W\x98\xe3\xc8\xdf\x95\x00"\x08\xae@&lt;\xfc\xd2\xe5\xd2'</t>
  </si>
  <si>
    <t>b'\xba\xa8\xaf\xc9/xd\xaa\xb7\xe7\x88*0\xc8\xeb\xfaiP\xe5\x01\x03G$\xd8(!\xb79\x86X\xb6\x13'</t>
  </si>
  <si>
    <t>b'\xa0\xe6\x88rD\xe0\xdd\xb2E\xc0N\xfcN\xdf9\t\x84q~;)\xc4\x0b\xf4\xe8:\xf6\x96\xe2gb%'</t>
  </si>
  <si>
    <t>b'\x1b\x03\xc8\x89K&gt;\xc3\x19\x04\x81\xb2\xfd\x7f\xd36\xb8\x16s\xa5\x0f\x82\xc1\x96U\xe4\x8d\xd8\xaa\x99}\x9b\t'</t>
  </si>
  <si>
    <t>b';Q&lt;\x10\xd4,\x98\x10E\xb4\xf9\xa3\x90\xffc\xd9V@\x8b&gt;.\xd3\x00\x12\x9eh\x82\xc0NGIw'</t>
  </si>
  <si>
    <t>b'\xd0\xd0C{\xd3s\x15\xc9\x8d\xbb\xa4K\xc9!x\xba\xf0\xdb\xa2F\x15w\xc3\xc4\xf1`\xbd\xae\x16\x12\xf1\x8a'</t>
  </si>
  <si>
    <t>b'\xce\x1e\x91\xcd\xa0\x16\xd0\x0cvS\xad\xe7]\xe2\x01}&gt;\x95\xe5\x91(B\xc5\x029\x07\x94\x99\xe5v*o'</t>
  </si>
  <si>
    <t>b'v\x11\xc7L\x06.\xe9\xb8T\xadg\xa4[\x83z\xe6t/\x1b\x9c\xcazc\xd2\xeb\xc7\x8a\nV2Q['</t>
  </si>
  <si>
    <t>b'9`\x14\xe3\xc7\xb5mp\xa9\xc1\xf5\xef5[u\x82\xad\x7f\xb1\x7f\xb9L!\xb9\xb4/\xd3\x1f\xd7\\\xb4\x97'</t>
  </si>
  <si>
    <t>b'\x97nl\xa6+rG0\x1f\xdc\xe0\x17\xbfA\n\x8d\xa1\x91\xb3g\xec\x02K\xa6n\x8f\xc31%&gt;\xce\x91'</t>
  </si>
  <si>
    <t>b'-I\xa9\xae\x86\xc0=ja\xe7\x03\xfa\xabQ\xdc\x1d\x17\xb8\xfc\xf7S\xbc\xb7E\x96\xe8\xfa\xa8\x9b\xd6I\xfa'</t>
  </si>
  <si>
    <t>b'\xd0\xc9\x0c\x83\x80\xbe\x97\xb9\x00tLh\xce\xbbV\xe67\xb1\x90\x0e\xd5n\xe3\xbe{\x15P\xca\xda\x11v\xa1'</t>
  </si>
  <si>
    <t>b'\x06%\xb2\xe8\xcbqe\xfa\x0e\xbb\xb4\x19\x91\xf8\x06\x8c\x0e\x8e,\xda\x94\x88\xcd\x98\x95\xbd\xe4\x05\\)2i'</t>
  </si>
  <si>
    <t>b'\x95,\xdc%\xd2\xf3\\\xc0\x80\xf5\x0f\xdb\xcc\xf3s\x93\nN/\x02;\x08\x16v\x1d\xa3\xfb8R\x9b\x91\x14'</t>
  </si>
  <si>
    <t>b'=y,0\xbd\xb4\x12\x8c\x8aa{\x11\x86RE\xef\xe4B\xe9\x83\xea\x942\xce\xfd\xe8[\x03Gj1\xcf'</t>
  </si>
  <si>
    <t>b'b\xa6\xfd\xb5UW\xf7YW~f\xe0\x9fOV9\xc4;\x83\xe3\x13}\x93\xc5\xa4l\x15\xcc\xe73\xa7!'</t>
  </si>
  <si>
    <t>b'\xcf=&amp;\xfa\xa7\xc6}\x7fl5\xf8\x95\xd6\xd9s\xbcY\x84Y\x1a\x19"\xf7T\x88[\xee\x11f\xc3H\xad'</t>
  </si>
  <si>
    <t>b'+\xb2#\x99\xf2\xc3\x9e\xdf6\xb0&lt;\x14ptt1\xe1\xd0\x95*\xa6\x8eQ%\x0e\xebY\xa3HTL\x96'</t>
  </si>
  <si>
    <t>b'I\x9cw\x14~\x93\x94g\x16B\xfd\x03\xc2\x86\xcc\x06\x88\x8b\xc1&gt;rM\xbe\x86\xdcQ\xd9\xf0\xb9~\x9e\xb5'</t>
  </si>
  <si>
    <t>b"\x82\xfa\xe4L5y&gt;\x88\xcd\xaco\xa9\xdb\x0e\xad]o\xbc'\xb5\xbf\x95~\x96\xfa\x0b\xdf\t\xdf{a?"</t>
  </si>
  <si>
    <t>b'y\xa7\xbd\xc0~\xfcw\x82n\xa9Q\x87\xfb\xc0@\xbc\x17\x81+\x01P\xa6\xb1\x19\xca\xc1\x18\x02\xd1+e\x80'</t>
  </si>
  <si>
    <t>b';I\x066\x0b\x1bMT\xbfu@\xa5\x0e\xad[%\x1c\xf4\xc9\x04X\xbag\x8c\x83\xf2R\xddZ\x17B/'</t>
  </si>
  <si>
    <t>b'\x82\xa5\x14\x05\x15\x8d\xfe\x18&gt;\x8d\xba&gt;\x8ct^\x19\xc22z\xa6\xa7\xfaS\xa9l\xf2\xe8D@\xb4\xb7\xbb'</t>
  </si>
  <si>
    <t>b'\x8a\xc7\xf0\xda\xec`b$\xfa\xe0\xf6\xd6\rd$m\xf4+\xf6\x13\xad\x02\x85\xdd\xe2d\x11t\xe0\x0e\xd5C'</t>
  </si>
  <si>
    <t>b'\x8d|k\xc0\x85]\xf8 %(+n\xd3\x15\xc7&gt;\xad\x07\xb9^^X\x02\x91\xc8 5\x11\x08-\xe6\x8a'</t>
  </si>
  <si>
    <t>b'\xe6K\xfcY\xc3\xbf\x8c\xd4\x04\x81Ir\xf9\x08\x7f\xd9\xdd\x18&gt;G!\xb8\xe9W\x7f%9\xef5\xc6w0'</t>
  </si>
  <si>
    <t>b'\xe2\x94\xf7\x00j\xca\x96\xd2yS\r\xe1\xe2\xa4.\xe4\xf1/\xff\xb9.8k@\x1c\xa5Q \xbd\xe2\x82Z'</t>
  </si>
  <si>
    <t>b'\nTg\xc2\x0c\xe2b\xe3~pI\xd0\xc9\x98v\x13\xc5\xc4\xd4\xe0R\xc0\x9d\xae\xe5\x0e\xa4ha\xfe\x14\xae'</t>
  </si>
  <si>
    <t>b')\x1d`0v\xf7v\xd9N\xe3\xd0Y\x0c\x166\xd8H\xe2\xcdA\xf9F\xe6a"\xadG\xc6"\xc0\x855'</t>
  </si>
  <si>
    <t>b'_\x08U_\xa9\x06RH\xed\xd4\xe1Nf\xcf\xb1\xb3\xbd\xf8=\xf9\xa4\xed\xf9"\xc5\xa9?\xf5\xba\xea\xb2;'</t>
  </si>
  <si>
    <t>b'8"?$|O&lt;jr\x83\x12\x04\xca1\x93\x13=\x13\xf2[\x97\xe8\xdfGl\xa2\xf1\xaa%\xd9\x1d\xba'</t>
  </si>
  <si>
    <t>b'\x00j\xec\xa0\x06*R\xdd\xf3\xfe\xf2(\xc1\xa8\x84J\xa5\xd8pf8\x16\x8cp\xd9\xb9\xd3&lt;\x08\xe8\xa7g'</t>
  </si>
  <si>
    <t>b'\xe61\xd8k\xa6T\xec\x8b\x93\xf0ki\x9b\xb6&lt;\x85\xabY\x11C\xb4vg\xca\x97|-;3*\xce\x81'</t>
  </si>
  <si>
    <t>b'\xb6\x91\x98\x81\xa4$\xbbp\x0b"8$\x06\x93&amp;\x1an,\xc2Y\xdf2\x07CP\x02nF\xfb\xa9\xbf\xa7'</t>
  </si>
  <si>
    <t>b'\x9f?&amp;\x9b\xbf.m \xb8?\xf3~\xc9\xa9)\x06`\x11\x9b\xd5\xa9\x93b\x00\xae\xe1w\x91\xed\x92\xa2\x06'</t>
  </si>
  <si>
    <t>b"\xd4\xe2\x7f\xce\x9bG\x1fP\x7f{\x8a\xb8$\xea)0\xf5S_\x08'\x04\xb5m\xaco\x14K\xda\x1c\x85t"</t>
  </si>
  <si>
    <t>b'\xaf\xa4L\r\xbcdB\xfb\xbe\xa9@w?\x84\xdee\xa7n4\x86\xafJ\xc1-\x8eB/&gt;\xd2\x04)\x9e'</t>
  </si>
  <si>
    <t>b'\xd97K@\x15\x17=\x14Bz\xa7\xbck\tC\x17\x80\x99h\xd3L\x1ec\xe1T\x17n0\x96\x05Lm'</t>
  </si>
  <si>
    <t>b"\x83\x14\xb2\xeb\xe7%\xf9\x0b'\xc6\xfb\x9f\x91h\x06\xe8\xab\xf9\xc4%lJ\\\x8a\xc9G;\xa1\xde%G?"</t>
  </si>
  <si>
    <t>b'\x1dIC\xe6\xf9\x91Z\x8do[\x90\x8d\xfb\x0b9\xab\xae\n=\xaf\xa3\x02uC+|\xfb\xd7\xaf}\x1a\xf6'</t>
  </si>
  <si>
    <t>b'\xaa\x19\xc7\xecf\xdb\xb2\x18\xcc\x0c\xd9\xdfGy\xadkX$\x9bu\xd8\xcc0:\xc2oX\xb8\xb6\xf6\x97\x85'</t>
  </si>
  <si>
    <t>b':\xbd\xeegTP\x05d|\xaex\xcc\x8d\x00\xa57\x05w.\xc3\x87sU\x9b\xec4\x11\xb7\x8e|r\xf3'</t>
  </si>
  <si>
    <t>b'g,,\xb5\xc0\xab\x19],\xe3}\x87\xfa\x16`\t\xea\x9b\x8c?\xa3a-\x89\x1cj\xc9\xe4\xc1\xd6\xa0\xfd'</t>
  </si>
  <si>
    <t>b'\nb T\xc7k\x00e)b_\xc2G\xb0\xf3\xa6\xc8\x1eL4z\xcfy\x1f\x9b\x14\x03WR\xcc6\xb2'</t>
  </si>
  <si>
    <t>b'D\x8e\xc2\x1b\xa3:\x08\t\x04\x17\xa4_\x9c\x87n\x8dM\x9f`\\`fhf\x0e\xa7\x9dc*\x9aT:'</t>
  </si>
  <si>
    <t>b':\xd3\xaeV\xb6\x17o\xc1\xc8\xeaY3x\xb9\x15.:q\xef\x85\x95U\x81\x89j\xd2\xe8\xa1\xa2\xe19\x95'</t>
  </si>
  <si>
    <t>b'\x84|~\xe9\xed\xdd\x84\xb0-\x11\x91\xf7g\x1ain&amp;\xdd\xac\xe4B\x87\xd1\x82f&gt;a\xc6C\x01\xca\xf4'</t>
  </si>
  <si>
    <t>b"\x9d\\\xe54qm\xf2\x95}\x83D\xb68\x11aH\x86\x9dC\xfc'5\xc1o\xae\xbc\xa0z\x10\xf7\xb9e"</t>
  </si>
  <si>
    <t>b'&amp;\x7f\xb7\xd4\xe8Y\xd9\x8a\xd6\xfc\x08\xa7\xd6n\xd8L\xe9,N\xf4\x03\x89\xe4\xe78\xae\x93\x10q[xc'</t>
  </si>
  <si>
    <t>b'\xfe\xadP\xb7\xcd5\xe5\xd4NA\xa6#\xc3\x93@\x9e2x\x85\xffj{\xd9\x88D\xcd~\xef\xee{A-'</t>
  </si>
  <si>
    <t>b'U\x15\xd5\xe8U6\xe8\x00\xc9\x94\x85\xdcv`\xb4\xee/@\xa1Dz\x97\xa7A\x91\xa3\xb2\xb1\x0f\xdc\xe7\xde'</t>
  </si>
  <si>
    <t>b'[\x8a\xd5\xb2\xfcGXO_\x90\x93,[=\xc0\xff\xa1A\xb7\xfa\x93\xb1t"\x03\x16y\xb7\x13xBM'</t>
  </si>
  <si>
    <t>b"\x98A\xcc\x7f\x12\x06\x06\xf2\xb8\xc9\xb2;\x9e\x0e\xce;v}\xb1\\\t\xae {\xf0`\x0b+\xde\xaf'p"</t>
  </si>
  <si>
    <t>b'\xd5\x08\x06\xee\xec\xccN\xa92c&gt;S}V\xc4\xda\xe0cy\xea\xf5\xd4`\xee\xa8S\xb2_\xf4\x95\xe4O'</t>
  </si>
  <si>
    <t>b'\xad\xe6\xaa3\xc7U\xf5\xbc-f\x05\x8c\xcd\xbb?\xc0\xbf\xc0\x02\xd03M\x0cC\x8f\x83G8\x16,6S'</t>
  </si>
  <si>
    <t>b'\r^\xc3\x8aQoTD\x02\x96\x05\xed\xe0\x17\x00\x80E\xe6k1Sh\xd6\xea\x87\x14SN\xe3}]\xf9'</t>
  </si>
  <si>
    <t>b'\xa5\xa4\x8b"\xb5XP\xd2]Wx\xb9\x80\xf0\xae\t\xe3\xb1\xf8\x0e.\x04\xa3\xd3nA\xc7\xd3\xb0\xea\xf5m'</t>
  </si>
  <si>
    <t>b'\xb2?M\xafw\xc8\xe4\xf7C\x1b\xfa\xbe\xceI\xac\xb1\x1a\xf7\xa2Vp\xd8.yP\xa8\xaa2\x12\xfd\xe0\xa2'</t>
  </si>
  <si>
    <t>b'%(\xad\xbb8`\x93^\xcb\r\xd9F`a)Ie2i\xc5~\x84\xa2\xd6\x1b\x95_5DeZ\x90'</t>
  </si>
  <si>
    <t>b'H\x7fgn\xf2@\xd1\xf7\xf2\x7f\xda\x80\xbdb\xcd&lt;\xf1\xe3\xfa\x9c\xa8\x0b]\xa7\xe6\x96\x10i\xf9\xc8U\xcf'</t>
  </si>
  <si>
    <t>b'\xca\x9f"\xe5R]\x18\x03"~Y#\xe5\x02Xj1^7\xbf~\xf9\x06I\xd7\xce\xa2\x1a!\xa2\xd0\xf4'</t>
  </si>
  <si>
    <t>b'f\xda\x8e4#Y\x8f0\xabZ\xa8\x88\xc3\xca\xb7\xea\xedyR\x8b\xf8\xd2\xa2\x84\x0c$\x07\x9fq\xd3\x11E'</t>
  </si>
  <si>
    <t>b'\xd9g&lt;}h\x0e#E\xb1\xa2\xbe\xae\xde:\x10\xab\xba*\xb5\xf3\xf8\xb7Q\xe4\x84\xa9\xf6\xc0\xdb\x15\xa8W'</t>
  </si>
  <si>
    <t>b"\x06(\xb6\x85\x07\xe7zpJ\xd1\xd0\x9dI?`\xcc\xfe\x86VCF\xe0\xda\x19\x1d\xc5'XJ\x826\xda"</t>
  </si>
  <si>
    <t>b'\xf2\n\xed\x99\xe104\xbc\xb3\r]\x1e\x97"\x98\x19\x9d\xc4b+\x8d\n\xa7\xe7\x07\x95\xe2eB\x8c\xd9Z'</t>
  </si>
  <si>
    <t>b'\xdf\xc43QFK\x9a&amp;\x03k\xcc\xdd\x8fc\x13\r\x82\x18\x07kF\xef\xf2\xbe\r\xfet{D\xcf}:'</t>
  </si>
  <si>
    <t>b'\xb2\xc8#\xdb\xac`\xf4\xb0\x15\x8a\xd7N\x8a\xbb\x94\xee\x11\xcfy\x95,\x94\xd7o#\xe5KZ\xd6\xa9`\xbe'</t>
  </si>
  <si>
    <t>b'\xb0\x0f\xb9\xa1\x93\xe4b\xf3f^\xebzf\x07\xfb\xc6\xc2\xa0\xcb\x9a\xc4Q\xeb\xfdy\xc1\xa9\x19\xd6p\xf7`'</t>
  </si>
  <si>
    <t>b'0\xb6x\x1d\x02j\x8a\x048\x1e\x1c\x9b\x06\xf7\xff\x02\x1a\x8b\xd8\x08-f\xec\xbai\xfciI\xe1Ct\x9d'</t>
  </si>
  <si>
    <t>b'c8\x00\x88\xf7\x8b\xfaP\x00x;t&lt;\x1cX\xf1\x95qGtb\xd5\\\xa3\x94\x18\xf5\x82j\xd4\xe6\x9d'</t>
  </si>
  <si>
    <t>b'\xf4\xd1\x9a\x9f8\x94\x16\x8dD\xe7\xea\xf2ga\x9f\xc5\xa6M\x15\xcb\xd6\xdd\x9fh\xd3@\xf1\xa9\x15\x8e%\x82'</t>
  </si>
  <si>
    <t>b'\x1dv\xd1@\xe0s\x8d6\xa7`-\xffdQ\xe5\xe9\xfd\xa7\x04\xd4\xd7\xf8\xb8\xe6\x19\x8e\xf1__No3'</t>
  </si>
  <si>
    <t>b'\xc1M*\xb8\xa5\xc9\xf8DAC\x96v\xea\x87iW\x81\xc1\xe2+\x0f\xba.\x81\x96A\x92\xfe\xb0!\xe2\xc6'</t>
  </si>
  <si>
    <t>b';\x12x\xcd\xccm\xd4\xedAK\x9a\xff\xb5p\xf5i\xdfD\x1bj\xc2\x9bd\xed\x9e&amp;\x94S\xbbQ\x12\x86'</t>
  </si>
  <si>
    <t>b"\x15\x94\xf6\xee\xe6 \xf7s\x8d\xf4\xa4\xab\xb4\xea`\x8dM\xac\xc0\xd8S\xd4\xc2'kv\x82\x1d\x9f\xcd\xc7\x05"</t>
  </si>
  <si>
    <t>b'\xfd\xfc\xfeO\xe6\xaeoI\x83g\xb2gCp\xaaP\x95O\xb8p\xa2\xc6\xc5\x9e\x07\t\x05\x9a\x15_J-'</t>
  </si>
  <si>
    <t>b'\x16\x9f\xd1\x0cY\x93H\x8c\xc4\x87\xf9\x8e4\xbf\x06l\x0fG\xf0Sk\x92^\xe50\x99\x80\xda\xb5\x18 1'</t>
  </si>
  <si>
    <t>b'\xa7\x9bI\xe8\x7f\xac\xebP\xe0\x01\x98\x16\xd1\x03\x10\x04{\x1d\xd1\xa5\x1e\xe0\nuf\x91B\x8ds\xf1/\xad'</t>
  </si>
  <si>
    <t>b"v\x87|\xff\x0f\xbf\x95\xcf\x9e\x99\xef\x04\xde\xff;\xa1\xcb'\xb2-\xff\xce\xf3\xc9sCO\xd4\x8b\xcd\xf5\x12"</t>
  </si>
  <si>
    <t>b'\x86\xb4mN\xf0X\x89I;\x1a\xd5X\x0f\xfa\xd1J[\xd2Z\xac\xa0"\x0e\x96s\xe7\x8c@\xab\xf1\x16`'</t>
  </si>
  <si>
    <t>b'\xda\xbdD$\xd5\x9epNq\x1f\xaf1u\xd6\xb1z\xfdCK\xbfk\x03\xc0\x97\x06".D7-\xe9\x14'</t>
  </si>
  <si>
    <t>b'=\xb3\xaf\xde\x8c\xb3\x13Q\xd5\xc0\xe0\x84eZN\xb2RN\x0c\xbc\x04\xfds\xf1Tw\xfeMG\x1f\xcb\x86'</t>
  </si>
  <si>
    <t>b"\x04\x8e\xba/q\xef\x01\x90zU7\x1e\xb8L\x92\x10$\x86\xb4j\xc7\xb6\xd9\xb4\x98\xe6\xacP\xad\xdf\xe1'"</t>
  </si>
  <si>
    <t>b'\x06\x9d\x00 \xdf\x93\x91\xfe!\x9at\x1d\xfb\n\xc8\x81\xc1\r\xb9\xa4\x8bqx\xe2CxQ\x93\x91eh\x8e'</t>
  </si>
  <si>
    <t>b'i\xb5\x08\xbb\x86\x89\x97\xfb\xdd\xb0"\xc2KO\xcf\x10\xa6 i3\xf3\xcd\xcf&amp;\xcd\xe1;\xc4L\x80S\xbf'</t>
  </si>
  <si>
    <t>b'\x9e\x9a\xd0\x17\x8c\x18\xa0\x7f`\x19\x1e\xad\xcd\xb9\x90\xebX\xdfP3\xd6Ly)\xbe*\x7f\xb1\xd1(\xd8N'</t>
  </si>
  <si>
    <t>b'/\x19\xe4\x86Std\x87\x8fok\x88U\xe5\xb2\xe9\x80\xc0\xde\x01\x80\x04c\x93\x8eo3\xce\x97N\xbd\xb1'</t>
  </si>
  <si>
    <t>b'\x93\xd7\xdb\x1eM)\xf9[\xb67\xefr\x8a\xc1\x96\xa8\xe0N\x8d\xf5w\xc7~D4al\xcd\x92\xe30\x8d'</t>
  </si>
  <si>
    <t>b'\xef\xa8\xb2\x898Y\xc4\x92r@\xe0\x99k?\x08\xe4\x9d\xd5z\xb4("Wk a&gt; \x85\xb2Q!'</t>
  </si>
  <si>
    <t>b'w\xe8CpL\x06\xa5Z\xdc\x05I^/\xcc\xc6\x7f\x98\xd11D\xd0\x12U\xc0\xe0\xa1"Z\xba\x99\x83R'</t>
  </si>
  <si>
    <t>b'\x8b\xa9\xc5e\x07\xf2\xf0R\x03.n\x06\x05\xf7\x0f\x97u_wj`lD-l9K\xb4\xab\xaf\xb9`'</t>
  </si>
  <si>
    <t>b'ev\x19J(\x19)\xdemO\xfb;\xfaF\x15\x1dT\xa7\xb3]b\xf3\x8f\x16q\xe4naY\x0c\x86\x1f'</t>
  </si>
  <si>
    <t>b'\x0e\x8e\x85~\x12^\x95;\x9a\x90\x95\xb6\xc8\x83\x9a\x18\xbd\xb3M\xad\xb0\x01\xa5g\xe0\xb4N4\xee-\xde\xe8'</t>
  </si>
  <si>
    <t>b'0\xa7k\xb0\x94S\xc8\x8f\xb6\x01&lt;?\xf2\xcf\xc5\x8e\xd1\x0e\x96v~\xae&amp;yf\x96c\xcbIt\x10\x8f'</t>
  </si>
  <si>
    <t>b'\x10\x0b\xf4\x81\xd2\x12Lk\xb6\x1a\x0e]\xbfyL\nK\x95\x1b\xca\xbf3\xb7&amp;A\x92? e\xa6\xaeb'</t>
  </si>
  <si>
    <t>b'q\x03\xa5\xfc\x16A\xc6\x15O\x0c&amp;\x05by\xe4U\xc8\xd1\x86\xcd\xa5_p\xf2\x1b\xe3) I+m\xd5'</t>
  </si>
  <si>
    <t>b'`\xf9\x8b\x18\xb5\x94\x1cB\xf3\x98\xc2D\x7f\xb7\x0cE/\xcb\xaaph\x9a\x1b\x0fn\xec\r\xfb\xb3\xff\x80I'</t>
  </si>
  <si>
    <t>b'\xa0\xf4*h*\x96K\xdb|\xbd\xf1\x8e\xd7\x0c\x89\x81\xa3\xbb\xd5\xe9\xb7\xae\xe5WU\xd8\x13\xadG\xeeI\x1a'</t>
  </si>
  <si>
    <t>b'\x06Jg\xc7\xc21\x1f\n\xf2\x1d\xfe\xdd\x0f\x1cP\xb85\xcf&lt;\xa7\xd4\x17\xc1I\x93M\xb8D:\x98\xc7D'</t>
  </si>
  <si>
    <t>b'\xd6\xf79S\x82\x92\x05\xa4o\x7f\xaf\x05$\x95\xe5"\xde\xd8\xf9\xbbl\xf6?%D\x84\xa8Rs\x8a(L'</t>
  </si>
  <si>
    <t>b'E\xaa\xe27)\xb5\x85\xc2\x8b&amp;\xaa&gt;\xe0\xd6?\x86\xbcl\xda\x818-\xdd\xfa\xea\xe3$(Sm\xf8\xef'</t>
  </si>
  <si>
    <t>b'0\x11\xc4z]\xd2v\x88/\xafE=\xa2pL\xbeil\xd6GZl\xdf\xeaE]\xa4u\xe5\xf6\xd7\x97'</t>
  </si>
  <si>
    <t>b'=\x08\xf1t\xea\x9ef=\xcc\xfc\xf4\x7f\\0\x1a\xa46p\x01!s\x8e\x81\xa7\x82/o\xe6\x18\x01\x16\xf2'</t>
  </si>
  <si>
    <t>b'\xa1t\x19\xd4d\n\xd6\xb1\xbf\xe2\xa08y\x08k3\xd2\xa4*\xd1g4\x895\xac}\xe8\x15y\xd8\x89\xe6'</t>
  </si>
  <si>
    <t>b'\xd9K\x8d\x0f\x8b*(\x86\xdaT*\xae\x157\xc9\x16G\xb4\x00\n\xdeu\xb8\xfa\x88\x8cg\xed\x1e\xd6\xe3\xa6'</t>
  </si>
  <si>
    <t>b'\xfc\x85\xab\xb4\xf2\xbf\x05\xfe\x10\xe9\x9c_\x0c\xf7\x1f\xfe \xb5A\x07\xf5\xa2\xb3\xc90+\x1b\xaf\t\xf2\xabP'</t>
  </si>
  <si>
    <t>b'\x7f\x85\x0b_{[zr\x93*f\xd2\xb7s;y&lt;\x021\x84\xe6*\x89"\x9butN\x97Y\xa8 '</t>
  </si>
  <si>
    <t>b'\x188O\xc0\x95\x91C\xcbv\xa4\xa9\xc6\xc4\xd7S\xc5\xe2\xc4O\t\x99j-\x0fo\x97\x0f\x9fb\x90V\xda'</t>
  </si>
  <si>
    <t>b'\x8a\xd7\xb9\x9f\xfd=\x8as\xeef\xd4c\xab\xce\x87\xb0oU\xd7\xc2\xe2^2\xd5v\x98\xf4\x9c\x8d\xd4p\xdf'</t>
  </si>
  <si>
    <t>b'\x1b\xdbcE\x8d\xaee\xd4\xd8\x8a\xc6$9\xcb\x8a\xa3\x11:\x9d[.\xae\x89s\xfd\x99\xe9G\x90\xcf\xfd"'</t>
  </si>
  <si>
    <t>b'\xde\xa0\xad\x026^\x1aG(\xc4\x1bN\xae(\xd3@\xf8i\x18\x03\xed\x00\xa2\xadcgm\xb0\x14\xd5\x87\x9c'</t>
  </si>
  <si>
    <t>b'=\xd2\x1cI\xf1\x8d\xc8r\x85\xb604\xb07u\xac\xe4\x96\x11\xfd\xe6\x89\xb5\x02\xbd\x81\xa3B\xc3\xe3{\xd9'</t>
  </si>
  <si>
    <t>b'\xf1G&gt;K\x08\xa1\xbe^/b\xc4\x1fM\xf4\n\xf5Nv\xf4\x11~\xa4Z\xbf\xf3\xcf\x93\xeas\xba\xe49'</t>
  </si>
  <si>
    <t>b'\x8dW\xf5\x8f\x0e\xd1,o\t\xb5\x92\x18\xd4_7=\xfb\xe3\xa24\xe6:\xb6\xe8\xab\rU;\x16\xbe\x9av'</t>
  </si>
  <si>
    <t>b'\x15tE5l\xa0\xf4H\xb2\xaf\x0fX\x81\xccrX4^[\x81\x0en\xce:~{\xde\xfa\xf2\xd2&amp;\xde'</t>
  </si>
  <si>
    <t>b'b\xe7i~Z\x8b\x8c\xd3\x01\x0f\xfdO\xfd\x06*&gt;\xb9kO\xe9o\x8c\x7f4\xc9\xe3}\x05\x01&lt;\x92v'</t>
  </si>
  <si>
    <t>b'\xe7\xa3\xbc\x88\xd5\xaf\xa5\x1b\xcci\x98/s\xb9*\x84!Z\xec\xc9wEl\xc5\xba\x87\xbb\x10\xf5\xedbB'</t>
  </si>
  <si>
    <t>b"(\xd3O\xeb\xc8\xbc\x89\x17\xc6$\xd8\xab\x830\nd.\xda\x01lG\xbduZ\x83x\x0b=D'\x90z"</t>
  </si>
  <si>
    <t>b'I\x85\xec\xc7\xcb+st\xd7\xda\xc9\xdd\xc2\x14\xf1\x98\xba\xc9\x9c\x89\x015\x83\xbd\xe2\x1d+\xf1z%\xddL'</t>
  </si>
  <si>
    <t>b'\xf3m\xdf\xbfe\x08H\x1e\x9a\x9a\x10s$^\xa4\xf4\xcePfz\x9fFm\xa0q=\xd1|O\xa9mZ'</t>
  </si>
  <si>
    <t>b'\x15\x96\x19\x9d\xbf,\xec\x9dI3\x90\x81\xbb\x980(\x1a\xb8\xcaEB\x01_k\x07&lt;\x91\xec\xacsx\x9f'</t>
  </si>
  <si>
    <t>b'\x9f\xfd\xb0\xe5uu\xf2F\xac\x0e=\xcb\x0f\x9a\x1a\xaf\x98l\xf3\x1d9H\xc2F\xeelJ\xee\xdde\x89\x83'</t>
  </si>
  <si>
    <t>b'\xcd\x03W\xafPQ\xd0|\x02=\t\x8c\xb3\xd5,\xde1\x939\x02\xdc\x96\xca\xb0u!?\xff\x87\x04\x93['</t>
  </si>
  <si>
    <t>b'\xdbe\xe6g\xf2\x0e\xc0N\x17\xeef\xf0\xe1\xeb\\xQ\xd6z\xc2\x90\t\xe9}\xe1\xf8\xf3\x93"I\x9a\xf3'</t>
  </si>
  <si>
    <t>b'\x01\x80\xe5\x19\x9f\x00-\xf2g\xdfX\xc1\xc9\xd2\x971l\n\x1a~\x9f\xe2\xe7\xdf\xd3\xbc\xe3\x00\xb0\xa3s\x1c'</t>
  </si>
  <si>
    <t>b'F\xf8Ei\xe2\xc0`n\xc6\xf2%=N\x05\xf0?\x95\xd1Vi*4\xeb\xc6\xfe\xc2\x9f!@e(\xbd'</t>
  </si>
  <si>
    <t>b'\xa8[\xdfu_E\xe3\x18\xbds\xc4m\xae\xa9\x8bC\xf0\x90\x98B8\xbaG\xdd\r\xc9\x17\x96\x9a\xd3&amp;`'</t>
  </si>
  <si>
    <t>b" \x9a\x13\x14\xf2'[\xcc\x0b3=\xad5\x92@}C\xd3 '\xe5\x14\xd4\xb2ZCW\xde\xfaDtF"</t>
  </si>
  <si>
    <t>b'~\xf6X\xba:\xc6&gt;\x0c\xca*\x18\xca\x07\xf1n\xa6\xc3U\xc6\x8b\x90\xbco~\xc7\xeb\x93\x01\xb2\x7f\xc6\x06'</t>
  </si>
  <si>
    <t>b'\x12\xc3\t{\xc0\xb9\x8a\xd7X\xd7\x95\x84\xf6\xab\xd1\xb3\x10\x84\xa6zH\xaa\xadG\xcb\x01{\x8b\x86\x8c\x16D'</t>
  </si>
  <si>
    <t>b'1\x91j\x10\xb98\x01\x17\xc2#\x84m\x01\xc14\xbc\x94\x88X\x92h\xdf\x9a\xa4\x81\xf6{v3\x11\x01\xad'</t>
  </si>
  <si>
    <t>b"\xb3\x80\x85\x1e\xbe]'\x16\x81\xf3\x0ej\x87D\xaa\xf3\x17\x9e\x90@\xd2\x8e:K.\x991\xa3K\x81V\xeb"</t>
  </si>
  <si>
    <t>b'\xbb4`\x18\x1c\xd5&gt;\xf9\xc3\xe6\x12L4\xf2tY\xf6\xb1\xe3&amp;\xe4*\xb1"1K\x80^N\xc8N\xb1'</t>
  </si>
  <si>
    <t>b'o\xd6\xd3\x977L\xec{\x82\x01\xd7zIU3\xb0\x97\xd9\x0f\xc3\xad\xab,e4\xec\x8c\xba\xca\x07\xd0\\'</t>
  </si>
  <si>
    <t>b'\x88!\xec\xba\x1c\xa9\x92\xc6!\x11\xd8\xc2\x1b\xfc\xb8\x04w\x9e\r\xe7C\x15qZ\xfe_}r\xe0oF\xda'</t>
  </si>
  <si>
    <t>b'\xb5\x19\xce\xd0#\x1a\xd0NF\x03\x13\x9a\xceG1\xb9`\x10|\xc11\x99s+9+%\x1b&gt;\x8feC'</t>
  </si>
  <si>
    <t>b'a\x81\xeb\xfd}q\x1f\xb8\xe0\x97\x04\x19\x0b\xa0uz\xe2\nQ\xe6\x8f`\xe1\xee\xb1s\xcbm\xddR3\x9a'</t>
  </si>
  <si>
    <t>b')W\xf4\xf6j(\xb4Zc\x16\xa4\xe96\xed\xfb:m~R\xca\xeb\xa9\x85\xd3{\x01\xa8\xc3\x10\xb0\xd1\xfc'</t>
  </si>
  <si>
    <t>b'\x9b\xbd\x0f\xdc\x84\x0bL\x13\x8b\xc8#9\xddUFO\x80\xb1\xf93q=\x92\xd1D\x01\xb59P\x0f\x06\xf8'</t>
  </si>
  <si>
    <t>b'\xdf\xd0\xc3;\x15x\xc9\xf4\xbf\xa2\xc8\x94\xcc\xc4|\x051\x078\x99\xa7f\xda\xe1(\xd2\x86n\xfb\xac\xa6\x10'</t>
  </si>
  <si>
    <t>b'k\xa8~\x1ad\rX\xbc\xca\x14\x0f*\xf4\xc6+\x126\x86\xcd\xf7D\xc8#\x12\x08$j\x157dx!'</t>
  </si>
  <si>
    <t>b'\x1eI\x065F\x97[\xe2\xa6\x97\x90fs\xc8y\x10\x01\xb6GP\x95\xc7c\x18b\x04\x8b\xe8\xb6RN@'</t>
  </si>
  <si>
    <t>b"\x9ah\x13\x1e\xa5+\x8d6\x1e\xc3S\xe9\xb3X(\xbb\x8e\xed3'\xb5\x9d&amp;u\x81K\xb9l\x86\x8c3\x8b"</t>
  </si>
  <si>
    <t>b"\xec\x1eC\xeb\x12s\x9c?J\xea\x86\x12'\x82K \xe9L\x82\xbf\x1e\xb9\x11\xd5\xb3\x00\xa6\x9e\x89J\x0c\x0f"</t>
  </si>
  <si>
    <t>b'\xd5b\x9eg\xe2\xe3\x8eu]\x89h\x1a\xd6\x05\x0f\x8bp\x0f?^\xe7D\xb4 \x15\xed\x1em\x90\xaf\x96\xc2'</t>
  </si>
  <si>
    <t>b'\xa20\xfb=\xbe\x0eo!\x0c\x956\xfd%\x0b\xfa\xb8+\xf7\x89I\x85\xd5j[\x15#[\xe3\xd8l\xc7s'</t>
  </si>
  <si>
    <t>b'a\x1a\x08)\t\x808\xd2W\\\xb7\x15*}\x16\xbb\\d\x84\xf5\x11\xe8&amp;"\x87\xfe\x87\x01[\xf0\x05\x1b'</t>
  </si>
  <si>
    <t>b'0g\xc6-r!\xca\x14\x17\x1bgb\xe6\x0c\xdf\x07\x80\xecFl.\x9b\xd0AE\xf6\xf8\xe1\t\xb5\xc1\xc1'</t>
  </si>
  <si>
    <t>b'Q\x1d\xa8\xde\x14\xb7\xe3\x941\x82WA){#\r4y\xca4\x8bW\xc47&lt;\x8b\x9e\xbff\xd9qj'</t>
  </si>
  <si>
    <t>b'\xa6\xd8&lt;\x9f^e^ix\xe7\x80c\xe9j\xee\xc9\x17\x16C\x8c\xeb \x08\xf6\xaa&amp;Lh\x8b\x8e\xdb\xc9'</t>
  </si>
  <si>
    <t>b'}\x9c,\x8d\xc7\x1e!l\x99\x7f\x16\xb2L\x01\xd1\xddF\xe0l\x1aG1\xca/lN\x0cE\xea\xb4m\xaf'</t>
  </si>
  <si>
    <t>b':\xdbBT\xdb\xa5JP\x9b\xad\xfc\x96\xfa\xef\xf8\x7f7\x9a&amp;\xda\x90 m&gt;0kU\x17\xb0\xae\xe5\x9f'</t>
  </si>
  <si>
    <t>b'g\xf0\xd7q\xf7\xfd&lt;\xfcy{\x9a8\x89\x7f\xf8\x08\xe4e\xe7H\xcc\x8d\xb2\xa9&gt;\xa5\x00)\xf3A\xad\xa8'</t>
  </si>
  <si>
    <t>b'\xd9\x7fVy6)\x1a)\x8b!\xc3\xdcfA\x19\xc0\x10jDr\x1e{\x12\xca\x86\xf5\xdd\r\xe4\x0b\xfb\xb5'</t>
  </si>
  <si>
    <t>b'ic\x9c\x04\x94\x87\xf3\xb0\xf4\x8b\x0f\xfe\xd78\xa2\xffrE\xd7"\xa7\xf4\xbf*)(\x8a\xc9or\xe8f'</t>
  </si>
  <si>
    <t>b'~t\xf2\xd5\x8bDx\xc08\xf6N\x90 ^9E4\xb4\xf9\x0c\xbeA\xcb\xff\xbe\xefM\x12g1&gt;0'</t>
  </si>
  <si>
    <t>b'\xd439\xc3\xca\x84\x81\xe8p4P\x93%\xbc\x9evVY\x9c]\xaf\x00\xc2\x0c:\xa2\xecu(+\x84C'</t>
  </si>
  <si>
    <t>b'q\xd2\x18\x06\xc7y+\x82)\ru\xda\xec~\xaao+\xd53\xb2\x86G}\x8c\xeb\xb8\x88\x16\x07l\x19\xaa'</t>
  </si>
  <si>
    <t>b'\x12[\x8a&amp;M\x87Gv1o\t\xbcO\x04A\x9eu\x02[\x05\x11\x9a\x170\xe5]\x10c-\x87\xedI'</t>
  </si>
  <si>
    <t>b'q_\x9d\x9duf\xb1\x0f\xbf\x173\x8f\x9f\x03\xd8~\x168\xeda\x03{\x13\x8a\xbf\xda"\x04T\x80\x14\x1b'</t>
  </si>
  <si>
    <t>b'\xda\xc8M\xc5m\x87\x0eC\xf3i~\xb1\xf6\x15*\x96\x1d\x86*\x13{\x94&gt;`\x8bC4E\xabo)\xb3'</t>
  </si>
  <si>
    <t>b"\xad{\x15\x98\xbc\x87\\\xeam\xb8\xb5\\z\x15;(\xe1\xf8\x95\xd7v\xdc\xf4\x95'\x86\xbf%\xa2\xcc\xf1^"</t>
  </si>
  <si>
    <t>b'\xb4\xd3\x88\x93 \x12`\xa67O\xd1\xd8G\xba!\x05\xae\xeb\xbb\xa69\x8dl\xb2\xe2\x8d\x82\xb6U\x8a\x9b"'</t>
  </si>
  <si>
    <t>b'\x95T\xd8\xc0\xabNsH\xd1\x04\n&amp;k\xcd9\x94\xe3r\xf0{_\x86\xaa\xa6\xeaB\xa4\x05\xaf\xce\xe2a'</t>
  </si>
  <si>
    <t>b'\xb7&lt;8\x80\xb1\x7f\x15\xcc\x82\x94\xa7;\x1b.\x17\x00\xda\xfb\x9czU\x87\xa8\x99\xa8\xb9{+]\xe7\x86"'</t>
  </si>
  <si>
    <t>b'\x8b\xc2\xddx\xea/\xed\x96\x19\x1c,\x81o\x0f\xf7\xd3\xa1\xab\x98\xac\x17\xf8-\xa2E\x81$\xdf\xceb\xad\xd0'</t>
  </si>
  <si>
    <t>b'\xf3/\x81yL\x19\xcdK\x80\xce\xe7`Th^q\xe4\xb0\xe9\x9ey\x9f\xd7q\xea\x06)\xa4C\xf5\x85\xaa'</t>
  </si>
  <si>
    <t>b'\x879\t\x06\x10Te@\xe7Z\x81\xb4\x98\x93O\x18{K\xf4\xdc\xe9\xb8,m\xd7\x95\xa7Qh\x1dC\x88'</t>
  </si>
  <si>
    <t>b'\x94\xdf\x95hQ\xe6\xc7\xe7\x1b\x1c\x9bP\xa1\x87\x88\x13MF\x81\r\xce\xe0+\xa1\x8bK\x95\x81\x1a\xe2J\x10'</t>
  </si>
  <si>
    <t>b'\xc8S\xe4@~S\x15x\x88#\x8a\x86\xe74\x08\xa2\xd6\x958\xf3O\x13\x08\x8e6\xd4A?\xc6\x90\xb4\xcd'</t>
  </si>
  <si>
    <t>b'\xb6\xca\xef?\x83}\\\x06\xa0\xa7\xc1]\xc6\x0b\xf8]z\x93Z\x02\x11\xd6C\xba\x83\xab\xc1\xc1&lt;\xf9\xdd\x1d'</t>
  </si>
  <si>
    <t>b'X\xca\xb2\x9cs\xa5\x1c\xa4\x1dy\xe8\xf7\xe2\xefh\xeb)*n\xc3\xe4\x8byV`\n\x04\x8e\xb7\x16\xe7y'</t>
  </si>
  <si>
    <t>b'h\t\xa2\x97^\xd41\xad\xc4\xda3\xd3C\xf6\x11\x1f\xe8Q\xe4Fi\xcc\x00C?b\x98\xa0\x9c$\xcb\xb6'</t>
  </si>
  <si>
    <t>b'\xcc\xc6&gt;E\xee\x15\x06\xf5\xc7\x95BQ\xecW\x8c\xfb\x9d\x82W\xf9\xf9\xbd\xea\t\xaci\xea\x85\xa2\x8d\x1a\x97'</t>
  </si>
  <si>
    <t>b'\xd1|:\x9f%\xe8a\xd2:\x84\xdf`"\xb7\xccsm\xce\xabG9d\xa4\x00^)mb\xc7\x84\xb0]'</t>
  </si>
  <si>
    <t>b'9\xfc\x89\xf4\t\xed\x88\x07\xda\x08\x1d\x1e\xd6g\xce\x14\nP\x036\x80\xad\x00b\x15[\xe6\xf2\x93\xe3\xcb\r'</t>
  </si>
  <si>
    <t>b'*\xc7h\x8f\xf3F\xe5 \xfd\x8du\x83\xe47\x99\xad{U\x93{\x9eN&lt;i_"\x00\x97\xbf\x8e\x1d?'</t>
  </si>
  <si>
    <t>b':,s\xf3\xec\xe8\xd8\xf0\x10\xb2\xd3\xe9\xbfaaP\xfd\xfd\x96\x00\x8b\xdd\xa0\xe0\xfb\x90&gt;\xf88)\x92e'</t>
  </si>
  <si>
    <t>b'\xe7p\x03]\xf6\x1d\x94\xf1\x04\xba\x896\xf7\xed&lt;\xc5\xff\xc0\x85 \xdd\xbbB/\x96\xba\xff\xe0\x83 N7'</t>
  </si>
  <si>
    <t>b"\x8c`\x1c\x8c\xba\xb4'XtT\xa8\xfd\xdc\x17\xe5\xa1\x9d\xcf5[;\x85p\t+\x16u\xdeJt\xedy"</t>
  </si>
  <si>
    <t>b'\x04cJ\x0e[\x06n\x19o\xadqW\x1e\x04\xe3\xacq\x94\xe3\xec\xc8\x05\xa1_V\x007\x7f\x9eM\\\x15'</t>
  </si>
  <si>
    <t>b'g;j\x96\xdeN\xc9\xacK\xe7\x0f1a\xe7\xdek6\xfb\x92{N\xa6\xe4\x15i\t\xdc0\xaa\x12\xb6\xb4'</t>
  </si>
  <si>
    <t>b'|KoX\\\x8abZ\xd9\xd2&lt;\xbf;t\xff\x1a\xd9\xc1$\x07.\xd58\xc3.SD-\xcc\x1f ;'</t>
  </si>
  <si>
    <t>b'J\xc2\xf4\x00E\x19\xb8\xb0\x91_\x8fUY\x03]\xbc\x11\xce\xa8\x9dg,d\xa3\x1dL\xfcJ\t\x9et\x95'</t>
  </si>
  <si>
    <t>b'?V\x18@\x12\x8avO\xb8\xd1\'49{%\xa5,"3\x150^/\xcd%/\xe8\xe4\x98\x97G\x0f'</t>
  </si>
  <si>
    <t>b'6R\xbb2t\x87\xc3\xc12p$Y[E4/\xb9?_J\x97t\x17%!8\xf3\x8d\x0f\xf8\xec|'</t>
  </si>
  <si>
    <t>b'#2\xb4\x19\x95\xf5\xee;\xe7\x8d:N\xbf?\xe8\xa1\xb9_ \x16\xbe(.\xca\x10d\x84K\x07\x83-\xab'</t>
  </si>
  <si>
    <t>b'c\xfe\xef\xfd/;;\x1b\xef\x05tn0\xc9\x0c\xa7\xee \xff\x05\xe7\xa4`\xc0)\xbd\xb6J\xedr?u'</t>
  </si>
  <si>
    <t>b'b\xcbb\xdc\xfd\xa0h\r\x0b\x07\xffN*I\xee[\xce\x7f8W\xc8\x01*\x8c\xdb+/[\xf90x\xba'</t>
  </si>
  <si>
    <t>b'\x13\x15FY\x0b\xfbE\xae\xa0j\xbf=&gt;w\xff\xca\xd0\x81+\x05O\xcd\xfe4\xdc\x86\xbf\xaeCe\xbaX'</t>
  </si>
  <si>
    <t>b'K\xf38\x02\xdbO\xa4\xb3\xc8\xe8\x85\xb1\xe5{\xc3\xeb5\xdb\x18\xb5q\xa5\xfa\x12I\xaf\xac\xca4\xcc=\x13'</t>
  </si>
  <si>
    <t>b'\x84\x8b\x89\xb8\x17\xe18m[\xb5B\xaa\xfd\xb8:\xa9}\x91&gt;\x13\x01A8FJK6\n\xf0\x96\x85\xe2'</t>
  </si>
  <si>
    <t>b"Z\xc4\r\x9b=\xb7\xb7\x87\xe6\x8bz}\x96\xf7oI\xfc\x10\x1a\x9b'\xe0\xe5S\x83 \x1e){\xa3\xa5\xb1"</t>
  </si>
  <si>
    <t>b'\xbc\x93\xf9\xfd\xd2\xd1(\xc4.\x92\x19\\z\xa0r;\xc9\x95-\xb1\x15.\xae\xa4\xd6]\xc7\x0b\xa9\xc6\xddf'</t>
  </si>
  <si>
    <t>b'bN\xbb\x91\x88\x83\x07\xd5\xf8~\x1avZ\xf61\xdbA\\\xb8\x97t\x12\xa9Wd[\xb4\xe6\xea\x97\xd0\x16'</t>
  </si>
  <si>
    <t>b'F\x04\xb9\x8c\x91\xe2\xd1D\x9f7\xcc\x8bv\x85o\x96\x8e\x1e|^\x90RN\x06\xda\xb8F\xd6" \xb8q'</t>
  </si>
  <si>
    <t>b'\xe8I\x8c\xc5\x9f\xf3\xbcU:%\xea\x13M\xd6\xcaU\xe2\x87\x1d\x83\x0f[\xb8dZ\x9f$n\x89\xe6\xd7\x81'</t>
  </si>
  <si>
    <t>b'\xa1u\x8f\xc2\x7f\xa9\xd2\xc2\x9b\x02\xdb@\x19[\x16\xdf\xf3\xd0\xec\x00\x13\x19K\x90\xd1Tua\xe9j\xe3"'</t>
  </si>
  <si>
    <t>b'\xff\xac\x0b\x8d\xee\xa0N\x85m\xc4O\x16d\xbd\xb4\x01x\xc0\xdb\x9a\xfa[\xe6\x08\x02\xb4 \x94!\xbaP\x83'</t>
  </si>
  <si>
    <t>b'\xaeu*6\xf5\x07dl\xd2\xd82\xae\x99\x13~Ed\xc4\xbd\x99Z\x84\xef\x90\x8ca\xec\x84\xe7\xa8\xb2\xfd'</t>
  </si>
  <si>
    <t>b'z\x0e*\x84\xf3si\xda\x7frK\xf3\r\x08*N\x1cg\xa2:\xd2\xbe[\x0f\x8a\xf0\x13Y\xe9\xa6\xd9\xd2'</t>
  </si>
  <si>
    <t>b'fU\x8d\x83v\x96\xc0D(\xd6\x94B\x10\xab}\xb5r\xcc\x99&lt;T\x95\xb2W\xe5i\x93\xd8\x0c8\xc2\xdd'</t>
  </si>
  <si>
    <t>b'\x94\x19\xf3\\\xd3\xdcCd\x05\xa8\x8d*\xdcD\xcdre\xbf\x8axo\x1f\xa2}x%\x17\x0c\xd1\x851\x08'</t>
  </si>
  <si>
    <t>b'\xe7\xd0\x16\x02\x1e\x9b\xbb\xb0\x98h\xc1t?{\xe8}\xe5\x94S\xc0\xe3\x9at\x12\x02\xb8\xc1\x14\x86d_\xc9'</t>
  </si>
  <si>
    <t>b'\x9dC_3\xde\x8dJ+\x9ar\xcai\x06F\xa2s2s\x9fa\xf3\x94\xff\xda%\xe2E\xdfhO? '</t>
  </si>
  <si>
    <t>b'\xb7|\xb6\x7f\xd0\xbfc\xa7\xff?J\xb6R\xa9\x03\x0f*(6W\xbe\x9bIF\xfb\x05\xd6\xbd\x8b\xbd\x01\x90'</t>
  </si>
  <si>
    <t>b'/\xc4V\x08n\xf7|\xbafr:C\x94\xe3\x0c\x1a\xca\xaa?G\x16\xfb\xc5CM\xa6\xfbl\x83\xa9\xda\x00'</t>
  </si>
  <si>
    <t>b'\xba\\\x00\x0f\x80&lt;\x1e\xd54\x90\x90g\xf4r\xc26EJ\xb9O\xdf6\x1b\xe0!\xac\x08\x9a\xb8\x13\xa1"'</t>
  </si>
  <si>
    <t>b"\x93\x19}'US\x10\x18\x92\x18\x12\\.A\x05\xfb\xaa\xbb\x97\x7f\\\x16\xaa6\xb6\x81-A+\xeb\x9c\xec"</t>
  </si>
  <si>
    <t>b'\xa4\xc5\xdb\xa7\xd8\x1c\x1d\x8cq^\xac\xfb\xa8\x1cRU~e\\\x0f\x82\\\x83\xff\x0e\xd9}Y}[|c'</t>
  </si>
  <si>
    <t>b"Z\xc3I'\x97I!2L_\x9e\xa9\x9f@\xe5_J\xee&amp;N\xe4\xd0[\xfc~\x82\xd7\xa9;\xf4U'"</t>
  </si>
  <si>
    <t>b'\xb1^\x9aL\xb9\nf\x18:\xc9;\x92%\x1f\x88\xca\xae\x13\xa0\x83\xf8\x13\xc5\xb75c\x95B\x8b{@\xff'</t>
  </si>
  <si>
    <t>b"'\xf54\xf6\xdc-I\x03:\x8d\xf1\xde\x02\xfe\xa2\tV\t\xd4\xf9-\xf1\x8f\xe7\xc8\xc1\x04\xfb$\xe1\x8dE"</t>
  </si>
  <si>
    <t>b'd\xc5u\xc6E\xd9\x1dV\x17y\x18l?\xd4fi\x84\x82\xa9\x10]DL\xa5Z\xebc\xb4|\xca\xf0\xe9'</t>
  </si>
  <si>
    <t>b'\xcfC\x9eH\xe9\xdf\xe1\x9b{UK\x97u\xfe\x81\xc3Fi\x04Dj\xfc\xa1d\xc6\xfbX\xab"\xda\xb8\xcb'</t>
  </si>
  <si>
    <t>b'mri\xc1\xb1|\x08\xeb \x94a\xf1E\xce\x97\r\xe9\xb4\xe8c&gt;\xcf\xfe1\x9f\xc8\xb1\xc5H\x9f\x0eB'</t>
  </si>
  <si>
    <t>b'\t+%#F\x82\xdb\xcd\x1f\x94Q.L\xa7\x984\xd8\xebm\x9aa\xb7\x1d\xcf\xb3\x81\xf9\x93\xb34\x10\x14'</t>
  </si>
  <si>
    <t>266xx</t>
  </si>
  <si>
    <t>b'\xab\xdc\xc6`T{\xf8d\xd6Bj\x05\x8f\xfcD\x0fz\xe3(C\xceG\x7fiE!O\x08.\x947W'</t>
  </si>
  <si>
    <t>b'\xba\x8c\xd8\xfc\xceh\xb4\xc1\xd2^\xe7\x14\x94\xa5\xb0s\xc9-\x8e\xf8\xcf\x8d88\xa2\x1ek&amp;.^\xc8$'</t>
  </si>
  <si>
    <t>b'y\xd0L\xa7_\x00\x87\xf2\xd5\x9d\x1c2\x00\x1a\xef\xfd\x96j\r\xd5\xf2\x0ck\xcc&lt;\x8efrtM\xbe1'</t>
  </si>
  <si>
    <t>b"\x988\xfck\x93\xc3\xfc\x88P :\xc3Z\xfe\xc7\xf9\xc5\x84]\xc2\xf3\xd6\xc6\x9bP\x14\x19\x10q'`l"</t>
  </si>
  <si>
    <t>b'\xbd\xadrif|\x98z*5/Gp\x14@\x8d[\xdfwL\xc2\xd3n`?\x80\x0c\xb7\xcc\x83\xbb\x98'</t>
  </si>
  <si>
    <t>b'8\xb27\xf9\xb5RM+\\\xc1\x9a\x03pY\x88\xba58\xea$\xe8\xf0\xab\x97~\xf6A\xe6\xd2. \xa0'</t>
  </si>
  <si>
    <t>b'\xecZO+\xe6\xd5\xb7F\xc5\x14Hxi\xe9\xffX\xbdf\x80\x7fIp[\xe2\xc4\xe0c\x14e\xbdKG'</t>
  </si>
  <si>
    <t>b'\xd7\xfc\x8a\xc0\xf9g\xd3Z\xd5\xd3\xa0\x93\xa3m\xc4\xb5\xbb\x91\x96\x1f\xa5\xaf~2P\x04cs\xc0\xf7\xce\xd3'</t>
  </si>
  <si>
    <t>b'\xfa\xf1$\x18\x03\x04\xc9\xbac\xa9\x11\xe5&gt;\xed\x99\x99buB\xca\xf8b3\xb5\x80\xb7\x02k\xf2\xf4I\xb3'</t>
  </si>
  <si>
    <t>b'T\xcel\xa5g\x19\xc5\xb0\xd0\x9eUs\xdd\xc2Kp4\xd6a\xdc\xf8\x0b\xa8\x0c\xdfBW\xac\x1d\xef\xe0\xa6'</t>
  </si>
  <si>
    <t>b'\nQM\xdcx1\xdc\xe9\xb7P\xb3\xff]\xe9\xa4&amp;\xac\xad\xdd\x96\xdc\xc2S/\x1dA\xda\xe5 \xfb\x82\x0f'</t>
  </si>
  <si>
    <t>b'EF\xfb\xb0n\xf0o\xd3\xc6\n$/\xc5\xa3\x9atE\x8d\xd0G\xaf!\x7f\x970I\x0f\x81H\xd5H\x9c'</t>
  </si>
  <si>
    <t>b'f\xd3\x19\x1fg\xce+\xdb\xef\x19\x1d7\\\x7f\xd1r\xd4\xab\xb6\xa5\x0f_\x04\x80~\x06T\x0bEJ\xa6\x90'</t>
  </si>
  <si>
    <t>b'l\xddc\x88\xfa*\x8a\xa2Y\xfd\xdc\x89\xa5.\x1aP\xed3\xac\xdb\xa4:\x9c\xaa\xd2\xa3\x91\x0c\xbd\xf7\x83\xf4'</t>
  </si>
  <si>
    <t>b'\xc5\xac\x94@\xe0\x17\xbf\xcd\xf7z\x97\xdc\x8ap\x8c\xc0\xd3-{d\xc6?xI\x89\x82{\xed\xdf\x91\x8b3'</t>
  </si>
  <si>
    <t>b'\x85D\xa5\x95S\xc8I\xb7\xa8\xc3}y@\xe5IUC\x13\x1a\x0eAe\xe1\x04\x12}\x8a|l\xd9.\xb4'</t>
  </si>
  <si>
    <t>b'\xbcE\x9fGK\x0bA\xfb\xeb\xaf\xac\xa8\x1cV\x7f\x17\xcf\xc0\xe8O\xd93\x94#\xea\xc4\x8f\xecrw\x0e\xf9'</t>
  </si>
  <si>
    <t>b'\xd5\x05\x1ef\x952\xcc \xc1\xa5\xf13n8Y[&gt;\xfd\xfd\x8b\x9a\xe5y\xd1L\x98G_\xebG=\x8e'</t>
  </si>
  <si>
    <t>b'Q\xfbJ:\x92z\xd9Sd\n!\xe6\xf5\xb6\x1fz\xf7\xcfe\xea\xef\xad\xa2__\x94K\xd1+\xa7|\xd6'</t>
  </si>
  <si>
    <t>b'\xcb\x9e\xd2\x19D\xb1\x13\x05{\x08y\x90h\xb1\xd3\xad\x16\x1b\x92X\x9a\xeb\xf2\xd5\x18e6\x90\xe7\xb2Y#'</t>
  </si>
  <si>
    <t>b'\xaf\xb8kdr\xb4\xc7\x8f\xc21[x\xe2D\xa9U\xd7]\xee\xa9;mI(\xfdx\xe0\x9e\nP+\xd0'</t>
  </si>
  <si>
    <t>b'\x99\x83\xd1\\\x16;\x86d\xde\x83R\xad\x02\xcb\xa3\x92p\x83\x87\xaf\xb9p\x83s\x95\x1d\x97t\x08\x81\xaae'</t>
  </si>
  <si>
    <t>b'\xc4\xea\xc4\xd4\xb8\xf5W1SX\xf1\x12R8\x0b,\xc0\xcej\x87\x80\xca\xca\xd9\xff\xba\xc1\x04\xc2\xe64\x14'</t>
  </si>
  <si>
    <t>b'\x9eC\xf5\x9f6fT\x88P%&lt;\xfa\xbf\x8b\xd7\x1d\xf3\xcc\xdf\xd6\xca\xdd\xc3L,\x19F"\x12L\x9c\r'</t>
  </si>
  <si>
    <t>b'\xee\x0b\x1f\xaa\xe8\x82\x08\xa3\xdc\xd2\xb5\x86\xe2\x8b\xe86\xd7\xb9Ml\x1dCB1\x8eb\xec\xd1&lt;\x9c\x85U'</t>
  </si>
  <si>
    <t>b'\xbch\xfa\x17n\x82\xbc\xc7D\x88\xa4\x8b\xe6Mp\x97\xb7\xca\x94\xa0\x94\x0f\xd1\xc8o\x99\xa3\xd2\xd3\xc5\xf29'</t>
  </si>
  <si>
    <t>b'Sz\x82J\xa8Z.\x87\xc5\xfb\xaf\xc0\xe8\x03\xf6\xba\x00\x05\x9c\xa9y\x0c[\xfdC6\x04\xf6Z\x037i'</t>
  </si>
  <si>
    <t>b'w \xb5\xb3\xa1b\x01\xa8[3,\xa5:\x1f\xec-\xa8\xbc\xceU\xb0\xd2\xf2Z\xd5\xd5x\x19TqR\xae'</t>
  </si>
  <si>
    <t>b't:\xc1\x07=d\r\xa7q\x14\x90]\xb5\xdc3]X\xed{\xfb}\x02\x99[es\xf9\xa7\xbc\x197]'</t>
  </si>
  <si>
    <t>b't\xe0\x0bD\xb0\xc9JQQf&lt;\x9dS\xb9\xf4\xef\x04\xab\x02\xfc\xbf{\xfe\xa3l\xdc"T\x06\xf3\xa1\xba'</t>
  </si>
  <si>
    <t>b'\xbf\x15W\xb4n\x87\x18\xc3\x8f\xcd\x07\xf1\x03\x9d\xc9!R\xac\xb2\xf9\xd1W\xc1r\xd8\x98e\x0b\xa0\xa3\xbc\xee'</t>
  </si>
  <si>
    <t>b'`\x05Te\xf80Fz5yL9U.\xfd\xcfx\xe5u\x17\xdax%\xe3\xfe[\xd6u\xe2\x9a\x13\x88'</t>
  </si>
  <si>
    <t>b'\xd1A\xa2\xb0[QVs\xae\xa4`\xb0=D \x95Zz-\xc1\x8dZ0\x1d\xfey\xdf\xdb\xda\xeeRV'</t>
  </si>
  <si>
    <t>b"\xd2\x80\x15\xf1!\x10\xdfs\x03\x976$\xf86\x94\x1blbg#\xf1\x96Y\x13'\xaco\xe3.\xab\x11O"</t>
  </si>
  <si>
    <t>b'J*6Q\xae\xf4\x8c\x0f\xfb\xdb\x0c\x1b\x80\xd4\xb8(S\xf9\x9c\x0eT\xec\x12\xae~\xa8\xdb\x0b\xf0b\xb0\xa9'</t>
  </si>
  <si>
    <t>b'\xb89mw\x0b\xa3\x18#\xad\xbfN\xc5\x90c\xc6 g\x06\xd4#\xda\xc70G\xd9\xb4\x05W\xe9\xd1\x8d\xe6'</t>
  </si>
  <si>
    <t>b'\x88\xb6\t\x1b\x8b\xd2zSY\x98\x1a\x1d\x89\xc5\xf3\x8ao\x0b\xc75\xfdbfp\x01\x99\xea\x03\xdd\x83d\xe5'</t>
  </si>
  <si>
    <t>b':U\xf0\xda\xcb\xa1.\xe09\x03}\x02A%W\xe1#e&gt;\xf7\xccH\x15&amp;\x07=\x93\xf2\xc4u\x81\xe5'</t>
  </si>
  <si>
    <t>b'\xe5\x9e\x89\x16)\x8e\xec\x12\xe5\x81\xc9\xec\xf7%\x9b\xdc)\x04\xce\xf4cY\n\xe1\xb9\xd3G\xb0j\xe6\xc13'</t>
  </si>
  <si>
    <t>b"+\xc1-\x1d\xc5\xea\x90\x05E\x9a\xd7\x0f\xaa|\x8b\x0e75\xec\x18\xab\x9f\xa2\xa3\xcf\x85\xb9\xbd\xda\x00'\xa6"</t>
  </si>
  <si>
    <t>b'\xaa\xdc\xcej\xe3\xc9$\xbfa\t\xa8\xef\xaf\x83m\xfca\xf6$\xf2\xc2!\xea\xd2Z:MV\x87|8\xa8'</t>
  </si>
  <si>
    <t>b'Gi\x859(\xf33\xbc\x9a\xe2\xc9\xd0L2-\x9fQ\xa43\xb8e\xc7\x11m\xd6-\xcax=\x14\xeb/'</t>
  </si>
  <si>
    <t>b'\xe7o\xd9Q\x10\xa5\x0f\xea\xd4\x8d\x1d\xd9h\xc0\xa6I\xc4#\xe4\xe3^e\xc7\xde\xe6\x1f\x8c\xdb\xfe\xb6\x16/'</t>
  </si>
  <si>
    <t>b'\x9f\xad\xf5\x98^d\x9c\xa4=\xbb0\xe6\x96\xbe\xbbM;\xb5\x1d\xa3\xcd\x13\xc7\xb5o\xf9/q\x83\x93\x8c\xcf'</t>
  </si>
  <si>
    <t>b"\x9cC\x0f\xe7\xc3\x81\xa2&gt;2&lt;\xce~kn;\x8d\xf1;;F9\x91Z\x81mh\xd4H\xf8\xfa\xac'"</t>
  </si>
  <si>
    <t>b'\xc7\xd6\x928\x08\x04\x8e.\xcc\xbd\x92:0\xcd\xff\xc4r\xba\xc8\xc5Y\xdfh;\xfcJL\xc5\xb1\x0c"j'</t>
  </si>
  <si>
    <t>b'J\x02\xf7\x81^7\xe7\xe6\x89\xeb\xed\xfb\xec\xfcW.\x87\xcdl\xec\x93\t\xe7z\xfd\xed\xa3\xf5z\xa7\xb4\xaa'</t>
  </si>
  <si>
    <t>b'H \x1f\x92\x9f\xda\xb4\xd7+\x08\xd0Y\xa2l\xc6\xa9\x8eW\x9cC\xdb\x07e\xc1%\x0b\x83\x141\x19\xddL'</t>
  </si>
  <si>
    <t>b'U\xd1TF[\xbb\xae\xde\xe2\xd7H\x9c|!\xee\x13\x18\xf8\xec\x08\xb1\xdf`\xa1S\x1d&amp;\xd3\xf3\x8a\xa9\x90'</t>
  </si>
  <si>
    <t>b'.\xc4\xd5\xc1\x10\xea\x0b\xdb\xfe\xb7aec\xfdT\xc7\x9e2\x87)\xe0\x08 \xeaV\x911\x87,\xa8\xac\x18'</t>
  </si>
  <si>
    <t>b'\xa1\xa1t+U\xc5\xfdT+\xbb\x9a\x1d\xefx\x9f/\xea_\x11&gt;\xbeZv8|T&gt;?\x17\xb1\x87\xb6'</t>
  </si>
  <si>
    <t>b'jo{\xcc\xbdY\x16\x84\xc0\xd9=\xf4\x98\xd3r\x7f\xeb\xa0\xc5\x03k\x0e\xc3\\\x0e\x1d\xd1o\x10\xe7\xbc\xee'</t>
  </si>
  <si>
    <t>b"\x020\x9f\xcb56\xb6m\x83]\xff\xdfN\xad]'\xa8_&gt;}\xf7\xb7\x02\x9e\xcf\xd8Pn\xe7;\xc1\xe5"</t>
  </si>
  <si>
    <t>b'Z\x0b\xd6\x85~\x9eN\xc5\xcf\xe3o\x83\x1b\x86\xaf\xfa\xfe\x90FEGH?\x08RNJ\xc6-v\\5'</t>
  </si>
  <si>
    <t>b'\xbdU\xcb6\xc2\xb2\xff\xfe\x81L\x94\xf9\xf3\xee\xdemj\x03\x19,\xe9\xaa\xb6\x07\n\x94\x88\\\xd55\xfa\xb2'</t>
  </si>
  <si>
    <t>b'9\x8f\x8a\x03/\xf9\x16\x867`O0\x1do\xfe\xcb\xac\x9e\x05Q\x9a\xbfd\x92"ke\x97Y\x84z\xdd'</t>
  </si>
  <si>
    <t>b'G\xee\xa5\x87\xa5\x9edsUN\x8c\xb3\xe8\x98\xebzA\xc7\x83c)7\x86\xef\xce\x02[\xe2\xd9q\xa2s'</t>
  </si>
  <si>
    <t>b'\xe6\xd2-^e\xd2\x0bp\xf06\xe10_\xe8\x98\x1c\x06t\xedx\x0c^\xf6 \x8d\x12\x01\x86Q\x81O\x12'</t>
  </si>
  <si>
    <t>b'\xc6\xb3\x0bv9\xed44$\x9b\xd6~t\x0f.uP\xe3WJ\xaa\xafF\x9euh\xa8\xbe\xa3d|_'</t>
  </si>
  <si>
    <t>b'4P@{#d*H \xa8;\xfdh\xa8\x03\xd7s\xcaVy\x1d\x8d=l\x93\x8cP\xd5C\xd2\x9f\x98'</t>
  </si>
  <si>
    <t>b'\xe4\x83\xe1\xf1.l\xbe\xe3T\x01\n\xe4\xcd\xb3|\x88s\xcai\x9b2w\xbc\xbc\xa9\xfc\xcc\xd9\xe5F&gt;\xd2'</t>
  </si>
  <si>
    <t>b'\xbf\xf3u\x7f`\x00\xb9\xb0\x8fTCt\xa8\tYT\xd1\x9f\x05\xf0\xaepc\x80S\x14\tU\xc9I\xfd\xef'</t>
  </si>
  <si>
    <t>b'\x8b\xa3u\xa6\xf2`\xdd\xe4\x11\xe9\xf8\xf4\xb9\xe83V1\xe3\xf8\xe4\xa5\xac\xe9\xe5\xd8\xca.\xf0\xf0\xbdH\x13'</t>
  </si>
  <si>
    <t>b'\xf0hb\xc1N\x07\xe8\x06"b\x7f\xff\xb0V,\x98\x17#\xd0e\xbaCW\xd4kC_\x89e\x19a\x8c'</t>
  </si>
  <si>
    <t>b"'q@\x03\xde\x19\x7f\xee\xd2\xddQ\x9e\xae\xb7Vt\xb6jM\rv\xcfR\x94\x92\xcf)\x8f\xe0D\x011"</t>
  </si>
  <si>
    <t>b'\rk\xbf\x1c,\xc0g\x16\xd6$y\x1b\xe0Tq\xd2\xcb\xaf(=S\x14w!\x1bFl\xc0Cy\xc0\x05'</t>
  </si>
  <si>
    <t>b'\x90\xc6\xcc\x8d^?Z\x80\xec\xd8o\x990\xc1l\x11x\x8e\xaa\n\xb6\x9f*4\xbff\xa7\xeb?\xa9\xfa\xa7'</t>
  </si>
  <si>
    <t>b'\xf6SWxA\xf32)\xd4+\xac\xe9\x99,!\xc1\xe0\xc4r\x97\xbd\xd3\xfc\x88\xfbrAw\x0e\x97\xca\x86'</t>
  </si>
  <si>
    <t>b'\xf6\x15\xd8\xbe\x80\x19\x92O\x8e\x10\xf3\xb8M\xc2\xef]\xcf\x08\xb2\xdf\x06S\xff\x0e`i\x95\xbf\xf32\xa0&lt;'</t>
  </si>
  <si>
    <t>b'\xd9\x93p[\x08\xae%"\xc6\xc7 \xf6N\xae\xf97\x18\xb2\xb2\xb7\xef\x96\\\xc2\x95\x92\xde*\x17y\xb8\n'</t>
  </si>
  <si>
    <t>b'\x1b\xeb\xe8_b\x97\xd7#&gt;\x8c\xba\xbf\x1aZ\x81\x87\xadj\xfeR\n\x0b\xa6r\x9b\xaa\xc4\x8e\x82&amp;\xb5\xfd'</t>
  </si>
  <si>
    <t>b'\x8dLY\xac\n\xe6\xfc\x84\xfb\x06\x94\xd3N\xb9[\x8d\xb2\xd7\xc7.R\xfcB\x1d\x82e2\xfb\xf1\xb8\xcb\xb5'</t>
  </si>
  <si>
    <t>b'#\x00\x05\xd77\xfb\xf1i\xbe\xfb\x9fOT\xaa\xc8\x18\xbfR\xa7\x9e\xf8G\x9eB\x8d\xa7N\xd3\xb3a\xfa\xb0'</t>
  </si>
  <si>
    <t>b'D_\xaa\x13\xa9\xf5\x8fS\x9b\xa6\xeb\xdf\x04V\x91\xa67\x1f\n\x1e.\x07dw\x1e\x9a\xc7\xe3G\x1e&gt;d'</t>
  </si>
  <si>
    <t>b'\xd4\xa4\xb6\x85\x82\xf0\x07l\xcc\xb4\xd2t\xdd\xdd\xe2\xaeHfk\x8eT\x90\xc8\x04\x11\xe4A\xae_\xc6\xf3\xe0'</t>
  </si>
  <si>
    <t>b'l\xd5\xc7etn\x8bGR\xc9T\n\x95\x80\xe7CxM(e=\x15$\xb2\xe4\x8a\xbe\x80W\xac\xec\x18'</t>
  </si>
  <si>
    <t>b'f\x9aVD\xe3\xaa\x9b\x1fg\x8eT\xce\x98Q25\xa8\xbe\x82\xd8\xf1\x17k\xc3u\x87n&lt;\xef\xe4\x1dC'</t>
  </si>
  <si>
    <t>b'\xee\x89\n\xce&lt;\x0f\xda\xb3\x96_\xd9\xafe\x8e}x\xcc\xd8\x9aZ\x97@a+\xea\xf3\x89S\x1e\xdeG\t'</t>
  </si>
  <si>
    <t>b'f\xcf\x93\xa4c\xd1_\xe4\xae\xf8\xc4\x83rz\xcbb\x13\xe4N;\xe7\xcc\x1e\x8c\xe6\x0e,\xaf\x81\xd4*\xc4'</t>
  </si>
  <si>
    <t>b'W\x1aj\xae\x15\x97\xd8\x9a\x88\x9dG\xdb{R\xb5\x17L\xf3f\xc6\x1f\xef \xa1\xb84\xc9&lt;\x88\xaa]i'</t>
  </si>
  <si>
    <t>b'l\x81\xec\xf5)\x15\x92\xdf\xc5"\xd1\x00\x04\xc05\x00\x93&amp;_\x15\xd3\x8d\n\xef\x9fg;e\xff\xecj\xe2'</t>
  </si>
  <si>
    <t>b'\xc2L\xae\xaaU\x00}w\x1b\x16\x8b\x12O\xce\xcf\x1f\x8c&gt;HO\xd0\xa9%\x9f\xd9\xd8\xcc;\xe4Os&amp;'</t>
  </si>
  <si>
    <t>b"\x1f\x80%V\x029\x00\xf8\xf3\x0e\xfe\x85\xd1`r\x8a|+\xe5\xbc\x14\x9a\xb7/k\xbc['\xe3;\xacb"</t>
  </si>
  <si>
    <t>b'\x1b\xe2\xa4\xabsqq\x87\xd4%\xa6:\xe7\xd5\x966]\xf9]\x94\xd3\xa0\xf4\xa0d\r\xd5!\x99\x9d\xc7\x08'</t>
  </si>
  <si>
    <t>b':\xf3\xe8\x16\xd2{Q\xcb\xfa\xe1:\x0c\xe1Y\x9a\x92\x88#\xf9@z\x1f\x95\x0ci\xdb%\xdd\x0f\xd5SD'</t>
  </si>
  <si>
    <t>b'\xf4\x1a\xe3\x7f\xf1\x99)_\xb3`\x85 \xbe\xf8\xed\xe8+\x9c\x0f\xb1\xbb\xdbr\xfcq~8\x19\x9c\x91y\x14'</t>
  </si>
  <si>
    <t>b',\x18\xe8\x1fM\x81\x0b\x03H,\xa8R\xb4\xf3\xb6\xbd\x04\x7f\xcf\xd6\x1a\xaeRy\xab\x17\xf3\xd9n\xe4\xe1\xd2'</t>
  </si>
  <si>
    <t>b'\x0b\xa4Q(l\x08\xe3\x9b\x8c\x1d\x93;\xd3\xb6\xeb(\xa53ck\xc4\x99\x7f\xbfY\xf80&gt;\x80\x08u\x80'</t>
  </si>
  <si>
    <t>b'\xa6\x9d\x90\xcf\xd6\xe6\xbeon\x9f\ri\x01pW\xbe\xa09pY\xb1\xc3\x02\x80\xf7%Hp\xa00\x91\xcc'</t>
  </si>
  <si>
    <t>b'\xd4$\x7f\x88\x1b\xbeM&amp;\xcc\xd0B\x1f\x1e]i\xa5\xff\xd5k\xbe\xd2\xf7\xfd\xa3\x1a?(\x1d\xb6\xcd?d'</t>
  </si>
  <si>
    <t>b'\xedx\xc0\xc1\x85Q\x95y\x90\xa5C \t_\xee\xdd\xe2\x97\x96\xa6\x02\x8cf\nvn\xbbrg\x80w\xd1'</t>
  </si>
  <si>
    <t>b'\xf7=|\xee\xda\xb5\xf4\xda\x8f\xe58n\xa6\xb8\xc9D\xf5\x8a\x97\x8f\xe7\xfd\x8a\x1aL\x0c$\xc2.\xbcD\xcf'</t>
  </si>
  <si>
    <t>b"L\x1cN'\x90}\x18.\x16\xa0\xb8ck\xa3\xe4\xaa\xear\x0b\xe0\x88!\x8b\xf1\xfe\x96\xe2\xc9\x1e\n\xee\x01"</t>
  </si>
  <si>
    <t>b"a\x8fe\xeb}\xc8\xd5\xc8a\x97\xddB\x16i\xbe\xdb\xeb\x86.\x0b\x9e'\xb0\xa8\x13\x1dr\xceBT\xb8e"</t>
  </si>
  <si>
    <t>b'\r\xeb#\xff=\x84u\xa8\xb3n\xdc\xc7"\x12\xad\x07\x9d\xac\xa1\x86\xa5\x9dt\x8f\x07\x96?\xd8\xf2\n\x18 '</t>
  </si>
  <si>
    <t>b'\xe9$\xf1l&gt;\x99\x08a\xd6\xd9\xadZ\x9b&gt;lJ0\x9c[\xa03\x1bY\x07$z\xe8\xeb\xc0th]'</t>
  </si>
  <si>
    <t>b"\x85\x80{\xe3\xfb\xe5\x9f\x00\xc1\xf7(z8\x99\x8e\xf8\xeb\xba\xfe\x04\xb9\x0b\x85+\x13\x9e^^#4'*"</t>
  </si>
  <si>
    <t>b"\xe8\x8c\xd4\xce\x83\x01\xadl\xa2\x8a\xe9\x1f\t^&gt;'\x82\x86X\xe8\xe8M\x84{NI\x18\x0f\xeb\xec{\xd7"</t>
  </si>
  <si>
    <t>b"M\xc4;,~\xe82$h\x8fN2\xb15\xd6\xf4[\xd5S\xf3'mf\xb3L\xb8\xe2\xfa\x80\x81P*"</t>
  </si>
  <si>
    <t>b'\xa7\xe5\xd6\xe1\xec\xa2V\xe8\xe1H8:(\x1b\xdd/g\xa3\xf2k\xc52GPd_\x04\x90\x0b\xe6\\k'</t>
  </si>
  <si>
    <t>b'\xdfr\t,bJ\xa1~\xcfI\x12\xc5d\x9d\x0e"+K\xf2f\xb3\xdbe\x191\xbb\xb6Z @\xe9\x1f'</t>
  </si>
  <si>
    <t>b'(\xa7\x06\x92i$\xa4As\x18\xb09\xd1P\xe6\x05q%\xa7\xf34\xd7\x99^\xcb\xb5\x0c\x1bD\xcbA\xb4'</t>
  </si>
  <si>
    <t>b'Z\xd5\xb2\x9b\xc97\xe5\x9c,l]\xb3\x1fw@\xf3\x8eT_\x08\x05\x94\xea\x96\x7f\xd6CiJ\xb1\xdf\xf7'</t>
  </si>
  <si>
    <t>b'\x9c\xa3#L\x83\x86S\x0cC\xdd\x9a@\x15\x12\xab\xbbh\xa7^8Y\xecO\xd7c~\xdd\x01b\x92(r'</t>
  </si>
  <si>
    <t>b'\xbb \xf4\xdai2\x7f\xbd;.\xbd"9A\xb1.I\x9d\xb0(\xb3\x96\xaf\xf9\xf50^\xa0\xacv5\xac'</t>
  </si>
  <si>
    <t>b"7\x02j\xfa\x1d\x97Z\xd2\xb7;\x16t\x05\xff\x00{D\xadV`'.*\xefi\x07q&lt;\x11V\x84n"</t>
  </si>
  <si>
    <t>b"\x87\x84\x8f\xfe\x98(\x85\xb1\xe6J\xd9H\xdf\xbf\xa7&lt;kLs)\xf9n^\xf8\xde\x93'B\xab\nL8"</t>
  </si>
  <si>
    <t>b'\x94\xae@\xa0\x05\xf9\xd8\x87"B\x0b[\x94\x9f\x84uT\xbb\x1bZ\x0b\xc4\x87u\xcex\xfb\x94w\xb3\x1d@'</t>
  </si>
  <si>
    <t>b'\x92R\x8d\x0b\x9d*\xfe\xc7wF\xcb\xdf\xc5?\xfdbv\xe8\x03\x93\x16\x93^\x17E\xbd\xa0\xef?\xd2\xff\r'</t>
  </si>
  <si>
    <t>b'1\xe3qp*(\x10\xcc\xd7\xf4QK\xc0\xc6&gt;*\xd9Q\xe0\xcf\xaf\xee&amp;7\t\xb1M\xa9^\xf8\xae\xc7'</t>
  </si>
  <si>
    <t>b'\x9bT\x92\xb1\xc2KdB\xc7\x0f\x16\xc6\xeb\x08\x89\x87Y\xe9"\xda\r\x89?\xfe\xbb\xcd\xd9\xa3\xc4^\xea\xc0'</t>
  </si>
  <si>
    <t>b'\xdd\xba\xbao\x87\x9eP\xdd\x0fe(\x1d(Uj\xe8\x8e\xa0F\x18{\x0bT\xbb\x94!\xde\x8b\x17\xd6\xb0B'</t>
  </si>
  <si>
    <t>b'\xa3\xc4\x02\xf5{4$w,\xe3\xf2\xdf\x90\x10\xb2N\x7f6\xf0e\xa9m\x92\xe7!\xbf\xd2\x98rO\x95J'</t>
  </si>
  <si>
    <t>b'K\x88\xfe\x1a/&amp;lE\xae\xd0\xacYP\xc9\x19vsZ\\!\x8c\xfbEts\xd2\xf1t\x8a\xd3f\x0e'</t>
  </si>
  <si>
    <t>b'S\x0fz\xe4m \xd2.\x12V\x08JF\xd5\x16\xd7\x91\xa9\xc5\xb3\xa3\x04\xc9\xe2\xa4\xcc\x8a\x8cO\xc2\xaeW'</t>
  </si>
  <si>
    <t>b"\x94,\xc6#x\xbe(7\xfbbS\x9c\x97\xf6Pp\xeb\xad'\x9c\xcaS\xa2\xd7\x0b\xea\xe9\r\xa9O0G"</t>
  </si>
  <si>
    <t>b'\x0f\x92\x1d\xa0p\x94\x9aQb;{\x0f8\x84\x91\xdf\t\x9d\x87\xba\xe9zQ\xc7\xe0\xe1\x8c\xd0\x93"\x05\xbb'</t>
  </si>
  <si>
    <t>b'w\x0b*\x98m&gt;\xe6\xd6X\xe7\xfa\x80\xcd\x94P\xa4\xed\x04j\xc9\t\xe2\x8e\xcb\xa2\xf1\x80B\xedX\xc0f'</t>
  </si>
  <si>
    <t>b'S\xaf:|\x85u%\x16\xd3C\x9aH\xe9t\xf0C\xb2\x88\x17C\xfaU\xa0\xbe\xc0\x1cg\xdc\x06C\x18\xee'</t>
  </si>
  <si>
    <t>b'3\x9b)h\xc3\xd6\xef\xa8XBM$\xf8z9x\x97\xe5-GU\xb6\xa0\xee\xfeo\xe4\xc4\x8d\x00\xe4\xef'</t>
  </si>
  <si>
    <t>b'\xac\x0c5A\xc58\xb6\x81U1eL\xc9{k\x14E\xf9\xb0\xe1\xd7\x82~\xcd\xfe\x9f\xd1\x08\xa8\ro\xa2'</t>
  </si>
  <si>
    <t>b'\x0fM\\\xcbT&lt;\xf4Iss\x15j\xdf\xa9\xcc\xc1\x16F\x10i(\x9d\xc9q\x19\xd5\xad\xc5\xc8\x00\xe2\xe3'</t>
  </si>
  <si>
    <t>b'\xc2u%\x1bD\x1e\x03\xe46\x19w\x83\xa7\xf5\xcd\x18\xa0\xf0\xe5\xbe\x86w\x9f\xfb\x87\xfb\xcc/hKT&amp;'</t>
  </si>
  <si>
    <t>b':\xa4%`\xd8\x06\xe6\xca\xee\xcd\x19rl\xabO\xa8n\x14\x918\xf6\xf4\xd5bG\xb6\x0e*\xee\xd0\x82\xc5'</t>
  </si>
  <si>
    <t>b'\xe2\x8b\x8f3\x9a\x18J\x88\x19\xd9\xcbd\x8b\xafA\x8fC\xe6B\xeb\x03\xf4\xd2b\x92x\xe0\xdb\xa1/\xc8\xb5'</t>
  </si>
  <si>
    <t>b'\x93\x90\xb8fMF_]\xef\xe3\xac\xaa\xad\x02\x03\x85q`\xf9\x02\xa6u?\xc8\xe6\x88\xc8\x84\x08U\x84\xc8'</t>
  </si>
  <si>
    <t>b'\xcb\xee\x97\x9a\xe6\xc1\x1f\xcdD\xbf\xe8l\xdf\x8d\xdd\xbc\xad\xa4~\x94\x86\x97cy\x7f\xef\xde\xbaBx[\xa7'</t>
  </si>
  <si>
    <t>b'\xbe\xf2\xf1\x8f\xb3\x88a9)\x18\xce2\xf8\x847k\xe1l\xe6\xd8;\x98x\xfe\xf0\xf5\x07\xa8H\xd2!\x14'</t>
  </si>
  <si>
    <t>b'\x9f\x0eb#\x99W\x87\xf1\tO\xd1\x9a\xa2\xf66{\x7f\x05\xcb\x86\xda\xb4\xcc\xa9\xbcw\xe0\xa8\xb0\xce\xe8\x8d'</t>
  </si>
  <si>
    <t>b"\xb8\xde5&amp;\xe3*7nf\x86|\xc4\xeb\x0b\x9e}\xf0\xc9\xd8\xa8\xce\x90\xffWt\x08\x98\t'\xd2\xb2;"</t>
  </si>
  <si>
    <t>b'5\xcd\xf1\xd7x\xab/\xae\x06\xe2dQ\xc1\x88yf\x17K.w\xd0\x8c\xd9I\x00\x9c\x00\x99\xb8\xfe\x01\xc4'</t>
  </si>
  <si>
    <t>b'\xc9\xa2\x94$\xe4\x14 \x85\x7f@\x08,\xde[aM*\xfb\x06bRhZ,\xce M\xa3\xc33\x9e\x10'</t>
  </si>
  <si>
    <t>b"\x058X\xe2\x7f/1_L\xf90m\xefxc\xd5'\x8a!\xd9\xa7=g\x93\x03\xa9\x03\xd7\x8a\x847O"</t>
  </si>
  <si>
    <t>b"\xed\xe6\xf3\xc69wRh\xa0\xe0\x03\xf0v\xcf\xea\x16'\xf3\x1a\xbe\x89\x9620)\xed\x8cz\xd8Y,\xbd"</t>
  </si>
  <si>
    <t>b'\xcc\xdc\x05S\x08\xfd\xcc\xeb&amp;1x[\xf5\xd9\xd3w\xe8\xd6\xbeV\x98\xf5\xb9\xf5\xe2\xb4cR.s\xcc9'</t>
  </si>
  <si>
    <t>b'\xe5.\xd31\xa1?\xabG\xce\x87\xde\xad\x1cM\xf3\xc5\x99\xf4\xde\xb7t%o\\uq\x8d0&gt;R\x0c\xc1'</t>
  </si>
  <si>
    <t>b'\xaa&gt;S\xaeQ\x93\x9c\xe2\xea\xf5\xd9\xeb\xfeS\xf2\xb8\xf8\xc3&gt;%\x0fRs\t\xd4\xcd~\rA\xcf\x88\x0e'</t>
  </si>
  <si>
    <t>b'\xae\xe8\x1e\xc8Ht\x16\xca"\x9b\'\xde\x08\x03v#.\x86\x1bf\x95\xcd\xef\x89x3\x07\xb9[\xbb\xa5\xa3'</t>
  </si>
  <si>
    <t>b'ntl\x1d\xdb\xbdI\x90_\r!\xe4\xc1\xf3\x83\x84&amp;\xf5\x12\xbb\xbd\xb2\xa5.\x8a\x1f\xe4\xac\xddg\x9fu'</t>
  </si>
  <si>
    <t>b'M\xbc\x8d\xdf\xa6\xac\x8a\x876\x07\x0cD\xb9,\x95\r\xa0N\x85\x0fE\xf2\x03A\xf75Y\x17\xf9K\x19\xd9'</t>
  </si>
  <si>
    <t>b'sqS\xf1ra\x95+\xb9\x02\xcb?\x08\xfb\x87\xc7\x87=|u&gt;G\x868\x08\xc5\x87\xf7\x9a\x04\x06\xc7'</t>
  </si>
  <si>
    <t>b'J\x0cy\xfb57\xedcV\xee\x1e\x96;\xba\xb1\n\x8f\xa4\xfd\xa8\x9d\x89\xd98\xcc\x06\x08\xb0\xecy\xa9d'</t>
  </si>
  <si>
    <t>b'\xd2\xf1&lt;y\x9f\xa0\xb5SZ\xc2"\\\x88K\xf7\xedu\xfbpq\xa9\xe5\t\xb0&gt;\xe0cs\xa16AJ'</t>
  </si>
  <si>
    <t>b'8tXt\xfd\x14\x83\xee\xf4!\xb6\x04{\xfe\x93\xb8\x83\x16\x8f\xe0#b\xfe\x1d\xa4-\xb8\x9f\x08\x84\xfa\xf8'</t>
  </si>
  <si>
    <t>b'\xe5j\x9a\x9clYj\rW\x9c\x10\x9a|{z8C\x11-\xaf\x04FMk\xbdA,\xf1\x8cKb\xc7'</t>
  </si>
  <si>
    <t>b'\x86\xf2S\xc9=V\xea\xf6)\xf43\xb7\xc9\xa5\x16*\n\x1b\xbf\xdf!\x13\xac\xfd7\x0c\xe3~\xa9\xf3p\xdd'</t>
  </si>
  <si>
    <t>b'@\xd7+\xdf&amp;\xc8\x7f\x18w\xa3m\x95Y\xafh\x06ui\x05Z+\x10^zD\xad\xa7\xf3hL\x19H'</t>
  </si>
  <si>
    <t>b'\xd2\x19\x1e\xd8r\x00#\xb9\x9b\xac\x16\xb2\xf6\xd5\xa1o\x9f\xc4Q\xe4\xbf\x8e\x19-\xbc\xe2\x10\x80\xab\xe6\xdc\xc5'</t>
  </si>
  <si>
    <t>b'\xe2\x1eoC\x1285o\xd7\xd9\xfe\x8f\xfc\x05#\x7f\xaf\xee\x82\xd2\xfe\x9a\xc3@\xb3\xedQ\xd7\xc1[a\x16'</t>
  </si>
  <si>
    <t>b'[\xbf\x88"\xfb]`\x97\xdf\xeb\xde\xe3\\\x9c\x82\x8e\x05\xb9J\x8d\xd4\xd2\xc7\xf1\x8d\xce^tb8\xcb*'</t>
  </si>
  <si>
    <t>b'V\x9f\xa4\xec\xa5\x1f\xa1\x80\xf2\xd9\t\xab\xc2\xba\xcd\xbcrT\xaa\xb4\xe6\xbb[\xe6]^\x8az!V\xc6C'</t>
  </si>
  <si>
    <t>b'\xd8\xf3N\x14V\xc5\x94\xb5\xf1\xd7\xe8[\xa6\xee\xb3)\xde1-\xd0b\x14\xffl\x85\x1b\xb4`\xc5 \xbfu'</t>
  </si>
  <si>
    <t>b'OM\xfb \xff\xce\xdb\x03\x84\xa5!::\x9b7FV}\x98\x85\xd8\x14_L\xc5\x07\x82@\xb9\xa8\xaf\xb7'</t>
  </si>
  <si>
    <t>b'{7_y\xa0\xd1\xac\xa8\\\xdf P9\x98\xb5n\x8d5\xfbE"\x1bn\x1aV\xa1\x08@\x01}\x8ar'</t>
  </si>
  <si>
    <t>b'\xd3\xe08\xc3\xd9\x17\xfa_\x94\xf1\x8e)\x9e\x84\x19\xb4r\x84/\xd5\r\x8b\x8b\t\xd4\x11\x8a\x0bv\xdf\xfd\x05'</t>
  </si>
  <si>
    <t>b'\x91\xcf\n\xd7\xbf\t\t2\xd1mB\xbeJ\xb5\xe75i\xaay\x1bq\xe9_\xf3\x91\xf7\xbc\xa2`F\xeb\xe6'</t>
  </si>
  <si>
    <t>b'\x99\xe5m\x88\xce\xaes8v\xfc\x96W\xa8jd\x8a\x0cS\x1fY#\xbe\xd4\xdb\x1f\xbf\xc0\xf1\t\xff\xcf,'</t>
  </si>
  <si>
    <t>b'\xe0B\xa7Pyl\xdd\xb9\xa1\xb3\xfd\x7f\xe9*d\xed\x80aq\xff\xca\xfd2\xae\xce\x1d\xf3H\x9a\x14\x8d\xe9'</t>
  </si>
  <si>
    <t>b'\xafxT\x9a\xfd/\xedR\xd7\xad\xa1yF\x919\xf6\x1a\xde\x14\xb8\xe44j\xf6\x99[\xca\xdb"_\xa5\xdf'</t>
  </si>
  <si>
    <t>b'\x00\x1b\xf2\x01;H.\xfb\x85E#\xa3\xc9\xe3\x13C\x83\xd7\xec\xcc\xaa\xc4\xc2\x11\x00T\x9a\xcf\xf90\xe4\xf1'</t>
  </si>
  <si>
    <t>b'p9\x17\x0e\x1f_q\x8atL(\x92M\xef\xe6\x1e2\xd2\x15vv d0\x8d\xb5\xf3\xa0\xb6[\xc9\xfb'</t>
  </si>
  <si>
    <t>b'\x11\xd1[\x02\xcd\x81f\xc0#\xda\x8dq\xe1\xaf#\x04j\xd4\x82!n\x82\xc0\x16q]\x8c\xa7\xf0\x05\x90\xae'</t>
  </si>
  <si>
    <t>b'\xeb]*\x97\xd9\xf5\xc8\xa6RX\x0b^\xf4KMHSS\xf5\xa3\xb6\x90\x91uu\xf8\x87&amp;R\x99Y\xa5'</t>
  </si>
  <si>
    <t>b"\x1c1\xa0\xf8\x88\xaa$\x95\x94\x90\t\xf32\x12I#\xe4'\x86x.\xe4- \xe7&lt;\xd6\xec\xbe\x97\xc0\xdf"</t>
  </si>
  <si>
    <t>b'\xb1\xf3\x14\x14\xad\xb7\xd9\xde\xac\xb7\x82\x84[\x15F\xe5B2p\xaf\xc4l\xe9\x97\x1e\xee\xcat\xec\xe0^\x8b'</t>
  </si>
  <si>
    <t>b'uo\x0fq\xba\x12\x90\xcd\x87\n\xe9\xb1\xfe(\xcf\x93C2\xe0\x9fj17\xce\x9d4\xde4T\x07\xdb\xb9'</t>
  </si>
  <si>
    <t>b'\xfd[1b\x7f\x19@\x9du\xe8\x00\xd7 )j\xc0\x83\xc1\xd2j\xd9\rJ\xc26hF\xbf\x00\xd7e\xb1'</t>
  </si>
  <si>
    <t>b'\xe4\x99\xb1\xfe\x8a\xf5i\x97\xf6\x06TT\xecR$\x87\x06\x1cBb\xb5lCa:\xa8\x03\xf3\x9e4\x94r'</t>
  </si>
  <si>
    <t>b'sr\x07,\x1f\xf0T\x8e\xfa\xbe\xdf9\x83\xfa\xcd\xcd\x19\x83\xb7$\xe2\xe9\xa5\xe2\xf5\xfe\xf8\x10\x1eR\x06h'</t>
  </si>
  <si>
    <t>b'\x86\xd1\x08v\x8f9\x7fu\x14\xde\\\xbf\xe7\xf0\xe8\x1ak,M?\xaa\x93\xd9\x19\x92\xa55\xda\xe0\xc05o'</t>
  </si>
  <si>
    <t>b'8\xee\x96\x19\xdf\xa0\xbf\x01\x95\xe4\xe3\x95i\xccM\xb3o\x14\x18\xf28\x96\x88\xdf\xb1\xe2\x1b\xa4\xd0\xfaP\xd8'</t>
  </si>
  <si>
    <t>b'3b\x8fL\x84\xad\xfa\x06~^\xfb\xd3\x9dh1k_\xb3\xa4\xb2;\x8at\xc8\x12j \x9c\xa0\x06x\xa4'</t>
  </si>
  <si>
    <t>b';u\xebVrZ\x8f\xdd\xf4\x19\x15\xbdV\xdb|x\x1aL5\xab\xb5Jn2=f_\x88\xa9&amp;\xaa\x19'</t>
  </si>
  <si>
    <t>b'8o\xb5\xd5B\x1d\x14\xa2\xd9V\xccj\xa8\xa8\xa7\xc2Fg\xe0A\xa2\xc0\r\x90\xaa\xf9n\xcbA\xe9\xfcu'</t>
  </si>
  <si>
    <t>b'l\xe4\xdd\xdf7\xefg\xe5g*J\xb7\xe2\xd1U\xd6\xf3$\x8a\x7f\x9b_\xc4|]\xafN\x9d\t\x88\x8a\x87'</t>
  </si>
  <si>
    <t>b'NS\xb6\\J\x92&amp;\x1d\xdb\xccTz+\x1er\xddy\xf0\xac\xc1\x15\x9aQ\xb9E\x90r\x04\xf4\x8b\xfb\x95'</t>
  </si>
  <si>
    <t>b'3\x00\xc4\xe6c"a\xdb\xea\xcf\xe1i\x0b\x1f&amp;\'\xb2/\x7f\xfd=Y\x89\xc5\x8b\xfe\xfcO\xc2\xb2\xf4R'</t>
  </si>
  <si>
    <t>b"FH;\x1b\xf9\x9e\xb5&amp;Y\x99H\x80\x00JdB\xe4\xba6\xd8d@\x02\x050\xd3G\xd0'V~\xae"</t>
  </si>
  <si>
    <t>b"\x1b(8\x00rz\xfc\xe3eB\xc9\xf9{\xbe~\xf7n2K\x88'\xc8\x15&lt;D\xa7\x0c[\x94\xbfn\xe6"</t>
  </si>
  <si>
    <t>b'71\xde\x03\xfbl\x1e\xb6\xf7P6\xb7\xf6\x08\xa4x\x9d\x85\x9f\x88?\xe3\xc0\xaf\xe6\xdb\x89\xd6\xa2\x85\xcd\x8d'</t>
  </si>
  <si>
    <t>b'}\x00" \x9bHQ1u\xa4\xab\x99\xb4W&lt;h\xe4E\xfc\xee*i\xfc\xbf~s\xbf\xb7\x8b\xb5\xa3\xef'</t>
  </si>
  <si>
    <t>b'HW\xe8\xa2k\xd0f\x86\xe1\nO\x9d\xa7(&lt;\xd6\xee&amp;\x9f\x97\xdc&amp;\xdb}\x89k\x88\xed}MZ('</t>
  </si>
  <si>
    <t>b'&gt;\xee\xf0d\xcb\xea\x0b\xc0\x7f\x9b\xb4\x14_\x18Y\x8e1\x9b\xe8\x02E\x07\xdf\x93\x94\xc2\xe8\xc5\x0e6\xe6\xa4'</t>
  </si>
  <si>
    <t>b'\x10!V/\x9b\x92\xb8s\xab\xd9}4v?g\x00\x12\xe1\x1b~\xbf\x06\xf7/\xa9\xea#\xf9H7\xb1\xe9'</t>
  </si>
  <si>
    <t>b'\x02Iq%\xc8\xe1\x80\xcam\xd7\xd1\xd7\xb2\x0e\x1c\xb0\xa8}ZG\xe8\x1f3\t\xe7\xd5\x02\x01\x1f\xe2i\x9b'</t>
  </si>
  <si>
    <t>b'm\x81\xb2J\x12\xf7\xa14\x94\xb2d{m\xf2\x0ev"\xdd]\xa8p\xa43\x1b]9\xbe\xe7Y\x94/\xfe'</t>
  </si>
  <si>
    <t>b'\xf5\xee\x8ct K\x89f\x1f\x10\xbc\xc7H\xa4\xf1\xd4\xa7G\x1cwM\xeb\xc3k\x0b\x80\x98\x1a\xc35=\xe5'</t>
  </si>
  <si>
    <t>b'uP\xee;\xf0\xb74\x19\xab{\xa1yu\xbbz\x8b\xebt\xa8\x03\x05%x\xd9\x9c/\xea"g\x8b\xd9_'</t>
  </si>
  <si>
    <t>b'\xe6[\x94b\xe5\xe4\xe0`^\x19\xc5\xb77h\x1b:^h\x9a*\x0c\xbd\x1b \x16\xda\x8c\xa0\xd8\x8b\n\xe7'</t>
  </si>
  <si>
    <t>b'\x91{\\\xf8MvxM\x11^\xce\x1e`\x91\x89n\xceJ\xe9\x8e\xaa\x06Q\x9a\x9c\xaa\x02;\xf0X\r\x9e'</t>
  </si>
  <si>
    <t>b"aPYG\xeaFj\xb8\xae#'\xd8\xec;\x0fh\xe0\x92`Hf\xf4\xf1\xeb/\x1a\x160\x99\x1cE["</t>
  </si>
  <si>
    <t>b'\xa7\x9d\x01\x91d\xd2\xe6\xc6\xfbQ\xf9\x00\x18x\xcf\xd7\x96$\x17\xb7F\x1e\xd7\xdb\xebg\xfbM\xd5=ID'</t>
  </si>
  <si>
    <t>b'\xcbo8\x1b\xe4\x9f3\xfa\xb7-5/?\xcf\x89MFG\x8e\x193&gt;"\x95\xdd\xc2\xd6\xd6V\xbb\x88\x80'</t>
  </si>
  <si>
    <t>b'\xca\x8eH\xc9c\'\xcd\xbby\xad\xc43x\xff7\x1b,\xbew%\xe8\xd5\r\xa8D]\x17"\xc7jf\\'</t>
  </si>
  <si>
    <t>b'\xec\xfb]\xbfj1\x03\xe4\x9dF\xbdx\xf2\x95)\xa9\x96\x02\xdeF\x18\xf3pC\xe41\x07\x8f\xb9\x1b\x0e\xd0'</t>
  </si>
  <si>
    <t>b'\xd0\xe7\x9a\x17(W8\xeac\xd8\xd7\xebg\xe38\xe41|\x877\x92E\xda\xf4\xa8\x7f6\xa7\x8a\xb8\x88Z'</t>
  </si>
  <si>
    <t>b'\x94n\xcc\xceY\xb6\x87\xae\xfa\xe1\x1a\n\x05\xec\x06_\xec\x95yN7\x92G\x9eH\xd8]\xe2\x9dN\xba*'</t>
  </si>
  <si>
    <t>b']|\x7f:\x95=D\x1b\xb0\xb89\xd6\xf5\xaf\xfe\xea)\x1d\xac\x06\xe5)\xdaK\xb2#\xcc\xb6\x8f%\xbbr'</t>
  </si>
  <si>
    <t>b'.V\xae\xa4x\xdcBE|\x80V0\xd1\x89~\xe4y,\xaen\x00\x9a\xce\'\x8b\x8e=\xeaI"=j'</t>
  </si>
  <si>
    <t>b'H\xaf\\\xd1\x9d\xa6\xccL\xcd\x12\xe7E\x9eQ\x7f\x9e\xe0h&gt;\xa2\x91\x1f\x81X|\xcb\xe3\x90,\xf7e;'</t>
  </si>
  <si>
    <t>b'\xde/&lt;\xc4\xc2\x11\x8a\xcd\x94\xffIW\xa7A\x1f?\xc0\x98\x9d\xe1\xfa\x11\x18\x10|\x11\x9c8\xc8\xf7\xbd\xe4'</t>
  </si>
  <si>
    <t>b'\x106ie?9\xbf\xd9\x07\xdf\xe8R\n\xbe\xc6\x0eb\xb6\xe29\x19\xb3\x95H\x1f\x96\xe9\x9a{\x85\xcc\x1b'</t>
  </si>
  <si>
    <t>b'\x83\xe38\xee\x02\x00h\x89!Y\x95\x88\x97\xb6\x963\xd5\xb3\xccr\xda\xfa\xbd^\x9a\x80\x84{\xdd/\xd7\xea'</t>
  </si>
  <si>
    <t>b'\x04\xd6h\x1cqfR\xc4\xa3(\xd4\x84\nI\xca\x02\xb0\xc4\\\xc7\xfc\x994@\xc5\xb8\xf2!\xf0\xe0\x03e'</t>
  </si>
  <si>
    <t>b"3\xc8[\xe6_\xf8\x02\xbd\xd5v\xa7\xcd\x1eH\xef\x91'\xb2b\xec\xdb-\x05\x83\x87{\xc5+\x8c\x0c\xecT"</t>
  </si>
  <si>
    <t>b'b\x1a\\|\x01\x86\xe1\x062\xfc\x1a\xf4\xec\\\xea\xd4\xc0\xf3\x8d\xbe\xa9M\\\xa9\xfbG\r\x06\xa2.\nz'</t>
  </si>
  <si>
    <t>b'\xc1HP\x16\xd1c)P\x05\x80]G\x15\xee\x9eZ}c.\x87\x16\xfb\x89\x85\xd4\xc7\x1e\x93u\xafgc'</t>
  </si>
  <si>
    <t>b'\xd0H\x8bE%\x9c\xd5\xc2{PF\x0f\xda\xcf\x1e\x9b3b\x9eu\xfd\xac\r\xbc\xd0\xdaW\x15W\xda\xc5\x0f'</t>
  </si>
  <si>
    <t>b'\x8f\xab\x96\tRz\xe4\xf2m\x17\xe5\xf1\x9bTr\x83\xd8\xb1\xb7\xcd\x82\x97&amp;\x9e\x82M\x08\xb4\x0f,Rv'</t>
  </si>
  <si>
    <t>b'\xcc\x1b\xf5\xf8n\x1a\xfe\x05w\x87&gt;\xd5\xf5[\xab\xe4H\x9e\xc0v)[\x00\xc6]\xd9&lt;Z\x9a\x0e\x89$'</t>
  </si>
  <si>
    <t>b'9\x95-\\5\x84u\x05\xa8\xee\xec\xe1b\xd2\xfd\xd8\xbf2\x80\xc7U\x97}Q"\x85\xe7\\=l\x19c'</t>
  </si>
  <si>
    <t>b'\xb7\xdd\xb6\x9a\xb3=\x1a\x9b\x833\xadIb&gt;!\xdc\xd4\x07\xfa\xfa\x08&gt;o\xad\xb0\xda}\x80\x1a[S\x9d'</t>
  </si>
  <si>
    <t>b"\xa6\x1a\xec\xc8S\xaaab*\xf7\x8a\xdcL4'\x80.\x0f\x16\x9aM\xba\xbb\xcc\xeb\xa0\xd40\xce\xc4\x98X"</t>
  </si>
  <si>
    <t>b'\xbe^F\x18\xa1\xacLQ\xdcq\xaa\xb3\x8d\xef\'4\x8d\xf8\x81;\xcf\xaf\xf0\x0e\x9a\xdb\xfd\xe3O"z\x14'</t>
  </si>
  <si>
    <t>b'\x8c\x9e\x02\x80c\x01D5\xebY\x03(\xb4\xdeq\xb7\x9cG\x90;H\xb2\x99\x94_\x8a9d\xa9\xa7\xca\xd1'</t>
  </si>
  <si>
    <t>b'+\x9bWC\x93\xcf\xe2\xbe\xe2\xd6\x86\xa2\x812\x9ap\xcb\x94%{!\x7f\xd2\xa7\x13\xf1E\xbb\xeev\xa5\xaa'</t>
  </si>
  <si>
    <t>b'9B\xc1W\xcb\r\xc9\xa1\xec\xbbfcF3(\x10\xf8\xe9)\x84\x82@\x1e!\x08\x96_#\t\xeb\x9c\x02'</t>
  </si>
  <si>
    <t>b'\x16\xc0\xe0\xd5Zg\xe4\xcd\xc8*LL\xbc\xb9(j\x18\xf0\x82\x88\xab\x0f\x08\xdb\xb4Z\xc2\xbb`\xb3\xcb\xba'</t>
  </si>
  <si>
    <t>b'!\xb2\x01 \xa1A\x9aX\x9a\xc1\xcf_\x83"\xb4\xc1\x8a\x05,\nS\x16\xa7\x96\xb0S\xd1\xb6&amp;\xcd\xed\x15'</t>
  </si>
  <si>
    <t>b'%\x7f\xffr\x1eu\x8fg\x16\xbcgB\xb1\xa9\xed\xb5)\xecq \xe8\xfd^\x96v\xc0tZ&amp;\x98\x96e'</t>
  </si>
  <si>
    <t>b"$+\xf1\xb0&gt;\xa8{V\x85U\xac\xab!\x07\xa4&gt;\xd7GX\xf5\xb2\xe2#D\x15\xfaA\x0fv\x01\x0b'"</t>
  </si>
  <si>
    <t>b'\xcf\xa7\xc3\xa4\x8b\xa1\x9fjS\xfc\xd22kh`\xde\x1f\x9f\xf9o\xe1\xeb!\xc1\xf7eH\xa2ek\x1b\xe5'</t>
  </si>
  <si>
    <t>b'BJx\x81\x00\xb3\xef\xd7W\x06&gt;\xa4\xc5|\xac\xe2\x0b\x0b\xa5\xce\xefVAdj7\xf0\xbdW\\K\xbe'</t>
  </si>
  <si>
    <t>b';\x13\xc5\xec\xc9\x90l\x89g\xc5C|M\xd3\rR\x8b\xe9\n\xdcvb\xf6\t\x18\xad\xc28\xa7\xf1\x81\xfe'</t>
  </si>
  <si>
    <t>b"\x12\x91\x0f\xdfS\xb5;'\xd27\xccW5uWu.\x11g\xa0\xcc+@\xfb\xb6\xca\x85\xe9\xdc\x17b&amp;"</t>
  </si>
  <si>
    <t>b'\xfaj|\xef\xc6F\xda9.g\xdb\x03\x93\x99\x9c\xf1\xdf\xc1e\xf8\x9b^\x80j:\xdb\x03Py\xe6\xbd\xd3'</t>
  </si>
  <si>
    <t>b'\x07W\xee\x18\xe4S\x96\x13~\x14bQe\xf5\xdb\x1a.\xc0\xe0^8\xcd\xb0F\n\xb7F\x07% \xe0\x1c'</t>
  </si>
  <si>
    <t>b'\x980\xe8VQ\xfd0\xf7\xaa^\x8f\xa0\x85r\xd76\x9d\x8f!\xfc\xf6\x99\x02\xb6\xbe\xa2_\xfd\xdd`\xc0\xf8'</t>
  </si>
  <si>
    <t>b'\xde\xc3|\xcap\x933N&amp;\x1c8\xb71{\xae\xce\xf5\xbcvJ\x91\xac\xca\xdd\xccK\xe5\xd1mQ\x96l'</t>
  </si>
  <si>
    <t>b'\x86\x1a \t\xb28\x87\xff|\xddd\x8aS\x9f\xc7\xa5\xd3A\xe9\x9fY$\x93\x8a\xceZ\x03-Gs\xa7\xd1'</t>
  </si>
  <si>
    <t>b'\xdb\x94\x92\xbb\x94\xd1\x019\xe7@\n\x85]_\xd3Hl\xef\xe7\xdc\xe8_\xa1\x12\xc9\xe8\xad\x0e\xc3|\x8e\x82'</t>
  </si>
  <si>
    <t>b'\x12hI5\xf69\x16\xa3\xb7\xec\xd2\x1a+H\xc8\xd6\xf6\xa3\xd2&amp;\xddA"\xea\xf1\xda\x96\xd0Cf6\xb5'</t>
  </si>
  <si>
    <t>b'W\x03\x1f.\xb7\x8c\x97:\xfe\x90\xa6\xef\x97\x87i\x12\x9f\x15m:\xb6\x80"?\xb0V\xa6WN\xed\x99\xb2'</t>
  </si>
  <si>
    <t>b'\t\xb1\x04i6$d\r\xddN\xd5ME\xd0g\xdd\x1fca\xea\xe30R\xdct\x17\xe8\x1e\x87\x00\xf4\xa2'</t>
  </si>
  <si>
    <t>b'\xad\xce\xa0ru\x07\x1dF\x7f\x86h#0nk\xb8LIG\x9cJ\x9f\x95Q\xda\xdbD\xce\xbb^\x84h'</t>
  </si>
  <si>
    <t>b'_\xdcj\xc5\xd7\xeb\xff\xc8\x83\xe1\xd0\x0b\x06F(Y\x9c\t\xe0g\x0c\x1f8\xd1\xbe&gt;\tE\xf8i\xa6\xe0'</t>
  </si>
  <si>
    <t>b'\xf4\x031\xca\x8fgH\xb8\xda:\xbdJvj\xdf\xdf\xf6m\xe8\xe0\x0b\xbbvb\xea\xac\xa4H\xc0\xd1\xb2\x82'</t>
  </si>
  <si>
    <t>b'\x11\xe0-\xb6\xadO\xa7m\xdfgB`\xe5\xa7l\x88!\x9cf\xa7\x1dJEY\n\x9e\xf0!~m\xb0\x9e'</t>
  </si>
  <si>
    <t>b'\xb50\xab\xa0\xcf\x89\xa4o\x95q\xe8\xcb%\xbb\xf5\x1e\xc5\xff\x87\x1a`A\x9ep{I\x0e\xa5\x04\x89_\xfe'</t>
  </si>
  <si>
    <t>b'z\x82\xaf\xafcXX\xe76\x01Qa\xf9\xb7\xa7\xae\x80\x18~\x01\n\xd8\xa4\xa4\x00a\xfe\xf9H`\xfa\xe8'</t>
  </si>
  <si>
    <t>b'\x10\x8e\x0c\x91\xd06\xb7\xf2\x04\xfd3\x0f\x05\xd1\xc1&amp;\x9eU\x80\xfb\x08#\x9b\x02\xe6Z\x837M\xa0\x89\xf2'</t>
  </si>
  <si>
    <t>b'Q\xf1\xf2\x0e&gt;\x8d\x8cO\x18`d\x9aN\xd7\xa8\x9c\t\x88\xbb\xd0\x9c\xe1\xa0\xda\xc3E\xd5H2I\xe1#'</t>
  </si>
  <si>
    <t>b"\x16\x7f'4\xf5:\xde\xe8\xa27\xe3\x02\xdfK?\x88I\x87\x8d'\xf9X\xa4\x0f\xda\x18iBI\x94\xf0\xf8"</t>
  </si>
  <si>
    <t>b'\x9aBRe\xa29E1\xe6S9q\x03\x80-\xe8=\xa6\xcc\xe7\xc8\x9f\xd1\x1f\xf78\xe5\xdc0Ex\x00'</t>
  </si>
  <si>
    <t>b'\xe7L]0j\xbeM\xb3\x8f{\xd0\xb9)\xd6\xf2\xe8\xb6\xac\xe0IRG\xd7%\xfbq\xac\xccS$c\xae'</t>
  </si>
  <si>
    <t>b'MD/Ar%\xec\x12\xc7\x14\x06"0\xa7\x1e\x95G7"\x0e%c"+m\t\x03_\xad\xcb\xdd\x99'</t>
  </si>
  <si>
    <t>b']\xde\xc3\x02\x03\xfa@r\x82\xcdS/\xdefT]\x9e*\xb8\xf1{\xfd\xa2q\x0c\xe7\x96\xc2\x0e\x1f\xb4\xc3'</t>
  </si>
  <si>
    <t>b"\xe5\xe6\x1e\xa2m\xedS\x8a\xb2\x17\x1e\xa42'M`\xbf\xda\x84\r\xc14Jx\xb02\xb3\xfa$u\x97\x05"</t>
  </si>
  <si>
    <t>b'\xa1\x1a\xce\xd0\x80"\x9d\xdd$\x98\x8e\xcbx\xb5\xc8qY9&lt;V\x91&amp;\xbe8\xa0\xac\x06\x94\xe4b!\x83'</t>
  </si>
  <si>
    <t>b'U\xe2\xe6\xa8@"\x8d\xf3\xc0\x03Z\x98\xba7\xdb\xbd\xc5A\x1d\xd1\x1d\x9b\xce\xf0\xf3)OO\x00\x86x,'</t>
  </si>
  <si>
    <t>b'\x98\xbd&lt;\x19U\xb0\x15"gy\xf3K\x8a-D\xcb\xd0?u\xc8\xe6\xba\xd4\x08\x1d6X\x9e\xb6\xd0]z'</t>
  </si>
  <si>
    <t>b'\x8d6\x9b\x9f[\x89\xa0vg\xde4KL\x19;&lt;\xc8A\x8aV\x08\xde\xad\xb5\x92\xa3QS\\\x08W|'</t>
  </si>
  <si>
    <t>b'\t\xe4\xeby\x87\xb7\xce\xab\xbc\xd8\xde\xfa;\xd3}\x17\xc7\xa6P\r\x0b\xb4\x934\xdd\xc7\xbe\x14\x03\xb6y\xbf'</t>
  </si>
  <si>
    <t>b"\xbd'\xc8\xce-\xdc! q\x8c\xf4%\xef\xcb\xbe\xf5\xcb~^\xef\xa1\xdeM\x02\x8fF\xc8\x19\xe37_\x99"</t>
  </si>
  <si>
    <t>b'\xbb\xf5\x1cf\xab/\x1d^\xdb\xf8\xa6\x94\x8acU\x91\xf6*\x87o\xdc\xbe\xae\x8d\x06\xdc1"\x02_\xe3\x14'</t>
  </si>
  <si>
    <t>b'\x92\xa9\x83\xb0\x81a\xc9\x848\xfc:\xed2\xb5\xc7\xdd\nw]~h\xf5\x9c-\xf1Y\x17%\xd3.\xe4\x86'</t>
  </si>
  <si>
    <t>b'\xee~Mi\xccS\xfaPn\xae&amp;Duv\x82\x17\xb5\x00\x04,[\xe5D1"\xdb\n\x9av\xcd\xb9v'</t>
  </si>
  <si>
    <t>b'\xcc_\xf9\xac\x1br\x8e\x06\x10\x9e\xa5,\x03\xa09)\xdd\xa0\\\xcfJio\xfc^\x08\xb8\xa0PGK~'</t>
  </si>
  <si>
    <t>b'\x84&gt;sz\x1d5/"J\x9apSF\\\xb4Y\x7f&amp;\xbd|\xb2\xba\xa37\\\x94\x7flu[\x05\xc7'</t>
  </si>
  <si>
    <t>b'\x0cN\x1a\x18x\xba\xdf\xdf\xa6\xf6\xf8\x0c\xa9\xaa\xf9\x04\x1b\xeb\xe6\xc8\xfbn\x1d\xe5\xa7\x03\x84S\x0f\x84q\xfe'</t>
  </si>
  <si>
    <t>b"'\xec\xbaF\xa0\x86\x17t\xd4\xc7\xcc\x96\x05]\x83b\xec\x0cR\x8b&amp;\x03\xbeq;\xdc\xe5\xa0\x99\x15.m"</t>
  </si>
  <si>
    <t>b'\xc1y\x85\x08\xc7v\xe56\x8b\xa7}\xe4\xa5\xd4\x15S\xe1\xb2\x90\x7f\xef\xe2\x1c&amp;\xf0\xc6F\xa1\xd4B\xe6H'</t>
  </si>
  <si>
    <t>b'\x0c\xb7aYyK\x91mJ\xd0\x930Wp\xe5\xb7\x0c\x88\xb02\xbc\xfe\x94\x08\tYE\xa6\x86\xf0\xd9('</t>
  </si>
  <si>
    <t>b'\xbc\xa2\x01\xb5\xa2\x1a\xca\xb7\x03\n\xb1\x97\x9bzJ\x9c`&gt;\xc0\xec \x17-\x15\xd4\xd9\x9d\x01\xd3+\xf0i'</t>
  </si>
  <si>
    <t>b'j\xde\xccY\xce\x92\xebv\r/vO\xdd\x9f\x9d\x97\xca\x99\x0f\xb1\xc5Hm\xc3\xf7\xcbfK\xbfmL:'</t>
  </si>
  <si>
    <t>b'\xfbTr\xa2\x1b &lt;);B\x84%\xc1\xc6\xff\x98\xceF\x18\x168\x86P\xc2\xe2\xe6\xc1\xb1\x9d\xec\xc51'</t>
  </si>
  <si>
    <t>b'\x95b\xae*\xcbr\xd8,D\xc7\\\x8bU\x95\n\xb1m\xe4\x0c\xa2~\xd8\x03\xec\xe1\xf1V\x12\xd1\xa6\x9d\x9f'</t>
  </si>
  <si>
    <t>b'\x8cw\x8c\xd0\xeeb_\x9f\xe2\xa6\x15\xe5\xa2D&amp;\x14\x84\x07IC\xf8\x03{\xaeO\x90N\xbd5\x1cc\xb9'</t>
  </si>
  <si>
    <t>b'\xf83\xe5\xef&amp;\xea\xa3\xa8\xcc\x8c\x8a\xbdT\xefo\x97\xb4\x0c\xe9M\xe2M\x10A\x16\xf6\xf6\x02\xd4\xbc\x92\x06'</t>
  </si>
  <si>
    <t>b'\xa7o\xd7\xf6\xad\xd4\xc9n!}\x95\x08\x0e\xad\x07\xd7B\xd5\x9e\x8a\x83\xe1(\x82n\xfc\xa0[\x8d\xb8e\xbe'</t>
  </si>
  <si>
    <t>b'Y\n\\\xde\xac\xf6\x7fA\xc1\xecQ\x01\xf7$\xe4+Z\xd2\x86\xa8\x8b\xbb\x07\x91\x0c\xe5\xd9\x89n)R\xd9'</t>
  </si>
  <si>
    <t>b'*#\xf2\xf1\x08\xae\x97L\x9f\x15\x1c\x8dm\x99\xd7\x9f\xe9\xab\xb8_\xd0\xe1\xbf\x11\r\x19\xcf\xaa?]\xde\xb3'</t>
  </si>
  <si>
    <t>b'\xbf\xc7\xa7\xd7\xfe\x88\xc6k4&amp;H-jG\xa9#\x02(e\xe0U\xdd\xb1]o\xc80\x03\xa3R\xc1\xf7'</t>
  </si>
  <si>
    <t>b'5BX\x84.\xe4\xb0rnQ}\xb2\xb0\xbe_\x9dP\x8b\xa7\xcd\x923\xa4\r1\x80\xc2\x89!\xfc\xd6\x91'</t>
  </si>
  <si>
    <t>b'v\x83\x80V\xcb\xea\xd1^\xac\xdfZ\x02p"\x94\x9f\x0f\x02\x87\xeb\xa4bF\x01\x9a7\x9c\xc6\xce\xa4\x98o'</t>
  </si>
  <si>
    <t>b'Q\x87\x87\xc5\xdenR,\xab\xec\x80V\xab\xd03\xb1\x16\x85\x08\xfd\x9fL\xc4?\xa2B\xd2\x1f\x94\xf4\xfaP'</t>
  </si>
  <si>
    <t>b'?\xa1\x06\x16\x97aP\xd1\xdf\x8c4e&amp;8C\x08\x1e\xd9\x0c\xba\xd7|:&amp;\x1b\xa3\x03\x9d\xa0&gt;\xa3Z'</t>
  </si>
  <si>
    <t>b'\xb5\xc1m\x92\x12\xccf\xd4p\xb8\xfeCr\x8b(}\x9cP5\x10~M&lt;E&gt;\xe1\xe6"\tiD_'</t>
  </si>
  <si>
    <t>b'\x0e\xdd\x88\x9d\xa6`\xb3G\x05\x93\x94+\xd0o\xa7\xf6 \x8b\xf1\x96\x1a\r\x17\x0f\x1bqE\xb6h\x7fG\x19'</t>
  </si>
  <si>
    <t>b'X\xddL24U\xb2~;\xbe\xfa\xdc\xf9\x85\tj\xc1S\x15`\xce\x86[ \xf7v\x82\xc7\x1f\x99\xc4\xfa'</t>
  </si>
  <si>
    <t>b'{\x13\x9d\xbae\xd6\xc7\x82\x153\x8b\xdb\xdbq\x1e\xd7\x86\xaaj\xc4u\xd7\xed\xaf\xdb\xaa\xbfh\xa9X\x0bD'</t>
  </si>
  <si>
    <t>b'We\xce\x0b\x14[\xa5l\xecvO\xd4A\xee^\xf1\xcc\x95\x86&gt;\x8apg\xab\x89a\x87\x8d\xa55u\x8e'</t>
  </si>
  <si>
    <t>b'\x13\x85\xec`\xcf\x0ei\xb3M\x14\xac\xf6-\xe4\x16r^[\x80\x97\xb6\xac\xda\xe8\xef\x00e1\xe8\xe0\r\x82'</t>
  </si>
  <si>
    <t>b'\xc2CM\xa8\xe8\x14\xa9\xdap\xbc\x05\xe5&gt;b$Z\x1e\x9e\x16\xb8\xdd:\xca\x14\xed\xee|\xc7\xf14\xd9['</t>
  </si>
  <si>
    <t>b'\xc2\x8f\x1aI\x84B\xd2\xc9\xc4\xec\x11OT\x99}A#\xd5\x13\xbb\xd9\xd1P\xca\xc3\xc4hKE`\xf0\xee'</t>
  </si>
  <si>
    <t>b'\xa6W%\xb3Uk\xc8u\xa0u\xee\x07\xfc\x07\xef\xfb\x98Q@\x98FC\xf9O\xef\xa6_\xe2\xc1\x99~\xe0'</t>
  </si>
  <si>
    <t>b'\x98XQ\x89G\x16\x02u{\xfc\x16N\xce\xc9\x00?k\xc1\xf7\xd4\x94\xde/\x95\r\x18u\x0c \xcb\xe8\x8c'</t>
  </si>
  <si>
    <t>b'?G\x18%\xeb[\xff:5\xcb\x80(\x00\x9b\x8e\xfbu"\x00\xe7n\xe7}\xfd^\xb8\x81\xd7\xf1\xa4%\xc0'</t>
  </si>
  <si>
    <t>b'\x0b\x84\xf10UO9\x934%MKz\x13\xb3w:,wc\xa5\x11\xc0[{?\x10\x82\xaaPP\x02'</t>
  </si>
  <si>
    <t>b'\xb4F\x9b\xf3\xbc-Z\xffP\x92T\x0c#\xae\xae\x7f\x01\xb4\xed\xa6\x0bO8$\xb8\x07\x93\x08s\xdbu\\'</t>
  </si>
  <si>
    <t>b'\x01\xe5t \x15)\x1b\x8d\xd5&gt;\xbc3U\xec\x1d"\xa8\x90@&amp;\xdaP\x80\xff\xae\xc1n=C\x939B'</t>
  </si>
  <si>
    <t>b'\x1f\x1a\xfa\xab\xfb\x8e\xba\xe3\xe5\xf1w\xa4!\x8ac\xb5\xb7\xdf\xa8Qs\xbc\xf6\x97\x01\x88\xb5\x06\x9b\xde%\x96'</t>
  </si>
  <si>
    <t>b'`\x19|\x81\xeb\xc6\x928H\n\xb82\x9e\xa4\xe9)\x15\x06lH\x89H\xee\xc8\xf8\x95ao\x00"\xed"'</t>
  </si>
  <si>
    <t>b'\x9f:%\x9f:Id\x7f\xd5y\x99\x90\xa0\xc7\x13\xd4\x17\x05\xef\n\x10\xc6\xe3rb\xe6\xdcG\xbe\x1f\xad\xfe'</t>
  </si>
  <si>
    <t>090xx</t>
  </si>
  <si>
    <t>b'\xce\x98\x1fU\x88\xebG\x91\x936-\x93\xe6\x83\xca\xb9\xcf\xdc\x8f\xbbD\x00\x9c\x0b\x18\xd7\x95\x13\xafI\xa8W'</t>
  </si>
  <si>
    <t>b'I\x84a\x1b\x9eS\xeb\x9c\xc0T\xb3\x00X\xc8\x14x)G\xeeY^\xe8\xde\xf5\x1a\xc4\x0e[\x86_\xc2\xd3'</t>
  </si>
  <si>
    <t>b'\xce\x15\xe7 \xf4]}I~3\x8d/\xbf\xc7&amp;\xd4\xcam\x05c\xd0\x8d\x044\x8d6*\xe7\xb3lX\x9e'</t>
  </si>
  <si>
    <t>b'\xea24\\\x13\xa0\xc7\x90\xc8\x16\x96Z\xc64\x82G\x05r_\xf7!\x9e\xa3\x98\x13U:\\]F\xa4\xc5'</t>
  </si>
  <si>
    <t>b'\xeb\x15!U.\x15\x81c\xab\xd3\xd8\xd9\xd6\x93\xf6tdM\xc5y$\xa8d\xbd\xdfsb\xfa\x7f\xa1\x93\xa1'</t>
  </si>
  <si>
    <t>b'\xfd\xb9\xa2\x7f&lt;\x0chJ\x8eS\xe1\xcdc;\x83\xd8YE\xf0\x11\xdcL\xe1O\xb7Lx\xc2\xba\xcd\x15\xe7'</t>
  </si>
  <si>
    <t>b'\x0c\xf2\xd1HC\xa1\x11\xa2\xa9\xae\xf9U4\xd4\xd0b\x17\x12z=r\xe5H\r\xedj\xbe\xb9\x04\x8b&lt;\x8e'</t>
  </si>
  <si>
    <t>b'\rx\x00\xf7F\x87q\x95s&lt;\x91\xc6\x94X\x95$\xe9Y\xd7V\x991\x08\x05\x1e\x9b\x98yH\x08\x844'</t>
  </si>
  <si>
    <t>b'E\xefNW\x17%\x0be\xfd\xb6+\xc30v\xd4\x93lnP\xa3k.\x14\x02\xbdA\xa7\xf7\x93\x1e#\xb6'</t>
  </si>
  <si>
    <t>b"\x8b\x9a\xe9\xc39]!\xa9\x8b\xd1\x01AP\xb8\xb5N\xf3:\xfa6\xdd\x8fk\x00\x98\x0f\xd9\x1c\x8f'5q"</t>
  </si>
  <si>
    <t>b'\x08(+\x9bY \xc7\xb3\xb8]\x1d\xf5\x18\xe5\xbf)\xb71\xabk51\xde\x11\xeb[y\x82\xa6y)t'</t>
  </si>
  <si>
    <t>b'\x7f\xd5\x08B\xca\xe56\x92\x19\x80\xb8RU3P\xcf\xae-\xae;\xc6\xb5pn&lt;J\xe29\xf9\xfc{w'</t>
  </si>
  <si>
    <t>b'r\xfc\xb9\x8b\xf2C\x1e-\t\x0b\x93\x10Hi\\\xcbl\xcb\xef\xb3\xf0`|\xe62\x1f6\x07\x02\xed\x8a\xbc'</t>
  </si>
  <si>
    <t>b'w\xc3\xb7\xd1\xd2,\xf7d\xf6HH\xbak}\x87\xa6\x81\x85\x0cL\xca\xe5P\xce,E\xc3\xb9\x02\x19W\xb8'</t>
  </si>
  <si>
    <t>b"\xeaM&amp;:\x91?\x1fJ\xb0'\x9c\x0e\xdc]\xd3:\x15a\xf9\xe4\x1f}\xce\xe3\xccl5\t$\x10%\x94"</t>
  </si>
  <si>
    <t>b"5\xf9\nB\x02\xde\xc7F\xea|'\xcd$\xe68\x1f\x86\x04\xc6\xeb\xc2\xcc\xc0\xba\xf6?\x9ey\xb9\xe1\xe3\xb7"</t>
  </si>
  <si>
    <t>b'K\x9dF\xdb\xb1\xce/\x8e\xec\xa07C\x85\xdb\xdf{\x04=\xd3\xd4\x90\x07\xb0@$\xbb\t(\x8bR\r\xaa'</t>
  </si>
  <si>
    <t>b"'\xf6\xb1\xd3\xc6%\xb8!\xe7i\xfc\xc3\xd7\x07\xc1w3\xba\x05\xdcT\xdc\x07\xb9\x93\xadi\xffx\x7f\x9bV"</t>
  </si>
  <si>
    <t>b'q\xf09\xcc\x1e\xab\xb3\x9f CR\xe9_\xe8\xff\x0f\xc3\x0bw\t=s\xe8z=\xda`/w.\x80\xad'</t>
  </si>
  <si>
    <t>b'\xe4$\x07\xc27\x14H\x7f\x89\xc1\x8e\xefqh\x17\xdbi\xb0F\xc0\xb6\x9fp9\x82u\xb6\x8ab\x8f\xbe\x8a'</t>
  </si>
  <si>
    <t>b'\xab/\x94\x97\xbb-\xa8\xcd&amp;\xe98\x7f_Bk\xc8K+\xd3\x0f\x85\x130\xf4\x0cee=\xa2\xe1\x8e\xd4'</t>
  </si>
  <si>
    <t>b'\x03e\xc5\x8bUo]\xe4\xc0\xd5\xe8\xe4a\x87K\x15\x8f=\xfal\x96B\xc5s\x7f/ F\xbb\x80\xe3\x08'</t>
  </si>
  <si>
    <t>b' \xb57n\xeah\xa4W\x8c\xed\xf0\x81\x9bo\xd7\xf1\xa6\xfa\xc6\xfb\x8c\xc8\n\x12\xdc\x8d\xdcRS~\xe7\x01'</t>
  </si>
  <si>
    <t>b")\x01X\xb0}t]\xbd\xd3\xd8\x19\x8a\t\x8b\xb0P\xdc\x17+\xd2\x84\xa5\x81`\x06 N\x7f('\x0fe"</t>
  </si>
  <si>
    <t>b'\x89\xfdp\x0e)\xc2w\x8b\x06\t2%\xd4\xf9s\x19P\x88Z\xe9~\xc1\xffE\x1e&lt;6(\xa7y\xdfb'</t>
  </si>
  <si>
    <t>b'\xdb\x14b\x92\xeb%\x04-\x991\xee\x8c\x16D\xb0[\n;\xbbx\x9f\xf8a\xd9\xcb!\x1dxE\x8d\xe4X'</t>
  </si>
  <si>
    <t>b'\xdfTY\x9aH\x82i\x89\xb3\xd8O \x7f\xcdGaJ\xb0\xd6\xe4\x05\xfd\xc7|b)3R\xc2Q\x94r'</t>
  </si>
  <si>
    <t>b'\xc3\xa1\xa0\x07\x19\xc8\xb0\xd1\x11\ni}\x86\\\xc6\x1cX\xe0c\xae6\xb9\x85~\xf9[\xe7\xee\x95\xcfn9'</t>
  </si>
  <si>
    <t>b'Y\xa6T^\xdb\x03\xd7\xcc4\x9a^\\\x95\xb5s\xf7\xb8\xc3\x00ol\xbb\x82k6\xe3\x91r\xa7\x9d,\xf0'</t>
  </si>
  <si>
    <t>b'\xf3\xb1-\xfd\xb6\\j\xcf\xdd\xf6\x87+\xd2\xe7\x19"\xf9.\'\xbe\xae\xbe\xd9 \x8e\xe9\xf6z\x14p\xcb,'</t>
  </si>
  <si>
    <t>b'\xd7\xa7\xe2\xd7\xa7\x82\x9d\xa9v\xa4\x8e\\@\xe1\x06\xdf\xd7`\x83\x87\xc4\xe7\xb7\x02W\x08\xbc\xeeTs\xa7\xff'</t>
  </si>
  <si>
    <t>b'\xd2?\xe8\xa6P?\xfb\xf6\xcbS\xfb\xbc\x01\xbd\xd6t\xc0\\\xff0O\xb2\xd6\x9b\xde\xe6\xbf\ta"!\x92'</t>
  </si>
  <si>
    <t>b'+\xfc\xba\xb2\xb6#@\xfeF\xfd\x0c\xc6\xb3Q%\xe3\xec\x02\xb0\xfe\x08+\xe2C:\xf3\xa7\x1br^\xc9h'</t>
  </si>
  <si>
    <t>b'\x1f\x10\x90(\xa2u&amp;\xb7\x8d8\x10\xaf\xf3\x13lv|\x90\x05\x9e\xc4a[\x08AI\x19\\\xb4H,\xf3'</t>
  </si>
  <si>
    <t>b'\\m\xeaC\xcaVU@Cp\x1c\xa4c\x1b+a\x95\xd6\xdf\x1c\x138\xcf\xa0d=\xc9\xe7\xd0\x05\xc2\xfb'</t>
  </si>
  <si>
    <t>b'\xe5\xc9Sj}~\x9f\xb1\xd7\x86q\xc7\xd7K\x8e\x06\xf0\x9bi\xdc~\xe6KS\xa1\xde\xed\xc6cy-\x96'</t>
  </si>
  <si>
    <t>b'\xd0\\&amp;i\xb0\xa3\xc4\x02\xdaE\xe4\xf7I\xa6{\r\xfal\x81R\xdc\xad\xb9Be\xc2&amp;\xaa\x1e\xae\xea\x1d'</t>
  </si>
  <si>
    <t>b'rPo\xcd\xf2%1K*\xbb\xf1\xa9\xe2\xc7"Z+r\x8b/\xbc\x18\xf2\xcd\x9aT\xb1\x19aw\xb8\xab'</t>
  </si>
  <si>
    <t>b'\xf7\xe1\xa0&gt;\xca\xc3\x8e\xee\x89\xd4^f`A\xf1=\xd2hmk\t\x9c;S@\x1d\x8a-\x80V\xcf\xf6'</t>
  </si>
  <si>
    <t>b"w:\xaf\xe2K\x16\xfa2@\xc3\x91\x08\\\xdf\n@*\xc2'U\x80\x88k\xa1\xa1\x90\xfd\xd2'}\x82U"</t>
  </si>
  <si>
    <t>b'\xfbaN\xe7\xb68\xb7\xbc\xad\x89\xc9\xf1\xbdN=\xd7\\\xae.\xfc\xe5\x8a\xb6\x87!\x14X\x8d\xd0\x0b\x93*'</t>
  </si>
  <si>
    <t>b'f\x98\x83\xfc\x11\r\x1ad\xa7\xa0P\xa3\x84\xac#Y~\xb7k\xf1\xd4\x89\xa7sB\x16\x98\x9a\xb3\xf5\xdf='</t>
  </si>
  <si>
    <t>b"o\xe28y&lt;Z\xdb|\xd13r[\xa8\xb0\x04\xe4cR\xdc\xa2c\xa8 )O'P\x06\xf6k\xe9P"</t>
  </si>
  <si>
    <t>b'\x04\xfeE\xce\x15\xe3\n:\xe1\xf9\xa8\xa3([\xd7\x1b;&amp;\xbe_\xc7;K[\x9b\x10\xe9F\x99\xd2\xc2\xfa'</t>
  </si>
  <si>
    <t>b'\xb0\x1d\x08n&lt;\x87vz\xb5\x0f\xa8\xabG\xd8PQ\x0b\x82u\x87G!\xbe\x8d\x1c|}e0a\x08\x1c'</t>
  </si>
  <si>
    <t>b'\x8c\xdd|\xd0\xd7\x99\x9d/\x8a\x81\x1e\r\\\xbdlA?\xd5&lt;\xba\xc1\x1e\xa2,\xf0\xc3\xb5\xb6~\x07|\x06'</t>
  </si>
  <si>
    <t>b'\xdc\xf3i\x02J\x05\xe4\xad\x94\xc0\x1c\x93\xfa\x01Mc\xaaU4\xf9.*\xce\xa5q\xf0\xebH|Ow\xf2'</t>
  </si>
  <si>
    <t>b'\xa6\xeb\x13\x15\xeeZ\xf4A\xf54\xda \xb7\xbb\x04\xba\x9bQ\xc4\xe3\xfc\x90\xfd6%\xf7!,Od\x07\xe1'</t>
  </si>
  <si>
    <t>b"\xf6\xc0\xd7;\x13\x06\x81\x03\xfb\xd2\x8b&gt;\xc6]\x81[\x14\xfd\xcb\x94\xc3i/'T\x14wA\xa4\xd9\xc63"</t>
  </si>
  <si>
    <t>b'\x07\x03/h\xecek\x19\ru\xc1\x94\xf7\xa9\xf9|\xd2^3(O,\xf5\x98\xbe#\xe5\xee\x1a\xa5\xbfN'</t>
  </si>
  <si>
    <t>b'q\xbcA\x0c\xf9oa*,\xef9\x92\xa9q\xf0\xc2qq\xc1vj\xc7]\x912M\xb4{\xe1\xe5&lt;\x95'</t>
  </si>
  <si>
    <t>b'\x14m\x8cd\xbb\xc0@\xb4BW\xc9\x93{\x1a\xbc\xaam\x9f\xdd\xf0\x8cd\xc6\x8e\xf5\x11\xe1[C\x02|\x0c'</t>
  </si>
  <si>
    <t>b'G\x0c.\xb2J%enx?\x04\xf4E\xdd+\xed\xc7&gt;\xff2`v\xd0\x01\xc2@\xf1\xe4\x05\xc0\xdb\x8a'</t>
  </si>
  <si>
    <t>457xx</t>
  </si>
  <si>
    <t>b"\xbc\x18j\x7f\xb5\xbdd\xa1\xf5M\xb9\x02atX \xd7\xe0\x17\xc8\x87+'\xd2\x82\x12\x0cKJ\xb8\xa0\xf0"</t>
  </si>
  <si>
    <t>b'1\xd8\x1f"\xba2\xaa\x03{S\x90\xc8\xe0\x0b\r\x83\xf6\x89n\xe0\xf5\xf6T\x92\x85X\xc1\xbf\x99B\xff\xff'</t>
  </si>
  <si>
    <t>b'\xd9^\x82\x83\xda\x89\x1c\xa4\xe7=\xf6tI \xbf8N\x01\xfbpn\xdcq|\x0c\xb1\x89\xd01p\\\xdd'</t>
  </si>
  <si>
    <t>b"\xb38}X\xfc:\xee]\xd1KM]\x1c\xa5P\xf91\xd9\x1b\xa2?'\xce\xee\xb8\xf1\x14\xec\x89X\x8f\x91"</t>
  </si>
  <si>
    <t>b'q\xda]r\xa5\x8e\xecd\n\x135\xd0\xde\xf2\x04Ss\n\xca8\x0c:\x96\xaf\xdb\xf6uCL\xc19Y'</t>
  </si>
  <si>
    <t>b'\x1f"\x01\xdf3]S0Kg\xafRf\x93V\xb4\xb9\x08o\xe1B\x98\xfa\x15\xa6\xb7\x02\x05\xd4\xebgk'</t>
  </si>
  <si>
    <t>b'\xe7\xed\x10\x9d\x89\x9c\x1b\x89\xf0\x9e\x17XF\x91\x05\xd0(\xf0\xdeC\x83\xaee\xa6\xe1\xb7\xee\xf1\xdf\r\xe8h'</t>
  </si>
  <si>
    <t>b'GmJ\x92\xdb\xf1\xfb\xa2\xc5N\xa1\xeey\x1c6\xf4h\xc8\x067\xb8)q@\xae\x9944\xbd\xd1\xcd\xcb'</t>
  </si>
  <si>
    <t>b'\x114b\xfb\xdfnO\xbb16\x038F\x0e\xf2u"\t\x87\xba*e\xc3\x80\xe7T\xde\xfao\xc3&amp;\x9a'</t>
  </si>
  <si>
    <t>b'\xdd\xfcG\xf0\x88&gt;\xc5\x18D\x80\xf0\x87En\x81#\xd9t%\x99}4"\x03K9\xb6\xae\xb5\xa5\xc0['</t>
  </si>
  <si>
    <t>b'\xe3\x16\xe8v\x85}\xed\xaf\x858\x1f GwJ\xf6h\xe4\xff\x83p\xb4\x86b\xab5\xd0\x92\x99\xc4&amp;\xbe'</t>
  </si>
  <si>
    <t>b'\x07\xd4Wq!z\xdd\xce\xcdhB\xe5\xfd\xfc\xe3\x02\xd7#\x86\xa5\xb5\xbe,I\xc1\xf5\xe5T3}\xea\xdf'</t>
  </si>
  <si>
    <t>b'\xdf\xe1\xf0\x9a\x8e\xef\xdfe\xd3Xfz\xcd\xa9\xbc\x1b\x00\x92\x01\xe86\x07\xda\xd3\xac\x84\xbbG\xb0Kc}'</t>
  </si>
  <si>
    <t>b'\xd5)\x9c\xae\xbb\xbd\x82\x19\x0fI\xc397\x9bJ5\x14\xcc\x83\xe3\xd6\xb1&lt;\x84\xab\xdd\xf4w\x12\xb3(\x9a'</t>
  </si>
  <si>
    <t>b'\xc6\x8cQ\xe7U4\x818\xa8Ln\xdc\x08\xf6\xc2d\x8c\x92\x9d\x1dGVE\xf0\x0e\x0fv\xf1\xb7\xd2\xa9\xc4'</t>
  </si>
  <si>
    <t>b'\xc8mn\x07\xba\x02\x9f\x84\xeaa\xf0\xf8-"\xbfg\xc2J\xe4\x82O?!*\x86\x8c- \x87\x03\xf8c'</t>
  </si>
  <si>
    <t>b'\x1et\x15\x11L\x83\xde\xa8AUL\x9b p\xb5#\x06\x81\xd9\xbdww\xad\xb0M\xacN\xf813\xcaU'</t>
  </si>
  <si>
    <t>b'7p+c\xfc\n.\x1a\x86V\x97\x0f\xc4\xd6E\xa6\xa2\xf2r\xc6\x13\xd4^\xc6\x05\xf1\x15\xc1J\xb5%+'</t>
  </si>
  <si>
    <t>b'\r\xe2\x81)xx\x97r\xdfk\xd0\xc64r\x9cDq\xafS\xb3\x0e\xf4\xb2\xa9\xf7?4\xf8\xfb\xc6\xdc~'</t>
  </si>
  <si>
    <t>b"(\xb7'\x92\x963\xc1\xa1\x13S\xbb\xd9\x8b\xf9l\xf5\x94\xbfv\xcc;\x17\xe2\x89\xa1GgAm\x81\x12a"</t>
  </si>
  <si>
    <t>b'\x15\xee\xc7\xca\x8d\xbb4h\xe1j\xf6%\xd1=\xfdT\x99\x8a%\xbc\xe9\x07\xd9\x9b\xfbMr\x83\x12\x1a\xc3\xdc'</t>
  </si>
  <si>
    <t>b'\xfc\xbb\x8db\xe7\xf8h\x00\x08n\xaf\xb1=\x83\x02 \x19\xd6\xaf[\x8c\x9fkV\x04\xc5\x98F52\xe4e'</t>
  </si>
  <si>
    <t>b'\xbf\xf5OyR\xa3\x8fe\xe4~\xa7\xc8\x99i\xa5\xc9\xa3\xd4\xfd\xb6\x9d9\xcc\x13;\x8cR+\x84\xb1\xad\xf4'</t>
  </si>
  <si>
    <t>b'\xb2\xff\x92\xb0C\xcd\xc1\xba;\x9a~,|\xb7\xfa\xbc\x9be\x10\xa1\xd1\xfd"S\xb0!\xf4&amp;|\xd4\x00/'</t>
  </si>
  <si>
    <t>b'\n\xb6\xc3\xcf\x02&lt;~v_=pZg\xc6b\xee\xdc\x16e\xb3\xcf\x14\xf4\x10\xc2(\x1b\xe2\xc7?\x0c\xd5'</t>
  </si>
  <si>
    <t>b'b\xdfs\x7f\xf5/\x17\xb1u4\xfe\xdf\x13\xac\x83\xed;\xc9\xbf[\x87\xf4\xb8\x16\xe3\xef\xb1\xcb}\x83\x04,'</t>
  </si>
  <si>
    <t>b'(\xe7$0k\xcc\xbc\xe4. n\x17c%\x99G\xae,$l\xfc\xe0w\x96NrA\xd4S*\x03U'</t>
  </si>
  <si>
    <t>b'\xf9\xa4\xc1h\xc6\xcb\xbf\xea-\xbe\xb0\xc9\x15\xa0\xcf\x9c\x96\xb9\x9c\x11\xf5j0&gt;a\xe4\xbejEP\r{'</t>
  </si>
  <si>
    <t>b'\x19\x97W\x13\x93\xa1?\xcbS\x8aS\xad\xe9 \t\xf4\xc0\x89\x80\xeb\x91\xe3\x9f_\x17\x8a\xdb\xbcx\x11%+'</t>
  </si>
  <si>
    <t>b'\x1f\xc0%\xb1\x18\x99\xe2\xab\xa6\x7fT\xf3\xe4\xc4D-\x93R\xd3L;om\xe9\xe7\xc0\xda}~O\x95\xbf'</t>
  </si>
  <si>
    <t>b'a\xab\x88\x81\xc4f&gt;\xbe&lt;\xb3I@5\xf4\x19Z\xa0Qn\xcc\x96r\x7f\xf9\xa2\x17\xd8VZYk\xe6'</t>
  </si>
  <si>
    <t>b'\xe8\x1a\x04\xa25&amp;*P\xeb17T\xef\xc2\xd9\x86\xeb\x04#\xd2L\x0b\x1ftZ1\x1chDB\xa7P'</t>
  </si>
  <si>
    <t>b'\xeb\x9e{\xc6\xabR\x80\xaf\xe3S\x0e\x16\xed-G\xc9\xfc\x8e\xad\xc1\xc4J@\xb6U\xafV\xd4\xbbo25'</t>
  </si>
  <si>
    <t>b'\x0b\x05\x06\x03\xeb\x05\x97\x83\x05\xbd\x11S\x90\xe5_G\x9e\xe1\x0f\x9f\xb1\x8c\x04&lt;l\xd9mX\x00\x8c\xec\xea'</t>
  </si>
  <si>
    <t>b"\xe8\xb0w'\xcc\xbe\xbe\xa5\x82\xd4\xb0Z\x08\xe3\xa3\xf0\xf0\xec\xe0,\xf7\xa3D\xe1-Tl\xd3-\xbb\x82\x87"</t>
  </si>
  <si>
    <t>b'\x08\x1b) \x13\xfeiZ\xcc\xdeV\xff\xae@L\xf8q7\xea\xd7\xec\xfaq\xf1\xe8\xba\xb3\xe48\xbbUK'</t>
  </si>
  <si>
    <t>b'\xa6u:h\x98\x8b!\xa4\xfc\xf7\xda\x15\xb5\xc9V\xe0T\xa3:\x8f\xb0f\xadR\x0f\xd2\xba\xc8TS\xa6\xdf'</t>
  </si>
  <si>
    <t>b'\x8a\xb5@\xea0\xee\x17\x1b\xec\xa9\xc1\xd2\\\xc5\xf7\x7f\xda\x90\x9d\xf2\xb2w\x95\x02\xd5g\x9a:\x94\x9a\xbe\x16'</t>
  </si>
  <si>
    <t>b'g)\xd3\xbb\xf7c45\x8d\xb1C\x17\xfe7\xcd\xac\x94\x08U\\5\x15\xea\x99GF\xd3\x8eQh\xe3\x87'</t>
  </si>
  <si>
    <t>b'\xbe|\xab\x8a\x07\xa5\x081\x89\xd4\n\x9eI\xa0\xa5\xf9\x15\xd8\xffq3\t\xa6\xff\xadgt\xb8\x9f\x9f\x8e\xbf'</t>
  </si>
  <si>
    <t>b'\xe4+\xdej\x9eO\xcf\x97&amp;\x84dr\x03\xe0\xfd^%Cs\xe1?\xa0"\x93\xec\xc6\xbd\xe2\x08D6\xae'</t>
  </si>
  <si>
    <t>b"'\x04\xf6\x1f:wm\x01K\xf3\xd76\x02j\xeeT\x0b\xe1\xfd#\x81Y\xe6x\x0b\xaf\xb9]\xc51\x84o"</t>
  </si>
  <si>
    <t>b'\xfbzx\xda7\xd8f\x1e\xca\x83\xc5)\xf5\x03\xe0y\xf1\xe0\x1bN\xd9T\x1c\x84\xb4\x81\xfcT\xd26\xf5\x91'</t>
  </si>
  <si>
    <t>b':Q\x1b\xc5\xfe\x04\x82fWC\xd34\x10qgm\xb7?\x86\xa8\xfa\x8c@9=\x14\x1f4b\xc2\xee\x95'</t>
  </si>
  <si>
    <t>b'"\x06\xa0\xad\xe8g\x05\xf1\x06xz\t\xd1\xeb\xce\xa7\x91\xd5/=\xe0`&gt;i\x99XI\x88\xec\xa7\x99\x9a'</t>
  </si>
  <si>
    <t>b'^J_\x1d8E\xabW\x97\x95\xdfH\xec(\xab\xfc\xb8\xac7U\x04\xea\x05j/\x97\xa2\xdfi%\x16\xe5'</t>
  </si>
  <si>
    <t>b'\xc1T\xea\xe6\\\x85\xcf\x15\x05\xa2\xddp\xcd\x934\xd4f\x02\xd0\xb5\xa8\xd4\xf5\x8d\\\x163om\x07\xbaM'</t>
  </si>
  <si>
    <t>b'\xd2;m{\xfam\xe2\x14`\xb0\\\nw\x1e\xf2\x11\xa5\x8c;\x0cV\xf0tC\xb0-\x94u~6y|'</t>
  </si>
  <si>
    <t>b'\x83\x0fd\x90\xa3X1C\xea\x98\xd7\x1f\xe8\x19\x0e\xfb\xe3\xc9nRy-\x17\x00t\xe3\x0e\x11|\x97\xf8D'</t>
  </si>
  <si>
    <t>b'\x89\x07\x9c\xe7\xc1\xe86\xd8]\xf3\x82JB.\xc4\x16\xbd\xabL\xe1$\x17vV\xae\xa6\xc6\x94Ix\xab\xd9'</t>
  </si>
  <si>
    <t>b'ZDr\xd7Fh\x95\xf0d\x9b\xed\xd9\xb6\x8c~\xb7\xa8a\x16q3u\xe9\xbc\x9f\xdb~h,\xd9\xda\x05'</t>
  </si>
  <si>
    <t>b'o\xa6g\x00\xbed\xaa0H\x1bF\xe7r9\x80\xa6\xa3\xa3\n\xe2\xf1ca\xc2\xb8s\xb5N!\xa7\xa5G'</t>
  </si>
  <si>
    <t>b'\x15@\x0b\xd0\xd3}\xee\x0e\xa38\x04s\xc1\x10\t\xbc\x1cycZ^\xb9\xac\x91G\xd5\x80\xf9\x1e~k\xda'</t>
  </si>
  <si>
    <t>b'\xc3\xc0\xf4\x83L\x98"\xd2\x8d\xcd\xa6&gt;\x10\x05\x9e7\xbc\xcf\x08D\xb2z\xe6\xdf(\xe0\xb7\xe3\xdf\x11\xcbd'</t>
  </si>
  <si>
    <t>b'\xf1\xae\xabl\xb62\x97\xbb\xf1gP\xe3a\xae\x8d(&amp;Z\x12\xa6:*\xef\xb9iY\x088C\xb3x\x1c'</t>
  </si>
  <si>
    <t>b',\xd4\xb2\xfc\x12d\x98\xfbi\xc5\xa3\xaf\x05\xf0JY\xa7\x19\xb0\x1f\xb8S\xc9\xed\x937\x80O\x10\x07\xfar'</t>
  </si>
  <si>
    <t>b'\x02GL\xc3\xb8/\x96]\xcb\xae\x17&amp;0\x1b\x1b\xdcJ&gt;~\xea-^\xb8V\xeb\xf3\xc3\xe0_\xa0\xcbb'</t>
  </si>
  <si>
    <t>b'\xdf2\xe7z\xc1\x91\xe1\x85\xf6d?\xe8k\xb0 |\xdf.S\x0f\xb0\xba.m\x9a\xd9\xf2]P\xcdQ\xe6'</t>
  </si>
  <si>
    <t>b"V\xb0\x05\xca\x01\xfb\xda\xd0\xf2bsf\xfe\xc2y\x12\xd6e\x18\xab\xb3%P~\xe8\x964\xad\xca\xbf\x16'"</t>
  </si>
  <si>
    <t>b'\x8f\x8c\xbfC\xed\\\xc18\xcd\x96\xf2\x80[\t\xfbm?\x84\xcfO8\xf5mr\xcd\x8b\x05\x12\xec\\f\x1d'</t>
  </si>
  <si>
    <t>b'g8\xee\x8c=\xf6\t\x17\x1f\x89\x17\xab1\x9b\x9b\x8e\xb0\r\x9b$\r\xb1\xeb\xd2\x9ex\x14r\xc1fQ\xcc'</t>
  </si>
  <si>
    <t>b'v\xbb\xc7\x17i\xd6\x94\xf4E\x1d\x9f\xc8\x93P\x01G)A\x88\xa5c\xca\x00!\xc0&gt;\xe6\xa3\x12\x88}\xe4'</t>
  </si>
  <si>
    <t>b'\x84\x05\xbb\x84\xac\xb4\xf3\xb2\x8d\x80\x9f\xe3\x8d`\xb5)\xe5\xa7#\xfd)\xfc\xda\xca\xee\x0e\xee\xf8\x8e[\xae\xa1'</t>
  </si>
  <si>
    <t>b'Z\x8d\xe5F\x1e\xfb\xcd\xb3\x14c\x80TQ\xa9\xbb\xefr\xdak\xc9\xf9\xb6_\x1e$\xa4ca\x1c\x8c\xe7C'</t>
  </si>
  <si>
    <t>b'\x10y\x0c\xe4\xe3iz\xd0\x01\xa3P\xe8\x84\xbd\xd6X\x93\\d\x1e\xa3\xd4\xb6W@\x10G\xe2Eu=\xe8'</t>
  </si>
  <si>
    <t>b'\xfa\x18\xf9\xc9\xaf\x0e\xd4\xff\xad&gt;\xd8\xc1\x1b\xa3\xdf\xe7@@d\x08\x84\xa8_\xf1\x9b\x92S\xb1\xa8\x8d\x0b\x83'</t>
  </si>
  <si>
    <t>b'\x02\x9d\xc8\xa0\xd6\xf1\xd8\x81\xb6\x94[\\O\x19"b\xffYN\t\x13w\x88\t\xe7\x00\xf9\xa44\xa1\xa1\x8c'</t>
  </si>
  <si>
    <t>b'\xa7^\xf0\xc7\xd0\xa1u`b\x7f\xdb\x04\x1e\x9c:p\xd3j\xe5\x11\x060]\x00d0\xe3\x94\x11v\x121'</t>
  </si>
  <si>
    <t>b'0xC\xf5\x8a\xcf_\xba\x89/Z\x08\xd9\x18Y\x82\xad\xe9\xd5\xef\xeb\x04&lt;\x19\xda\xe5^\xfe\xfe^\x91\xe6'</t>
  </si>
  <si>
    <t>b'\x9a)\xfb\xc4\xbc\xb8O\x90\xcec\xb3:{3\xddy\xb0I\xd7\xf3\xab\x04qg:_\xba\x8bQ\xc6\xa4\xb9'</t>
  </si>
  <si>
    <t>b'\xda\xaa^\x0e|\x0f\xa7\xb1\x87\xf5\xee\\\x14\x9f\x0b\xd1\x0f\xf5W\xed\xd3\xbd\xbd?\x01pb\xc6\xa5\x1d]K'</t>
  </si>
  <si>
    <t>b'&gt;\xe1"\x1dc`/\xf3\xdb\xbb\xab\xd7C\xf5]\xd8\xb2EX\xfb\x04\xea\x89\xc77\xcfO\x9e=&lt;\xe0\x1a'</t>
  </si>
  <si>
    <t>b'\x8a\x12\xf4\x01p\xa2a\xb7\xcf\x03X\x9cN\x04\x92KM^(\x83[\xb6ME\xdc\xc6U\xb9\x07\xb1#{'</t>
  </si>
  <si>
    <t>b'\x14?\x84JE\xb0/R^\x95\xd0E1Q\xeeF\x1b6[\xb1XYke\xbd\xdbX\xf7M\xe8L|'</t>
  </si>
  <si>
    <t>b'6Y\xd4\x0c\xdf\x93\xbe\xb3-o\xeb\x91&gt;\xb8\x06\xd8\x93\xf9\xe7\xb8~L\x01$:\x0f-\n\xbax\xe1\x07'</t>
  </si>
  <si>
    <t>b'\xf9\xf9\x99\x9b\xb4\xa0\x01l\xaa\xc2~,\xac-\x80KT}\xee\xb5\x12~SM&lt;\xa0\xc9^\x8aJ\xa5K'</t>
  </si>
  <si>
    <t>b"L\x12\xf1'\xf8\x07N\xfe!\x95\x1d\xfd\x9e\xeaA\xd3\x86^m\x90u+\xa0O!\x80Y\xc5\xc9\x1f\xd11"</t>
  </si>
  <si>
    <t>b"83\xa0\xa9\x8e\xe9\xec\xe3\xf2e\x9e\xc6s\x9d\x9a\xca\xcc\x0f\xb3,\x9du\xf5\xc6\x03'\x98E=\xc9(\x8c"</t>
  </si>
  <si>
    <t>b'\x96=H\xebj\x0cU\xefyO)"\x8d\x12\x15\xa8\x02\xafW\xcb\xf6(@\x03a\xc5\xe8\ro\x0e/\x18'</t>
  </si>
  <si>
    <t>b'\xd3)\xe7\xbbvj\xac\xdf\xa1$\x9a\x9b\xe0sv\xb0\x86\x85\xca.\x82^\xf1Z8\xad\xe2\xa6 D\xd6`'</t>
  </si>
  <si>
    <t>b'|\xce\xc9\x91&amp;]\xc8\xe6\xaa\xb4*\x04_!ym\x8b\x8f\xb7\x8aG\xd4\x8b\x00Y\x97\xbd\xba\xb6T.\x1b'</t>
  </si>
  <si>
    <t>b'\xbe\x937\x1c\x86Y\xa1\xf5"\xd9p\x06\x1d\xa6\xaa\xff\xd7\x19\x7fa\xa7\xbaL\xde-\xff\x977\x97\xac\x82\x11'</t>
  </si>
  <si>
    <t>b'\x7ftS\x0c\xf7\xfdd\x9eg\x89\xf4\x8a\xeaz:$\xfa\x01\xbf\x15\xee\xc9\x8aT17\x026.Yo\xba'</t>
  </si>
  <si>
    <t>b'sV\x1fC\x902\x01\x03\x90\xee]\x05G&amp;\xb7(\x06\xde\xe6\xb8\xdfp\x12\xe1\xb2\x0b\xfa\t\xc9\xcd\xda\x91'</t>
  </si>
  <si>
    <t>b"\x1bh\xfdgOAb\x98\x1e\xaf\x85\x17G\xb9'\x96\xf7\x1cZ\x9a\x00\x11b\t\xd4\x9cD\x17\x03?\x83x"</t>
  </si>
  <si>
    <t>394xx</t>
  </si>
  <si>
    <t>b'\x97\\\xb7`\x16t\x91{\xcb\xe6\x99X\xaa\xafz f\xc6\x8e\x89[\xe8\x08\x92\x93}\x9f\xae%}\xbc\x90'</t>
  </si>
  <si>
    <t>b'\xf6\xeds\xd3\xab\x9f;)\x82&lt;"\xf0"\x15\x99\xa1~B\x81/bS\xee\x1a\xcb/\x95\x17~pE&amp;'</t>
  </si>
  <si>
    <t>b'Z\xf3+m{\xc6+$\x8a\xa0\x973R\xb2\xfa^\x87\xa6\x0f.\x1a\xd1\x04[D\x07\x9e\x8dm\xff\x08\xfe'</t>
  </si>
  <si>
    <t>b'\xf8\x94D\x05\xbcV\xe3\x01\xd5\x93\\s%SD\x8fu\x17\x1d\xf1\x8b\xda\xe4\x12\xfd\x1b\xc6\x03:\\\xa0@'</t>
  </si>
  <si>
    <t>b'~b\xf7TkSQk\xd1\x9c\xf6\xaa\\$\xd5\xa8^\xce\xc0\xbch\xfadv\xe23\xf2?amI`'</t>
  </si>
  <si>
    <t>b'\xb8\xc1.\xbe8\x04E\xcb\xf7"\xc7\xfe\xb3tD\x86\xbc\xce\x12\x12y\n\xcd\x11\xab#C,\xa4CG:'</t>
  </si>
  <si>
    <t>b'{]\xfe\x85\x1e4\xa0B\xae\x1a\xfcN7,\x93\x15\xb1!!2~)\xf4W\xdc\xca@5\x0bnU\x84'</t>
  </si>
  <si>
    <t>b'\xf4\xc4\x1f&amp;:DI\xd2\x90\x0f&gt;v\xd5\xa7\x05\x86\xd5\xd8\xc5w{\x12\x89\x00\xd1n)\xdc\xb6\x87\x9dh'</t>
  </si>
  <si>
    <t>b'\x0b\x8bP\xdbu\x90g\xc3} \x1ca`\x07\x01\xe4\x9f\xae\x90\xe3\xefV\x1f\xb8nT\xf9\xe7q}\xc5f'</t>
  </si>
  <si>
    <t>b'?\xb3\x8aU\xc5\x07\xe5\xe7\xa7X`\xbcJT5\x92\x96:\x95\xdb\x81;\xc8[f\xc9C\xf2\xf7\xcdN\x9a'</t>
  </si>
  <si>
    <t>b'\xac\xcd\xea\xbbk\x9d\xd5\xd2\x05G\xca\x8d\xc4cfo\xa48\xd4\xb3\xe0,\xdb\xba;3\xe1h\x10\xc4\xc0\xfc'</t>
  </si>
  <si>
    <t>b'\x88\xdd\xbdW%&gt;\xfb\xccZ\x00\xc5YW*\x8b\xab\xf3\x02\xbc\nJ\xec\tC\xd1\x19K\x85[\x97\xed\x83'</t>
  </si>
  <si>
    <t>b'N\x1d+S\n\x96\xcc\xd5ccp\xc6&lt;\xb5\xbe\xd8\x18W\xfa\xb0N\xf9\x92X\x9d\x04\xbdx+j\xaf,'</t>
  </si>
  <si>
    <t>b'\xb0Q\xe6\xa0\xd8eU(\xaf\xf6M\x0cv\x8f\x90\x1c\xd8\xc5d\xf3\x85jF\x9b\xca %\x90G\x0c\x84-'</t>
  </si>
  <si>
    <t>b'.:\xb2\xdc\r\xdb\xc9\xcb&lt;F\xe4\xe4\xdej1\x0c\x90\xd9\x17\xfe\x96\x8f\x1e\xc6\xcd\x98mc\xbd\xcdJ,'</t>
  </si>
  <si>
    <t>b'\xb8\xb3 \xecb\xe9\x1c\x13k{\x00\x1fa\x18&amp;\x9f8\x8f+\x1ct\xfa\xcc\x1f\xe9"\xe26~\xdcg '</t>
  </si>
  <si>
    <t>b'\xee\xe3\xb82n\xe9\x0e\xd9\x9e\x19\x16{\xc0t\xf9\xf45\x8f\xde+*\xde\xe5\x0f\x00\xf9\xdd\xa9-5l\x85'</t>
  </si>
  <si>
    <t>b'\xd9@\x8dPt\xcc\x95\x1d}\x16\x14\xef\xd7\x98\xd1C\xc0\x9c\xf1\x16\xb5\xbbG-t\xa4@V\xf1$&gt;k'</t>
  </si>
  <si>
    <t>b'0@\x80\x9568\xb9\x1a\xae\xe3\x14\xcb\x849\xc7L\xe7\x03\xec\x9f\x9a\xc4n\xc2$nf\x13\x1f\x14\x08\xbf'</t>
  </si>
  <si>
    <t>b'Q8yf\x9fv\x7f\xa9\x0c\x8f[\xb6&lt;\x01\xbd\xad\xd1\x9c\x0b\x8b~\xf7X\x1c\xec\x9eE\xa0\xed\x9e\x03\x98'</t>
  </si>
  <si>
    <t>b'{|\xfc\xd8\xa1k\x08\xdf\xc6\xf1\xe4\xf6\x10\xee\xddT`j\xce\xc3\x98\x944\xa5h\x8d\x8fZP"BT'</t>
  </si>
  <si>
    <t>b'\xe8\xf8\x94\x80\x01G\x11\xd7\xc9\xc9G,\x8d\t\xc1D\x91\x86\x1f\xd4o\xa5\xd0\xa9\xd6\xd1x:\x02\x92\xf2\xaa'</t>
  </si>
  <si>
    <t>b'\x1f\xb0\xe5\x8e\x7f\xa8`&gt;\x06_\x91\xf5\xbb\x7f\x87\x00\xe3\xae\xa0v\xbeE\x83\xef\x03\xdd\xe7\xa4\x9b\t\x0e2'</t>
  </si>
  <si>
    <t>b'\xa8^\x12\x93\xad_`\xe3\x9bOw\xd5\xfeb\xe6\x914\x01\xaa\xa5\x15\xf47\xdf\n\x91\x8b\xb5\xc5p(\xf9'</t>
  </si>
  <si>
    <t>b'\x91\xb6\n\xc9#b@/\xdf\xf5]\xb4\x96\xb4\x02d\xa9Gw\xb8X\xb6\x8f\xb4\xea\x97o\xcbu.D\r'</t>
  </si>
  <si>
    <t>b'\x1d\x83\xed#f\xb5\xd8{\x00c\xea\xca\xc2U\xb2\x9c\xcd@\xee\x179\xf5\xd3\xf5%(a\t\xd9\xf7\t\xfa'</t>
  </si>
  <si>
    <t>b'V@*\xd5(.wR\x03R\xb5}\x17y\xef\xc1\xe9\x06\x85\x1a\n\xf5\x88\xf3\xff&lt;\r\xffm\xe6\xef['</t>
  </si>
  <si>
    <t>b'\x9eqe\x8d\x8aJ\xc2&gt;\xc8\xa8\x04yB\xd4\xe1\xc8\x8d\xa96\xf6\xec"A\xd2\xc7U&gt;\xb9\xa2\x9c\xf8C'</t>
  </si>
  <si>
    <t>b'i\xc3@S\xe7\xf0\xb0\x97\x92q\x8c\x9c\x91\xa2\xa6\x99j\x056b\xa8\xb0\x04\xeb\x8a\xa6\xf1\x89O\x82\xdc\x93'</t>
  </si>
  <si>
    <t>b"\x91\x17\x90U\xa5\x89\xd9\xfe'`\xcc\x06`\xea\xe4\xce\x8f\xd8)\x14\xca&amp;L*4\xf9\xb07\xe6{/\x0b"</t>
  </si>
  <si>
    <t>b'\x91s\xba\xc8\x8dv_\xe9\xb1\xb0&lt;\x81\xd6\xae\x9a\xbf\x9f\\J_C\xc3(\xe7\xbf+\xe1\rMF\xa1\xb3'</t>
  </si>
  <si>
    <t>b'\x9e[\xe0\x98\xa5\x11\xa0&gt;;\xd1f1\xf4R1\t\xd4\xcb\x82WtU\xd7\x17v?\xc7\xf9\xf6"\t\x82'</t>
  </si>
  <si>
    <t>b"\xdf\x0c\xc7\x91\xe4eG\x1c'\x06K\x96\xe7\xbd\xe4\xe4qJy\\y\x14\xf6chZ\xa2\xedb\x8f\xf9\x1e"</t>
  </si>
  <si>
    <t>b"_\xe2-\xf7{f\xd4\xa3\xbeV\x95'i\xd3\xf3\xb7\r\xa3\xb7\xfe!\x8d\xcd\xe0\x02_\x9c\x9fu\xd2\xac\xe4"</t>
  </si>
  <si>
    <t>b'N\xbfK\x90\xac\xedp\xd4rU\xf2\xf73\xa1\xde\x13C\xe0x!|\x9a\xc5\xcdn\xc4Nk* \x82\xaf'</t>
  </si>
  <si>
    <t>b'\x90\x0b\xe0\xc0\xcd\x92\x85\x11\xac\xeb\xccwg\xd8\xb5\xfc1\xe1\x9f\x05\x9e\xa2\xc7@t_\xaa\x13\xd0\xfd\xce9'</t>
  </si>
  <si>
    <t>b'\xec\x1b\x08&amp;\x99\x12\xcc\xde\xb9\xdb\x8a{\x11\xe4@\x05\x84\x03\xc3wN\x12\xa2\xd4\xac\x97\x86\xae\x15\x88\x17\xb1'</t>
  </si>
  <si>
    <t>b'\xe5\xb9Xu\x8a.\xcc\xc0Z*0T\x104)\xae;\xe9\tB"\x0c\xdc\x7f\xb52&lt;\x91\xdfpx\xdc'</t>
  </si>
  <si>
    <t>b'\x91\xe9s\xd8\x8f\xa9V`\xb5Y\xd4\x08MuA\x81$\xd5Al\x19\xa3_\x89b\x975\x9d`|\xecv'</t>
  </si>
  <si>
    <t>b'\xa5\x15t\x1b\xabqH\xc9\xba1\xad\x9b(/+X\x92\r%\x9f*"\xc5:ZA^\xa0\xe8\xc7\x87\xdf'</t>
  </si>
  <si>
    <t>b'\xd8\x04l\xae\xcb\x12\xd7\x12\x01\xeb\xad\xc5I\x89CS\nt\xb4\xcc\xc1\xcc\xe8\xe64$\xc0h\x84;V\xcf'</t>
  </si>
  <si>
    <t>b';W\xfb\xa2\xc6-m\x8d\xcd|wc\x8b\xb2D\xe7\x0b\xca\x9c\xad\x9a\xdfd\xb8;\xa0\xb6\xc1\x18\xd27\xd4'</t>
  </si>
  <si>
    <t>b'\xefVf\x88\x08\x9f\xa8,\xa5\x1a\x9f\xf2\x17\x87r4\xd1\xe3\xda]7\xbf\xa1+\x0bU\x1f\xc3\xd2\n`\xc6'</t>
  </si>
  <si>
    <t>b']tM\xd5Do\xbb\t\xe5\xc2Y\x04\x9f\x81*x&gt;\xc3c\x19u"-k\xed&lt;U\x94\xcfZNJ'</t>
  </si>
  <si>
    <t>b'g\x1e0EE\x1dj\xd5\xbd\xdeP\x81c\xc7`\xd3\x1f\xb0\xcc\x84\xf3x\xf8\xbe\xd8\x9a\xd7\xb5Q\x17cG'</t>
  </si>
  <si>
    <t>b'\xe0#\x0e(w\x96\x92\x87\xa2\xb8ABt-\x06fj\xe6\xb3\xda*\xb0\xf4Z(\x81\x8b#\xc61\x103'</t>
  </si>
  <si>
    <t>b'\x08\x86o\xd3\xce\tm\x0b(G\x91\x0e\xf4\x18\x03:\x99\xdf\xf3.)\xfa\xc5^\xf0\xd3Ad\xeb\xc6B&gt;'</t>
  </si>
  <si>
    <t>b'\xc5uM\xc23\xc6\xbe[\xf3\xa0&amp;\x18\x0fPB\x07\x0bgC\xc9Sg*,Y\xb3\xa2q\x9f\xf4\xe5\xe9'</t>
  </si>
  <si>
    <t>b'\xe0v\x9d=\x17\xc8\x1d\x98{\xc1\xce\xa4V\xe4\xf2\xa3\xd1\xd4\xc9\xadL\xc5\xac\x90\xdb\xa21(\xf7\x8f\x90\x81'</t>
  </si>
  <si>
    <t>b'\x91\xdb\x8c\x83\x06\x1duJF\xa3\xf5\\\xd0\xa7\xf9\x0b\xbc\xaaP\xf4\xee\xd0\xc9\xde\x1f\x1aN(\xad\xac\x92\xd3'</t>
  </si>
  <si>
    <t>b'NKnyE\x88|nVb\xe4]`:\xb2\nFo\xa2\xb2\x89\xd7.t\x94\xc7\xfe\xbc-\xc7\xe5$'</t>
  </si>
  <si>
    <t>b'\xdcp\xe2\x8c\xbdVv\xda\xa7hG;\xccg\x07\xbd\xa7J\xca\x13\x12\xb7\xccL|\xfc(\xa2\xd7\xe1\xe4\x93'</t>
  </si>
  <si>
    <t>b"&lt;9M'p\xdd\xd2@\xddz\xc8;\xdf\r\x0b\xc1|\xb5\x17\x8a\xc5\xf73m\xbf\xc4`&amp;\xda\x8f\xf0\xc8"</t>
  </si>
  <si>
    <t>b'\xdcm_\xae\xacW\xe0|\xb9_\x9b\xe6\x003@\x03\x13W\xebl&gt;\xec\xc0\t\x0cFeP\xa2.\xd8\xe4'</t>
  </si>
  <si>
    <t>b'Xt\x19r\x89&lt;\x9ca\x13sm\xbc\xf25\xd9\xf4\x835\xaa0\n\xb9\xab\x12\xf2\x15\xdc\xe4w\xe4\xb3\xa8'</t>
  </si>
  <si>
    <t>b'YY\xd1UFZ}]|\x8d\x98W\xba-\xd9\xaf\xd0x\xd5C\xb6\x8eF`\x12p\xeaT\xe0nx\x9d'</t>
  </si>
  <si>
    <t>b'O\xfc\xb0Xd\x95T\x8f\x10M\xae\xd6J\x15\xecFnO\xa8\xc4\xdeg\xf9\x8cC\xc26\x08z\x88\xa7\x07'</t>
  </si>
  <si>
    <t>b'X\xdbp\xa7\x8ex\x05gOQ5I\xfd\xfa\x9f\xac\xb8q \x13\xf5&gt;d\x1cR+\x80W\x1a\xdeG\x87'</t>
  </si>
  <si>
    <t>b'l\x98\xcd\xf7\xa2jT\x1a\t\xcbF\xf3\xec\x15\xd2\x98H\x92\x1d0\xeb\xbaA\xec^\x01Gc\xd6x\xee\x11'</t>
  </si>
  <si>
    <t>b"\x99\x8d\xdf}\x96\xfc\xb2'\xfe\xaf\xdbwI\x1cG@\xe7\x9a\xf0\x98u\x85,\x04\x99\xe14M\xf8\xe6\x1cV"</t>
  </si>
  <si>
    <t>b'\xeb\xae\xa9\x9d\xb8\x81R\xac\x0f\xf2\xed\x92\xe7Y\xa4\x9c\xb4m1\x97[\x05O\xe6Z\x10\xb2C\x15\x18\x89\x05'</t>
  </si>
  <si>
    <t>b'\x03\x02:\xa2E\xaf8B\xfd;\xef\xac\xd1\xe4\xfa\xdd\xf7}\x91\xd0 \x10sW\xf5\xe1\xa8\x97\xd6\xc0\xd4\xf9'</t>
  </si>
  <si>
    <t>b'\x83A\x80K\xac\x00\x8b\x94\xeb\x87\x8d\xe6\x9d\xac\r\xddf\x8d\xca\x00gI\xb4\xec_&amp;\xead\x93\xe69\xa3'</t>
  </si>
  <si>
    <t>b'\x88\xac\xbcI \xd2u9\x1c\x9c\xc1\x92\xdb$4\n\xb3\xff\x7f^\x87\x7f|\xa8\x8e\xa0\xb8\x00\xf3\x1a\x9e?'</t>
  </si>
  <si>
    <t>b'u\xf44\xb3r,\x88E\xda\x8fa\x1d\x1c\xab\x13\x0f\x8c?P\x8c\x90\xca\x03\x8e^*\x91\xa6\xdb\xea\xed\x97'</t>
  </si>
  <si>
    <t>b'\xab\x9b\xdd\x18\x83\xc8/.\xfb\x93u\xfe\xee\x98:\'7\xf4\xc1\x88\xfd\x18&gt;C\xa6\x1a\x9f\xfe\xf4"\x9c\xc6'</t>
  </si>
  <si>
    <t>b'rA\xda\xf3&lt;\x98\xc5\x07\xc0\xd9\x16%j\xff\x8fv\x84\xa1\xc1\xb1\xaf\xfd\xcc\x84\x80O\xc1z\x99y\xe6\x91'</t>
  </si>
  <si>
    <t>b'R\xbd*\xa7\xbae4b?\xef\xb4\xb9\xf6\x8d\xb9&lt;\xfd\xfa\x8a\xd0\x8dh2\x8e\xe5\x19\xfa\xd46T\xfaz'</t>
  </si>
  <si>
    <t>b's\x1bAv\x8f\xb9\xb2\x83\x18\xe2B\xb6Fp,\x17\xec\xbc\xf0\x9d\xe2\xceF]H\x8a\x8c\xc8\xbe\xc9\x89\xef'</t>
  </si>
  <si>
    <t>b'\x9c\xd9D\xeap\t)\x83\xc6\xdft\x9fuUx\x1a\xe2e\xa9\xf6S\x9e;s\x1bW0\xf0\x888A\x81'</t>
  </si>
  <si>
    <t>b"d\xcd\xfc'\x15{&amp;\xfa\x90k\x0b\x13\x97\xcd\x02J\xc7\xc7\xda[\xa6\x86\xb9\x8e\x15\x17}L\x92\x15\x06\xe9"</t>
  </si>
  <si>
    <t>b'8\xcf\xb5\xb5\x08yc\xab\xb3\xd2\x07\xf1\xb6\xdf`\x86Jf\xd7s5\x8fK\xd4\xa9\x8e\xe1\x13\x9b\xf5\xd0\xbb'</t>
  </si>
  <si>
    <t>b'\xea\x1d\xdeK\xa7\xa7\xfb\xa7\x03\xab\x15\x16Mm\x08\x07\xfa\xe0W3W\xafF\x8a\xea\xa2\xe2\xab\xde\xe4C7'</t>
  </si>
  <si>
    <t>b'\xed-\xb2.2\xaeY\x00;2\xe1S\xdb\xd0\r\xe1k\xe2VH\xe7\xbd\x0er\xb9\xda\x1e\xbfBl\xc1\xb6'</t>
  </si>
  <si>
    <t>b'\x9e\x03A\xe5\x82\x89\x9a\xbf6\x0e\xd3\xf9\xa9e\x04nM\x84\x9a=\xc8\xbe\xbc4\xfc\x83\xc3e[\xe3Ex'</t>
  </si>
  <si>
    <t>b'\x12\x17\xe9e\x01\x82\x1f1D\xf5\x1c\xe6?\x7f\x9d\x9blvA\xe61LQBR\xef\x9c\xdc\r\xcf\xb9\x90'</t>
  </si>
  <si>
    <t>b'\n\x15\x0eu&gt;\x9a\xf7\x0e\xc0\xeci\x9c\xab\xbfT\x93\xec \xe7\x10e\x858\xa1\x14:\x14\xd7"d2\xef'</t>
  </si>
  <si>
    <t>b'X\xdcP1zg\xbc\xfa\xf3\xe6\xd08q\xfd;N*:\x95j\x9b+\xbf\xfd\x94\xb3,\xdaL\x9cQ\x0f'</t>
  </si>
  <si>
    <t>b'"\xf1.\x8a}\x8flAo\xae\xc0e\xf2-\xbfG\x18\xcd\xb57+8\xa9\xad\x89\xe2$\xe0\x80\x0e\x04\xa2'</t>
  </si>
  <si>
    <t>b'\xa3\xf9\x88\xac\x99\re\xf6\xc9]\x17\xd7 \x06VCo\x8a\xf2{\rEV\xbeF\xce\xce]j\x95\xf7\x9b'</t>
  </si>
  <si>
    <t>b'\xd0B\x8c\xba\xe1V\xaf\xc5g\xfa\xf8"\xee\x16\xba\x01\xb6\xb8\xd8Qt\x0ee0\xc0g\xa0\xda\xc8\xc8\x96\x9c'</t>
  </si>
  <si>
    <t>b"6@\x83\xa5\x15\xf9\xa2\xb7\x84\xb1\xeb\xb9\xebH\x1c\x0bV\xaaO\xb6\xd3\xcdU7)x\xd2\xd4\xaf'T\xc8"</t>
  </si>
  <si>
    <t>b'\xbf/aQ\x1e\x02lC\xea.\xf0d\xec\xf2\x17#\x87}q\x9f\x8e\x9b\xeb\x1fp\xb4DL@\xb5\xc5\xe7'</t>
  </si>
  <si>
    <t>b'\xf7\xde@\xc2\x98\xfc\xd6\xea\x0b\x97S\xc4\x82m\x82g\xdaA7\xf9\xe5mI\xd4:\xa8J\xafA\xcf\xee\x96'</t>
  </si>
  <si>
    <t>b'\xefqK \x8fy\x93#\x81G[\x05\x03\xe5\x1b\xda\xd1\xd1%$\x86\x84\x803\x8d\xeb\x7f\xee\x85\x12\x8b\xbb'</t>
  </si>
  <si>
    <t>b'&lt;\xad\x01\xc8\xcci\x99\x0e\xef\xf9\x87\xd1T\x91h\xde\x9f\xb8$t\x19r\xcb\xb0\x1at#.\xcc\xe7\xac\x11'</t>
  </si>
  <si>
    <t>b'\x80\xbe\x934\xb9\x19$\xafx\x80P\x17\xac\x1f/v\xd6\xe8m\xb7\x02\xf60\xd7\x9a\xe9\x7fI\xff\xf62\xf2'</t>
  </si>
  <si>
    <t>b'S_\xbco\xe9h\xd0\xb8\xe7\xea\x81\x0b\xe0@\x88\xe1\xb5aJ-\x94m\xf6\xff=H\xcb\x92\xc5.X['</t>
  </si>
  <si>
    <t>b'z\x9f:\xe0I\x87\xa5\xb7\xbaP\x07\xce2\xef\xf5\xb3\x18H\x0b\x19\xb5\xf3\x1f\xc5TJ\xc9\xc2\xb7\x10\x13\xae'</t>
  </si>
  <si>
    <t>b'U5\x11&amp;\xd1\xbb\xc5\x8d\xc1\x0f\xab\x0f\xae\x04\x19\x96\xc2\x08\xc7\xbc%\x8f\x84\x93;\x8c"\xc8\xaa19\x10'</t>
  </si>
  <si>
    <t>b"\xcc\x95oI\x84\xfdi\xa98\xe6\x9f\x97\xc0\x10\xfa3\x19\xa50\t\xe6g\x93'!b\x88\xde\xb3D\xf9\xb2"</t>
  </si>
  <si>
    <t>b'\x9a\xa6\x18v+\x0e\xb5F\x8dv\xf5(\x97\xcd:\x98\x9d*FU_I\xf63\x94\xc7O\x10\xd0\x1e\r\x0e'</t>
  </si>
  <si>
    <t>b'\xc6\xc6\x1d\xd2\xf6\xb9\x82\xf1Y\xaa\x0b\xe6\xd8\\T\xc6\r\xac\xd6\x7f\x00\xc2\xc9\x0f\xd3m\xe4\xa6\x8f&amp;\xb9\x18'</t>
  </si>
  <si>
    <t>b'J\xa8\xd0I\xdf\x1d\xfc\x00&lt;\xa6\xc2\x166\x7frB\x84X\x950\xa3z\xd7\x16|N\xeb\x8d\xe9\x90\xb5\xa3'</t>
  </si>
  <si>
    <t>b'\xday\xb6F\xd1\xf60\xaa\x99\x1e2Fo\xf4\x16\xa2\x87\x9b\xce\xdf\xa8\x83o\x9f\x049\x1f\x93\xc4G\x99\x1a'</t>
  </si>
  <si>
    <t>b'n\xd0\xca\xd6Bm\xeb\x95\xf6\x94\xbf@EF\xdd\xf5\x89\xad\xa7Z\xee#\x06\xaa/\x84\x10\xd6v\xd0\xc8+'</t>
  </si>
  <si>
    <t>b'X\xa1zq\xef\x13\xe1\x07\xd0\xf8gr\xe7\xe5+i!*:X\x98\xe4\xad\xda\xf7\xe9b\x1e\xb9T/V'</t>
  </si>
  <si>
    <t>b"\x19\x98\x9eM\x90mw\x0e+0\x030\x8b\xdfe!`\xab\xc5\xbed\xec\xecz\xa9\x186U\xd7a\x1c'"</t>
  </si>
  <si>
    <t>b'\xb83\xc9s\xb2U\xf7\x91r(\xa1\x872?\xee:\xaa$Q[b\xe2\xbf\x83\x0e\x00\x9c?%T\xd4o'</t>
  </si>
  <si>
    <t>b'C\xa2\xca\xde\xc1&gt;\x13\x1a\xdbzk \x85\x91\xab\xf6\xc2\xc0\xc3ClY\x8c\xf3\ne\x91\xa9C;?\xc5'</t>
  </si>
  <si>
    <t>b'\xd5q\xaf\xef\xf9=\xf1M\xd1\xa3&lt;\xd6\x92\xf7\x0b\x1b8\x16}\x17`\x7f\x86\x12\x91}Kxk\xf1\x97U'</t>
  </si>
  <si>
    <t>b'b`\xccB\x83\x00\xfa\x14\xba%\x98\xa8K\xb77\x88cru\xe6\x9d\xe7\xff\xd2\xa8\xae\x11\x8cx\x13\xd2K'</t>
  </si>
  <si>
    <t>b'\x99f \xe0\xa6\x1aX\xe8fk\x9a#\xaa[\xb9\x86&amp;\x87\x88@\x1b\x0f\xdb\xe2 \x1c \xb3\xcf\xfe^o'</t>
  </si>
  <si>
    <t>b'J\xfe4"Y\x16v\tA\xa7]N\x81\xd3\x90\xb6\xeec\x1f\x86\xa8V\x03\xd1E\x1ex\xf7H\n\xb6:'</t>
  </si>
  <si>
    <t>b'\x8f\xab:s\xe3p\x95\x03`\xde\xbd\x11\xbd\xb5\xa9\x96\xeez5\x80\x9c;n\x81\x8eA\xa14\xca\xe4v\xd2'</t>
  </si>
  <si>
    <t>b'\xb2m_\x1b\x99\x90\\\xfd\xfe\x9d[\x8f\x07\xc4\x14\xcb\\{\xb9\x0f\xf6\xb2\x18\x11\xd1\xc5\xb8\x15\x91\xe4R\xfe'</t>
  </si>
  <si>
    <t>b'\xbf\x8f\xdc\x90\xae\xe9\x99\xa9lk\xeaM2\x17&amp;h\t\xda|\xdfl\x0e\xa4\xbc\x9c\x13\xab\x8bT\xd8\xed\xdf'</t>
  </si>
  <si>
    <t>b'\x94#\xfa\xd6\xbf\x94}\xac\xbb\xe301\xd4\xf9t\xba\xf8\xca";p\x8f\xeaZ\x1b\xf6]I&lt;\x0fY\xe1'</t>
  </si>
  <si>
    <t>b"\xcc\x7f\x14\x96\xd6\x93\xe6\xdfLl\xff\x98\x1d\xb7w%!\xa7\xdf\x1ezMg\xde=\xe0n\x1dTU\x8c'"</t>
  </si>
  <si>
    <t>b'\xa2\x8e\xdf\xe7?\xd1\xff\xfd\xcd\x06C\xadM\x07W\x02\xbf\x9f\xcb\x12t\x01t\x91\xe0\xb2Cy/]o\xc4'</t>
  </si>
  <si>
    <t>b'\x9fW\x8cz1\x98kWN\x8a/(W\xfe_\x8d\xaa\x89\x82C\xe0\x10\xbc\xabU\n\xe9N}G\xbb7'</t>
  </si>
  <si>
    <t>b'\xfa\xf4Ld\xfe\x1d;\xe8\xc3X\x89\x19\x83\xed)\xaf^\xc2\xa1wh\xdf\xc4\x9c\xe1;\xa5\xb7\x9cO\x0b\x9e'</t>
  </si>
  <si>
    <t>b'\xc7\x85QP3t\x05a\x82!\xddN\x97\xe8c\x1f&gt;\xee\x8a\xa1\xed\xcc^\xb4\xcd\xe7\x04*\x87v\xe1g'</t>
  </si>
  <si>
    <t>b'\xf7\x8cU4\xe6\xdc\xdd\x9e\xe5G\xf7\xeeF\x8d\xbe\xdcX\xd5S\xcc\xe7\xa6\xce\r\x05\xed1\x07\x18\x151\xa3'</t>
  </si>
  <si>
    <t>b"e^^`\xf4K\xc6\xed\x03\xf6\xd1\xa3'\xbc\xcbn\x07O\x95\xc5\xf2\x8f\xbb\xfd\x88\xfc\x12w\xf0\xbd}8"</t>
  </si>
  <si>
    <t>b' ;]\xd3\xd5\xf2\x84JUT\xf6\xce\n \x87\xc7dI\x90\xaep\xdf0\xdf\xeeb\xa9\xb19\xbb\xc0\xb9'</t>
  </si>
  <si>
    <t>b'\xe00\xee\x9c\x87\x16!\xa9=\x99\xbf\x86\xcdA\xa8(\x85\x15\xee(\x8c3\xd5\xf5HR\xb0wG\xf8\xc8\x01'</t>
  </si>
  <si>
    <t>b'M\x03\xe7\xb0\x89i\xf9\xfc\x11\xa7\x8cU\x07\xbd\xb6\xdba\xad\x02\xa7\xcaJ$\xf0\xabY\xd3\xfe\xc6x\xa9\x81'</t>
  </si>
  <si>
    <t>b'\xe5-\xa1D\xc9\xa9L\x9b\xbf\x14\x1e\x8f=J\xb7o\x14\x06Y\xc6R\xfe\xb9\x999&gt;Y\xc3H@ \x91'</t>
  </si>
  <si>
    <t>b'\xca\xcfSq\xaaD\x0e\xb9{Z\x15\x82\x0f\x96 kzs\xcf\xa5\x01W\xc8q9T\xc1\x82xF\x1f\x1d'</t>
  </si>
  <si>
    <t>b'\xf9\x86SO@\x0e\xa4:\x82\x1a\x14Cf\xc9\x93\xac\x179`q+\xd7\x01\x06\xe8\x17@\xddV4\xc1\x17'</t>
  </si>
  <si>
    <t>b'\x98\x8c\x02\x9e\xa4cS$\x81\x8a\x18\xff\xe8`\xa5_O,\x164\xb3Ac\x93\x99\x10\x91\xaf\xe6s.z'</t>
  </si>
  <si>
    <t>b'\x98\xbc\x9b\xdd.\x89\x80\xd5J\xf6et\xb6\xc1\xc3.\x89\x15~}\x16I\xdd\xd0&amp;\xb7\xb4\x1a\xd7\x87\x1a\xfb'</t>
  </si>
  <si>
    <t>b'\xd9\xc7\x04h3\xe9\x18\xa8)\x18:\xc8\x98\xa85\x02\x97\xcb\x0bz3\x03\xcd\xf5\xfe\xa1\x82\xad\xd6\x1a\x89V'</t>
  </si>
  <si>
    <t>b"\xce\x7f\x8a(U\x927\x98Kc\\\x938Z\xaa$\x03\xc0\x80aE\xd7\xbb\x05\xd7'\xab\xe7\x1b\xab\xbae"</t>
  </si>
  <si>
    <t>b'T\xf8\x83$\xfcm\x01\x10\xe9H\x81\xc2\xd0W\x9d]?\xb9\xe3\x18:\x15\xaa\xcd\x0f(\x82(Ua\x05$'</t>
  </si>
  <si>
    <t>b'8i\x0f&gt;\xc5\xc4\x12\xe2\xa5^\x86\x82xfR\xfc\xae\xe2*[,\x9ea&lt;\xe8\xd5\x16e\xb7\nc\xd8'</t>
  </si>
  <si>
    <t>b'\x15 \xc3,\xd0\xcd\x1a\xe3K\x88\xd6\x85\x98\xdc\xe3g-\x9dw\xda\xb7n\x92i\\\xf2\x0c\t\xbb\x96y3'</t>
  </si>
  <si>
    <t>b'\xa5d\xf4A\xf63dB\xa2\xc7B\xd3NPj\xb0\xe9h\x8b\xd8\xc9}\xab\x94\x9f\x96\xc3Af\xb8\xd5\x9f'</t>
  </si>
  <si>
    <t>b'\xf4\xa5\x06y\xa6\xff\xc4\xda*u\x06,\x083\xb9\xdfZ\xe2\xf4\xae^\x80D\xd6/y\\-\x81\xcbs\xab'</t>
  </si>
  <si>
    <t>b'1\xec\xfe\xa4O\x87\x9e\xa0{\xa0\xe4t7\x00\xf7\xea\x14\x1eH3\x87\xe0`\x08\xb1M\x837\xe7R\xa8\x05'</t>
  </si>
  <si>
    <t>b'\xb9\xdd"\xad\xf0[\xc4y\x87}&amp;\x16\x97,g\xa6o\xaa\xacv\xb5\xfc\x92\xd0S\xd2\xb2Z6\xb9^\xc7'</t>
  </si>
  <si>
    <t>b'\xb8\x9dua_N\x88S/\xdf&lt;\x9e\x8c~\xdf\xe4~\x92\xc6\x92Q\t\x93\xdc\xab\x81\x00+\xf3\xdd\x13G'</t>
  </si>
  <si>
    <t>b'u&amp;\x1d\x85\xf9\xd34\x12k\x97\x1d\xad\x0b\xed\n\xbbI\xbb\x19L\x98\x13(\x1d\x93w\xcb\xb1\xb2\xa2t\xba'</t>
  </si>
  <si>
    <t>b'\x07\x84\x14n\xeaG\xaf\xdcN\x82\xd0\x06(\xb7\xe8?Q&gt;\x1bcR\xbd\xa6Ml\xc6\x92\r\xee\x18\xb9`'</t>
  </si>
  <si>
    <t>b'\xbb\x01\xb9]7\x06\\b\x06&lt;\xc3\x0f\xaeg\x06\xe2\xef\xf8s\xd3\xc6Y\xb6\xd9\xee)\xa0\xbf&lt;\xf1\xfcP'</t>
  </si>
  <si>
    <t>b'gJ\x8e\x91\xfd\x9c\x9ed\xbdt\xb2\xe9\xe3=\xdc\x9c)\x1b\xb1\xe4\x02P\xd4*n\xbf\x91\x06C`\x9a\xe7'</t>
  </si>
  <si>
    <t>b'lhF\x84%\x0c\xd7E\xc1\x8cu\x0cM\x99&amp;\xb2WJO\xdeJ\x1b7\xf8y/\xc52k\xa0\x05\xd4'</t>
  </si>
  <si>
    <t>b'\xdd\xbeD\xbc6\xf5\x99\x0e\x15d\x92e8\xea-\xff\x95lA\xdf\xb2`\xcd\x0b\x94\xf0\xbe\xf7\x0f\xd0\xc5\x97'</t>
  </si>
  <si>
    <t>b'X\xe7\x82y\xc5\x05\x0e\ne5\x80\xc9\t\x0eg\x87n\x15\xf8\xb9]\x96!\xc1\xf9\xfd\xf0\xe1\xe2\xadN\xdb'</t>
  </si>
  <si>
    <t>b'\x95*\xbe\xee\x14\xe5T\x909\x13\xb1+\x85\r\xf2\x8d\x07o-\xd2R\xdb|\x18\xdb#D\x1d\xd3\xbe\x00\x0f'</t>
  </si>
  <si>
    <t>b'\x11\x85\xc3"\xca\xff\xeb\xa2\x8dW.`\x06\xc9\xf2J\n\xbb\xa6\x1cU\xb7\xba\xd4\xaf\x8a.$\xe5\xb4\x91\xc3'</t>
  </si>
  <si>
    <t>b"\xddh&gt;K\x90\xd6\x9f\x84\x88!'\xd9K\xads\xf5\xba57\x9f\t\xf5  W\xa1\xe0\xa4\x95\x99\x9f\xb6"</t>
  </si>
  <si>
    <t>b'2\x84\xa6H\x98\x8e\x95&amp;\xbb\xcd\xf9\x0f\xc3G\x16#\xc3\xec`\xe8\xec\xd2s\x18=\xc2\xe2S\xcc\x91\x1eI'</t>
  </si>
  <si>
    <t>b'\xe16\xa2\x0c\xd90\xd7\xd3\xfcR\xb5\xbb\xe6C/d\xf3\xc6\x17 \xb3Ak\x034;\xd0W\xde\x1f3\xe2'</t>
  </si>
  <si>
    <t>b'\x00\xe3o:?\xdd\xaeNYQA \xf2^\xd9\xe3\x85M\xc6\xaf\x92\x85\xb9\x17\xb8\x1b\x8a\\7\rS\xb8'</t>
  </si>
  <si>
    <t>b'\xaen\xc6_\x9d\xdf`a\xf0 .&gt;\x1f&amp;\xf4\xafK\xc0\xf3\xd1 aI\xb0\x96\x06\xf0\x8e\x82\x8f\xf5v'</t>
  </si>
  <si>
    <t>b'\xe1\\\xbeW\xd5\x18\xd7\x89)\xbba\xe4\x81\xb5\x12\xec\xb0\xd7a]J\x1d\x8d\x17\xc0\x8e\x9bT\x12\x05&gt;\xd1'</t>
  </si>
  <si>
    <t>b'\xb0/\x00{\xa2!D9V\x87]\xd7\x1a\x82\x1e=[\x8a6\xab\xfe6$f\xf3(\xa2\xf3u\x81c\n'</t>
  </si>
  <si>
    <t>b'\xda\xd9b\xfb\x03\xe3F\xfa\x12\xc7]\xd5\x9be\x9e\xdc\xb0\x19\xe2F\xba\x84\xdf\x19\x01\x80\xa1Ni)\x1c\xe6'</t>
  </si>
  <si>
    <t>b'\xcd\xa2\x9c\x8c\xb2\x91\xce\x18O\x15i\'\x95\xae\x8bi\xde\xf7\x13\x0e\\\xc5\x10\x0er"\xa7:\x85\xbc?\xb2'</t>
  </si>
  <si>
    <t>b"\xceK\xe8\xc1\xd3\x16\xfb.\xbb\xaa\xb3\xbe\t6\xfb\xa3'~\xeb\x08\xfc\xf8\x0e\x0c\xd2/\x9d\xd5(tp\xb8"</t>
  </si>
  <si>
    <t>b'\xcatk\x00\xc2\xf1\xdf,;\x17\x98\xfa\xe0;\xf6\xbf\x02\x86\xeb\xf3\x10\xc9u\xf9\x19H\xde\xa5\xeb\x04\xc6\xde'</t>
  </si>
  <si>
    <t>b'5\xa7-\xd7\xbb\x91\xff\xd4\xd9\xa2\x9cAJ\xf3\xc5\x96tk\x95\x1e\x8a\x13\xf2i\x91\xfbY\x84\xd86\xaf\x05'</t>
  </si>
  <si>
    <t>b'B\xe6\xc8\x88\xc7\xfe\xed\x948J\xf1\xb9,\xbf!\xaa\xdf\xd9:\x08&gt;&lt;\x9f\xab\x8c\xad\xf31\x1f\x0b\xeb\xdf'</t>
  </si>
  <si>
    <t>b'\xfb9z\x84E\\\xef\xee%\x11\xc4\xcf\xde\nYz\xb5.\xf8p\xd0ec\xf2R\xf8F\xc4\xa5_\xbd\xff'</t>
  </si>
  <si>
    <t>b'~\xd8\x9e\xed*/\x8d\xca)\xd4r~\xfeM\x08\xde\'G\xda&amp;\xae\xa8\x98\xe6SY\xde)*\xe3"&gt;'</t>
  </si>
  <si>
    <t>b'\x8b\x8a \xe9SL\x0b\xb2\xb5\x87\xd1k\xaa\x1cf\xf6\x8d\r\xee\x14W\xa1\xb3u\x06\x80[|\x90\xacW\xd4'</t>
  </si>
  <si>
    <t>b'\xbfb\xb6\xde#\xa2\xeb\x14&amp;\xb0\xbeY\xd1m\xaf\xe1_\x88\xf63|1\xc2#P\xd5\xa2h\xe9\xe9,\xf9'</t>
  </si>
  <si>
    <t>b'\xe48\xed_\xcf\x01\xcaJ\xcd\xbe\x84\xb3\xc7\xfd-\xce\xc7~\x0b8\xcbM\xea"Di-g\x95\xe6\x8eB'</t>
  </si>
  <si>
    <t>b"\xd2Z\x8cW\xc1\xc3\t. :\xc3\x98c\x0c\xb8\xc2\xc2['\xea1\xf1\xbby\xf5\xf3\x07I\xe8L\xec\x1f"</t>
  </si>
  <si>
    <t>b'\xe4\xb3s\x04\xe16\xfd\x12\xaa\xd0[;L\x1c"\xcc6U\x93\n\xf2\x98\xf4\xf1\x80\xc52\xcc\x87\t\xc9\xb0'</t>
  </si>
  <si>
    <t>b'=\x03\xdb\xe4\x91b\xf8iF\xdfq\x15\xd2\xfbh\x04\x1b\x1ca&lt;\x16eh\xd1l\xd8\x10g\x8b\xfd\xd0\xd5'</t>
  </si>
  <si>
    <t>b'\xab\xde\xaf\xa7u\xeb\xa6\xdcZ\x80\xea~3\x1e\x9e%Jx|r\x0e9\xcc\xcd \xc3"\xdd${\x16J'</t>
  </si>
  <si>
    <t>b'\xdf\xfd/f\xf4^\xb1/\xef\x84\xf1\\aUK\xd5r\xc7\xad\xb3\x95\xe7\x13~\xee\xeb\x9c\x848\x1a\xffV'</t>
  </si>
  <si>
    <t>b'j\xde\xfe\xca*\xa3\xb8tB3K-r\xbfv\xd8\xf2*I\x1avE\xa6,I!\x94\xee\xee\xf9G\x10'</t>
  </si>
  <si>
    <t>b'2\x94t\x8d9=6\x96\x11\xf7;\x17\xc8\xc1\xe5\xe5\xd6\x89s\x19W\xb0\xaaq\xf7\xa1\x9e\x05x\x81\xed\xd5'</t>
  </si>
  <si>
    <t>b'H\x07\x12\x04\xe6\xe1\x00\x1fR+\xaeVn\x81\x91\xc7\x8f\xd73\x9f%$\x94%\xde&gt;+\x17\x9c\x1d0\xed'</t>
  </si>
  <si>
    <t>b'\xa7=\x80\x9e\xfc\x8a]\xc1\xa9\xb7\xfc\x966\xa3J\xa4\xcb\xa5\xfb\x92&lt;?5\xc6p\xb8\xc8\xb3\x939\x91\x03'</t>
  </si>
  <si>
    <t>b']^\xed]\xc9\xa7\x9e\x07\x1a\xafw%\x8f\xeb\x8fi)\xe8lp\x17ar]y\xf3\x00\xc3&gt;\xc31\x92'</t>
  </si>
  <si>
    <t>b'\xba\x92\x13\xdad\x8b\xdc\xa7\x04M\xf1J\xe8:\x1a@7\xce3\xdd\xcd}\x874\x05\xeb\x1f\xe2\x96\xf4\xf5\xd9'</t>
  </si>
  <si>
    <t>b'q\x9a\x89J\x10\x9a3qt\x14\xff\xdd\xf0Mi\xae\x9eE\xb6c\x18\x15\xe2}\xab\xcb\xb95\x9898\xbf'</t>
  </si>
  <si>
    <t>b'\x90#\xc6!L\x13\xf7\xab,Pi\xcc,l\xb3\xca\x8c\x1c\xaey\nB\xdf\xdb\xa2\x19\xaa\xea\xe1=}\xfc'</t>
  </si>
  <si>
    <t>b'$G\xb6^\xa7\xea\x107\x8c\xfc\xcbo\xb1F\xcf}lw\x0f1\\\xb5\xfe\xbb2\xe1E\x9fb\xc5\x8eL'</t>
  </si>
  <si>
    <t>b'\x1c4[\x19\xdbv\xe8\x8bm\x00\x88c\x13\xd1\xa3\xf4\x10\xee\x17\x00\x18\x9c\xb5x\x18\x98\xf0\xc8\xd5\x9e}4'</t>
  </si>
  <si>
    <t>b'\x90Vc\xe5\x92\xf8\xeb\x93!\xa7\x81b0\x83\xa9\x0f\xe7\xa6\xbc\xe0\xef\xb3\x9a\\r\n\xc9v\x14\x0e/\xd3'</t>
  </si>
  <si>
    <t>b'\xee\xc9\x8e\x7f\xc6j\x17\x00\x0b\xa9\x93g\x86\x07!\x89\xf9\xf4\xb8\x15\xfd\x0e\x06\x95\xe7\xb3"h\x13\x84_\xb6'</t>
  </si>
  <si>
    <t>b'\xe0\x85\xfe\x98,.\x8f;\xa1;m\xdf\xb0\x83\xffw\xfb,\x1c\xd3t\xba\xe63\x82c1A\x8d.\xd3W'</t>
  </si>
  <si>
    <t>b'V\x9bA\x02\xc6\xce\xea/\xfbL\xa9P\x8c&amp;U\xd2\x97N\xcd\'\x10\xa6\xabm\xff\xe2P\x82"\xcf\x89\x97'</t>
  </si>
  <si>
    <t>b'/\xda\xecq\x91&lt;Yw\x8bQ@yV\xa1\xeb/\x93#\x15\xbcN\x10\xce\xa8\tk\xf8\x97E+\xb3\xfd'</t>
  </si>
  <si>
    <t>b'\xdaS\xf0\\\xb80\x92m\xa7*\xc9\xe3\\\xe8S(\x92\xffr\x1e\xc9\xe3\x8aq\xaa{(\xeb\xd9\x0c\x93\n'</t>
  </si>
  <si>
    <t>b"\x0f\xe6\xecq\xd9\x98\xc3\r3$\xed\xd6\xde\xaa\xa2\xadWRo\x85\x9f\x90s\x84\x92\xc1}\x9c-'\xf7O"</t>
  </si>
  <si>
    <t>b'\x89&amp;Z\x94\xf1X&lt;\xce\x03\xe1\x85\xe7s\x81!\xf0\x05k\xca.\xcb\xcdS\xe0f\x91\\!&lt;n9`'</t>
  </si>
  <si>
    <t>b'\xd0\x80\x95\x85`]c\xa6\x08\xdbh\xe5E4\xedat\xa7Z\x97\x82\xd9\xa6\xa9\r\xd0\xdecZ\xc45\r'</t>
  </si>
  <si>
    <t>b'\xb2\x0b\xd8\xd8\xa8\x1f\xb9X\x07\xcfI\xf1\x9a\x03\xbe\x83\xf6\xd8\x1c/R\xde\x9a\x19\xb5\x86\x10@G\xaf"n'</t>
  </si>
  <si>
    <t>b'\xd9\xd0\x8e\x7f\x1b\x8af\xb3\xa2?%\xc7V\xca\xc3\xbbHG\xbe\xd8\x80k\xe6\x1c\x1a5\xa0\xca&gt;\x115R'</t>
  </si>
  <si>
    <t>b'\xf9\xd1z\x19\x86\x9a\x1a\xbf\x8c\x8fY\xf5\x89\x1dt\x98FQ\x0fb,b\xa9YF\xf6\xc9J\x8a{\x05Y'</t>
  </si>
  <si>
    <t>b'&lt;\xd8M\xa10\x8e\x06\xd3R8Jw\xee#h\xb3\xd6\xc8\x03\xadLb\xfb\xae\xfc\xda\x8d\xea8y5\xbf'</t>
  </si>
  <si>
    <t>b'\\\x9b\x0b\xad=&lt;x\xad\x95\xd0\x80\t\xb1\x18r\xc5\x13k\xd5$\xb3n3\xf0\xaa\xb8\x01T-\x1e\xd3\xf1'</t>
  </si>
  <si>
    <t>b'\xb1\x1fh\x97;\x1f\xb2\xfc\xe2\x94\xc9~\t\xfd\xfe\xa1\xaa\xd4\xcch\xd7\xc5\x00R?\xc8\x8e\x8b\xfcC\x8e?'</t>
  </si>
  <si>
    <t>b'\x89\xc7N\xf2\x83[k\xda\xe0\x06Z*TG\xa9\xf6d\xc9\x03\xbc\x9e\xb0\xff;\xecN\xa8\xad\xd1\xcb\x80\x85'</t>
  </si>
  <si>
    <t>b'\x86\xc6\x9fq\xe8!\xb5Sp\xd0\xff3C\x8c4)\x19\xa3&amp;M\x81\xf0\x05\xca^-\xb0\xa1\xf8\xe8tB'</t>
  </si>
  <si>
    <t>b'\xcd|\x15nl \xabMo~v\xdeG2\x00e\xdd\x18C\x99\xa7{\xd8\xa6l\x9e\xee\xbaG\xdd\x8c\xf7'</t>
  </si>
  <si>
    <t>b'\xff\xe4|\xc7\xca\xf6\x066\xe4r\x19\xa3M\x97\x04\xe2`\x9dD\xab K]-\x19d\x91\x16\x9e\x82\xd6\xc2'</t>
  </si>
  <si>
    <t>b'\xcb\x92\xbd\xe4 |\x98\xd8\xacv\x84e\xcf\xfcX\xed9\xae\xaa \xfd$\xaf\xf3\xe0\xee\xc1T~\x13\x02\x1e'</t>
  </si>
  <si>
    <t>b"\xacbt=\xe3\xc3GS\x0f\xbe\x10F'Y\xa4\x86Z\xa6a\x17\xca\xab2\xa0\xb6\xc6,\xeb\xab\xa5s\xf4"</t>
  </si>
  <si>
    <t>b'\xdd\xd3\xa7Wo]\xa4\xeb\x05jG\x84\x9a]\\\x16Q\n\xf4\xe3\xc5.7U\x03%\xe6\xa8\x92\x16\x90T'</t>
  </si>
  <si>
    <t>b"\xdd\xca\xd6*j\xb7(\xdbzBX\xbf\x07\xc9\x87\x8bX\x1a]'}\xe4\x8fY\xd1\xe0/y\xb3\x19\x90\xc3"</t>
  </si>
  <si>
    <t>b'\xb1\xa0\xc9\x94\xfe[a\xbf\xdf\x03l\xd7\x0f\xc6\x05O\xe5\x9f\x03\xcf;\x86g\xebe\xd4\x9cg\xe8j\x97}'</t>
  </si>
  <si>
    <t>b'\xe2\x9fE\xbc\xb6v\xb2\x19\xc2s\xaf\xe69\xc56\xdaf~\xb6\xd6\xedf\xea\xb1\xdb\xbb\xd5\x84\x1a&lt; \xe0'</t>
  </si>
  <si>
    <t>b'\x91\xc1a\x07\xd6o\xe4\xb4\xcc\x84\xae\x8d.W"2W\x12.\xeel\x98*a\x867j\xb5wD\xfdU'</t>
  </si>
  <si>
    <t>b'\xb6\x12u\x80\xd8\xacH\xad\x83\x02\xa6\xf9\xd9\x85\xee\xf3\xc6\xbd\xf6\xe5q\x9d\xfaG2Q\x07h\x07^i\x1d'</t>
  </si>
  <si>
    <t>b'J0\xe7.\xf9&amp;$i\xa66Za\xf3\xe9\xbc\xe9?o9,Yc\x00\x91+(\xb6x\xf4\xcd\xf6z'</t>
  </si>
  <si>
    <t>b'\xea\xae\x82\x90\xebjd\xa2\x92\xd7\xc1\xbe\x98\xed\x06pZ,\xb1\x7f\x19\xd6\x90\x9e\x8a\th\xf3\x91r\\\x95'</t>
  </si>
  <si>
    <t>b'\xa9\x003\x1f\xb3e`/\x9c\xb8\xcc\xdb\xa3X\x07u\xbd\xd8\x1c2\xbc\xba\xdf&amp;$\xba \xe9Zq\x87\xe8'</t>
  </si>
  <si>
    <t>b'W\x034\x04_\x90\xa1\x8b\xe9\xcf\x11\xb9XM\x86\xfe\xc8l\x88d\xcc\x83\x90\x10^\xbe\x1c\xfaE\x85\x96t'</t>
  </si>
  <si>
    <t>b'\xfc\x11J\xc0\xf6D"\x8d=W\x18\xe9\xcfk\xbc\xd7\xbd\xb0\xc6Q\x853\xde\xc1p\xc6\xbd~c?\x99\xed'</t>
  </si>
  <si>
    <t>b'\x12Y\xe3]\xad\xb2\xf6\xd0\x98\xd0\xdb\n\xd7\xda\xb2\x9aI\xf4\xad\xcd\x03\xcc\xd7T\xc9\xfb\x9fF\xe3\xc5\xca\x14'</t>
  </si>
  <si>
    <t>b'\x08\xa2\xe8_\x8cq\xb8\xb3\xe5&amp;e\xac\xb8\xa5f\xde\x17\x06(be4d&gt;g\xc3\xdc\xe3\n\x1a\x02\xfb'</t>
  </si>
  <si>
    <t>b"A'\xe1\x9d\x8f\xf2f\xe4\xc6eD\xbaK\xef\xc1\x86\x14\xcb\xb1\xc7N\x83\xdf\x8eq42\xe0\xb9=`\x89"</t>
  </si>
  <si>
    <t>b'\xcb\\\x9f\xcb]J\xd8\xdd\x95#\xf0\x0b\xa7\x07\xc5\x0bk\x06+Dd\x1d\x10\xda\x98\r\r\xa6\xed\x96\xba\xb4'</t>
  </si>
  <si>
    <t>b"^\xed\x0bXD\x14m\x8c\xf3)\x03$\x8e\x81\xa2g\x86\xe5Ys\xd2\xfe\xd8\xc892'\xb85\x82E#"</t>
  </si>
  <si>
    <t>b'\xdd%\xa44c\x06\xe0&gt;\xa0\xc3\xa8\xac\xc9\x18\xd8\x8e\xb7]\xa2\x95j\xaf\xc3\xdb\xe9\xb6\xaa?\xdf\xbb\xfc\xae'</t>
  </si>
  <si>
    <t>b'\xf5:\x16\xe9\xbe\x03\xdd\x82\x06\xfa]3\x95\x85\xc2;UZMg1D\xf7vCQ\xdfq\xccS\xeb\x8e'</t>
  </si>
  <si>
    <t>b'\xc3\xfd\xa5\x06{Jj\xd1,\x8c\xad\xdb\x19\xb7Sh\x86\xb7#Q\x91\x1c]{\x96\x95g\x8d\xde\xc2\xba\xee'</t>
  </si>
  <si>
    <t>b'\xa9\xe0\x17\x17\xdc\xf0\x0e\xd1\xb8EZ\xaf\xf1)\xcf\xf2\x1e\xdb]}D\x9eK\x94\x85)iS\xd95\x8ea'</t>
  </si>
  <si>
    <t>b'h\xf4N\xc6\xa3W\xb1\x91\xc8\xf2$\xcdHi\xf5\x18X\xfb\xde\xcee\x9f\xa0\xb6\xbd\xd52\x0b\xfd1Li'</t>
  </si>
  <si>
    <t>b'\x8f\xe7\xa7\x1f3\x14+h\xb1\x12H\xfa\xf6\xed\x14\xe5l\x05\xd3\x9fL\x82\x18\xf5VI{1y\xabD\x1a'</t>
  </si>
  <si>
    <t>b'\xf9\x98\xdcQ!\x07T\x88\xbe\xc6\x9e&amp;u\xfb:\x07\xca\x0e\xc0\xa1\xc2`\x82\xacR\xbd\x06 \x06\xd9\x8f;'</t>
  </si>
  <si>
    <t>b'\xab,K\x94\xeeBC\x83\xc9Gk"\x9eYi\x8f\x84\x08\x1f\xc8\x9ea\x98\x0e\x99\xbdVTU\xbf\n\x12'</t>
  </si>
  <si>
    <t>b'\xc3\xfa\xdf\xe0\xe8\xcc\xf2\xd7Rc\x9c\xda\xd8{\xe4f\xe3`\x0e\x82^\xb3;\x9e\x13\xb0@\x7f\xean$\xf6'</t>
  </si>
  <si>
    <t>b'\xbe=\x8a\x91\x92[\xdc\xb7\xa9x\xf8Q\xe15\xfdg\x02\xb0\x81\xa1j\x1cf\xe6v\xa8Q\x18wg\xc0\x8a'</t>
  </si>
  <si>
    <t>b'w\xa5X\x14\xa2\xac:$\x7f\x01\xdb\x97\xc2\xd9\x8a\xb60l\xc5q\xfaS\x7fDY\xb6\xcaZZ\xbb\xe13'</t>
  </si>
  <si>
    <t>b'f\x10\x96x\x82\x91\xd5\x0c\x16\xf3K\t\xb82\xdal&lt;\x8aSc\xb3\xe6;\xfe\xc3\x1d\x9dR*ap\xb8'</t>
  </si>
  <si>
    <t>b'/l\xab\xff\x84\x83*\x92\xbc\x12\x11\xaa\xbc\x81b\xfd\xcd\xfcT\xd3\x16F\x01\x9bk\xa64\x1fe1K\x1a'</t>
  </si>
  <si>
    <t>b'\xc9\xa3w\x82Y+\xfd}\x18O:\xa0\xff\xd5\xb7\x97\xf5\t\x1f\x9f (\xcca\x8cl\xbceR\xcf\xc1\x05'</t>
  </si>
  <si>
    <t>b'\xd6\xf8\x88\xadV\xae\xe0\xa2P?p\x12\x0c\x80Q\xc0s\xfc\x1c\x1b\xad\xa73\x89\xe0\xc0\xe1\xbe\x1ap\xa80'</t>
  </si>
  <si>
    <t>b'\x81\xbb\xd7\x04B \xff&lt;\x05\x01N\x95\xa1\x98n\xaa\x82\x82\x93y\xe7"b\xe0\xf8\xd7\xe2(\x0e\x8e\xa2"'</t>
  </si>
  <si>
    <t>b'\x91\xec\xe3\xd1\xa2\xb4\xce\xa4\xda\xa1\xc0j\x80F\xed\x0c\xa1s\xd7\xd5\xbc*O\xd3YV\xfd\xf5\xdaL|\x02'</t>
  </si>
  <si>
    <t>b'\xd3H\xf1\x97\x8fI.-+\xa7\xc3\x84\xb4\xb6\xf1\xdd\xe7\xef\xe9h\x17\x91Hj\xd0\x0f\x81\x7f\xc0\xba\xc4\xa9'</t>
  </si>
  <si>
    <t>b'\xb98[\x86\xd02s5\xa1/\xed\x0b\x02\x91n\xcfU\xbf\x83.\xff?\xaa\xc1\xd8\x14\x8a\xa1\xec^\x82%'</t>
  </si>
  <si>
    <t>b'%\xd5mg"\xb4\x02\x1aI\x82hbZ^\x88q\x9aVCp|\xef\xe4b)\xea\xbc\x0bV\x10\x14\xfd'</t>
  </si>
  <si>
    <t>b'\xdf\xdc8h\xec\xe9E;\xc6\xfb\xddWGE\xa6\xbd|?cdH]*\xd4\xbag9\x0bSB\xd1\xbf'</t>
  </si>
  <si>
    <t>b'\xa81f8\x8a\xe7\x04\x90\xcc\xba\xeexW\xf7\xd6^\x0f\xdc)]y\xc8\xe6fEy\xe0\xc5\x04\xa7\x03;'</t>
  </si>
  <si>
    <t>b'H\xad\xd3\x0b\x9b\xbc\x08V\xbf\x1fk!\xc06\x1f\x89\x14\xffKU\xb4\x95\xfb8^f\xf3+\x0e8\x17\x9a'</t>
  </si>
  <si>
    <t>b'\x91S.\xb6\xefNS\xf6_:m`\x9b\x823_?\xe6\x9a\x1c\xd0\x86\xca\xe5\xb6\xf5\xa4\xd5p\xb6\x8d\x1e'</t>
  </si>
  <si>
    <t>b'mT\x81u\xa9\x16\xde\xd35&gt;U\xd6u(e!\x071\x95\xa3\xc8\x0c\x12\xa2\xac\xba\xb7\x0ez\xd7\xec:'</t>
  </si>
  <si>
    <t>b'\xfd3;\x9b&amp;P?f\x8f\xe6\xaa\x89\xbb\xd7\xf8\xd45\x01"Tk\x11\'\xd1\x9e3H\x1br\x86=\x92'</t>
  </si>
  <si>
    <t>b'\xf6q\xe1\xad\xb7\xa69\x0c\x8cp\xaaSb\xd0 \xef\xb3x\x91\xa7P\x9e\x0cD\t?\x1aL\x89o\x7f\x8d'</t>
  </si>
  <si>
    <t>b"\x8b\x17\xb1AH\xf1\x0f1\xe5{\xd4Pb\xd9\xebg'\x0cE\x89:\xc8\xf8\xcc\xbaK$\x9d\xe3d\xa1\xfa"</t>
  </si>
  <si>
    <t>b'\xef\xaf\x12\x0bx\xc3\xe5\x82\xbf\xa8\xf2\xe3\x04\x8b\xc7\x99\x16\xcc\xc0\xd3\xa6\xe4P\xb2\xd7\x89\xe0Qz\xc0\x8d\xbc'</t>
  </si>
  <si>
    <t>b'\x8fZ\x8c\xe8y\x02\xaa\xa7!\xfe\x02F\\\xe0\xcfS8w\xdd\xac\x8b\x81$\x90"\x82\x9bo\x03\x10At'</t>
  </si>
  <si>
    <t>b'CD\xc20`\xad\xd2\xb0:\xe8\x1a\xf6\x86\x08\x06\xee\x9c\xf8b\xf9.\xb3\xf9\xa38\xf3\xa8\x1b\xf8\xe8\xc9\r'</t>
  </si>
  <si>
    <t>b'\x83\xb4\x95\xa3\xef\x0b\xbf\xb8\xf8\x8d\xd0\xfa\xee/\xa8\xf0\xa0\xf0X\x80\xa9\x03\x1f\xf76\x99\x8cU\xdbz\xc6\xbd'</t>
  </si>
  <si>
    <t>b'Z`\xa9_(\xf5\xb3\x9f\xfb\x86Z\x7f[\xc9\xf5\xa2A\xfa\x16\x15sX\x83\xea&amp;`\xaeQg\xc6\xbd\x96'</t>
  </si>
  <si>
    <t>b'\xc4{\xe8${u\t\xe2A\x02,\x0bp3\x1a\xf7\x05U\n\xfd\x8c\x04so\xcd\xb6\xf3\xa3\xe6D\x0b\x94'</t>
  </si>
  <si>
    <t>b'n\xb1\xf2\xed\x9a\x1b\xd8\xa4**&gt;\xc1b\x80B\x9e\xee\xe1\xc5{\x9f\x99\xcd\xc4r\xdfi\xcc\x84\xbd\xb3\xc9'</t>
  </si>
  <si>
    <t>b"\xf5\xc2\xbb\t\xf3['/\xc9N\x1c\x1f_\xe1SF\xad\x89\x14\x04Q\x89\xbf\x01E(\xc2_\x1e\x1c\x9c "</t>
  </si>
  <si>
    <t>b'\xf9\xac\x8c\x13\xa5{\x8b\xff\x98\xe8\x84\xe1\xe1\x07\xb7\xe6\xa3q\xa5\x04\xa6Q{3\x06\x02\xa7\x7f\xa3\xf6L2'</t>
  </si>
  <si>
    <t>b'\x0c\xda\xdfJyH\xbe\x05C:ROM\xcftf\x08\xf3?j1\xa8q\xc3\x9e\x82F\xac\xa7\xaf\xf7\xac'</t>
  </si>
  <si>
    <t>b"\xb6{Z\x87\xdfSt\xbd\xc4\xff\xec\x9eU\x9b\xcaL\x13]\xd8\xfdc\x00u\x90~\xc0S\xd3\xbchO'"</t>
  </si>
  <si>
    <t>b'E\xd4\x8de\xf9"]\xc2D;\xab\xa4 \xa0\xea\x8c\xc8\xee\xc0\xe7[6\xdbj\x1a\n%\x0f\x15\x1bz4'</t>
  </si>
  <si>
    <t>b"x\x05\x06v\xf2m;\xa3Cb\xd2\xab7'\xb0\xeb=\xa8\xd1'\xe9fXY\xdc$\xab\x07\xf2D&lt;X"</t>
  </si>
  <si>
    <t>b'\xed\xb3\xc7v\xd7\xdb4\xfb\x95\xa9}+n\\`\xe9R\xfc"\xcd2\x86\xe2\x82\xec\x0e\xb5\xb2\xc9^Z\x01'</t>
  </si>
  <si>
    <t>b'\xda\x0b\xbeK\xe9\x87\x95R-\xa1\x1eNq\xa5&lt;\x997\x13\x8f(Xk\n\xb2M\xc4\xc4&gt;\xab^Km'</t>
  </si>
  <si>
    <t>b'J\xad\x03\xe8I\xe1;}\x02nj\xa1\xac\xfc\x8d\x9eb]\xea\x96\x03\x17F\xdd"\xcd(g\xd4O.\x03'</t>
  </si>
  <si>
    <t>b'\x964r\x8f\x8c\x10\x93\x84\xff\xf9\n]\x05C\xfb\xc7g.Ox\xf6\xb5\xe5\x08\x0f\xf3\xe6\\!\xddk\xfe'</t>
  </si>
  <si>
    <t>b'"o\xf3\xa8\xe6rV\xd4\xe6\x9e\xa5\xff&gt;iP\xeb\xe5g\xdeg\xce\xa3,\xb5*\x91:\xb8^\x8dH\x1e'</t>
  </si>
  <si>
    <t>b"\xc0\xa0\xd3Ox\x82w\xde\xae\x8c\t\xf8\x05\xba\x17\x8c$'\x87\xa8\xa0f6\x85\xd7&amp;A\x01\xe4\x01\xdbs"</t>
  </si>
  <si>
    <t>b'\xe9-\x8eW\xce\xae\xf8\xd0\xb3\xaa\xa5\xdd\xadt\x1f\x96\x0b\xd9\xa5\xfa\xe0?\xf3\xc3\x93\x96\xd4\\ca\x13\xfa'</t>
  </si>
  <si>
    <t>b'\xcf0\x90/9\x1a\xe2\x12\x12Y\x11`\xdbs7L\xa7#T\x1eR\xfc\x18.\xa8\xab\x81\xec5\xa4\x8c\xe9'</t>
  </si>
  <si>
    <t>b'\xd2o\x88#\x08\xf7\x17\xbd"\xef\x1c\xd5\x9a\xb4|\xcb&gt; \xc2\x13\\A\x9f\x89\x95\xb2\x1c\xe3Wo&amp;\xca'</t>
  </si>
  <si>
    <t>b'K\x17C\x19\xf6\xe6Thnr*\xad9Y\xa0\xbcn\x17!\x97\x96\xb1/\xaf\xa0\xb3C\xdd\xcf[H\x1d'</t>
  </si>
  <si>
    <t>b'\x99r\xc7\x99\x93\xf6TV\x07\xc1\xa0\xb2\x95\xcd\x13\xdd\x11d\xc1\x08\x96\x89c\xd8\xa7u\xd1d\x98\xbc\x03\x9f'</t>
  </si>
  <si>
    <t>b'\xc30f\xa8L\xe0b\xc3\xb9U\xb4;\x9dKi\xdc\xfc)\x85\x82\xf4\xe1\xa4\x05\x10\x90\x90$:\xf3\x8a\xa3'</t>
  </si>
  <si>
    <t>b'\x1b\x14xN\xb6n\x9b\xbc\x85\x8b\x07\x10\xbaZl\x8d=\xb3\xa3\x00c\xa4s\xd8\x9e\xe3xTtj\xa0z'</t>
  </si>
  <si>
    <t>b'\x87\x81l\xa8\xc9\xd2\x05)\xfb\xda\x93\x00)\xeez\xb3\xff\xc0~\x9c\x00J\xb44\xc4\xc3\xf7ns{\x00\xaa'</t>
  </si>
  <si>
    <t>b'\x7f\xc3k\xda{\xaa\xfet\xe5\xaa\x81\xe0s\xfc\xba\xaf\xf9\\\xdd\xfc3*Z)x\x83I\x12\xcfy\xd9N'</t>
  </si>
  <si>
    <t>b'\xc8\x1a\xd9\xa7N\x93\xe6K\x9d=\xbfL\xfb\x15\xac\\\xa4_w\x87\xc9\x1d\x8bRnq{\xd0\xeeM\x90\x87'</t>
  </si>
  <si>
    <t>b'\xcc\x88\x0b\xaf:T\x98\xd2U\x99\x93\xfc\x10\xdd\xc4\x89\x93\xa7\x03h\xa0\xd0\x14\xae\xe3\xaf\x07\xdb\xa4\xf8\xe8j'</t>
  </si>
  <si>
    <t>b'V\t\xed~\x8dm\x9fH\xf5\xfe\x92\xf9\xeb\xc9\xdfY*\xd30\xde\x19\ti"\xbfy[\x88\x9f$&gt;\xb3'</t>
  </si>
  <si>
    <t>b'w"\x9ca(\\\xadd\xb43l\xce\x9c\xd6\x91^\x1cN\xd4^\x99\xa2\x92\x9aT\x15.\x13\xe7:O\xed'</t>
  </si>
  <si>
    <t>b'Br\xa9&gt;\x04\xa2\xed\xb7\x8dK\xae\xed7z&gt;Vu\xcdy\xa5\x96\xd5w\xa7\xbe\x94\xedy\x9d \x0fW'</t>
  </si>
  <si>
    <t>b't\xd7\x8f\xfb\xdb\xe9\x1bg\xc8\xc3\x8d\\\x15\xbb\xb6\x81q\xce\x96\xd6#\xfa44\x81p@\xd4\xd72\xee+'</t>
  </si>
  <si>
    <t>b'@:\x9f\xf5F\xeee\xf5\xb4i\xacl&amp;\xcb/,\xf6I\xcc\x06r\xc8\x82\x96*0R\xb7\x1c\xe4?y'</t>
  </si>
  <si>
    <t>b'\xdb!\x9fv\x17\x188\xe63p`,*\x01\x8a\x82/\x92I\xa0\xafB\xf66\x9c\x9c9\xf0\xbb\xad\xf7\xba'</t>
  </si>
  <si>
    <t>b'\x8d\xf7\x0b0\x15\xc9=\xe3\xea\x8e}ww\xc8}Z\xbc\xe7z&amp;\x9e\xac \xfb\xc8\x1d\x0f\xc3\xa9\xa3;{'</t>
  </si>
  <si>
    <t>b'\xcd\x98[\xd9\x82\x07\xe7\xf9\xc4\xc2c\xdb\xc3\rd0\x98E\xe2\xd9\xe7ap\x8f\xba\xfaq\x97\x96\x89j\x1f'</t>
  </si>
  <si>
    <t>b'&amp;]C\x13ft\x03P\x01\xc7\x10\xc1\x89/j\x7f\xf8\xd6\x1ai\x17\xe95\xd1\xb3\xe4&amp;\xa9ND*\x93'</t>
  </si>
  <si>
    <t>b'Q\x9e\xb0&lt;$2\xc56k!\xaf\xd4\x98ec\x14_\x90\x08\xc4\xe2A\xe9\xb3q]\xf3\x14T\x00\x99\xf0'</t>
  </si>
  <si>
    <t>b'\xd7H\xb0\xe2L\xb6I\xae\x0f\xbfS\xd3\xa4\xf7S\x1c\xe3w\xcd\xf5\x94E\xac\xb2\xc6\x1f\xe1f\x13\xb1e\x86'</t>
  </si>
  <si>
    <t>b'\xcf\x90%\xf0\x8f\xa6\x14c\x10\x0e\x9b\x87b$\xff+\xe6\xb5\xf1V\xbb\x9bF\xe7\x93\x9a\x9b\xcf\x91\xa8\xe2\xce'</t>
  </si>
  <si>
    <t>b'l\x1az\xb46\xe9\xda8\xbbk8Bz\xc2o\x9fE\x01\xca\xe4|\xf9\x92\x05\x92I*\xda\xddP\xddS'</t>
  </si>
  <si>
    <t>b'\x89\x91+\x1a=\xfa!\xc4\xf3l\xc9\x0c\x03C\x88]f\xd0\x18h\xae\xbaj\xeb2\xc7"v\xdd\x83\xf0\x9f'</t>
  </si>
  <si>
    <t>b'\n{\xa8\xe1\x00+\x11\xe7\xebA7\x82\xed\xe8\xd2\xe3\xef!\xb5\x85\xfa\xdd\x9de1\x11\xfa\xc4j\xa9NR'</t>
  </si>
  <si>
    <t>b'l\xdd\x12\x1cvd\xdb6\x0c\x97\x8d\xa7#uB\x976&amp;\xac8\xc9W\xa1\xc8V\x8fQ\xa7\xba/I\xb0'</t>
  </si>
  <si>
    <t>b'\x05o\x17\xf3U"wm\x04\x91\xf4\xbe\xb3\x9a\xc1\x93\xfd\x97\x0f\x1d\xca\x1f\x1e\xa2\xc5W+\xf8%ef\x1d'</t>
  </si>
  <si>
    <t>b'\xcdWf\x89p\xd4=\xdb\xc4\x00Ud\x9fB }\xeb\x06\x85u\xa9\xaa\x8f\x1c.F\x9e\x1d\x03\xdd&amp;:'</t>
  </si>
  <si>
    <t>b"\xbd\xa2\x89\xf0\x15\x92\xf4\x81\x8f\xc9\x0f\x1c\x14_\x89@\xa1'\xe4&amp;\x87$\x13\xa0\xf3:Y=z\x01\xae\x14"</t>
  </si>
  <si>
    <t>b"O'\x99\xdf\xd8\xa2\xcc\x89w\x1aF#\x97g=\x02\xbb\xd3\xa1*lP\xb8\xf5Q\xba\x96$\x86'\xc1y"</t>
  </si>
  <si>
    <t>b'\xc5U\x00\x14\x89\xf4\x8a\xba\x10\x00\xc6\x06sD\xf8\x9d\xe0\x1c\xe0iaB\xc2!\x1e\xd0\x14"\xc2\x85\xf6h'</t>
  </si>
  <si>
    <t>b"O\x9c\x1d\x0e\xf7t\xf9\x81\xce\xfa\xd7\xec`\x93m\xff\xc8\xd9Zmf\xc3C\x95\x14'\xc9\x8f\xf7\x01y\xd2"</t>
  </si>
  <si>
    <t>b'&amp;1\x96\x96\x15\x90N\x1a\xc5\xea\xf6\x04eF\xb3\xb4\xef\xd4OWb\x88R\xcb\xba\x04\x92V&gt;\xe2\x84\xfa'</t>
  </si>
  <si>
    <t>b'\xe4\xd7Tv\xe0\x01\xb7J\xa8\xfe\x1d\xba\xee\x068\x8e\x06\x14J\xc5\xec\x1b|\x0e\rY\x17h%\x90\xe9:'</t>
  </si>
  <si>
    <t>b'\xa4G\xf8\x81(m\x8f\x95\xbfg\xf5\x83G\xb23\x1af\xdf\xe4o\xcc\x0euR \xbc\xcfE\x84Q)\x84'</t>
  </si>
  <si>
    <t>b'\xa7\xcfD\x04N\xfa1B\xff\xcb\x17\x03\x88\xfb\xb4n5p\x99\xaa\xab\x99\x82(*/\x85\t\xf7\nu\x01'</t>
  </si>
  <si>
    <t>b's\xef\xc0\xb4\xfe\x87\xdc\x83\xafH\xb3;\xb4\xf2(x%\x12\x07\xb8%\x14\x14"\x1e\x82\x1czR_\xdc\xbe'</t>
  </si>
  <si>
    <t>b'\x82*a\x07\x15\xdd\xdc\x82\x1e]\x04\r&amp;w\xa4\x80\xb2\x16\xbc\xebLB\xef\x97\xe0\xc0\xf3\xb5\x92.\xa1\x8c'</t>
  </si>
  <si>
    <t>b'm;\xc1\xda\x96\x8f\xab$g\xab\xfe\x19\x14\xbc\xe2.Y}\xb6IK\xccB\x1d,\xa7"#\xbb&amp;!\xf6'</t>
  </si>
  <si>
    <t>b'\xcdg\xdb!\x1c\t\x19\x88\t\xc64\xf7a6\x1d\xa4\xfe\x9b\xa6\x12Z\xb6\x19CZe+3\xd4\xde\x94\x08'</t>
  </si>
  <si>
    <t>b'\xc1\x9fw\x87\xd0j\xbb\xb1,\xc9%:`D\x1dZSG\xb5*\xb9B:\xf8\xbc\x82I\xd0\x06\x8b\xd5\x8e'</t>
  </si>
  <si>
    <t>b'\xc0\\\xbdF\x18\xd2\x80\x18Y\xea[\xae\xcbU\n\xab\x9c\xe5Sl7i\xd6\x18:d\x10kdL&amp;F'</t>
  </si>
  <si>
    <t>b'\xdf\x8b\x83Q\x13\x81\xccq\xe4\x8b\xe5\x1e\xca\x90\x1e-\x7f\xa7x\xa1\xa5\xc9o\x01\x9c\x1f\xc8\xed\x07\x90\xf5\x88'</t>
  </si>
  <si>
    <t>b'\x85\x1c\xaa\xeb\xc6L\xb1\x06u\x8d\xc1r&amp;\x15G\x00\xc8\x92!^k\x04`\x85\x01\xc6\x01z\x9d26B'</t>
  </si>
  <si>
    <t>b'*\xd4\xb2n\xed\x86i[\x0b^\xba\x87\x8a0Od\xe4\xff\xbe\x13\xfb\xb5\xf4\xb8\xc2G\xf2\xf3T\xafH#'</t>
  </si>
  <si>
    <t>b'\xe4i\x11\x05\x1en~d\x11\xa9\xd7\x12\x06\x00S\xe2\xd6\xcbn\x85\xef\xec\xd5\xa6\xd0(\x9e\xb3?\xcb"t'</t>
  </si>
  <si>
    <t>b'P\xeb\xaa\x1buh\xd5\x9e\x8c?u~\x0e4\xcb\xc0\xc4l\x84\xd7\xbb2%y\x9e]\x0f]\x10\xb3\xda\xe8'</t>
  </si>
  <si>
    <t>b':Ko\xc2\xa8\x9a\xa5p\x0fF\x89\xa1\xe7\xd6$\x14\x93\xc5\xe9\x92},1\xbe]\x07\x8aS\xd7\xe6\xb3\x1f'</t>
  </si>
  <si>
    <t>b'\xc7u\r0\x87\x9d\x17\xf7\xff\x8ao\x93\xd6k\xef\xd2c \x0b\xe1\xa1;\xc2x/s\x9c7\xed\x13z\xe1'</t>
  </si>
  <si>
    <t>b'W\x8c\xfd\x93\xefF\x08\x93z\xfe\xf7\x10!\xd8\xf2Z\x96\xfc\xb0\xbd\x04\x86$\x17(\xe0\xb5qu\xe7\xd48'</t>
  </si>
  <si>
    <t>b'\xc1\x08M\x83\xd3f^k\x8cS\xa9\xeb\xe0\xaeJ\xd7{\xab\x9c\xf8 \x13?\x9d\xd9\xbbs\xf6\xb5.\xbd~'</t>
  </si>
  <si>
    <t>b'\x0e"\xe0\xc3\xd0i\xa0\xac\xf2\xcc\xaf8\xfdX\xd9\x8c\xb0\xae\xf0\xd3\xd6\x8c:\xc3M)ZWC\x17d\x03'</t>
  </si>
  <si>
    <t>b'\x8a\x06^\xfbY9\x07Sn\xd5\x92\x14\x1c{\x12{\xe7Z\xb9\xdf \xe2\xc3l\x0c|8\x8aC\xe4S\xc3'</t>
  </si>
  <si>
    <t>b'\xe9\x02V\xf8d\x8c@w\x0c\x977\xcd\xdco\xed\xca\x08\xd8@-\xe5;h\\E\xe0\xbcWo4\x0c\xf0'</t>
  </si>
  <si>
    <t>b'm9\xe4\xc2\xcc\xe5\xdf\x1a\x89\xef\xf6Bx\xf6y|.\x84.\x9e"\x11d\xa0\xf5\x0bQ\xc0qN\xa3&gt;'</t>
  </si>
  <si>
    <t>b'\xd3r|\x0b\x87\xce\xe27s\xf9\xd6\x94\x03\x1c9\xc3\x9e-o#\x9d\xb2\x19\xfd"^\x91\x91\xbcBd\xa7'</t>
  </si>
  <si>
    <t>b' \xa7F!a\xa9\xd6\xf8^\x16~&gt;@\xb8XQ\xf7:@\xddC\xfbp`\xb5\x94\x14\xd7\xf7\t/M'</t>
  </si>
  <si>
    <t>b'\xcb_\xfa\x06T\x7f\xdf\xfa\xc8\xa9\x7fp\xcd12\x9a\xa8[\x93\xda\xf7\x8f\xcbF\xc3\xe8^\x9c\x07\xe0\x07\x9e'</t>
  </si>
  <si>
    <t>b'\xec\xa9|\xdc\x84\x85\xc7r\x13\xaa\xd7P\xc0v6\xe7xf:\x0b`\xcd&lt;6\xf23\xf2/:\x82\x0b0'</t>
  </si>
  <si>
    <t>b'\xc7\xbf]}\x1d\xb6?\xc6o\xb5i\xff\xbak\x81\xee\xf8\xbb.\xf7\xf3\xb7\xde\xd8f\x06\x95\xe6\x15\xbc\xb7\xbc'</t>
  </si>
  <si>
    <t>b'\t\x90\x90\'"\x9cl\t\xfd\xd6i\xf7\x7f7D\x96\\J\xee\x1a\xc9\x88\xb3#\xd4\xaa\x86\x1aA\x8b\xca|'</t>
  </si>
  <si>
    <t>b'\xdd\x93\x93\x83\xe5y\x155x\x0b\xe6\x81\xa4"\x0c\xe1\xaf`\x7f&gt;s\xed\x1e\x01&gt;\xb0\xcc\xf7"\xf0\x9b\xac'</t>
  </si>
  <si>
    <t>b'\x13=\xaa\xda\x8b\x8a\xdb\xcc+\x94\xf9\xd7x~@\x91bVP\xab\x93g#\xe2r\rA|!\x19\xa7W'</t>
  </si>
  <si>
    <t>b'\x08U\x88\\\xabI.\xfd\xd4\xfc\xae\xe7\xe2\xd7[Y=D\xac*}\xfb\xee\xcf\xb8\xa9\xbe\xd0\xa4\x18\xe2a'</t>
  </si>
  <si>
    <t>b'v\x04\xd4\x9eI:$E,w\xac-*o\xbb#a\xe9\xf8\x1f\xf8\xbf"3\xd2A\xa4{\x8f\xb9!\xbe'</t>
  </si>
  <si>
    <t>b'\xddJ\xa7C\xf5\xb9o\xa5\xee\xfa\x88\n{D\xfc\xa78\x90\xdb\xd2\xff-\x8d\xc3\x8a\xb2\x01\x93\xd1\xa9\x9d\xab'</t>
  </si>
  <si>
    <t>b'\x04\xed\xec\xcb\xf9\xcb\x10O\xb1\xb9\x1eF\xfb\xef\xe6\xd9-6=MJ\xb6\x06\\\xdc\x82_$9[x\x0c'</t>
  </si>
  <si>
    <t>b'6l\x8e\xf4%0\xce\x02WQ\t\xd4\x95\xce\xa1\xb1\x8a\x9c0\xeez6\xbe9\xf4\x19\xb5\xbb}\x87,\x12'</t>
  </si>
  <si>
    <t>b'\x1e8\xcd\x140\xe7\xe1H\x8b\xd5BL$\x90\xae\xce\xec\xc1\x81y\xa8\xb1\xdb\x06\xee\xffO\xef\x8b\xca7\xd8'</t>
  </si>
  <si>
    <t>b'\x9aa\xad\xf3&amp;~\xdf\xee\xb2\xb1r\xa8\xdat\xb1n\xd7\xf8\x89_\xbb\x1b\x87\xe8\x8a\xb2\x07\x0c\n\x8a\xf9\x14'</t>
  </si>
  <si>
    <t>b'4\xd2&gt;\xa2Z\xad\x05\xfdA{\x1bST\xa9P\xa4\xd7L\x0b%q\xc9\xc8\x8br\r\xab\xd2hw\xca&amp;'</t>
  </si>
  <si>
    <t>b'f\xd3\xd9\xdcg\x1d&lt;];\xd5?\x82\x1c+\x9e\xc3lXH\xef7\x05\xb2\xeb1\xd9\xcd\xc0.\xba\xdc|'</t>
  </si>
  <si>
    <t>b'\n\x08s\xfd\xda\xb3\x01\xd5\x06\xb2\xb4\x91\x18\xa9ov\xdc4\xbdh\xeb5ddT\x1c\x8bx\xa6-\xf1F'</t>
  </si>
  <si>
    <t>b'\xb0\x9b\xa7\xa0\xf3N4\x81\x1c\xdc\xbaJ\xfd\xec\xd1OY\xdek\x9b\xba\xf1\x12\xa2w\xf7\xc4\x92c\xa6\xe8\x18'</t>
  </si>
  <si>
    <t>b'@t\xfd(\xec\xf3V\x13\xbc\xbfN\xdab\xc5k\x0e\xca\xfc\x99\xf4\xc1\xc0\xc4\xa8!\xfc\xfe\xbb\x08\xc1\x1a\xfb'</t>
  </si>
  <si>
    <t>b'7B\xef\xb0\xe8\xc1\x07\xb6E\xbb\x06\x16\xed\x81\xe9\xd4\xea\xf2\x07\xed\xf7\xde\x01\xb1pq=\x17\xa9\x14mW'</t>
  </si>
  <si>
    <t>b'\xea\t\x89\xc2\x0e\xd7\xcdQ\xbd\xfe/y\\e\x1a\x9e\xc7\xa5\x18y\x0cd\xa7\xc1\xec\xff[6\x97W\x1f\xa1'</t>
  </si>
  <si>
    <t>b'\xc3\xa1_&gt;\x1dyG\xd0\x00}\xeaNd[4\xee\x0c\x8fn\xc5\xf3\xfc\xf4\x99\xaf\xebY\x009\xbf1%'</t>
  </si>
  <si>
    <t>b'\x9d}\x19G\x8d\x8e\xa9h\xbaS\x9dS\xdd\x8d\x88\xc76\xe6\xa2\xa3\x86w\xcf\xdbx6Qd^\xb4\n\xc9'</t>
  </si>
  <si>
    <t>b'?\xe8\xeb\xc7\xbbJO\x89\xc7\t\x8b\x14\x1d\x01\xa9\xc4\x19s\x9e\x17\xb1\x0fd\xe6\x8c\x8d3\x8f\xea[4\xf4'</t>
  </si>
  <si>
    <t>b'\xea\x91\xc9\xc6Fw\xa2\xa6\xdb\x92v\xa0dz\xdf\x02G\xf1\xf6\xb1\xd7j&gt;^\xe9\xa06\x15)\xd4v\x0e'</t>
  </si>
  <si>
    <t>b'\x93o0\xbf\xab\xcbO\x0f\xf6\xe1\x1e\xbdN\xca&gt;&amp;\x85\xda\x8bK~4\xa6\xa1\xc9\xa3\xb9\x1d\xc4\xc7\xe0\xf7'</t>
  </si>
  <si>
    <t>b'/5\x89\xd4\x12YL/Q\x80\xc3\xc1\x8d\xcd?\xfe7\xe2\xf9\xb0w\xb0Q\xdf\x0b\x9cY\xe4\xf4m\x9by'</t>
  </si>
  <si>
    <t>b'X#\xb0\x0eBif\xac/\xbd\x8d\xd8.\n\x81\xd5\xa8D\xc9\xb6\x9c\x84\xcf\x0fD\xedX\xe1w\x02!.'</t>
  </si>
  <si>
    <t>b'\x04\xcd\xfe\x80\xfe\x0b8(\x98\x81\x8c\xcej\x1dp2\x8an\xac\x9e\x04vI\xad\x930_\xbc\x1f\xd3\xa1\x0e'</t>
  </si>
  <si>
    <t>b'%\x15\x1b\xfe\x02/\xec\x99d\x9f\x83\n\x1d\x10$\n\xe2$\xc3\x0f3\x05\x16l\xbe\xd1\x1b\x13\t\x12\xc3\xed'</t>
  </si>
  <si>
    <t>b'-"8\xe0\xa6\xaf`\x8a\xcd wP\xb6\x979]dj\tZ\x054 \xf6B\xcf\x0b\x1dx\x07\x1e\xa8'</t>
  </si>
  <si>
    <t>b'\xfb\xe9\xbc\xca\xf1\xa6\xedY\x1b\xad\x1b\xf1\xe9e\xf9\xdb\xde\xe1\xc9\xd6N?9%\xef\x95\xd9I7\xa8=\xf4'</t>
  </si>
  <si>
    <t>b'\x07\x83P\xc7\x14$\xb3\x94\x1fIh\xe8\xeaj\xfarq%h\xd9\x92\xa1\x89\xf4\xf3;\x91\x8f\x1c\x04\xa5O'</t>
  </si>
  <si>
    <t>b'{\x108-4h\xd0\x12\xeaf\xa0\x16|4my\xdb\xba\x7f\x1c8\xbaY\x1c\xd3\xaa^\x8e\xbed\x9b\x8f'</t>
  </si>
  <si>
    <t>b'u\xfeC&gt;\x8as\xec\xba\xafL\xda\xc2"!\x14\xf1!\xc5E&amp;\xdd\xc7\xfe\xf3\xb4L\xe2})m\x93\x81'</t>
  </si>
  <si>
    <t>b'v\x07:O\xbe\x1c\xe4N\x14(X_\x0b\xd5\x80\xdei\xcc\xb3\xe43\xe2\x930\x93#\x1d\xbcI\xd6\xe8\xa3'</t>
  </si>
  <si>
    <t>b'\xc03P\xaf^$\x02@I\x16\xb7\xb7\x96\xc8\x89U\x880|X\xdd\xf60[nL\x9eV\xc9\x9an\x08'</t>
  </si>
  <si>
    <t>b"y\xeb'/;{\x8e\xa8\xf8\x86\x1d\xf4\xae\x9b\xd7)~\x88\xfa\xe6\x85\x14\xf6\xb46\x05\xdf^\x9b\xa0KT"</t>
  </si>
  <si>
    <t>b'N\nM\xdd=(\xabN\x8bI.\x89\x80S\xff\x1eX\rYu\xf4\x14i\x18\x87\x16\xa6Zj?\xe0_'</t>
  </si>
  <si>
    <t>b"&gt;\xee'\xdcbC\x06\xc9S\xba\x9bY\x90\xac\xf6H\xaa\\\xd0\xf6(\xbdci\nA\x8fM\xdf\xbdk\x16"</t>
  </si>
  <si>
    <t>b'\x89\xdb\xd1\xf4\xe6`\xcf\xe9\x03\xf4\xe4\xa3\xff\xd1*\x18[\x95\x04\x82\xa0Z\xa8\xf2\r\xd4\xc2\xfe\x02\x95\rP'</t>
  </si>
  <si>
    <t>b' .5\tYu\xd6\xceB\x90\xbbC\x05\xc2~\x97\xa0\xff8(\x86\xa6\x97\xc2?\xd5\x96:\x02\x95m\xed'</t>
  </si>
  <si>
    <t>b'\xe1\x91\xc0(\xee@\xec\xab\xed\xf6\x83\x17\xa9Qf \xa0\xa7t2\x0e"\x1f\xba0\xa6\x8e\x1f\xb4(\xbd\xd0'</t>
  </si>
  <si>
    <t>b'\xe3bJ\xd3"k;\x87D\xc1\xdd\xf2\xcb&gt;\x13]\x88T{\xcb\xdb\x83efQ&lt;d\xf8\x9fJ\xb4y'</t>
  </si>
  <si>
    <t>b'\xf1\xfc\xfcg\x8a\x15a\xb5\xf0\xfc\xda\xef\xb8H\x06x4\x86\x05\xa1\xe08;\x938\xbb\xfe\x8cX\xdb\x81R'</t>
  </si>
  <si>
    <t>b'U\xb9\x87I\x81\xed\xda\xfa\xa1\x83P.\xbe\xc8Fw\x88U|}\xc2\xe25\xdf\xf9\x10t&lt;\xfb\x04\xdf}'</t>
  </si>
  <si>
    <t>b'\x1e\xbe\xbb\x9e\xfbc=\x0e[A\xa1\x8e\x91\xf8XJV\x8cp\x01\xf9\xf3c\\s\xef\xe4K\xde+a\xbb'</t>
  </si>
  <si>
    <t>b'\x0c\xf6\x80e&gt;\xf5\xcd\xc5n\xa0\xd2Q\xa9/\x86#|\x06\x99\xe6\x03\x1d\xfb\x95_\xd1\xf7\xe1;\xde^\xb0'</t>
  </si>
  <si>
    <t>b'\xaeP\x84\xc8\xe0\x895\x1e\x89\xac\xf0\x14\xfa\xf9\xf5\xe8SI\x19\xb5\xc0\xd2\xf5m\xc7\n\xc5\x91\xdf6\x9f\xc5'</t>
  </si>
  <si>
    <t>b'\x1b\xbd\xd4*\xfc\xeb\x81`[mv\x07\xe2\x91\x1dCI\xab7\xcf/\xf3\xb2$\x10\xd5\xc0\x1a\xe8\x08N/'</t>
  </si>
  <si>
    <t>b'\xf1\x9f\xfa0/\x05\xe5Q\xba\x11\xe8\xc0\xd1r\xf2\xf1\xba+\r\xa6\x99\xb3\xca\xda\xd6\x97\x16f55*\x8c'</t>
  </si>
  <si>
    <t>b'\x13\xac{7U\xf7\x03j\x18\x94\x82,\xdai\xa3\xa6oJ+\xd2\xd0\x13\xd5\xe0Z\xa3\x17\xc0 \x97V\xc5'</t>
  </si>
  <si>
    <t>b'\x8a\xf3I\xcd\xb9\xae\xe7\x8f,\xb0\x956\x06\x12\xe4\xe7T\xab\x15\\at#\x9cR\x08\x1a\t\x07\xaa\xd47'</t>
  </si>
  <si>
    <t>b"_\xaa\xb7\xc0\xdd\xd1&amp;ht\xe5\xb1'^\xf6.T3\xd0O\xc2\x0e\xb6\x18S\x9a\xb0\x12\x953\x9e\xdc\xc8"</t>
  </si>
  <si>
    <t>b"\xd6\x10R\xbd\xb9\xa7\x0b\xf7 'd\x03T\x9b}jw\xad\xff\x8b\xado\x8ezx,\xa3h\xe0\xb8\xf0\xbb"</t>
  </si>
  <si>
    <t>b'P&amp;u\x8b\x89BpI\xcd\x9b"\xe2\x13\xbd\x19)\xa1\xd4\xdco\xcaL!\x9ah\x11\x03\x11\xd5o\x15&lt;'</t>
  </si>
  <si>
    <t>b'\xdd\xfe\xa2\xfa;\x95V\xb1\xb2\xc6\x9a\xa2\xc2\x11\xdbW\xbf.k\xdb\xa8\xbf\x9ad\x99Z\xc4\xa2\xc2T\xef\xcb'</t>
  </si>
  <si>
    <t>b'\xf0\x9cCt:\x03Z\xb5\xac\xe3\x9b\x93\x01X\x11\x1c\xe2e\xfd\xe0\xc9\x93D\x11.\xb2\x9d\x88a\x99\xb8\xed'</t>
  </si>
  <si>
    <t>b'x\x0c\xd9)_\x94Q\xa6\xe4\xe7T\x802\xec\xe5\xf2\xbb\xfe\xc79I\xbc\x1aW\x8f\x86\xe7q3\xe4|,'</t>
  </si>
  <si>
    <t>b'\xbc@\'\x08g\x1az\x99A\x80\xd1\x88h\xe8\x9c\xd3.p\xaatGsz@\x01Jps\x86"\xe6I'</t>
  </si>
  <si>
    <t>b'\xab\xcb\xf0Y\xecE\xc4\xc9\xd7\xa7\xad\x87\\XK\x87\x0f\xfd\x01&amp;\x909jN\x8e(\x859\x91\xbbKJ'</t>
  </si>
  <si>
    <t>b"\xe0\xd1\xce\x89C'\xdb\xecNk\x1f\x8c0V\xebz\xc8r\x1c\xe1pi\x88\x18\x7fqM\xe0|\xc8\xcd\xcd"</t>
  </si>
  <si>
    <t>b'[1\x96\xe9y+\x83\x14z\xd5\xb2\xbb\x80\x06\xa2K\x1dV\xe2a\xead\x9f\x90}\x15\xa4\x14K\xc2\xdb\x81'</t>
  </si>
  <si>
    <t>b"\xdf\xa6\xec\x14\xb8n.5ag\xd1i\xd1m'n\xde\x04\xbe\xbe\x91\x94\xdb6#\xc8W\xd8\xeb\xc7\xa3U"</t>
  </si>
  <si>
    <t>b'\xe7f\xed\xba\x80Y\xd6o\xa5\x13\xfdP\xd4\\M\xbe\x8b\x98\xef \xfe\xb6\xfb\x18x\x06\xa9\xcf/\xedr\xbc'</t>
  </si>
  <si>
    <t>b'ob\xd0\xbb\xf3\xcd\xa2\xa6\xaf\x03\x96\xd7\xdd\x00\x12\xa5q-\x0b\x86\xdc\xa7\x0e\xa1b\x88\xe8\x02\xbe\xc22\xcc'</t>
  </si>
  <si>
    <t>b')\xdePE\xe5\x9c\x08\xabp\x9b\xbc\xfe*6;}\x85\xa1\x01\x0e\x9c\x87\xa0Oig\xec\x1b\xa6{\xc1a'</t>
  </si>
  <si>
    <t>b';\x1a\x87\x1f\x10\x12\x08F\x96\x83}\xc4\xa9\xe8{z\xf2\xaa\xd0U\xaez?\xea\xf4Y%\x03\xf2\x8a\x07\xea'</t>
  </si>
  <si>
    <t>b'\xaeEq\x99\x08lx;2[\xdd\xcc~\xfa\xe2\x9b\x06\xb9K&lt;\xd8\xa4\xe0\xce\xf6\x17\xc2\xffS\xc9\xdf\n'</t>
  </si>
  <si>
    <t>b'\xc3\xbc\xdd\xd5\xbc\xe5\xa1\xbe\x06\xd4\x95\x9c[\xaa\xb6$F\xd3G\x88\x05\xe1\xdc\x16\xdd\xe4\xf0m\xed\xc2\x07\xae'</t>
  </si>
  <si>
    <t>b'P:si\t\xb4\x03\xd3\xca\xc2\x1bu\x12\xecT;\n\x1f\x80\xe1\x94Vx"\x13awGD\x9d\xe8\xcd'</t>
  </si>
  <si>
    <t>b'xS\xc03\x8f0\xf7\xd5\xf5\xd16\x06\x91\xdc\xb5[\xb6\xeb\x87m\x01yH,7\x08\x90l\x80\xe6\xde\xb1'</t>
  </si>
  <si>
    <t>b'\xb4\x8dZN\x9c\xdb\x93\xf1\x06Vf\xb9G\xfa\t\xbc\x05\x84\xa9-n}L`z\x1c\xe0\xbe\xc6\xf6bu'</t>
  </si>
  <si>
    <t>b'\x86I\xd1\x11m"D\x00A-\x8a\xd3\xd8p\xf2|\xc1_\xe4\xa9AIFx2\xf4fv\xfb\x04\xbbg'</t>
  </si>
  <si>
    <t>b'sv\xc6c\x1e\x84\x03+\xb25\xd25\xcc\xc8\xad\x1f),\x91O\xdc\xdf\x18g\xe88\xd8&lt;\x08\xb4.\xbb'</t>
  </si>
  <si>
    <t>b'\xe4\xda\xc4\xde9SX\x9d\x96/\x0b\xe0Q\x04\xdei\xe9U\xf2\xe6\xd8Q\xe3O\xa9H\x04\xed\x16\x85{\xd0'</t>
  </si>
  <si>
    <t>b'\xa5\xaa\x11\xc0\xbc\x8bcA-\xff}l\xa9j0\x1d\xea\xe4"8s\xcf\x87^\x90\x88\x88\xb1h\x07\x00\xcb'</t>
  </si>
  <si>
    <t>b'\x84q\xa1\xf1\x1a\x8b[\x01\xbd\xfa\xa8\xa0\x9a\xb5\x0c\x8b\x15\xf6\x18\x9f\xc2\xbf\xd5\x93\xd6]l\xe8\xe7\x17\x12n'</t>
  </si>
  <si>
    <t>b'Q`{\xde6[I\x86\xb5\x11\xa7\x91\xc6\x95hL\xe7\x870\xc8\x874\xa1\xa8\xc7\x9d\x8e]\xbfaP8'</t>
  </si>
  <si>
    <t>b'Q\xe6\xc5\xedgD\xfdr\xb8\xca\xe0\xb2\xa2*6V\x1d\x8f[\x0cn%\r\x8bj\xde\x85\xf9\xb63\x83v'</t>
  </si>
  <si>
    <t>b'd\xeaEB\x16\x9a##\xa9\xb9eB\x958\xb3\xf9\x1cL\xa6\xd3u\xf7M\xafl\x1bK\xa36\x0c\xde\xca'</t>
  </si>
  <si>
    <t>b'\xec\x99\x84\xd0\x13Jy\xeaA\x91\x07\x0b\x0b\xe1\x89! \xb5\xe0\x1c\xc0\xa7\x1b\x86z\xd3\xc5\x154\xa8\x80A'</t>
  </si>
  <si>
    <t>b'\x9e\xb5\x16\r\xcb\xba\x94v!\xed\xa5\xf0\xc3\xed\x83\xc5m\x08\x9d\xc0\\\xc2\xadO\x95t\xf66\t\xae-k'</t>
  </si>
  <si>
    <t>b'\x9e\x97\xc2(l\xe19\x96j\xef\xc4I\xdb\x85\xa4L\xa0\xbe\x13\xcd\xbf\\7,L\x12\xe3q"\xff\x91\x06'</t>
  </si>
  <si>
    <t>b"/\x19\xcc\xd3\x82\x16\x18=\x13\x11%\x99\x0cV'\x9d\xfe/Q'\xd9\xebmX]\x0cx\xa5I\xd3\xa9\xc8"</t>
  </si>
  <si>
    <t>b'Mc\xb9\xe6\xeb\xdb\tl\xc4\xeeYvp[\xf7\xc5\xff\xd4O\xff\xfa\xc7\xfd\x15\x80G\x02Y\xab\xf8\x89U'</t>
  </si>
  <si>
    <t>b'\x96\xee\x99t.\xc1S\xe5VtJ\t?\xe5\xa6b#\xaff&amp;+\xe3\x94\x81\xbb\x96\x90;~h\xb3\xd9'</t>
  </si>
  <si>
    <t>b'\xc5\x05\xc9\xc3P\xd3(Fg\x16\x11\xd4\xc5\xef2\xf8W\xdf\xabV\x1ct\n\x1a\xd4\xc1\xa0\xb5\xd2\xf0\x88\xe1'</t>
  </si>
  <si>
    <t>b'r\x159\x94lS5\x0b5i\x13\x80\x02p-\x10i\x84\n\xb7\xccE\xe0\xda\x04QV\x9e\xb2"x\x80'</t>
  </si>
  <si>
    <t>b'{\xd3\xc8\xa2\x06\xe3\x0e\x19\x16t4\xf8\xe9\x823\xa7J\x02\xec\x85eXy\xe0Z/\xa6\xf5C:\xd6\xfb'</t>
  </si>
  <si>
    <t>b'|C\x8bP\xd9\xef\xa5T\xb3g\x05\x1a\x8b\x94C\xcc\x1bS\xed\xa0\x89b[\x9a\xcf\xff\xf54\xdd/\x11\xcc'</t>
  </si>
  <si>
    <t>b'jr\xdcf\xfe(V^f\n\x16\xacr\xef\x86B\xad\x8f\x01\xfe\xec#\x804\x04\xeb\x9ba\xbe\x06Y\x1f'</t>
  </si>
  <si>
    <t>b'\xd6~.&amp;\xe1m\x08\xcdP\xe4\xd9\xcdaVXkX9n\x90V?\xa3\xa8\xa8\xb9\x16\x02\xb0.\xc1\x83'</t>
  </si>
  <si>
    <t>b"\\\xb2'jl5\xe4\x01\xc58p\x91\xb5\xc5\rS\xbe\x11\x89\xd9k\xff\xd7\xec.\xb1\xc1\xd3E\xb7\x904"</t>
  </si>
  <si>
    <t>b"\xc1\xeb\xc7\x99\xe8\xb7e\xb6\xaa6N\xd8?\xbfq\xa6s\xb5\x12\x9dZY&gt;,C\x17'\x17\xa9\xa3\xe8\xf0"</t>
  </si>
  <si>
    <t>b"DT\x9e\x85\xaf\xf5$\xa2\x1d\xe7\xe3\xe6\xa3 \xb1\x1a2\xb4N\xb6\xe6\xfa\n\n\xf4\xb1\xcbE+\xccs'"</t>
  </si>
  <si>
    <t>b"\xfe\xfd\x04i'\x91e\xeez_\xd8\xe4`{4\x90s\x0bzr4%+\xba\x15%;\xc2\x96\xf6\x92\xdc"</t>
  </si>
  <si>
    <t>b'+{\xc4\x94\xa5\xeaA\xfe\x87$-\xcfN0EfI:\x04\xa4\xea.\xa5\x10\nqy\x99\xacF\x01{'</t>
  </si>
  <si>
    <t>b'pj\xd7-\xe5w\x08\xed\x02\xee\x06\xdc=\xab\xd8p4\x85\x91&gt;\x0b\xd6"\xe3U\x16\x89%\x1c}\x7f\x85'</t>
  </si>
  <si>
    <t>b'0*,N\x0fE\xe9\xb55\xdd,\xe0\xf9\x1c\xba\x08\xf3,XA7\x9cS0\x90\xa3r\xfb\x988\x98\x9d'</t>
  </si>
  <si>
    <t>b'\x99\xf9\xe3\xec\xcf^(\xf2zd\x91\xe3o\x1f\xb4\xc9q\x8fu\x96v\xf2\xda\xf2\x98\x94\xa6C\xf7&amp;\x1b^'</t>
  </si>
  <si>
    <t>b'3\xfbI\x02\x18l#\xbaF{#4Y\xe2\x8d\x81\x9c\x8e\xba\x8a\xd1\x8d\xba\x08^\x83\x8a\xdc\xdeO\x0f\x08'</t>
  </si>
  <si>
    <t>b'\xe5[\xe9\xbb\x848\xb0[\x8b\x17\xe2\x02\x86\xe9\xf7\xc88\xcb\x11Q\x1d\xfen\xc5\xdd\xc1TU\xf4\x92\x166'</t>
  </si>
  <si>
    <t>b'W\x00\'\xfd\x9e\r\x1c\xca\xd3\x0f\xa7\xa4\xcf\x94\\\x11w7\xb4\xef\xf1\xc6~"0\xd0mU\xe5\xc9\xd8\xcc'</t>
  </si>
  <si>
    <t>b'\x1f\xa2z%\xefH\x08w\xdd={\xce\xcd\xfe\x0e\x94\xf2Md?\xc2T=\xba\xf6\xab\xee%\x8e\x9ch1'</t>
  </si>
  <si>
    <t>b'\xb3ZEo\xa2\xd4\xef\x97\xb8/\x0eT;4j\x84\xce\x8a\xc4\x01mQ9\xf4\xadQ\x1dm\xb4\xf4\x1c\xe5'</t>
  </si>
  <si>
    <t>b'\x04\xc4\xf6\rZA\x99Q\xde\xd8\x937\xbd\xbd\x1f\x05c\xf2Pa\x08\xca\x18M\x8c\xca[\xaf\xaf\xdb\x05p'</t>
  </si>
  <si>
    <t>b'$\x0c\xaf\xb8\xab0\xf1\xd4\x90\x83\xa4\xc8\xc7\x17{t\xa5i\xc1\x89\xf3\xdd\xba\xd0)\x8f\x0f\xa7\x90^5\xb5'</t>
  </si>
  <si>
    <t>b'\xf8}\xa4\x1c\xf3\xa3\xf8[)\xfa\xa8\xab\xa7\x9b\xd1#\x8eQ\x06\xbe\x0c\x80\xf1\x9ff\xadl\x17\xd2(Y\x97'</t>
  </si>
  <si>
    <t>b'\x0f\xc7\xcc\xe2\xa2|\xe8/,\x9c\x96z\x96u\x12\xcc\xd9l\xb4\xc1\xbbJ\xf4\xdf\xce\xab\x13\xeaR\xe2"B'</t>
  </si>
  <si>
    <t>b'\xd1\xee\x9d\x15\xa9D\xe7\xc2\xe5\xabF/`\xb7XX\xacg\x9d\xb3\x98!\x15\xacI\xa5yD\x0b\xea\xe2\x19'</t>
  </si>
  <si>
    <t>b'\xa0\xe14\xe7\x8a\x1e\xbe\xd9\x8a\x02\x9bS"\xd5\x8f\xe8hIEw\xe8P\xe9\xd8W\x93\x88iB\xd5\xc1\xcb'</t>
  </si>
  <si>
    <t>b'2(\xbc\xe3\x0f\x17\x01\xd0\x13=\xf1\xd2\x064x\x8b\xa7m\xd3[R\x8d \xa9\x00\x14\xbf\xc4\x9em\xc9\x81'</t>
  </si>
  <si>
    <t>b'\x05\r\xb5\xb8\x11\x88\t\x91\x93\x94]\xe0\xd8\x9a\x19\xad\xff\xd6\x88\xd6\x12\x80\xbc\xf2 \x96\x1c\xcb\xe4\xb3\xceT'</t>
  </si>
  <si>
    <t>b'bU \x96\xbb=\r\xb1\x13S\x8e\x1e-\xa57\xb58\x93\x11\x9e;\xb1\xf628\r[\xa8\xf4M\xe8g'</t>
  </si>
  <si>
    <t>b'\xf5\xb7]\xfc\xd4n\x99@\xe3\x18$\x9ca!\xa3\xc1\x00|6O|\xb84\xa5`\xff\xe26j\x9c\x99\x8e'</t>
  </si>
  <si>
    <t>b'\xcf\x8d\xb3-G\xd9\xc7h\xe63Y\x02%zQ\x14\x88\xcfv\x0f\xb6\xd5\xfb\xfb\xfb\x9c[\xec\x9c&amp;&gt;_'</t>
  </si>
  <si>
    <t>b'V%\x1b\x87\tv~ \x8dQr};+\xa7\xec\n\xe2)\x1cA\xe8)\xeb\xab\xa6:qAM\x1f\xdf'</t>
  </si>
  <si>
    <t>b'm\x1b\x7f\xf4\xe4\xb1\x06\x0f^\xd3\xfaR\x07\xc8\xaf\x7f\xbc\x0b\xee\t\xfe\x97\x10\x9b\xdc\x1a@\xfb\xd4\xa4I\x90'</t>
  </si>
  <si>
    <t>b'\xef[\xbf\x86\xa7\xa1\x18\xebv\xd1\xe4!gP\xc7\xd0\xc7$\xa2\xcb\x03`R1\xe4\\\xec\x1e\x8d\xd2\x06L'</t>
  </si>
  <si>
    <t>b'\x1dj\x88\x0f\xc0\xfcm \xdf\xedU,T\x9e9\n\xf3  Y\xb9A\xa2Et\xf4x\xdc0\x9f(j'</t>
  </si>
  <si>
    <t>b'\xa5\xb8\x9aZ\x16\xff\xd0\xf2\xe9\x00\x86-\x87\xe9\x0f"\xad\x1al\xa8D\xfa\xe3\xb1\xab?\x92\x923Vmy'</t>
  </si>
  <si>
    <t>b'@\xaf2\xceA\xe8Hp:j4\xfd-\xfd\x16\xda\xef.\xf7\x84Vr\xd4u5\x01-\xb6\xf8*\x8eB'</t>
  </si>
  <si>
    <t>b'\x89!\x86S\xc0\xc9\xcdV\x86\x02\xefyy\xde_\x1e\xf1[\xd6\xdci\x08\x84\x90\xf312?=\xf2%x'</t>
  </si>
  <si>
    <t>b'4U*\x87\xf3\x14R*\x89\xcdC\x17\xac\xa0j-\x05d\xb9\xee\x8d\x97\x02(\xc2#gFt\x08\xef!'</t>
  </si>
  <si>
    <t>b'\xc8\xb9^"R\x81:B}2\xde\x96&lt;;\x14\xc0\xb8\xc1\xe5\xbe\xc3\xbf\x9e\x1e\xfc&lt;\x85\xd3bw\xb33'</t>
  </si>
  <si>
    <t>b'\x05\xc8\x08\x16\x87*\x1c\xcc\x08\xc8PN#\x179\xd1`a\xbf\x08\xefsvwYw\x0fT\x8bG\xcbb'</t>
  </si>
  <si>
    <t>b'vL\xe6\x86\xb7\xbfK\r\xfdw\x0f\xad\xbe\x0f+\x1e\x93e\x8a\xb2\xdc\xe8&lt;\xf7\xdc\xeb\xa1\xe3\xd3[\xec\xec'</t>
  </si>
  <si>
    <t>b'H\xba\xde\xd9*2\xb40?;\xc9m\xb8\x1fW\xf4\x19\xbc\x99kr\xee\x97\xec\x99\xdc\xbb\xe5%\xc43\xf2'</t>
  </si>
  <si>
    <t>b'l\x858\x01\xd9\xeek\xaf\x8a\xb3\x99\xbe)2\x95&amp;\xa6&lt;\xb3j\xb8Mw\x97*\xfa\xa2\xdd\x8a\x19\x1f\xdb'</t>
  </si>
  <si>
    <t>b'H\x92J\xa0x\xce}\xab\x85D\xd4C\x89\xf6bQ\xac\xe0t\x94\xc9/\x98\xe2\xed\n\x05Af\x0b\xcc*'</t>
  </si>
  <si>
    <t>b'\xdd5\x88\x13[q,\xd2\xca\x8ea\xa7\xf7\xbb\xc7Z\x9bQ\xa8)\xc6\xa9\xd4\xdc&gt;`EWG\x83\xda~'</t>
  </si>
  <si>
    <t>b'+\xb2\xff\xb5\xfc\x8c\xa4\xbc\x04\xf5\xdb\x1c\\p\x9f\xe8}\x08\x8f\xe2S\xfd\xa8\xd7\x0c\xbby\x91H$\xf7\t'</t>
  </si>
  <si>
    <t>b"Rr\xf6\xd7@\xe7x\xf0\xfb\xabMfWWC\x87\x04\xc44;x\xcd\x9c'_\xc9U\x8f9\xbaK$"</t>
  </si>
  <si>
    <t>b'~+W&amp;\xf7\xf0\x14\xc4\xdf\xb5\x12q\xae\xc6\xd4J\x16=&amp;\xc4@\x83\xe3\xedqK\xd3\xde\xadz*L'</t>
  </si>
  <si>
    <t>b'\x1e\x13\x93p+7\xa6\x8eZq\x08\xe0\xe9\xc7\xbe\x05X\xe0lP\x08\xd9\xf5\x86w\x11\xe8\x10\\)\xff\xfa'</t>
  </si>
  <si>
    <t>b'\xe6Y&amp;\x12\xdf\xaf\xff\xb3\x86\xdb\x94\xb98\x8b\xafoX\xee\x1a\x7f\x9b\x18\xe8V\x8a\xda\x97\x81\xfe\xfb_\x8f'</t>
  </si>
  <si>
    <t>b'\xf1\x1dJnP\xea\xe3\x9f\xf4p\xb2\xc9\xac0O\x94x\xa0\xf4\x17\xfd\xaf\x030:\x80\xf2\xdf&amp;\x01\x91\r'</t>
  </si>
  <si>
    <t>b'\x147\x05|1B\xdeD\xc9\xafWWg\x1a\x9cc@\xe8\x1d\x12\x13\xf6}\xee`\x0cc\xc3R\xdfG-'</t>
  </si>
  <si>
    <t>b"e\xd10/\x9f\xeeLs?G\x02\xf8\x91\x08\x85\x06\xfdE\x83+x\xaeQ\x06\x95\x08\x14')i\x89="</t>
  </si>
  <si>
    <t>b'\xa7\x97\xda\xd49A\xf3\xb4\xd5\xda\x15\xc2O\n\x91\xd1~h{h\xb6Y\xaf\x08\x86/\x9e\xfc\x8e/\x1bI'</t>
  </si>
  <si>
    <t>b'S\x91\xe0\x17\xca\n\xa2\x9a\xc7U\xf4\xeb\x894\x93\x1a\x8c\x12\xc4d\xec\xff+\xde\xb4\xcaQ\xc6\xf5Z\x04\xee'</t>
  </si>
  <si>
    <t>b'\xf5\x8b8\x9eR\x87x.\xe83%\xf3&lt;T\xbb\x0b\x85\xd7\xb8O\xaf\xda\xc9\x8f\xfd\x14C\x12%\xc9&gt;\xf3'</t>
  </si>
  <si>
    <t>b'\xc7\xa9\xae\xd6 \xa2\xe3qU71\x9f\xdev"\xb5Oc%\xf6\xa0\xf1l\x1e\xc3\x071\xfb\xba\x9d\x0ce'</t>
  </si>
  <si>
    <t>b'&lt;\x9die\x16N\xd3\x95\xaa\xf2\x94?K\x08\x07\xda\x88\xdc\xc4\xc4j\xe1$R;\xa8\x9a\xc7\xb9y\xa0b'</t>
  </si>
  <si>
    <t>b'pTp\xf8\xee\xe7+\xb5W\xf1\r\xcf?\xc6\x9b\xb3}\x06\xe7\xd8\xb5M\xa0\xe8\xed\xc6\xff]\xf6\x12Y\x8f'</t>
  </si>
  <si>
    <t>b'\x143&amp;R\x99%c&amp;\x9f\xbe\xad(_\xa4\x85[\xd7\xaf\x89\x80\xc2t=\x8d\x99\x9d\x9e|\x9e\xaa\xa51'</t>
  </si>
  <si>
    <t>b'\xa3\xcd\xd2\x93JW\x04Rl\xdf\xca\xff\x1e\x81\x188v\xbeB\xe6\x05\xc5\xc5\x1co\xdc\x83\xedi5H$'</t>
  </si>
  <si>
    <t>b'\xb3\xb1\xc1\x86\xc1\xf6\x18\xa8\xa6E?\xebLJL\xcb\x8d\x0b\x18QO\x84\xd4\xf3L\xf3/\xedh\xef\xfb\xe5'</t>
  </si>
  <si>
    <t>b'\x89\xb3Y\xf2\x8c:w\x0b\xdb\xa0\xa7kl\xceP\xb0Y\xa9"\xfc\x19~\nVy\x9b\xa4\x80\xec*\xcc\x98'</t>
  </si>
  <si>
    <t>b'\xa7v\xec\x9d]X\xfa\x03\xe2\x16\xcfn;\x9b\xe5\xc0\xc8\xd5_k\xfaa\xda\x0f\xdc\xe165\xe2\xae\xbe\x0e'</t>
  </si>
  <si>
    <t>b'\xb7\xe7 \xe3\xdb^w\xb3\xa4\xba\xf2(/JT\x0e\x16\xfc\xde#\xea\xa9\x1e\xd2 Q\x8b\x17\x040K\xed'</t>
  </si>
  <si>
    <t>b'\xa4\xc4\xe3\xee\x97\xa1\x03f\xfe8\xb7\x08\x99\xed\x90H\x9b\x86\xb6\xb0dU^@\xdd\xaa\t\xcd\x83\xfc\xfa7'</t>
  </si>
  <si>
    <t>b'\r4(\xf3*\xa2\x9c\xd8\x19o^fn\x84\xa3\xb6\x88\x8b\x8e\x01\xe9\x9f;\x1a\xe0\xb2\xe6W%\x1f\x87\x18'</t>
  </si>
  <si>
    <t>b'g\xa50\xad5\xa3W\x0b|\x18\x8bQ3\x02MO^\xc9\xc4\xe6\xe3\xd3eE\xfa\xe8\xda\xd1\xb9\xf0\xd7;'</t>
  </si>
  <si>
    <t>b"\x0c\x11n\xad\xb65r4\xb9,\x7fr{\xd0\x14\xee\xde\xb7d+\xb0 \xa0\xcc'C\n\x9dH\xe7H:"</t>
  </si>
  <si>
    <t>b'\x01G\xf9n\xf90\xc0\x8d\xfd\x8b\x99\xd6\x18n\x9c\x9a\xf5\x9ep\x15t\\\xbd\t9\xbd?4o\xf27m'</t>
  </si>
  <si>
    <t>b"T\xd2\r\xa2f@\x1d\xac'\xab&lt;o\xf3\xa19\xb2\xdbO\xf8/C\xe5\xdb\x1e\xfe\xa6;\xc9\xb6\x16\xbd\xfd"</t>
  </si>
  <si>
    <t>b'\xb5\xba\xf5\xa4\x0eX\x08\x08!(4\xcfH\xb4\x0f\x7f#\xa3/\xb6\xfa\x88\x1dj\xe5d\xa4\xa9\xad4Hb'</t>
  </si>
  <si>
    <t>b'\xb1\xa3:y-R\xb6\x15\x96\xbf\xcb-\xf91\x86\xc2oY\xab\xdar4D;\xec\x05p\x8a\xee\x9b\xf5\xb1'</t>
  </si>
  <si>
    <t>248xx</t>
  </si>
  <si>
    <t>b'\x90\xf0\x92\xb4\xca\xbd\xc6\xb8\x06J\xb6\xc1\xda\t\x0fo$c11\x93\xfe\x90\tl\xfa.\xa7\x02\xd5\x914'</t>
  </si>
  <si>
    <t>b'V&amp;E\xa9E\xe0\x91\xc8\xb9\xd9\x18\xb6Q\xf5\x91_\x90\x13\x9c\xca\x17+e\\u&lt;\xd4\xfc\xbd\xe8\xa2['</t>
  </si>
  <si>
    <t>b'\x13T\xf8\xff\x04J\x08\x19\x03\xec\xba\x8dYC,#\t\x8cM\x89\xd2\xf0\x10\xcf\xe2*M\xc5\x00\xf7\x06\x1f'</t>
  </si>
  <si>
    <t>b'\xc7,{\x80\x86\x80\xc9\xf8\x0b3\x85\x19K\xa7\xd0"\xd2\xb3\n\x94VQT\xb4A\xce\xd8y4J\xce,'</t>
  </si>
  <si>
    <t>b'u\xc5h\xf4K\xd5b\x94\xb4n\xaf\xcd\x93.\xeb\xaa{\xf1C\n\xb3\x183\x0e\x9c\x9f\xac\x1d\xb7\xa9\x18\x95'</t>
  </si>
  <si>
    <t>b'\xd9\x95|\x9e\xbe&lt;7\x82\t\x8c\x02\x0f2wH\xf4\x9flQ\x05G34o\x05\x90\xb2\x95M\xcb\xa0f'</t>
  </si>
  <si>
    <t>b'5\xa0\x1e\x91\x98&lt;\xba\xb4\xf6]~i\xea\xbf u,"\xee\xe1c\xff\xa1\xbe$b~\xa6\xffBF\xae'</t>
  </si>
  <si>
    <t>b'-kL\xa5\xbd\xd7\xbc\x06\xbb\xc0\x1003\x18\xc44\xf4\xd2(+V\xd3\x81`cJ,s#\x15\r1'</t>
  </si>
  <si>
    <t>b"\\'\x90\xed\xd0\xc97\xd6Pg\xaa\x124\xfej\xe7\x03#\xab\xd6\xd6|\xd0\x1a\xe2Tw\x15\x1d[\x96\x11"</t>
  </si>
  <si>
    <t>b'\xa1\xf3\xd6\xd1\xf1\xc9\xc7\xdb?\xcdo\x81\x18\xcc\x0cq\xadi!\xc8\x89\xb28\xe2\xb4z5\xeb\xb8\xc4\x13f'</t>
  </si>
  <si>
    <t>b'\xdbv\xad\xc7f\xca\xc7\x0f\x90\xa0"\x18\xc1\x82\xce\x19}\xc3A\xab\xaa\xfb\x1dk]\xfd\x12\xea\x99\xa27\x1f'</t>
  </si>
  <si>
    <t>b'\x96Ho\x8c\xef\xc2\xbf\x80\x17L`".\xab\xfb\xf9\x83\x17:\x84\xdb\x030\x95\xa9b\xb7)\x1f\x01_\xa5'</t>
  </si>
  <si>
    <t>b'\\\x05\xa2\xfdF\xd6\x03\xc6\x8b\x9e\x877\xb5\xc0\xbb+7"5\x9f\xd8;\x1f\x01+\x0bj\xcf\t\xa9Y\xd1'</t>
  </si>
  <si>
    <t>b"\xd7}\xce2\x08\xbc\xc1\x83\xfb\x1b\xb2\x17&gt;\x15:*'\xe4{\x86X\x87\x1b$jn\xbeT@t\xdfR"</t>
  </si>
  <si>
    <t>b'\xf5I;\xf7\x83%\tv\xca\x05\xd8\x8b\xc5\xe1\xe2\xa1GK\xdd\xec\xc2\xd3\xf5\\\xa6\x03\x0eEi\xdd\x8c:'</t>
  </si>
  <si>
    <t>b'U\xc0\x8d\xfd%\xed\xea\xe0\xd6i\x13\xad\xa2\xa3#HPI\x97\xe2E\x90\x1a_\x84&gt;\xcb\xea\xd0\xfd\xab\x8c'</t>
  </si>
  <si>
    <t>b'\xbc\x8d\xaf?\x8f\x81O\xca\xfe\x7fs\xd8\x11\x0c\x8c\x96g\x954\x80}c \xa5\xbf\x91\xa3f6\xc9@\xf6'</t>
  </si>
  <si>
    <t>b'\xe2\x92\x7f\xf40R\x16\x08r\xea4\xca\xb8\xea\xcbVC\xcf\xb3i{_\x90\xc5\xfb\xd1h\xdaN\xfc\xcc\xcc'</t>
  </si>
  <si>
    <t>b'k\xd7o\x87\x8e\x00\xa1"\x1e\xd4\xf5\xa0\xa1\x8b\x89\xb5;\x14I\xe4\x8f\x9e\xba\xcb\xaaT\x01\x92K\xbd%\xbf'</t>
  </si>
  <si>
    <t>b'\xad\x811$s\xf4j\x18.L\x8d!\xd44\xa6\x06\x11B\x8bD\xc1\x96E\xce\xe6\xc4}ts\xad\xe9&lt;'</t>
  </si>
  <si>
    <t>b'\xf3\x05\xf8J\x9f\x92l\xad\x82\xd1\xf0\xf6?\xbbY\xdd\xbb\xa2\xd6\xcb\x8cE\x87\n!-\xac\xfc\xdcz\xc5['</t>
  </si>
  <si>
    <t>b'\xd7K,E\xc7?\xaa\x8b\xf7\x01\xc9\x08\xff\x00\xff+\xc4:\xf8\x19\x01&amp;\xdcOk\x9e\xa4\x94\x8e\x8bA\xd3'</t>
  </si>
  <si>
    <t>b'\xfd\xcbKR\xc8\xbc,b\xe2w\xdc\xb5\xc3&amp;Z\x9f\x82\xbbP\xfa\xa5f\xcb\xe1_b\t%o\xdeb\x80'</t>
  </si>
  <si>
    <t>b'E\xe1A\xed\x0c\x9aP\xe0`\xe3\xd8\xfb\xb3:Ci\x1f%\xaa\xc0\x0b\x8e\xd9@1G\xf2\xde\x9a.\x903'</t>
  </si>
  <si>
    <t>b'\xde\xcd\x01v\xa1\x1fO\xd7\x04{\x1da\xcd\xc4~6\x1b^\x01\xf3\xday#\xe6*\tl\x81#\xcd\xcfA'</t>
  </si>
  <si>
    <t>b'2\xd4\xb5\xf2\xc4le\xce\x00\x86/\xc2\xb8\xc5`7\x14\x90-Ff\xcb\xbf\x9f\x15\x08\xe6b=uZ|'</t>
  </si>
  <si>
    <t>b'&amp;\xca\x8f\xb7\xc3\xd1\x18~\r\xf0\x895PY\xa0$\x82\x10B\xd0Hp\xc0o\x86\xb2\x02\x06\xb1\xf8g\x0f'</t>
  </si>
  <si>
    <t>b'\x9c\xdd\xa7\xdd \xa0o\xa0\x05\x86\x8e\xd6vXT\x9d\x10\xb1\x96e\xe5j\x0f4f\xf4\xc7\x94\xc1\xd1\xf2a'</t>
  </si>
  <si>
    <t>b'~\x94\xcd\tK\xdd\xea\'\xad\xa5\xd6"yj\xb5\xa0\xf8\xef\xf5\x17\xae\x1e\x98P^\xaf~\xcc=W\xbe\x7f'</t>
  </si>
  <si>
    <t>b'(\x0f\x02\xa2N\xb1Kb\xd4\xb5=f\x8d\xda\xb3^l(\xe0\x85h\x86\x17AP|\xf6\x82\xfcAQ\xf6'</t>
  </si>
  <si>
    <t>b'\x1f\xf5z\x90A\xa9y&amp;-}1\xdf\xb6\x10,\x1e;m\x80\x85\x97\x80\xe7\x90\xa2\xc0\t\x9c\x10\xab+Q'</t>
  </si>
  <si>
    <t>b'\xcd8u\xf5@\xda\xae9\x8210\x903#T\x0b2\xdbD#w\xcb\x1c[\xd7\r\x02;X\x19\xee\x1e'</t>
  </si>
  <si>
    <t>b"I?+\x1b'\x82~2j.\xaa\xb1#\xd8\x08\x18\xbf\x8a9\xfa\xb5\xc6\xcd\x9e\xfd\xbb\xc22p\xa6\x93\xda"</t>
  </si>
  <si>
    <t>b't\xd3\x183\x12\x91\xe8t2\xa8\xc3\x82\x0b\xec\xfe\x85\xa9}\x97:\xa6\x15f\xeb\x8f\xb0\x96\x8f\xb5 vb'</t>
  </si>
  <si>
    <t>b'\xd6\xb6#.\x07Q\x955\xber\x94\xe9\x13\xb1\'RTT`\x97fy\x10|\xb5\x9d\xeb"\xcf\x19\xfd\xa2'</t>
  </si>
  <si>
    <t>b"\n\x12\xafk\xb8\xbe\xb8\x94\xbal\xe6*'m\xaa\x81\xdf\xf5w\x18\xf3S\xe2\x02(\xf8\xd4:\xf4\xaezw"</t>
  </si>
  <si>
    <t>b'\x1bV\xb0J*Aha\xff\xa6\\\x1aD\xba\x03,\xb8\x15\x1aqWk\xf7\xe7\x19xs\xc5\x0f\xe8\xc7\xd5'</t>
  </si>
  <si>
    <t>b'pa\x14\x124\x8f\xe2\x11\xd7\xfa~3}`\x81%\xab\x8eJ\xb4\xc9\x84\x93\xbd\xc9a\xa2B\xc0_#\x03'</t>
  </si>
  <si>
    <t>b"\x08\xfc7\x91`*\xec\x1cM\xeb\x8aT\xdf\x05\x96K\xb2G\xff\x1a0\x96'(!\x8e\xa2I-\x8d\x198"</t>
  </si>
  <si>
    <t>b"\x00gE\xe7\xd64\xfc\xc9U'\xcce\x8b\xb5\xc4\x17?w\x93Z\x10\xbeN\x19g\xc0\xc7\xa0\x12-'g"</t>
  </si>
  <si>
    <t>b'\x81\xda\x8f\x0f\x95\xf8p\x91\xa6@_\xb8\xb1ys#\x118\xe0\xe0\x04\xed\xfc\xac*r&gt;Qv\x87\xf9\x98'</t>
  </si>
  <si>
    <t>b"\x06\xc0\xbf\x02\x94M\xd9\xe0'\xf3\x95,\xe4\xca\xb0\x82\x80\xa8\xe8\xddWP\xe57&lt;\xdeP\x9a\xf8(\xb4\xa7"</t>
  </si>
  <si>
    <t>b'!^e\xaci\xc1[\xb6\x1f\x9e6\xb3\xd7Y:\x013\xbc\x16b\xa0O*\x9a{\x865\xf8\xc6\x876Y'</t>
  </si>
  <si>
    <t>b'\xc1\xdc&lt;7\xb3\xcf\xa9\xea[~\xb1\xd7\xfdrE\xe9\xdfE\x13\x8aD\x82\xc4\xe7h\xf5\xd2\x8f\xe1+\x8c\x19'</t>
  </si>
  <si>
    <t>b'\xc7v{\xa1;C_\xb2\xc8IT\x0eB\xb0\x87\xc0c\xa0K\xb8\xb8\xe8\xbf7\xbc$\xf8!\x90\xab\xe5\x0f'</t>
  </si>
  <si>
    <t>b'`v\x13\xfe\xa4\x98~\xfc\x9cH\x05*\xa0\x11+\xb6\xa6\x13%\x88{\xe6\xca\xa0j\xc9`\xeb\xfa\xd9\x80\x9e'</t>
  </si>
  <si>
    <t>b'~PNj\xfc\x04 \xa9=8\x198P\xb5\x03Ad\xcf\x85\xab\xa6\x15Q\xdcc +%\xacm\xbfC'</t>
  </si>
  <si>
    <t>b'0&gt;\xabL4\xdbr\xf8gg\xe6\x08\xd3p\x94a\xbb\xb6\xc3&gt;\xee\xc5S"\xc4\xf6V\x14\xb4\xf6\xcd\xbf'</t>
  </si>
  <si>
    <t>b'\xb4\xd8\x8e\x87\xef\xb0\xc4+4N\xa84\xd9\xe9\xb3\xd8\x86\xbd\xf2=\xbesF\xa0\xe80*y\x9c\\\x11\xfe'</t>
  </si>
  <si>
    <t>b'k\x850r\xe3?\xe0\xc0\x86B\xaa\x8bn\x16\x02\x96H\xd3\x08\x1f\xcfH\x8dbx\xeb\xa6RM\x9eT\xe0'</t>
  </si>
  <si>
    <t>b"y{\xd4\xa51\x96\x02@,\xa5\x80{q\x9c\xfb\xe3\xfb'\xdc\xfd\xb6\xe9\xf5\xe9\x93\xba\xbf\xd9\x9fH\xd70"</t>
  </si>
  <si>
    <t>b"\xe7\x8b\xa7\xdd\xbe\xf0&amp;T \xab\xaf\xac\x82\x82'\\!H1\xd5^\xd0e\x1e9\xf7z\xc0\xf0r\x9b\xb5"</t>
  </si>
  <si>
    <t>b"\x83`\xa7c\xbc\xec\xb5&lt;\x8a\x8fOC\x03\t\xd4t\x90\x8e\xa7q\xb7\xd0(\xaaB\x8e\x02\xb1\xfc\x89\x91'"</t>
  </si>
  <si>
    <t>b'\xc3\xd7\xac\x95P\x1de\x9b\x9e\x92\xf6\xbf+\x98\xfaV\x83&lt;\xbd\xd1\x89\x10D\x8e`\x03\x02\xc8F\x08/\x92'</t>
  </si>
  <si>
    <t>b'\xa6\xae"\xd7`\xc0\xccjk;\x17hO\xb2\xa0\xf8\x1d\x0c\xb27e\xac\xc1\xe2\xcd\x85DH\x027BL'</t>
  </si>
  <si>
    <t>b'\x97\xa8/S\xcb7\x88\xccG\x11\x9c\xe4\xe6\xb3."^\xe7\xa1&gt;\x7f\xa8\x07\xab\xa9\x8cx\xf7\xe3\xc6\xd9\xd4'</t>
  </si>
  <si>
    <t>b"\x9f\x11\x0f\xa0\xd4\x0b\x7f\t\x85[?\xf1\x1eeF'\xb1F\xa19=\x9aH\xc5\x9aj\xbf\x0c;\xa5\x93x"</t>
  </si>
  <si>
    <t>b')J\xb3\xcexc$\xc9\x96\xe4\xd9\xc7\xef\xf67\xb4\x7f\x80\xcf\xf3a\x83\xe0\xca\xe6`\xcf\x83\xefk^\x1b'</t>
  </si>
  <si>
    <t>b'*\xce\x11\x03\x7f`y0\x8d\xae.\xc4\xe5\xcd\xde+\xe0\x05\xfd-hO\xa7\xf5\x93\xfcV\xe4^k\xa1y'</t>
  </si>
  <si>
    <t>b'\xe7\x81 3\x80\x13\xb98\xbe\xd7\x1bM\xa9\xe5\x11\x0f\x0b\x90c\x97\xa5\xcd"\x16\xc3-\xddh)\xe4\x9a\x91'</t>
  </si>
  <si>
    <t>b'\xe9\x1c\x9f\xf5\xc8RO\x85r\x93M\xc8\xb1w\x9f\x1f\xfd\xe1;\x8c\\\xf5\xf8\x05\x81\xc7`\xeem\xf5\xbc}'</t>
  </si>
  <si>
    <t>b'Q\xffP\x13\xc2\x9d:\x19\x7f\xeb\xbf\xee&gt;\x9a\x15\xe0VR\xf48\xd0\xa7\xe9\x84G\xdaZ\xebc\x03\x97\xa3'</t>
  </si>
  <si>
    <t>b'\x8d\x9b\xa7L\xd4\xf9|\x8eg\xda\xf0\xee\rj\xa1\xb6\xcb\xbd\x08\x12\x03%\x91n\xa7LK\xde\xde\xf2\x11\x9a'</t>
  </si>
  <si>
    <t>b'\xc0\xdb\xf3)\xc4J\xee\x13\x99\x81\xbf\x81\xcb)U~&gt;\xd1M\xcb\x92\xb7\xb5\x83\\\r\x86\xf7\x85\x14z\xd7'</t>
  </si>
  <si>
    <t>b'&amp;\x89ojs\xda\xcdG\xf1\xb43$L\xa8\xbeb\xa766\x0ca\x8c\xca\xf0&lt;x\x15\xbd\x84&lt;.o'</t>
  </si>
  <si>
    <t>b'\xb5\xb5d\x9c\x9b\xf1\xc8\xc7\xae7]}\xad\xdd\xad\xd7\x90H(\xc3\x00Uu67\xdcS\xdd\xd2\xef\xba\x85'</t>
  </si>
  <si>
    <t>b'\xc8\xa9\x04\xb7{Uj\xce\xec\x8c\xb1\xd4\xe4\xe4\x97\xad\xdd\xe3\xebrZDn\xacy\xadUe\xa7w\x17\xa9'</t>
  </si>
  <si>
    <t>b'\xc7\x98\x88\xea\xc8\xb9C\x9d*\x86c\x91.\xe2\x1d\xde\xe2\x0b\xc99\x8a\x9f\xe2\xcf\x84\x0c\xaf\xfa.7\xc3\xd1'</t>
  </si>
  <si>
    <t>b'\xb9\xd0\xdcv\x05\x13\xc6Sdw\xa6\xd6\x95\x1e)\xca\x8aOL\xa6"\xf9!\xd4\xbb\x88\x11\xa4.\x1f\x06\xa0'</t>
  </si>
  <si>
    <t>b"\xb9L\x13F\xf5y\x9b'[Y\xd2\x86\r\x15\x81\xa2_\x8e\x16\xcd\xf27!\xad\r\x14W\xdd\xed\xde\x00\xbe"</t>
  </si>
  <si>
    <t>b'~8\xff\x12\x83\x81!6,h\xea0v0\xbc\xef\x1d\xb6\xc3\xc5\x17A\xf4\x84\x04\xb0\xb9\xfccD6\x9c'</t>
  </si>
  <si>
    <t>b'x\xac.\xb6Bsn\x97\xaf\xda-\xe1K\x94FW\xb6U\xc0\x96\x1c"\xa6Bs\r\x91\x1b*sj\xd2'</t>
  </si>
  <si>
    <t>b'\x87U\x14,\x84\xec\\\x93\x88"\x08o?\x1c\xf1\xd5\x83:@\xc8\x19\xdb\x87\xacE d\xab3\xcd"\xe8'</t>
  </si>
  <si>
    <t>b'\xe0\x07\xa4\x8c\xc3J\x9a\xf73\xbe\x93$I0\xe2\xf0\xeb:\xd4\x88\xa9;\xc8]\xd7\xdcuaJ\t\x00\xc2'</t>
  </si>
  <si>
    <t>b'\xbbe\x9e\xf4`\x9e&amp;\xef\xf2m\x05q\xa9\xbe+C\x8d\xe7\xc6\x9c?%\xa4&gt;\x15|^\xb1\x83\xc2\xe5v'</t>
  </si>
  <si>
    <t>b"C'C\xdf\xe9?~L\xec\x9ek\xe2+\xcb\x97\x18Y\xd8\x11\x01\x94D\xc0\xe58\xb0zME\xbd\xfb\xf5"</t>
  </si>
  <si>
    <t>b'\xa7\xd6\x14\xffD\xd2\xc5\xc4g\xf6}\xf6\t\xb8\xfa\xba\xb8c?\xf1\xbb\xdcP\xd8k\xfa\xa7\xa9\x9c\x98"M'</t>
  </si>
  <si>
    <t>b"F\x94\xc1\x1fm\xdc\xdb\xd03\x12\x13\x15p'b#\x95X\xac\xebi`\xdd\xe3Y\xba&lt;\x11\xa0\xdf\x17."</t>
  </si>
  <si>
    <t>b"\x01m:'\x8092f\x11YRlIT\xf4e\xa3y\xe5\xe1\xb1w\x12z\xc1E?\x1a\x9d\xf3cB"</t>
  </si>
  <si>
    <t>b'\x11~\x91\x15S\xa47\xf5\x0c\x01\xc9\xd3\xda\x04.\xca\x85g\x8a\xf5\xaaX \xa7G\x82\xeb\xaft\xc6k\x16'</t>
  </si>
  <si>
    <t>b'!~\xa1\\\x9f\t+,\xc2.p\x93\x08\x9d`a\x8d\xb73\xaf\x0cH\x01+\x16\xc3\xdb\xcd\x0cx*\x9c'</t>
  </si>
  <si>
    <t>b'\x17\x84\xe1N\n^\xc6\xb0\x14\xc3\xb6p5k~"W\x91\x9e\x17\xd3\xc3\x8dhtzG\xda\x9f\xb5\x12&gt;'</t>
  </si>
  <si>
    <t>b'|a_\xbe\x88\xf6\xde\x16sb\xa9}0\x16b\xe8zL\th\x96\x89\xf7\xb4q\x11\x96}\xec\xd0\xfa\xc8'</t>
  </si>
  <si>
    <t>b'dw\xdft\xec\xa5\xdf\xa8\x7f;\xf78\x92f\xcd:i@\xba\x80\x80J\x02\xcb\xce\xb9Q\x82\x93\xd2\xfd_'</t>
  </si>
  <si>
    <t>b'A\xabx1\xc9\xb3\xf3\\_\xb0B\x05O6=\xe8M)\xc49j;\x89\x99f\xb1\xce\xeb\xba}\xd4\x9f'</t>
  </si>
  <si>
    <t>b'\xa1\xa6w\xb9?\x10\x14\x88r\x15\xe7\x90\x08}N\x15\x8d\x8c~\xc8\xc4\x07\xa61k!\xdc\x07\x9c\xef\r\xbb'</t>
  </si>
  <si>
    <t>b'\xdf \xfd\xa0\xf8\r\x15ZF\xd0\xfc\xdcf&lt;9M`l\x1e\xee\x9e\r\xae\x1e\x96\x81\x18\xfe\xb1]\xc8\xd1'</t>
  </si>
  <si>
    <t>b'B\xb4\xc1(\xfa;_\xbcXz\xe6#F\xa7\x92|*\x02\xff\xfb9Ya&amp;\xa0\x08\x8e\xa8\x05\xd7\xe6\x18'</t>
  </si>
  <si>
    <t>b'\x0c\x11;{-\x07\xe3+ \xd2\x07\xf7\x0bq\xc9/\xbcX\x1c\xd6\x86&lt;h\x80\xcf\xa5"\xfa\x03\x7fIA'</t>
  </si>
  <si>
    <t>b'C*@C\xc2f\xe4\xf8nn\xbc\xb4\xc8\x0fY90\xac]N\xec\x98\x9b\x1a\x92?c\t\xd6&lt;e\x91'</t>
  </si>
  <si>
    <t>b'\x10\x9c\xcdY\xc1\xb0\xe6sP\x07a\xb7\x8eKq\x1e\xb7\xe2\xdeo\xf1^\xc6\xc4\x86+\xef6@\xc6\xd9\xcd'</t>
  </si>
  <si>
    <t>b'\xc4\x07\xb9)]\xab\xb5\x1a\xa9i\x94\xe5\x03\x1fbI\x9c;\x15\xd0\xd4u\xd0\xe4\x13\x9f\xa67\xd5\xc3\xbf\xfa'</t>
  </si>
  <si>
    <t>b'\x96\x89~\xad\xf4\x1b\x1a\x935\x12\xe1\xfc\x9d\x1ba\xf5c\xe5r5\xab\r\xdc\x82\xce\xf7\xc4\x08\xe9\x81 5'</t>
  </si>
  <si>
    <t>b'\xadw\x8f\x06s\xdbZ\x92\xb2|+s\x8a\xf2-\x04\xc17;\xbb\xbf%\xf6V/\x91l\xaa\x89\xef\x94\xb8'</t>
  </si>
  <si>
    <t>b'\xaf\xee\x14\xc1\xbd\xc8\xfa|\xd3Ojp/\xb3\xb3\x05\x00\x03K\x85\xcb\xc3_\xf8r\xb9G\xad\x13\xa2\x9c\xaa'</t>
  </si>
  <si>
    <t>b'r\xcc\r\xee\xdc\xa8\xd4O\x8b\x84f\xf6\x90\x92\xacW\r\xae\x04--\xb5t\xaag;\xe9p\x01\xfb7\xbe'</t>
  </si>
  <si>
    <t>b'\xd8*\xd6\xcf\xefR\x7fw\xdfFf\xe7%`2B\x04\xa7l\xcd&lt;\xed\xf6&gt;\xa3\xf0c\x95\xd7\x11\x16\x1b'</t>
  </si>
  <si>
    <t>b'}\xbf\xf4\x05A\xe8O\xa4\xdd\xcc\x99\xf9\x12\x91\r\xb9\xb9\xd8\xedoz7\xe77K\x08.7w\xa4\xc0q'</t>
  </si>
  <si>
    <t>b'\xda\xd9M\xadL\xd2\xcc\x7f\xefG\x08TAE\xef\x8ds\x17\x9e\x12\x01\x80\xc5\xbb\xd5\xb8\x7f*\xbb&amp;\x84\x9b'</t>
  </si>
  <si>
    <t>b'\x90\xad\xc9\x9b\xd3\x96\x1c\x84\xdf\xcc\xab\xa29P\xdf!\x1a\xa4A\x16\x1f,CA\x80\xde\x0c\x19\x8e\x8czv'</t>
  </si>
  <si>
    <t>b"m\xf3h\x93&gt;\x13\x92=\xf3\xadA5n\xb0)\xff\x82\x8b\xc4\xe8\xae\xde\xaaD|\xd8.,['&amp;\xa3"</t>
  </si>
  <si>
    <t>b'H\x0eq\x83\x1c\xdb\xd5\x1c\xa8\x9a\xce\x0f\x8el\xcd\xfeG\xe0c\x94\xa71\x1de\x1c\x0by{\x89\xd5\x8f\x83'</t>
  </si>
  <si>
    <t>b'.O)\xba\x03\xf4\xd3\n\xa5Q\xa3\xb5t\x88\xda \xfe\x943\x1a(\x97m\x19\xa0;{\x1fg\xb6:\x89'</t>
  </si>
  <si>
    <t>b'8P\xd9V\x9dZ\r\xb9%I\xec\xb4*\xa3\x8e\x8ae\xb7\xc9\xb6\xee[\x90\xbcU\x08\xf5\xf46AfZ'</t>
  </si>
  <si>
    <t>b"\x9bh\xe7i\xb2\xb9'\x18\xdam\xd6\xe9\xb4~\x98\xcbU\xcf9\xde\xac\x7f\x1c-a\xd5\xa3\xcbH\xb7w\xee"</t>
  </si>
  <si>
    <t>b'f\xd5\x99\xa0\xf2(|\xb5:c\x0b\xb4\x7f\xe8\n\xa1\xac\xf2\x9d\xdam\xbds\xaa2\xdc\x87\xaf\xcc\x85\xfaF'</t>
  </si>
  <si>
    <t>b'\xe6\x9c\x19\x9er\x05%\xf6\xd7\x12\xb3\x0b\x9d@\x0cV\xc7?\x95\xceD\xea\x00}#\x1e\x8cy&amp;\xd9\xc5\x9d'</t>
  </si>
  <si>
    <t>b'\x01B\xbejs\xe5Y\x0ex\x9a8\xd7Y\xb837\xd1\xb3\r\x85\xe3\xfe\x1e\xebCm\x8e\xb5\xce\x97\xee\\'</t>
  </si>
  <si>
    <t>b'\xfa\xfca?\x1f\xc7_D\x16\xb9\x95\xc2\x8aaM\x11C\x0f\xf4\x7f PbD\x8f8G\x12H\x1e\xf9\x9d'</t>
  </si>
  <si>
    <t>b':\xd2\xc0\xb928\x14v&amp;,L\xb4*GU0S\xf5\x18\xa3\x9e\xd7s\xcf\x11@U&gt;{\x80q\x89'</t>
  </si>
  <si>
    <t>b'.\x81\xe3&gt;\x86\xc0\x99o`\xc1\xcfg\x9a\x9a\x9d\x08\xe3\x14D\xd33&lt;\xaf\x84\xcb&gt;uQ I\x11\xcb'</t>
  </si>
  <si>
    <t>b';@\x8b\x90\xb9\x14\x0b-\xd3"\x81H\t\xdd\xc9\xd9P\xb3\xcd\xd5\xc1\xfa\xfb\x92))wG7\xda~\x86'</t>
  </si>
  <si>
    <t>b'k8A.\x11\x9fq\xda\xc3\xf0\x0e\x14aY\xba\x1a\xc2}dwh\r\xd1\xc3{\x11\xd8;G\xdb\xa4S'</t>
  </si>
  <si>
    <t>b'\xd4\xb3\xadV\xb6\xea\xd7\xd4\xf5b\\\x00\xf6\x87\x99i\xb0~\xfbw\xfb\x9bA\x8c\xbe-\xd9!\x8aFM\xe2'</t>
  </si>
  <si>
    <t>b'-\xad\xb5Ew3S\xdfgzzy\x97\xfe\xca\x9a\xed\x8d\x7f\xfbH\x10\xcdS\x8f\x05\xdc\xc3k\xb5\xff\x85'</t>
  </si>
  <si>
    <t>b'\xdb\xd2\x8d\xd6y\xe5\xca\t\xbd \xeahKr\xc9x\xc8u\xf8\x15e\xcb\xb4\xad\x8a\xa7IW\xa4Xv1'</t>
  </si>
  <si>
    <t>b'\xdd\xf77e\xf4\xc9K\x1b\x15\xfaH\xd85\xff\x8a\xba\x0eG\xa6\x85\x02\xbc\xad\xf4/\x1al\xbf\xb8o\xd5\xc3'</t>
  </si>
  <si>
    <t>b'\xe1f\x0cm9\x12:\xa6\x00\xa7\x84\x1bY\x02\xa0\xdd\x841\x07M!\xce\x97X\xc9@\nt&lt;q\xbcH'</t>
  </si>
  <si>
    <t>b'j\xf5z\xa5S\x05\x88\xb3\xf7o-\x18\xb12\xe8*\x1b;n/\xb7\x88\xafk|\xda\x1e\x84\x11\x86`\x06'</t>
  </si>
  <si>
    <t>b'\x82\xaa\xfc\xd5,\xd4/\xfd\xa81\x03^D\xf6\xc5\x1bg\xdcU\xc2\x99\xc3"\x92\x8e\xa0\xb1+\t\x1b\x06\x86'</t>
  </si>
  <si>
    <t>b'\xf6\x93"[\x9c-\xa3\\\xf2\xb8\xec\xf7l\xf9\xbb\x8dq\x9a\x1bK\xef\x02\xfa\x95\x8f\xaf1\xf1\xdf\x854\xfe'</t>
  </si>
  <si>
    <t>b'\xe7+\xf3\xfe%\xb2SQ@\xd5\t\xbc\x12O\x87\xaa(b\xd6\xact\xc5\x85\xb6;\xce&gt;\x02\x14\x88\xa4Q'</t>
  </si>
  <si>
    <t>b'\xcf o\x1d\xa6\xd1k`z\x9e\xaaQ.\xfe\xa5\xeb\xbeu\xac\t/\x8cXE\xdf\x0fG\xec\r\x12\xfb\xec'</t>
  </si>
  <si>
    <t>b'w8\x8f\xb6|\x13\xc2\x8b\xab\x99\xa8\xfc\xbd\x85D\xef\xc97\xb5?\xd6Z\x8b\xd2\xef\x18\x1cu\x89\xee\xda}'</t>
  </si>
  <si>
    <t>b';\xd6^L\xae\xd6\xe6\x8e\xb8\xfb\xbc\x0e&amp;\xf3\x8b\x01e\xb7(\xb4\xa8b\xfcf\x9b\xba\xdc\x93\xc7!\xe7s'</t>
  </si>
  <si>
    <t>b'\xffXW\xcc+q\xc82\x9c\xfe\xa1\xf3c;\x97\xe3\xa9@OS"\x80[\x91\xdf\xce\xeew\x1f\x04\xd8\x08'</t>
  </si>
  <si>
    <t>b'\xb3\x15s~HM\x955\xf4V\xf5\xc9\xa3\xb5\xe1\x1a\xach\xa9\x0cN\x16\xf5\xf7\xe4\\\xb7\xc0$\x87\xb8\xfc'</t>
  </si>
  <si>
    <t>b'e\xb8a\x86"\x92\x05F|\xf6&lt;%\x98\x8d\xdeB\xfe\xa8g\xa6\xb05\xda\x8a\xfa~Zm4\x17\x88\x80'</t>
  </si>
  <si>
    <t>b'ZH\x8d\xd3\xefSj\xd7\x81H\x01\x08\x05\xb6\x11\xc4&amp;\x0ep\x1bT\x19\x03\x82\xf6\x9c\xfd$|\xe2\x9a\xf3'</t>
  </si>
  <si>
    <t>b'y\x0e\x1a\xdf"d\xed\xe7\xc6\xef:x\x90\xe2x_\xc6t&amp;.\xbd\xe6\xc0X\xda\xedWg\xc2N\x07\xa3'</t>
  </si>
  <si>
    <t>b'\xa1\x8d\x81[\xb6})\xd1\xdb\x15\xa6\xebC\x16d!\xed\xaa\x86\r\x97\x98\xc5&lt;/\xc3\x15\x97o\xc6\xa3G'</t>
  </si>
  <si>
    <t>b'3{e\xea\xba\xb4\x85\x01\x96\x0c9\xcc\xde\x1c\x90\x14[@\x924\xd2\xbb\x8f\x15tj\xca$\x0ei~\xe9'</t>
  </si>
  <si>
    <t>b'\xd6\xcc\xdc\x0c\xed\xaf\xf5\xa01\x99\xff;4\x01P?\xcc\xad-\x0b\xb6(\x9c+\xf4\x90\xbek\x98m\xc2\x93'</t>
  </si>
  <si>
    <t>b'\xc6\xb1\xf5\xfc\x93\xee\x087|\xe7#\x03\xb7R\xd1(\x19\xac\xf7\xb2$\xe9\xd6\xdfD\x83+1 ]\xa6q'</t>
  </si>
  <si>
    <t>b"\xf5\xcd2q\xb1\xf6\xed\x87\xa0\xc4\xaf'd\xae1p\xe8)\xe3\xa5\x8b\xd83\xa6.4F\x87[\xf2\xde\xd7"</t>
  </si>
  <si>
    <t>b"\x8bV\xaf\xd3!LL\xd1\x04\x8e\xe563'\xea\xa3\xb2\xb2\x1f\x08j\xfa$\xcb^\xfcs\xfe\x80A\x9b\xda"</t>
  </si>
  <si>
    <t>b'\xd0\xb2\xdea\x16V\xb8\xf5#\xc1\x9b\x9f\xf7\x03\xe7\x1eBqo\x97%\xa66P#\xc4|\xc1*\x95\x7f\xf9'</t>
  </si>
  <si>
    <t>b'\xaf\xa7\xba&gt;\xfdv\xef\x9ca\xce\x17\xcc\xf0\x89\x13\xe0\xc8F\xc9\xbe-|#5\xee\x13T\x9e\x7f\xa3\xaa\x95'</t>
  </si>
  <si>
    <t>b'\xa8\x192\x8f\x97\xe1s\x86\'\x06\xd4\xc9\xeb/&lt;\xbdB\x00"\x80\xd8V\xac\x00\xf8\xef\xef5/\x0c\xca\x0e'</t>
  </si>
  <si>
    <t>b'`\x92\x08l\xc2\xa92?J\xee\xbc\xd3\xa5;YiUl\x8d\x0eL{\x12\x00\x0b\x1d\xe2U\x0et.\x9e'</t>
  </si>
  <si>
    <t>b'\x1c\xc7\xa6&lt;=\x1eV\xa9\xbc\xed_\x9d\x92\xa0\x06\x12\x15|\xa1WE\xba\x10\xa6\xce\x85\x18%\x01\r\x86\xfc'</t>
  </si>
  <si>
    <t>b'\xddWL-c\xb7\x9bm\xd5\xc5\x03\x8dY\xdf4\xb7=s\xf3\x86\xbbi!2\xe8\x7f\xbd\xa4\xf8\x0e~\x19'</t>
  </si>
  <si>
    <t>b'm\xdc\xd2s,\xf6\x93\xe9h\x82\x11\xaa\x0bo\xac\xbc\xf4\x1e7\x0ca&gt;\x10d~r\xe3~\xf8\xd0UP'</t>
  </si>
  <si>
    <t>b'\xee\xfc#pd?\x81\xc5\n\xe1j\x93\xc6\xc6&amp;\xfc\\F7(2\x1f\xa0w\x92oFC\xe2\x14=\xc5'</t>
  </si>
  <si>
    <t>b'\\\xd6A\x07\x9a\xb8\xde2\x1a\xd5\xc8/\x0f\x02\x7fv\x991\xd8{\x8e\x99e\x13eG\xf1\x1d\xfb\xc7\x1e\xef'</t>
  </si>
  <si>
    <t>b'b\x8a\xb7\xe1\x8f]\xce9]\xa8|W4=\x91OG\x10\x89\xc3/#\x9a\xfei\xa1\x9f\xd8\xc4\xed\x08q'</t>
  </si>
  <si>
    <t>b'\xf4w^k\xf5\x83\xeb\xb0\xd8\xfe\x80H\xfb\xf3\xa1I\xce\x8c\x15\x1bo"{\xe5\x1b\xd2\x1b\xa0\xe8a\xe6]'</t>
  </si>
  <si>
    <t>b'\xc3:\xc5hWZ\xc7\xab\xbc]\xae\xaf\xaa\xda\x9a\x1b\xc2c\xa0T\x00Y"\xe86\xbc\xe6Yr\xe3\x82\x95'</t>
  </si>
  <si>
    <t>b'\xa7\xbe\xe6W\xa4\xd7\x93C`\xf2\xd9\xb3\xf1\xb1\x8e\xfa\xe0P\xda\xea\xad\xb2\xf9\x10s7#ag\xe7{H'</t>
  </si>
  <si>
    <t>b'\xe1\x98\x82U\xca\xeb\n\xcch\x85\xcd\xb0\x1d\xa5\xcb\x03\x0b4\xb5\xd6/\xf7\xdf\xb9\xd6M\xee\xe02\xe8S9'</t>
  </si>
  <si>
    <t>b'\xe7\x8b)\xf6\x9f\xba\xb1\xcc\xcf\xe5dtv\x8b\xbd\x89\x9e\xb3wx\x1b\x05{\xe7\x84\xe0\xb3\x11h\xbb\xb5a'</t>
  </si>
  <si>
    <t>b'\xbe8\x9b\x8f\xe7o\x86Jj\x935\x89%\x1foj\xf8\xd4E\xe3F\x14-\xecY\x94\x96&lt;l\xe5\xda\xf1'</t>
  </si>
  <si>
    <t>b'\x94,\xaci\x84\x1a6J/\x07`C\xb0\xd2\xc80\xf7\xa5\xf2\x06\x86\x01\x88\xfc\xa1h\x97\x0b\xb4i\xb0C'</t>
  </si>
  <si>
    <t>b'4\xd6\xa1,\xeb\xccD\xa0\xd0`\xa2&lt;E\xf7n\x04\xba\xafx\x17\xce6\xbc\xaf|8\xd2|C+p\xfb'</t>
  </si>
  <si>
    <t>b':o\xf0\xac\x82B\xb0\x04\x90\xad\xdd\x1c\x18\x89\xb1\x9f\xb8`[\x7fc*\xd8\xcb\xd9\xa4\xadn*\xe4# '</t>
  </si>
  <si>
    <t>b'(\\\xe9=\xae\x9a\tA\xc5\xe8\xd1SZ8M\x84sW\x8f\xd8.@)`\x02\xf5\x05\x83b\x96&amp;8'</t>
  </si>
  <si>
    <t>b'&gt;\xf2q\xc5eT\xbd\xd2\xb1\x03\xd3\xbdLRj6\xde\xc2\xbd\xd7\x1d(\x98\x86\xf1H9+\xac\xe9M\n'</t>
  </si>
  <si>
    <t>b'\xe8C\xaf\xa27}\xdd\xfc\x0fp\x87\xcf\xf5\xf5\x8032\xc5@w\x1d\xa5C@\xa4K\xe6\xdb\xef\xbf:\x03'</t>
  </si>
  <si>
    <t>b'\x15\x1d\x81\x08!\xe9)\x8a\x84\xd5+\x89\xb5\xa4\xb2G\x972\x8d\xcc\xc2G\xef\xee\xa7\xd39\xc7\x1cx\xbaI'</t>
  </si>
  <si>
    <t>b'\x08\x90\x0c\x97\x15\x1d\xe5\x85\xb1\x19\x03j\xda\xe8\xdfF\x89\xbe\x12\xa7\xfa\xee=J\x9c\xa2k\x98\x15V\xeag'</t>
  </si>
  <si>
    <t>b'\x18\xe1\xe0$1p\xac\xe5\xdbI\xc8\xd7\x19\xf1\xbd.#AF\x02\x03\xf9?\xb0,\xd1\xcc\xf5\xf0\x1f\xab\x10'</t>
  </si>
  <si>
    <t>b'\x13\xfa\t\x03F\xdc\xc7z\x85\xf7\xe8\xabR\xff\xd4WX!B\x0e\xd7\xd2\x1e\x146\x9d\xff\xfaO\xfb9\xda'</t>
  </si>
  <si>
    <t>b'\x9a\x89\xb1\xd2p\xdc\xc6\xc3\xb4M\x0b\xc9\x0ek\x8e\xbf\xa9\xe4\xf6\xb0g\xb7\x96\xad\x9d\x89\xae\xbe{\xd5\x97_'</t>
  </si>
  <si>
    <t>b'I\xaf\x7f\x88\x1d\xc3M\xa5\xe4H\x80d6e\xf5.\xb4\xc0\xf8\x96\xe3\xac\x00f\xeaw[\xfd\xecY\xa0\x8a'</t>
  </si>
  <si>
    <t>b'\x9e\xaf\xfalG\x8a\xa0w\x1a+\x9ch\x86*\xd8\xb4\xbf\xac\xa0\xdd)\x14\x164XR\x82N0?\xc1Z'</t>
  </si>
  <si>
    <t>b'\xbd\xf9Q\x8b)\x8a\xd4\x7ft\xdc;wM\x9d\x07-\xbd&gt;\xf7\xcf\xd7\xc1\x061\xdf\xa2\xc9\tM\x81\xed.'</t>
  </si>
  <si>
    <t>b'b\xe0\xba\xa8\x80y\xe5\x8bZ!&amp;!\xb6q\xfe\xed\xa4Ka^\x85\xb9b\xfc\x9e\xce?\xb9/\xa4]\x1e'</t>
  </si>
  <si>
    <t>b'78\x17\x1e\xcf\xb4n\x9b\x00O\xb8b\xce\xd5I\xc9\x80H\xd6\x85H\x194\x1c\x00 \x91\xb7\x8c\xb7\x1a\xd2'</t>
  </si>
  <si>
    <t>b'\xcbv\x14s\xb5\rl\xbc\x14\xb8\x82\x1f\xbe\xc1}\xc0\xff2\x0b\xc4&gt;\x91\xd8:A\x8c\xe8\xa4\x18oi\xbe'</t>
  </si>
  <si>
    <t>b'\xe1\x9b\x1e\xd9\x08e\x98\xc7.\x06\x15\xe2\x87X=j.\x8e\x9ec\x07\x00\xe6\xbc,\xb1[\xaf\x14X\xcb\xe9'</t>
  </si>
  <si>
    <t>b"\xab'\xdb\x006\xe6\x06\xd3\x1f\x0b|A\xbfy\xea6\\x\x9b\xadc\xb8\x11\xe1\x1d\x19\xa0v\xc8\xdaW\x81"</t>
  </si>
  <si>
    <t>b'\xbd\x96\x0c\xf6\xbf\xbeF[\xbfbk\xbcb\xdc\xd9\xcf4\x02\x17\x8a|l\xfa\xb7\x03.m\xa7\x8f\x03k\x9a'</t>
  </si>
  <si>
    <t>b'\x9bR\xb7g\xe9Hi\x81\\\x06E\x8b\x1f=\xe8\x08y\xb7\xadT$\x03bTa}\x913\xa6u\xa48'</t>
  </si>
  <si>
    <t>b"T\xf6\xbc\x0e\xb8\x89'Z\xce\x8d\xfb\x16\xa8/\xa0\xa0\x19\\\xd0\x82#\x90\x0b\t\xb4V\xaa\xf4\xff\x87\xa0\xcf"</t>
  </si>
  <si>
    <t>b',\x1a\xc5\xceG\xdb\x99\xfd\x11As\x18\xba\x9e\xc4!\x05\x15\xb2\x9b\xcd?kx\x01\xd6\x9cm)\x97^\xb8'</t>
  </si>
  <si>
    <t>b'\x87f\xf1\xceZk&gt;c\x11\xf7\xc5#\x9e\x14O\xea\x16\xdc\xe3d\x04U\x92q/\x1e+&gt;$\xe6$\x03'</t>
  </si>
  <si>
    <t>b'\xb4P&gt;7\x83\xe5\x1d\xbe\xc9\x04\xcccG\x01\xba\x19K\x02\xdc\xdefTXQ\xe6X\xfam\xc1.\xc2\xd6'</t>
  </si>
  <si>
    <t>b'\x1c\xe4\xd4\xc3\x06\xab\x01\xcb\x88\xb4p\xd4b\xbf\x03\xb6\x89K\xfcK\x03\n\xb4\x0c-\xe2\xe5\x9f\x9a\xce\xd7\xa7'</t>
  </si>
  <si>
    <t>b'K\xf2\xc1%\x05\x15Z\x05\xf8.\xf0\x1fms\xa4\x9d=F\xf9J\x1c\x9a\xd245@\xe6\xe3:0\x87U'</t>
  </si>
  <si>
    <t>b'\xcc\xa9\xf4U\x11\xa6\xa8&amp;\xdb\xdae\x07Z\x8fR\xc2&gt;\x95X\xdb\x8a\x18\x1d\xce\x9b7\xfa3#\xab\x05\x80'</t>
  </si>
  <si>
    <t>b'S?\x11\xc0\x969\x15\xf5\xef\x8eS\xe4\xf7\xff\x96\xf4\x7f6Y\x1bm\x10\x99\x83\xf1};\xd7\x93\xcd0Y'</t>
  </si>
  <si>
    <t>b'\xa6Pz\x84\xb5+\xce\x0c\xb4\xa1Aw$\x8d\x7f\xc6\xf4\x82j\x9a\x9b\xf5\xd1\x8d\xb4\xabu\x17a\x8c\xac\xe3'</t>
  </si>
  <si>
    <t>b'\x11\xa6\xbb\xc46&lt;\x9d1\xe3\xaf\xd8\xf9\xf3o\xa3\xd7/\xbcD+KQA\xbb\x9aY\xf84\x15s\xd8\xdc'</t>
  </si>
  <si>
    <t>b'\xc5X\x9c\xae%.T\x9a\x99\x9c\xd9\x84n\x8a\x138\xcd5\xb7\x7f\xcd\\\xfe\xf1\xf4\x03H&amp;iE\xaeV'</t>
  </si>
  <si>
    <t>b'\x04\xe3\x0f\xafc\x02\xf0E\xaf\xeft\xf2\x89~K\x8c\xf5\xff*\x1c]\x07U\xa1\xb1z\xccG&lt;\xcb\x12\xd3'</t>
  </si>
  <si>
    <t>b'\x81\x14\xf3\xcc\xd2T\xeb$\x9c;\x83\x98\xde\xe6\xd7\x1eJe\x9c\xe7\xb2&gt;\xbc\x1f"K\x8a\x8d=\x97&amp;\xb1'</t>
  </si>
  <si>
    <t>b'\x04\xde~/\xaf\x8b)\xdf\x82U\xb0@\x00to\xe5=\xa5B\xc8\x8dv\xd4 \xb6\x80C\x8fhi\x13\x10'</t>
  </si>
  <si>
    <t>b'bW\xe2{\xb2\x1b\x7fl\xba\xd8I\x99S\x96\x84\x87;Af\x80\xed\xc6\xa2\x8d\xb1X\x93\x0b\xad\xdb\xb3\xd5'</t>
  </si>
  <si>
    <t>b'\xb8\xd7\xb7\xcb\x9d\x89\xd0O(iJ]\x90b\xf4m\x8eUQ\xe8&lt;\xb44%\xd3a\xd6\x8d\xf9\x1e`:'</t>
  </si>
  <si>
    <t>b'\x9e"u\x93\xd2\x10v@\xbb\xd3\x95\xe4\x83p\x97\x05\xfd\xc1\xbbA\xf1\xa2\xc4*\xb9jG\xff\xc6 \x00&amp;'</t>
  </si>
  <si>
    <t>b'\xe0\x06n\x06\x98R\x83\x90\x9dC#^X\x9cW\x95\xd1\xe4\xfb\x93\x7f\x0fq\xa1\xf4`TVc"\x10\xff'</t>
  </si>
  <si>
    <t>b'`\xc5&amp;D(Ep:8\x87w\x80TdU\xa8d\n\x85K\xe5:\x1d\xae\x17(\xb4Z6\xef\xf9P'</t>
  </si>
  <si>
    <t>b'j\xe2\xd3J\xff\x1c\xc3\xda\xb0\xe4?\x13R\x86_\xd0m!\x99\xec\xf8\xc9\x14+\xd0\x80\xe1\x84K\x9e\xac,'</t>
  </si>
  <si>
    <t>b'O\x8f\x84\x97X\x1c\x93I\xad\xe8\xfc\x1d\\\xe1\xfcQ\xf5\xb6\xfb\x95\x80\x96-\xfc\x8b\xf7\xf4\xc7G\x04\x16\x97'</t>
  </si>
  <si>
    <t>b'\xc9\x9ccY\xa7\xff\x8b\xd4\xa4FHWP}\x02\r\xf5\x9f\xa7\x0f\x1c\xb1\x8d\xd8K\x81\xdc\xa7\xa89\\\xd2'</t>
  </si>
  <si>
    <t>b'\txQh$i\xc9;\xbb\xb0\xff\x03\xd4\xa5\xc8\xc6\xc9$\xe1\xbf=l\xe8b\xeeb\x13\x9f\xe4,\x9fw'</t>
  </si>
  <si>
    <t>b"\x8eWX\x91\xb8%r!\xe3LN\xcf\xcco\xc0U\xa9,\x81\xec\xa4L\x90\xae\x9a]'\xaf\xaf\xc8\xfc["</t>
  </si>
  <si>
    <t>b"\xd8\xa8~CK\x914\x95F$!\x9b\xf3c,;7\x88E\xf5\xa4~!\xf5\xca\xcc\x03'\x15\x01\xac\xba"</t>
  </si>
  <si>
    <t>b'\xfd\xbeuv]\xd4\xd7\xcb\xd7E\xee/\xae\xdeP\x81r\xbc&amp;\xcf\xc4(\xddJ\xb4\xc3\xe1F\xcd\x7f\x88\xed'</t>
  </si>
  <si>
    <t>b'\x90^\x07\x0c\xe8\xe1\xb1\x0fz\x8cT\xfe\x07~\xa3)\xe22b9w\x18.\xc7\xf4\xa2\xd5.D\xe7\xfb\xe4'</t>
  </si>
  <si>
    <t>b'\xb6xG+E\tp\x84\xdc\xbc\xdf\xf9-\x8b\xe1\xa8|\x89\\0\x81D\x9bd(\xc3\x8e\xcc?d\xe55'</t>
  </si>
  <si>
    <t>b'3w\xc6khe\xfd\x10\xcd\x11O\x1c\xed\x16T\xb0C\xac\xc6+e\xbc\x8bJ\x99\xf3\x8f"\xb3\xdb\xdb\xa0'</t>
  </si>
  <si>
    <t>b'\x83\xfa\xa9\xdeEa\xfd@\xe0i\xca_ON8w\xc7\xae\xb5\x1e\xd5\xc67O\xac\xac\xdb+\x8f\xdc\xca\x9c'</t>
  </si>
  <si>
    <t>b'"{\x90t\xbfq*Dg\xb7\xd9\xda\xcc\x0e\x998\xc0\x8f\x1e\n\x825\x19\x17\xd9\x85\xae7:\xbeyC'</t>
  </si>
  <si>
    <t>b'\xa4un\x16\x89q`!\xcd\xe0&gt;{i\x08\xa5\x15\xf2\xbdU\x06\xdb\xfe4\x1c+y\xa5\x92\x01\xf8^d'</t>
  </si>
  <si>
    <t>b'dt\x8e\x94.i+\x1d\x7faKx\x13\x02\x07B~\xa7\t\xb2`\xf6\xff\x83\x82]\xce[\x95\xce\x9b\xd4'</t>
  </si>
  <si>
    <t>b'\xc8(\x9f8}\xef\x93\x0f7vF\x0c \x00N\x041\xddPCi\x87{\x0b\x80\xca`\xc3&gt;\xcb\xef\xbe'</t>
  </si>
  <si>
    <t>b'\xde~B\xa8+_\xfdpB\xfc\x9e!j\xec\x13E\xd0\x91\x97\xe7\xc6\x91\x91\xe8\xd1\x17\xb9\x84\xcc\xd0:{'</t>
  </si>
  <si>
    <t>b'b\x96\x16:\x04\xe4\xac\x15\x03\xcagFfT\xb8\xfb\x88\t:)\\\x11E\xea\xc7\xc6+jd\x89\x9do'</t>
  </si>
  <si>
    <t>b'5I\xc0\x12\x85\x08\xdf\xd1&lt;s\xc4\xfd\xfds\xc5\xe8\x94GKn\xfd\xde\xa7\xfa@e\xf8Uy\x83\xcfN'</t>
  </si>
  <si>
    <t>b'\x81\xe4QP\xde\x1a\x96\xeal\x8aC.\xf9S\x19\xa6\xefI\x0b\xc90\xb3\x8f_]&gt;@S\xd7\xbb\xacC'</t>
  </si>
  <si>
    <t>b'\x12\xa9\xc7N&gt;\xaf\x91#F\x99\x8ej:\x88h\\\xc28\x1a\xe9\x8f\xfbV\xe3\xbe\xea\xba\n\x166\x1b\x03'</t>
  </si>
  <si>
    <t>b'\xae%\xe5\x16h\x86\xe8rl\x0b\xfe"n-aO\x9f\xbfZ=1-\x1cC\xe0.\xdbF1^\x0f\xf5'</t>
  </si>
  <si>
    <t>b'w\xfb\x12\xc1\x9fuA1\x8a\xa7w|\xe6\x00N\xee\xe2\x16\x1c/\x0e\x08\xe6+\xb1?.\x9bJ3\x9e\xe4'</t>
  </si>
  <si>
    <t>b'\xc60\x7f\x16\xa8\xa5\x87\xcbH\x1e\xff&gt;n\x9b\xff\xf3\x84\xd3tg\xb5\xb4\x1bt\x9e/\x8b\x18\r\xae\x7fB'</t>
  </si>
  <si>
    <t>b'\x18\xeb\xe6W6\x82\xbe^k\x91\x90\xae\xcc\xd2,\x86\xcbu\xd6V:xP=rd\xa5\x7fBw\x92\xa7'</t>
  </si>
  <si>
    <t>b'\xe0\xd241\xda\x9dN\xecKJ\xb59p\\\x84\x1fK\x8dn\x0bn\n\xc3X\xc0\x05 \xaa\xeb\xe82@'</t>
  </si>
  <si>
    <t>b'\xec\x80/\xec\xdb\xfau\x98\xf1H{+\xb7H\xcbO\xfb\xf6\xfas\xf5Xj\xfav\xddV\xe0N\x81\x08\xc2'</t>
  </si>
  <si>
    <t>b':\x91\xd0\xc9m\xdekQ\x9c\xa4\xe4\x93\x07\xbbT\xf1\x0c\xddy\x9d)\x11\xe3\x86\xb4\x83L\xc5|\xf6\xd5\xbe'</t>
  </si>
  <si>
    <t>b'\x95|;:\x14iu\xb9y\x9e\xa6\x9at\xf5\xc6\xdf\x03\xf38\xb2l5j6\x19\xa2iCb\xa9\x92M'</t>
  </si>
  <si>
    <t>b'5\xd2\xe2@\xed\xa3\xc8\x1ct\x97\x92-&amp;Ta\xf1\xab\x91\x87U\xfc\xfc^\xb18\x820\xb2\x08q9\xdd'</t>
  </si>
  <si>
    <t>b'\xaf\xd5&lt;m*(]a&lt;&gt;\xae\x8c\x93\xce\xf8Z\xe4\t\xd0"\x15\xb9\xd0/\x93\x1e0\xca\r\xca\xdf\xe0'</t>
  </si>
  <si>
    <t>b'\xc8/\x1eg\xd6\xe5\xc1\xa0\x93\x1b\x0c\x1d\xc8\x14\xafBa\xcc\xd4\xef\x95\x8f\xad%\xber?@P\xc1\x80\x88'</t>
  </si>
  <si>
    <t>b'\xd8\x12\x03(3L\x15\x04\x1e\x13a%&gt;\xb2\xa5\xcc\x1d\x0fh\x92\x0e\xd07jG\xceo\xac\x04\x0b*@'</t>
  </si>
  <si>
    <t>b'\x08i\xd3\xd3Kt\x82\xed\xc0B\x02E\xab\xb0l\x92\r\x1c\xe8\x816KL9O\xdd6\xbc\xeejf@'</t>
  </si>
  <si>
    <t>b'\xf0\xd3\xd1\xf7\xa2A\x1d.#?u:\xb2\xb8\r\xf6\xac\x98\xf5\xfcs\xaf/\x95\xc5\xe5\xf2\xf1t\x99\xf5B'</t>
  </si>
  <si>
    <t>b'.X\xd3\x94\xf2\x92\x9fr\xe7\x0c\xc9\xe8F\x8c\xa9M\x03\x06\xca\x1a\xa9\xe3\x19\xec\xb7na\xa0\xd2\xe8\xdfv'</t>
  </si>
  <si>
    <t>b"'Y\xde3q\xa7d\xcaN}\xacx\xdc\xc9\xc4\x0fy\x9c\xd7*\xe6\x95!\x1f\x1d\x05\x96\xbf)\xc6\xd2\xe8"</t>
  </si>
  <si>
    <t>b'\xb0\xab:H\x15\xe8u\nG7\xffL\xb2\x03\xde\xd9\tH\x07\x84h=\xa8\x94.\x08\xc2\xec\xc3\x88\x92S'</t>
  </si>
  <si>
    <t>b'\x1bjI\xa5\xf3\xe5B\xcdP\xe6d\x11e\xc5\x18\xe4\xdd{\xbf\x1fH~\xb2\xedv\xce\xf8\xfb\x17l&lt;\xd8'</t>
  </si>
  <si>
    <t>b'\x9d\xe3\xbb\xb7|\xb4d\xa5\xff\x84\xa0\x13=\x1c\x93\\\xe6$\xc4\x1d\xdc\xa7\x0c\xf3J\r\xbcj\xa59\x87\x18'</t>
  </si>
  <si>
    <t>b'OQ\xde\xc3\x1a\xe6&gt;\x9c\xb3\x8bT\x85\x84\x13\xbdhWt\xa7\xdbK:\t*k\xea\x9f\r\x00R}\xcf'</t>
  </si>
  <si>
    <t>b'3p\x07\x19\x07\xd6n\x0e\xff\xbf\x8f\x98\x18\x12\xb7n"\xc6gx4\x1f-\xa7p\x0f\x83\xed\x9f,V\x05'</t>
  </si>
  <si>
    <t>b'\xbe&lt;(\x1e\xe0\x86W\x8e\xa1\xdbb\xc5\xd0\x1e\xf8\x93\xcf\xe9W#!F\xd7\x07\x187!\x1a\xd1\xfcI|'</t>
  </si>
  <si>
    <t>b'\xad\x85\xdc\xd2Y\xdc\x83\x80\xd4\\\x08\xdf\xeb7\x95\x8d\xdal\t\xb8\xe1\xb2z\x1f\\\xfc\xcf\x16L\x92\x18\x11'</t>
  </si>
  <si>
    <t>b'F\xa0r\xd8\x04\xe8h~^\x08\xa0\t\xedm\xf8\x7f_5\x81\xfc\xb9X\xd7\x1f(\xd2\xc5\xa8\x15\x143\xf9'</t>
  </si>
  <si>
    <t>b'\xdb\\\x92/\xf5\x06\x07H\xfb-\xce6}\x18X\xad\xc4\xb3o\x0e\x86\t\xd6\xda\xd2\x86x\xcb@\xfd3\xa2'</t>
  </si>
  <si>
    <t>b"\xc9!\x13\x0ft\xc0N\xbd\x8e\xda:w'|\x95\xdb^\xfa\x7f6\xfd\xbc\xbe\xd3{\x06\xbb\xc3\x93\xd1\x95\x9b"</t>
  </si>
  <si>
    <t>b'\x17\xb2\x04i\x82\x99\xfb\x14i\xdf\xcb\xa1\xa9\xa5\x04\x8b\x8eO^\x1bzA}?\x8c_\xa6\xe0~\x86\xe6o'</t>
  </si>
  <si>
    <t>b'\x90\x11\xeej\xa6\xff\xf5o\xa4\xa4)$\xe7E=\xd7$-;\xe0\xc8\xd6\x8c\xa6\x88@\x12\xc2\xd9\x96\xb6Q'</t>
  </si>
  <si>
    <t>b'U\x14\x85a\xf6f\xbf$J\x05tw\xdam!\x08\xf9~\x82\x08\xd9\xc3d\xe5&amp;\xf0\x88\xd5\x01\xa9fA'</t>
  </si>
  <si>
    <t>b'\x9d@\x95\xd5U\xdbH\xb1\xaaO~LZ\x80\xe9\xc5&amp;I\xd5.\x98\xbf`\xae\x087?\xbc\xdb\xd1\xa4\xb9'</t>
  </si>
  <si>
    <t>b'/\x0f\xd9D\xd0\x13\xb2.\x87\xcf\xaa\x01\xd2\xa0\xfd}\xf6\xe8\xd0\x86\xa2\xec\xc8T~\xdcs+\xe1\x17\xda\xaf'</t>
  </si>
  <si>
    <t>b'\xc1\xe6\x9c\xd2n\x99\xe6\xa2W\xe4\xed\x1b\xbdy\xf6G\x0f\xbe\xcf\x0f\\kI\x88\xd8\x1f\xf3zm;\xc8A'</t>
  </si>
  <si>
    <t>b'\xa9\'%\xa5"4\x03M\xea\xe5\xb0\xa0\xa2\xf8\xdf\x885\xc7\xfd{\xe1\x8e P\xf8\x84\x1b\xc71\xbf\xd5S'</t>
  </si>
  <si>
    <t>b'5\xe1!\x03\xa47\x00\x92h\xb9\xc3\xb2\x08\\\xd4\x03\xee\xbf\x16\x91]\x19-\x17\xdd\xc8\xa8\xcc\xb8\x91\x02\x8d'</t>
  </si>
  <si>
    <t>b'z\xa1fe\xc2z\x12\xfc\xfc\xd4\xa16\x9d\xdbk\xe3m\xb6\xec&lt;Z0\xd2\xb0=\xa7*\xca_`s\x8e'</t>
  </si>
  <si>
    <t>b'q\xf0\xb9\xe8\xb6w\xa7I\x84\x19\xe0\xfd\x02\xfe~\xe1\xd6\xed\xcc\xe3&amp;\xf3\xbb\xaa\xc1-\x8f\xf4:\x15\xf3\x8c'</t>
  </si>
  <si>
    <t>396xx</t>
  </si>
  <si>
    <t>b'\xc7\xf9\xb0\xa4\xa8\xacX0\xbd|\xd9\xb1\xb6\x138@q\xdd\xb6\x7f,\x99\x1b\xf9\xed2M\xc1+\xa1k\xbf'</t>
  </si>
  <si>
    <t>b'\xc4\xc6\xf3\xa9\x9aG 5\x03\r\xcf\xd7\x9a\xc1\n8\xf5xi\xcb\x9cq.\xec\xa2\x93\xbdA\xa3\x80\xa3\xbb'</t>
  </si>
  <si>
    <t>b'\x93Z\xa8\xea"\x8aPL\x12\xaa\xc3\xd5h\xb3\xe4\x1bb)Bm8\xa07A\xd5M\n\xa5I7n\xb4'</t>
  </si>
  <si>
    <t>b'!\xa1\xd4d\x88:Vq,\xc2^\x1d\x0b\xd7\xe8gC\x00n\xee\xff\x80\x1b\x1b\x90\xdd\xf1\x04\x8em\x96\x18'</t>
  </si>
  <si>
    <t>b'\x183\xd7\x15\x89\xacx?\x19\n*\xe9\xb2\xb4\xe7;&gt;\xe6\xe6rs\xaae+0%\x8a\xd0\xe3^\xad\xe1'</t>
  </si>
  <si>
    <t>b'\xad\xf4\x9f\x17\x13\x1e\xacc7+\x1c\x8d\xd7(7\x88\xbb6\x15d\x17\x9f\x80\xf1h\xfd\x0f\t\x9b\x9bA\x14'</t>
  </si>
  <si>
    <t>b'\x84\xa8\x12\x1cyh\xbf\xbd\xb3\xa5^\x10\xcb\xe0\xf5^\x8eJ\xff+\x88\xe7\xdbA9\x92\xc8\x1cn\xf6Q\x98'</t>
  </si>
  <si>
    <t>b"\xa3\xbak\xce\x9bL\xb5F\xf0=\x91'\x8b\xf259\xa8\xa2\xe2\xb0 i\xe6\xf5\xe5\x8c\xbe+\xc7\x8e[$"</t>
  </si>
  <si>
    <t>b'\xf5\xdaMo\x1f\xc0U\xcc\xfa\xfbF\xd2k\x8eF\xf6\x14\xaa\x90LR\xb3\xf8\x94\xda7m\xbarm\x9e\xb6'</t>
  </si>
  <si>
    <t>b'\xef\x95\x1e`\xcc\xcb\x89\x11\x03\x91~l*2\xd2\xb5vA\xddx*\x8eg\xe9\x8a\xc5\x06\x14|\x9c\x94\x10'</t>
  </si>
  <si>
    <t>b'\xba}Zydm!{\x03\xdf\xe3$\x86\x16\xaeV\x8bT\xef\xe7\x86V\xe6\x08M\xab\xc3z\x11\xf6(\xe6'</t>
  </si>
  <si>
    <t>b"\xf0\xd7\x16\x96A\x01\xd0\xd46\x92\x06\xc3\xbc\xb0\xc0'\xac\xe2\xee\x91\xcb\xbc\xd7\xbc\x1aEM\x84\xb7\xb4\xc6\x90"</t>
  </si>
  <si>
    <t>247xx</t>
  </si>
  <si>
    <t>b'\xc0\xd1FGw\xc5\xa8\n\x1f\xc8\x9dC\x1e4\x0fz\x03\xfcl\xb4\xb9\xbe\xe2P\xa1\xa1\x97,\x04\xe9\xab1'</t>
  </si>
  <si>
    <t>b'y\xc71YOyr\xee\xe1\x9b\xfa\x9a\xe6\xb0\x1fk\xad\xcf\xbbWp\x82{v!\xc5ox\xaf\xeb\rL'</t>
  </si>
  <si>
    <t>734xx</t>
  </si>
  <si>
    <t>b'c4\xd6\x83\xe5j\x97\x85\xdd\xd4\xa1\x92\x86\xf5\xc9\xa0L\xc0\xee\xf4\x94\xe4\xb0\xe2\x01\xb2\xedp\xbd\xb9\x96\x0e'</t>
  </si>
  <si>
    <t>b'\xc2\xd5\xb1As\x88\xb5:\xffB;#K\x16s=b\xfb\x96\xd5\x92\x8bF\\\xba\xf4!\x19\xf8\x81W\x06'</t>
  </si>
  <si>
    <t>b'8\xe2\x92\xa9)\x02\x95\xf0#8\xbe\x90q\xac\x15^\xc7\xd5\xba(\xe8\x06N0&gt;\x82O\xdeB\xc5Y\x88'</t>
  </si>
  <si>
    <t>b'\xa1=\xa8k\xef\xa4\x9a\xf9$\x9eVO\x11\xecG\x13\xad\x8a\xec\x0b\x91\x11\x16p\x9a\xec\x12\xd3\xe3W\xcc\xae'</t>
  </si>
  <si>
    <t>b'vS\x99\xd1\x8a\xfc\x00\xf3[\xfa\xda\x85T\xc5\x97\xfd\x08\x8c\xec&lt;\xf5\xa7cg\x8b,\xa7\xaa\xd6\x89\xd4\xe4'</t>
  </si>
  <si>
    <t>b'\xe5Pi,(\x86.J1+\x1dcC_\x8b\xc3\x97\x8e\xf9\xfe\xcc\xa9\xa5wwM\xfc&gt;Bx\xd7\xff'</t>
  </si>
  <si>
    <t>b',\x92\x9d\xff\xa5\x0b\xdc\xef!\xd3?\xb4\xc0\xc8\xe8\xb6)6\xfa\xb4\xc3a\xca\xf8\xa4\x96\x84\xc4\xb0\x03\xee\xf8'</t>
  </si>
  <si>
    <t>b'Ey\x12\xa5,\xb8\x7fO\x036\x0e(\xbaSI\x15\\F\x0f\x86$\xbc=\x92+8\xe7L@1\xd4\xb4'</t>
  </si>
  <si>
    <t>b'\xe2;\x8e\x9cpk\x93z\xb5D\x88\xbfM\xf0k&lt;\n%\xec\xa0\xfb\xd0h\xb1\xbf\xa3\xd2\xba\xa5\x8eB\x9e'</t>
  </si>
  <si>
    <t>b'z\xa8\x7f\xe2\x15N\x81\xbe\xf4\x17J\xd72DB&gt;\x8f\r\xe2\xae\xa6\x9eO!f\x9c%@h\xf8\x11\xb2'</t>
  </si>
  <si>
    <t>b'\x1bHJK\xf8\xf2\xefM\xe4\xdd6na\xfa\xe2\x83`x\x92\x06\xdfs\xfa\xae\xa3v.Ik\xd1\xd0\\'</t>
  </si>
  <si>
    <t>b'\xa7x\xd9&lt;p\x00\xeccg\xc9Z\xe4\x1a\xb1N0\x03#"\xb4P\xa6g\xcf\x15&gt;\xa2Q %^&gt;'</t>
  </si>
  <si>
    <t>b'\xc7m\t\x19\x02}"%\x8d\xe7\r\x02C\xe1J\x0e\x11\x82\t\x87\x15O\xc0G\xcb\xd0s\xd2\x03\x83V\xce'</t>
  </si>
  <si>
    <t>b'\nQ\xd0g\xb9A\x03\xe0\xc59cc@\x80\xd2{\x8c\xe9G@\xcb\xf1!\x0c\xcfD\xc8\xfa\x88\xf6\x0eB'</t>
  </si>
  <si>
    <t>b'\x1e\x03\x82h\x15\x13D\x12\xe1W]\x06\xd1J\x16\x13\xa1\xa5\xdf\xa2f\x01\xf5\xa9\xc9_k\x18A\xbc\xad\x1e'</t>
  </si>
  <si>
    <t>b'\xb7e LlH\xdca\x91\xa0\xfe\xb2\xe4:\x1b\xcd\x14w\xd9\xab\x96\xeb|}bQw\xc7\x86\xde\x81\xcd'</t>
  </si>
  <si>
    <t>b'29&gt;\xd2\xba\x99\xcb\xeb\xc3\xf8\xfd\xca\x1a\xcd\x8c\x1a:\x91\x07\x7f\xb2w\xc2?d\xf5\xe7E\xf9\xc9\x1c\xc7'</t>
  </si>
  <si>
    <t>b'\xdd\x15\'\xef\xa0\x16\xd3\xd4@\xe93\x9e\xaeG\x1f\xe2\x13"d\xbf\x9d\xb7[x\x98\xdfh7k\xae\xf9\x8c'</t>
  </si>
  <si>
    <t>b'\xa6\x86\x9cgB\x1fS\x9dF\xa5\xe4\xb2\xc5`\xbf\xc5\xd2\xbb\xc8\x90\x1a\xe4\xbc\x1e{\\\x97\xd2x\xd0\x8c\\'</t>
  </si>
  <si>
    <t>b'X\xee\x9fQ\x96\xf5\x86\xb0\x06\x99Pb\x07\xf0`b\x02\xe2\x96\x94\x9e\xda0A\x14\xd2)u\x96\xadU\xb0'</t>
  </si>
  <si>
    <t>b'\xcc\x99,\x8a\xefS\xb3\xde\x86A\xb6\xc8\x96%\xf4j\xf8{Z\xb2\x1e\x92y\x8e\x13{{s$i\x1bq'</t>
  </si>
  <si>
    <t>b'{+Q\xca\xf0T`\xb1\xc4\xd6\x07\xfd.f\xb9\xd5\tO\xa5\x9a\xbc6lU\x91\xf5\xda5\xbf\x19\xeb\x1a'</t>
  </si>
  <si>
    <t>b'#\x08\x06C+\xd5`\xb0@\x9e+Wf\xf3\xd8\xe3\xeff\xc0\x11R\xf4W\xbfr\r\x9a\xb1\xba\xde4~'</t>
  </si>
  <si>
    <t>b'\xac\\\x90%|\xf8\xf00mj\x8f3k\xc8\xed\\\xf4\x96\x85\xef\x9c!\xed\x8f\x1ab\x7f\xa8\xb2|\xdb\x93'</t>
  </si>
  <si>
    <t>b'\x8bU\xf4\xb9c\x86\xa6\xf0\xc5\xd1\x95\xcd\x9fP\x8e\x94\x12{v\xfd\xec\xf7\x1d\xa9\x80T\xa2\xd5\xfb&lt;\x9da'</t>
  </si>
  <si>
    <t>b'\xbf\xaf\xaafL6&lt;\xccA\\I\x1dj\x9eC.6\xaf\xa9\xceR,h\xf3\x83\xd8\x81\x03J\x15\xf9q'</t>
  </si>
  <si>
    <t>b'\x8b\x05\xfb\x84\x9c\xfcH!\xeb.-@\xae%\\[7\x9df\xde\x0c\xae\xb5\xf9F\xfb_F\x86S.\xff'</t>
  </si>
  <si>
    <t>b'F\xdaZ\xc3N\xc0\xbc\xea\x10)\xcd\x89:\x97\xbc\x9f\xbdmO\xa9\xba\x86\r\xf46\xe8\x8d\x89\x18\x17s\x8d'</t>
  </si>
  <si>
    <t>b'\x00\xdb\x9f`B\x98\x0b\xe7\xa8\xaf\xb4\x04\x00?\xf7R\r\x8d\x17\xeb\x17&gt;@\t\xc5\xd2D\xab\xfe\xa6o\xa3'</t>
  </si>
  <si>
    <t>b's\xd1\xca^T\xbd\xb0\xf2\xeb?\x1b/=\x1f\x99fnC\x04b\x9cl`S\xea3\x87M\\(\x0bC'</t>
  </si>
  <si>
    <t>b'\xec\xc5}\xae !\xb3\xf2L\x8c\x89\xa0RS&gt;\xd9\x1d\xb4\xc8x:\xa7\xea\x9f\x01B\xa4\xec\xe0\x8f\xfc\xba'</t>
  </si>
  <si>
    <t>b'B\xccI\xb0\xb0\xd0\x1d\xb3o\xcf:\x8fW0\xe8f\xa8\x98\x93\xa2\x12\xf9hG\x8e}\x1d\xde\x11~\xd0\xb0'</t>
  </si>
  <si>
    <t>b'\x0c\x9b\xec\xd4U\x91V\xda#\xb7\xed\x97w\x06;\xde\xa9$\x13X\x0b\xaer\xf6\x1e\x81\x9bkRz\xbcA'</t>
  </si>
  <si>
    <t>b",E\\\xdf\xfde\x10\xeb\x8e\xb7\x14\x93j;\xf8&gt;\xc7\xf4\xe6\x1c'kn\xf2\xbb\xb4\xcc\xf4 \x82.\xa6"</t>
  </si>
  <si>
    <t>b'\xbaM\x05\x1a5\xd6\x1e\x88\xa8\x19\xe5J\xea\xecR\xa2\x86\x02G\xed\x8b\xa8\x03@\x9e\xdas\xb8\xc6\xafHs'</t>
  </si>
  <si>
    <t>b'~ql~\x8d\xeb\xb4\x0bL#.4\xf0\xa0AZ\x9c\xbd~\xd9NJ\xe6\xf84\x89\xb6\xc4I\xd7]\x15'</t>
  </si>
  <si>
    <t>b'9\xaa\xd7!\x98\xde\xf9\xfe\x95\xd4\x1d\xd3\x9a\xf4\xbff\xdez\x8b\xc0\xa8r\x80\x0f\x82H\xe1\x16+21\x05'</t>
  </si>
  <si>
    <t>b'\xb4@\x98\xb5\xb7\xecq\t+g\xbff\xf2@\xbe{\xc2li\xa6\r\x89\x18L\x14t\xe6y\xd4zL\x8f'</t>
  </si>
  <si>
    <t>b'\xde\xaf\xfd\x02A7\x0cW\x91\xb5\xe0\xc4\xc7\xf2;H\x97@\x97&amp;\x9fr$\xca\xdb\x9eo\xbdG\x0e\xb8 '</t>
  </si>
  <si>
    <t>b'\xadGd\xaa\xf6W;!g\xd9\x81\x85\x9eS\xfb\xfa\xc1b.t\x92)j\x8d^\xaa\x93\xe2|G&gt;\xdc'</t>
  </si>
  <si>
    <t>b'\x10!\x8c\x8f:\xe5f\xa4\xc9\x9aO0\x83:\xc2wR\xb1!%\xb1\xf1\xcas\x85\xda\xc8X\x98Y_?'</t>
  </si>
  <si>
    <t>b'\xb15\xc45\xa3wS\xeau-\xc1\x1b\xe4\xbaO\n\xb6\x88d\x11-a\x9cg\x89\xe5pA\xeb\xa7%k'</t>
  </si>
  <si>
    <t>b'(\xbeN&gt;I\xeb\x12\x00C|\x0fw\x87\x17\x03^s\xe1\xdb\xc6\xa5\x9b\x85l\xf7\xb3\x91j[\xca\xc5v'</t>
  </si>
  <si>
    <t>b'\x952\xdf\x0b\x14\x86\x8f\xa0\xbdyq\xce\xf1c\xf6\x1aX\xffq\x94\xb2\xe1\x08\xe8d\x86\xc4\xa1\x02\xa9R\xb2'</t>
  </si>
  <si>
    <t>b'\xda\x15a\x0f\xa2\xe6\x02\xb4\nkoe*=\x85Trj\xd7u\x8ds\x19\x04~\xde\x95]\x05\x94\xbd\xc2'</t>
  </si>
  <si>
    <t>b'E\xcd\x1c\xd5s\x1b\xa7\xf2\xb3d\xfbK\xc5\xb5\xa2&gt;\\\xe1\x9bCrV`zv&gt;.\xcd\xffT\xb5v'</t>
  </si>
  <si>
    <t>b'H~\x07X\xc57\xe7^n=\xeaM\xc0\x98\xf7G\xc4J*\xfb\xfe\xbd:\xa0JS\x1c\xb7L\xc4\x07m'</t>
  </si>
  <si>
    <t>b'\xe1\xaf\x9aE\x8fUC\x10c\xb7\x04!?h2\x14\xb1\xba\xe9&amp;\xe5\xd2\xf0\x9e\xc6\xe7\xbf\x91E(\x9b\xc9'</t>
  </si>
  <si>
    <t>b'Z\x15\n\x03\xd7\xb6\x86By^\xa5A\xe6\xe4\xe3\xea`\xe4\xa5\xf5\xe0[65\x8a=\xbb\xd4\x04\x805\x90'</t>
  </si>
  <si>
    <t>b'\xd1\xdfY@\x8a\xe5\xd8\xa8q\x81\x83\x8cfn\x1e\xb7\xef\x99-6\xcf\xb0\x9ca\xa2-\xd68\xc3\t\xfb\x95'</t>
  </si>
  <si>
    <t>b'\xfcMN\xe8,e\xc0\xbb8\xd6\x05\xb8a\xbf\x0cR\x96\xe9\xa8\x7f\xb6\xd2tW.t\xa4\xf3\xff\xb5/('</t>
  </si>
  <si>
    <t>b'?\xa1\x95\x918P\x86\x8b_b6i\x15\xcbn\xebvkv\xb4\xb9mJ\x9c\xbf\x1cc\xb5\xceb\xec\x90'</t>
  </si>
  <si>
    <t>b'\x82\xbd\xc6\xb8\x06\xd9\xcd\xd0\xce\x1a\x18\xdb\x00\x1c\xde\x9dq\x93n\xf8&gt;\x0b\xf7A\x19\x8e\x13\xf7\xb3\xe7\x92\xc8'</t>
  </si>
  <si>
    <t>b'\x81z\xac[fW\x98&gt;. \x10ye\xc1\x12"a7\xd2\xdd\x8a\xd1\x94\xb3\xe1*\xb3\xc0\x03\xc0p\xa6'</t>
  </si>
  <si>
    <t>b'omt0\x80\x89\xca\x9c3\x13\xcb^\xcb\xa9 \x17U-(f\xeb\xedz\xb7\xc7i\xcbqWx\xa4\x17'</t>
  </si>
  <si>
    <t>b'f8dO:\xa7\x12\xae\xfe\xfc\x96D\xf5wE\xe4b\x0b\xb3\x832\xfd)\x9f9N\x02:S\xe9\x1e\x1b'</t>
  </si>
  <si>
    <t>b'\x16!\xeb-@oa\xeb\x04\xfd\xa7\xd6\x9c\xcc]\xb8\xf5"\x99\xdb3\x03\xb5\x1f\xba\x80l\xa9\xa8\x93tO'</t>
  </si>
  <si>
    <t>b"RM&gt;\xde\xb4\xd6\xc0 \xdf\x12\xdb\r\x7fe\xb30l\xbf':\x02A \xddH\xbf\xde9\xb9,\xf2%"</t>
  </si>
  <si>
    <t>b"h;\xb3\xfe\xe5\xab\xeb\x9b\x0e'b\xc7z\x9a\xe4F\x03\x8e\xbe\xf3J\x80\xfd\x9e|\xfb\xff\x90\x9adG\xd1"</t>
  </si>
  <si>
    <t>b'\x0c\xe4d\xa6Q\xc2(\x80\xd5\x18\x15v-\x15J\xcb\x1d\xb7I\\/g\x1b\xd1\xcf\x9fr;\x86\xa0\xf5\xef'</t>
  </si>
  <si>
    <t>b'v\xd3C\x06zn\xdf\xb4\x930x\x9f\xe5\xfd\x88\xd1\xd5\xf1OO\xfb\x06\xa2\x8d\x96b\xb4\xde5)\xee\xee'</t>
  </si>
  <si>
    <t>b"\xc0m\xcdV\xff\xbd'\xebXP\x1d\xd8\xae1\xe6\xb1\x8a\x9d\x98\x83X\x1f\xec\xf6\xc4N\xc7S\xbb\x8f%\x1d"</t>
  </si>
  <si>
    <t>b'\xc3\xe0\x91@`\x05\x1e\xc1\xd77\x0b\xbb1$\xb0^!\x85\x7f\xb3\xc1\xab\xb9\xb5\xdfB\xff\xae+\xfcJo'</t>
  </si>
  <si>
    <t>b'\xab\xd7\xb8\xf0\xb03\x96\xd6\x99\t\x19m\xe5&amp;:\x0b\x11\x84\xfeH\xd9\x82\xe9-\x8c!\xbb\xe9\x95\x10\xe0g'</t>
  </si>
  <si>
    <t>b'__/\xean\x8b\x1b)G\x87\xd0\xc5\x01\xa0\xe1\xf1\xe3\xa9\xe7\xaa\xec$\xf3\xf8\x1c\n\x95\x8f\xb5&gt;G\x05'</t>
  </si>
  <si>
    <t>b'\x0fVl\x04\xe5\xcc\xb9\xc3S\x873We~\x8d\xfeW\xaf\xa9\x03\xd8\xe7\x99\xdbL\xdc\x87#V\xb6\x05\xfc'</t>
  </si>
  <si>
    <t>b'dFr\x00\xb2\x87D\\\x07P\xcd\x16\xb0\xa1\xfb\x892.\x12\xce\xa5\x99\xf5e;u\x07\xa0\x84\xf2\xf8\x04'</t>
  </si>
  <si>
    <t>b'\x07\x89=\x00(+*\x0c\xbf\xd3\xb9\xd6\x84\x89o\xb4\xf0D\x08\x07D\xc8\xca\x9f\xaas&lt;\x8a\xe5\xa3\xb4\x0c'</t>
  </si>
  <si>
    <t>b'\xb0S\xd4y\xe2\tNi "\xfe\x01\xba\x9a\xc8\x17%\x8c\xb0\xbb\xda`\xf4^a\xd8+\x8dI\x1b\xce\x93'</t>
  </si>
  <si>
    <t>b'9\xbd[\xa2Ss\xc0A\x0c\xdb*\xfe\xb1\x9f\xbf\x94_\x18=h\xd2\xd8n.&lt;\xee\xb3|`\xb9\x9c\\'</t>
  </si>
  <si>
    <t>b'\x1c\xfbW\xc7\xbf\x7f\xab@r8\x19\xcb|y\xf6\xaf\xaeV\xaa\xfb\x07\x0b\xf3\xfe\x05T\\\xbb_vR\x9a'</t>
  </si>
  <si>
    <t>b'J\xe4Qj5d{\x12\x0c\x99Hq\x80!\x7f\x15EU\x0b\xc6ZQ\x8b\xde\xabb\xe8@[\x80\n\x98'</t>
  </si>
  <si>
    <t>b'|!\x04\xea(\xb8\xc7=z\x13d\x17a,\n8\x08\x118\x18\xc1\xf8H\x18^\xe8\x03?A\x83\x04]'</t>
  </si>
  <si>
    <t>b'\xc9\xcf\xf6|\xe8\x83\x0f\x00tR\x8cO\xd9\x08U\xa6\xd8\xde\xd6\xba/_\xc0\xb2(.\x98_\x19\xed\x06\xe0'</t>
  </si>
  <si>
    <t>b'T\x9c}7\xdc\x8a\xc7\x06\xf6\x104lAs\x9b\x9c=\xc3\x829\xd5\xc91\x14\xaet\xba\x98s\xfe6\x84'</t>
  </si>
  <si>
    <t>b'\xe3S!`\xd4=|\xc1\xbd\xfdf\xdd\xe4\xdf\xa2\x85\x16\xe9\xbd\x99\xd9\x95\xab\xc75\x99\x99\xbe\xd8B\x00&amp;'</t>
  </si>
  <si>
    <t>b'$t]C\xd4\xb2\xc9\xdc\xcc6\xae\x93l\x9cn3\x02.\x9d\x92\xc9\xd7\xb6:;hW9|0\xbdM'</t>
  </si>
  <si>
    <t>b'\xa10}\x02#\xb5\x13\xdc\xbf\xdfy\xaa\xb0;uAU\xb0\xe9\xfa\xc0u\x03\xa6\xb0\xaa\xdd\xe2}S\x8f\x8d'</t>
  </si>
  <si>
    <t>b'$\x0eM(\xe6\xf8)\xd5FAq\xaf\xbd\x8d\xadl\x14\x1d\xd4\x94\x8dX\xae""\x87\x87\xc1nj\x86a'</t>
  </si>
  <si>
    <t>b'\xc8\x157\r\xe3a\x03\xaf\xb0\x17\xb9\x9f\xf8\x17&gt;\xf7\x8e\xc8]a\x9b\x14\x97\xa5n\xd8c\x17,\x00\xb2\n'</t>
  </si>
  <si>
    <t>b'\\\xdd\x97\xd3\x1fS\xb1\x90\xd7\xee;\x14\xcc\xb8\x0c\x97\x15Ll\xa2\x0f\ru\x08\xd8:\xc9\x155\x1fs\xb2'</t>
  </si>
  <si>
    <t>b'=\x85\x1f\xb2\x87\nu\xa8*\xf5N\xf6\x9c\x0f\x7f\xd7\xedx\x0c\xad\xd2\xa9\xf4+\xf8i\xc9T6`\x87r'</t>
  </si>
  <si>
    <t>b'\x87\x97\xa9[.\xc4h"\xf8$\xb4\xc7f\xde\x93\xa0k\xccv\xd0\xaee\x8c\x16r\xe4\xd2/\xc7\xd6V\x87'</t>
  </si>
  <si>
    <t>b'\xb5\x8d3\x1f\x8e\x94\xc1\x99\x13\xbfHMO0\xa5\xdb\xcbw\xef\xe9\x03\xce\x1a\xc6\xda\xe6]\x86WU1\xd4'</t>
  </si>
  <si>
    <t>b'\xe8\xe3\xccF\xfb\x86\xb2/\x80\xb9\x9dz\x9e\xab\xc4r&lt;\xfc\xe4\x82LV\xbd\x86\xf8\x15\xf3\xdf\x08d\xa9\xbf'</t>
  </si>
  <si>
    <t>b'iP\xe9\xdf]\xc5\\\xab:\x80m\xbb\x83\xbf\x9dE\xd3?\xbd+b\x890\xa6\x13lW\xb2y\x8d\x8e\x15'</t>
  </si>
  <si>
    <t>b'\xe0r\x00\x19?\x7f\xd8\xf3|}\xc4PC2\xd3\xdfq3(\xdfa\x01\x9e\x8a\xb0n\xfd\xcd9;\x86\xe2'</t>
  </si>
  <si>
    <t>b'\r\xa3\xb1\xad&gt;x\x83\x87v.\x0fP*\xfdhl3Q\x9c\xeb\xc7\x9a\x8cQ\x80\xee\xa8[]\xd9\xef\xeb'</t>
  </si>
  <si>
    <t>b'\xccv~\x00\xe4z\x94\xdf\xb0\xeb\xad\x94\x9b\xbeP\xb5\xab\xe2\xaf\xaa\x0f\xce\xc2M\xda]\xcc\xcf\xcf\xf4\xa2\xde'</t>
  </si>
  <si>
    <t>b'\xc4\xfa\xcc\xd1d\xc3\xf1\x95d\x0e7]\x7f\x99\xc1\x18 \x01\x1f\xdc\xa9\xdc\xfe\xaf\x15^\x07\x12U\tf\x9d'</t>
  </si>
  <si>
    <t>b'\x19\xe6+t{\xea\x87!yAH\xf6Ry\xd4m\x11\xd6\xb8wv\xa4\x1d\xa3a\xd0\xaf\xe7\x05F\xb5\x04'</t>
  </si>
  <si>
    <t>b'\xe6\x13(H\xaa\xf9&amp;E#\xe5\x18\x16\xee\x82\xdb\xd9Oz\xcb\xa2\xf8Vj9!t\x86\xe9\xb6\xa9\xb6\x03'</t>
  </si>
  <si>
    <t>b'q\x9b\r\xe7{\xe0N\xbb\xf6\x8au\xb1x\xea\x8fJ\xafw\x90=\xe8X\x99\xb0\x02\xb9\xe1\xfd\xe5\xb7~\xb8'</t>
  </si>
  <si>
    <t>b'\x0f\xcb\xb0\xb0\xa5\x95~\xae\xe9N\xa6?\x83G\x1f\\\x13\x0f\xbd\x8f\x12\x10]\xc7\xef\xa0oH\x0f\x05\x8c\x9b'</t>
  </si>
  <si>
    <t>b'\xb7a\x07\xd8\x00\xba5\xdc*\x98\x9b\\\xe1D^\x06+\xc9nfm)\xfe\x1c~&lt;h\xe4\xaa\xaa\x9c\xd3'</t>
  </si>
  <si>
    <t>b'n\xa3\x89a(\x95\x92P\xa7\xe4\xba\xc5A,\x85\xf2YX\xed\xc0c\x19\x88\xa6\x02\xf7\x1a!-\x0b\x05\xa3'</t>
  </si>
  <si>
    <t>b'~\xf6&amp;\x11\xf2\xdb)`\nnD\xc7\xa7Zr\x7f\xa8cj\xb2H\x00A\x96\x98\x0b\xeb\x86W\xda\x11\xcf'</t>
  </si>
  <si>
    <t>b'^"\'q\xaaD\xebN\xfb\xf8\xb7j\x84\xcd\xb6ye\x95Y\x06&amp;\xd7lv\xb7\xd21\xfb\xc8s\x91,'</t>
  </si>
  <si>
    <t>b'\x02\\\xf7\xbc\xc3q\xaar\x07Rh\xec\x81\x1dI\xdd\xee\x95\x12\x06`\xdf\x9c\xe3\x12]\x11\xa6S\xfd\xd6\x9b'</t>
  </si>
  <si>
    <t>b'\xbe\xf9\xa8\xd7\xbem(\x85\x17T\x1a!:\xed\x00V,\x0f\x1eE`eG\xc7\xcf}7\xc1\xee\xa8\xca\xa3'</t>
  </si>
  <si>
    <t>b'\xa9\x05#\xf3\xd9\xf7\x8e"\x1f6\xda\xb7\x99*j\xda\x9c\x04\xf6P\x12\x8b\x8a:\xf0m0\xe8\xday\xb8\x9a'</t>
  </si>
  <si>
    <t>b'5\xef\xe5\xed\xb3\x88(\xe1&gt;-S\xe0D\xc5\xb1\xa0/lQ\x0e\xe8\x8a\xf5\x0b\x15!w\x8f\x1c\x0e\xc0k'</t>
  </si>
  <si>
    <t>b'e\xb7\xf6\xb5\xeb\xae\xb64\x89\xab\xb6\x16\xee\\\x1ay\x92QB\xed\xe18\x1b\x08\xa1\xfez\x9e\xab\xdf\xee\xf2'</t>
  </si>
  <si>
    <t>b's\x10\xd6\xdb\x01J\xa4VY\xb1\xf7&lt;\xf9\x1a\xf6\x08\x81\xc5\x02a\xaf/\x08\xf0\x11\xc8\xc1d\xc3i\xec\xb5'</t>
  </si>
  <si>
    <t>b'\xab\x17\x7fD\x9cS=\x0c\xc8.h\x9f\xd5\x9cP\xb6\xe2Z\xb8&gt;]\x03\xa9\xaa\x15\x02\x7f\x02\x13:\xed\x81'</t>
  </si>
  <si>
    <t>b'q\x94\xa8\xea\x08\xf0i(\xd5F\x1c\xcey\xfe\xc4O1?\x14%\x0f;I\x9aD\xfa3n\xbd\x18A@'</t>
  </si>
  <si>
    <t>b'^\xcff\xe2\xfdj\x0fm\xff&gt;q?\x02\x0e\xc7\xbf\xa3q\xde\x98t\xea\xf1\xb7\x0c\xcd\x8e\xc0t\x14p\x82'</t>
  </si>
  <si>
    <t>b'sX*\xc5\x12\x08\x97tR\x1ab^M\x9f5\x16Pe\xdd\x81\xbf\x95\xf2\xab\xaf \xcd\x97\xed\xdf\xf7Z'</t>
  </si>
  <si>
    <t>b'\xe6vL\xa4\xde\xba|\xadgI\xb4m6\xd4]\x0b\xaa(\x01EYh\x7f\r+{\x9aM\xa4\xcc\xab\x92'</t>
  </si>
  <si>
    <t>b'\xd8I\xa7\x08c1\x13!\xfb\xd37\xbe\x17X\x07\x80\x8f\xb7\xb5\xea\x08\x0b\x8b\x90\xc9\xe2*e\x95\x8b\x9d\xc8'</t>
  </si>
  <si>
    <t>b'V$0\xe3\xd6\xe0\xca85v\x84\xd6\x0c\xbfQ\x9a\xb1L\xbc\xd8G\x06g\xc8\xe1\xa4\x9e\xa6\xe63\xa0N'</t>
  </si>
  <si>
    <t>b"\xc8'\xcd\x03\x9f5\x14\x01=^\xb3\xd5\xd3\xfe\x15\nK8\x185\xa1\xc52\x0c\xc4\xc6\xf4\xc7.\xf0\x92\xd9"</t>
  </si>
  <si>
    <t>b'\xff\x14\x04\x9a\x19\x92Y\xf4\xb4%%W\x08\xd4\t\x8e\x19\xb3tJ\xb2\xa7\x0f(\x84M\x92\xfe{\x7f\x90~'</t>
  </si>
  <si>
    <t>b'`63\xfb\x94\x89\x1a[\x18j~\xa5r\x00\xf2\xd1~o\xbc\xaf\x8b\xcbV%\x96YZ\x1f\x9e\x80\x9b\xa1'</t>
  </si>
  <si>
    <t>b'\xf6\xaf\n\x00/\n\xb0&amp;k\xceXX\x95\xa8\x8d\x03~&gt;\xb6_\xc7]\x14\x8d\x87\x83\xfb\x1a\x00\x88\xa3O'</t>
  </si>
  <si>
    <t>b'\xf9zM\xab\xc2?4n\xcd{\xddo\xb3\xf0\x9f-T\xaf\xa5no\x93\xf6\ny2\xf8\x9e2"p\xd1'</t>
  </si>
  <si>
    <t>b'v\xc1\xe2\xe4\xb4W\x9c\xc0\xbc\x91F\to\xf3\xde\x97\xb6\x7f="\xbc\xea\x8b\x88K\xd6\xc6hO\xca\xe78'</t>
  </si>
  <si>
    <t>b'\xf5\xd79\x180L\x98\x94\x05Es\x90\x11\x1a5x\x1c\xfe\x9f\x12\xc3\xf2\xed\xd8\xf4\xf0\xacBk\xeeJO'</t>
  </si>
  <si>
    <t>b'\xd4\xf8\xa1\xdfrd\xf7\xc0A\xccW.\xc0\xc9\x0b\xe9L#\xc9W\x0c"\xf7Q\xf9\t\x16\xc1M\x05c\xa3'</t>
  </si>
  <si>
    <t>b'\x16\xaa\x9d\x7f\xa3\xce\xceZ\xc6=\tY1\x93\x9b"\x1a\xa4^M\x03ra\xff\xf2K5\xf0x-\xc0V'</t>
  </si>
  <si>
    <t>b'r\xbd\xb5:o\xb6\xac\xbb&lt;\xc4\xe4\x86\xf9\x82\xd9[\xb3\x94\x02\xfa\xe6\x18\xe2\x93\xde\xbc\x08Z\x81\x92\x0b\x00'</t>
  </si>
  <si>
    <t>b'\xef\xd7\xb4b,\xed\x97\xc3\xf6\x1aE|A\xe7h\xaa\xe0?\x16g\xbd:Og\xcc\xda\x97\xa9\xbf\x0e\xec\xc3'</t>
  </si>
  <si>
    <t>b'V\x13&amp;q&amp;~//C\x8d\x1an\xbf\x99\x99\xbc\x06l/\xef\x10\xdb\x19\xaf\x05\xa8\x0b\xaa,F\xe1"'</t>
  </si>
  <si>
    <t>b'\t}\xd0U\x98\xd2\xbc\x86/\x8dO\x8a\x94\xdc\xbf\xd2\xf5\xcf3\xebc\x10\x80*"\xed\xa0Tb&lt;};'</t>
  </si>
  <si>
    <t>b'\xa1\xca\\i\x98pc\xd1(g\x98\xbc\xefn$\xed\x92T\xe0l,\xd8\xc4\xeb\xf1\x1f\x13\x9e\x02\x03y\xb7'</t>
  </si>
  <si>
    <t>b'\x05&lt;\x93\x7f\xd5/\xb6\xc6*Hp0\xfe\xf7\xfc\xae\x99\xc5\ni;\xe5\rxZ~\x02\xc8\xa6\x8cx\xd2'</t>
  </si>
  <si>
    <t>b'rb\xcf\xb2\x8cm3^\xeb\xf9#+\x15O\xd3&amp;\xb7#`lW\x8e\xc6i\xcfp\xaf\x0f\xc0\x02\xb9\x9a'</t>
  </si>
  <si>
    <t>b'm\x18G\xf7\xbe\xbc\xbf\x9e\xdbv\xb3a"\x94^\x91J\xa9\xff\xe9\x96\xf2\xc509\x04\xaa\xc7\xdd\x86\xd5\xfa'</t>
  </si>
  <si>
    <t>b'\xc7\x84\xd4\xdd\x92\xd4\x00N\xd8\x15&lt;\xa6\x1boP\x02\xed\xda{\xb8w=\x0c\x0ev[\xf7\xdd\x8ai\x9cZ'</t>
  </si>
  <si>
    <t>b'\x1d\xed,\xdf\xe0\xde\xe2\x05\xbb\xc3C\xf0\x8b&gt;\xc5*2\xb2J\xb8\x81y\x93u7\xe4\x8f\xbd0d\x12\xb0'</t>
  </si>
  <si>
    <t>b'\xf0;\xf0\xecGO9\xbeT\xe7\x08\xf7\xcfa\x92\x12\x86m\x0et\xff\xc5\xe0R\xd6A\xcd\xd9\x82\x86\xb2\xa0'</t>
  </si>
  <si>
    <t>b'\xe0p\xdf\xeb\xe0W0\xcc\x01\xaa\xaeC\xdb\xde\x02\r\xa4\xc5d&gt;q\x9a\x8f\xfe\x1e\x18\xceOJ\xe0\x8a\xc6'</t>
  </si>
  <si>
    <t>b'\xf2\x12\x1d\x11\x01\xce~7!B&lt;"\xb5V`\xba\xee\xec\x97\x13Kp\xd5\xe8H\tC\xafVs&amp;}'</t>
  </si>
  <si>
    <t>b'9A\xf9\x9d_\x88\\#\x12\x8cY\xc5\xc1\xf2\n\x1a\x8bK7\x90\xc0\x8a\xa4\xbar\xb1~Jl\x83M\xb9'</t>
  </si>
  <si>
    <t>b'^"\x16\xe6\xc1m\x1c\xe2}\xbf\xbc\xe5-\xca\t\xaf\x88\t6|\xfe\ne\xdd\x11\x14\x10\x196M~\xb9'</t>
  </si>
  <si>
    <t>b'7V\xc8\x96\xa2r\xa4\xf0\xb5\xf0\xad~\x01\x97\xd4\x19&lt;\xc9(`\x91\xda$_`\xc6\x13y\x04v\xe6\xd0'</t>
  </si>
  <si>
    <t>b'*.\x95\xbaW\xc4\x97\x14#oT\x80\x92\x9dQ\xdf\xce\xea\x94\x0f\xf1\xb5\x85\x16\x90Q\xca\xa3\x19[kl'</t>
  </si>
  <si>
    <t>b'\x05\xda\xc4m\xf5;O\x07\xf2\xba\xd0\x0f\xd6\xe1g\xd7\xdc\x01\xdd&lt;o\x00\xbec\xb4\xeaM1_$\xc4\x97'</t>
  </si>
  <si>
    <t>b'\xaa)\x9e\x98\xe4\x87\x08\x8d\xf1\x11}\xef\xacc2-\xbb\xcbr\x18\xd5\xed#rA\xe8\x93rH\xb7\xbbZ'</t>
  </si>
  <si>
    <t>b'y5\xd3\xec\x93.\xd2\xe2\x9e\x99\xbd\x0f!\xacV\xf5\x93\xae\x9e\xd6\x04\xc1\x9a\x97\xcc\x82\xc9\x05\xb1\x8d\xd24'</t>
  </si>
  <si>
    <t>b'\xd9\xce3O\xb3t\x1f\xb1\xdf\x1f[#u\xf5 f4\xc4\xb5\x03I!\xcbs\xc2uNd;\x84\x8fI'</t>
  </si>
  <si>
    <t>b'7\xc1\x1d^\x07\x89u\\c\xf5\xce\xb5\xdf\xee\xcd\x81\xc0\xaa\x1e\x80\xd6.\xa1\xbd\xb9\xec\xf9\x06\xd9\x8a\xab5'</t>
  </si>
  <si>
    <t>b'\xce\x9c\x14}p\xf6L\xd6\xf1\xe1*\xadI\x03\x08\x05\xb1Y@\x9bM\xda\x05E\xf5\x0b%\xd9\x13~h\x85'</t>
  </si>
  <si>
    <t>b'\xc7\xadF}y\xfcJ\xdc~y5V\xd5\x16m\xee\x95O\xe7""\xddS\x9b\x1b\xe7\xde+\xd3\xe8\xdc\x16'</t>
  </si>
  <si>
    <t>b'\x1b\x04\x0bB\x91\xbe\xbd*\x85\xbd\xd7\xde\x84\xfa|\xeb\xc0p3\n\xa2\x12\xf9\xb6&lt;&amp;\xf2\x04H\x95\x81"'</t>
  </si>
  <si>
    <t>387xx</t>
  </si>
  <si>
    <t>b'\xc7\xa8\xcc\xe0r"\xb1\xb8R\x9f\x93+i1\xc5\xe6v\xb1\x03\x87n\xc1)\xdc\xd4o@\x9f\xe5p]\x84'</t>
  </si>
  <si>
    <t>b'M\xe6"\xb0H\xecO\x0e\xa3\xfaN\x1cWQF\t\xf3\x1b2\x8c\xae\xf1\x04\x18\x98\xd71e4\x85\xbd\xac'</t>
  </si>
  <si>
    <t>b'x\x9ew`\x193\xf4;M\xad}v\x8d&gt;i\xec\xc3\x92\xb6&gt;@W\xf8\xd1@\xc82\xd7F(i\x8b'</t>
  </si>
  <si>
    <t>b'+j!+# a\xa6\x96\xc4\xcdOo\n\xc9%H\x13\xb5I\xe1\\\xfb7\x0c\x18w\xe0\x9a\xec\x19\xa2'</t>
  </si>
  <si>
    <t>b'-\x0c\x96\x8d\xd3\x8azM~\x13U\x97-\x92\x05\x94)\xf2W\x9c\x7f\xee\xd3\xeb\x14\\\xce\xb0\xb6\xb0a\x94'</t>
  </si>
  <si>
    <t>b'E\xbd\x97\x8f\xfb\xdc%m\xb6C\x95\x85\xdfc\x08\xd1=\xb4\xd1\xaf\xe0\xffU]\xf7\x8b\x19(r\x9bi\xc8'</t>
  </si>
  <si>
    <t>b'\xda\xba\x99\xe9\xe1}&amp;\xb5\xf3\x91Y\x06\x04\xe3"\xd8JQ\x91\x06\xc0\xe1\xa5\x9c\x95O\xb6\xd1\xeal\xdd;'</t>
  </si>
  <si>
    <t>b'\xed\xc6b\xd0j*\xf9G\x08\xb3\xc3\xcdr\x9b`\xdb\x91e\xa8L\xfa\xd85\x82\xb4\xc0\xeb\xde\xd3\xe8\x91\xc0'</t>
  </si>
  <si>
    <t>b'\xf8\x0crc)\x98m\xca_p\xb3\xde\xa5]\x9d\x9b\xee/]$\xc6~\xb8{\xa8-\x10\xcc\xfc\xb4a5'</t>
  </si>
  <si>
    <t>b'\x11\x95\xfa\xcd\xc6sI\x04u\xb6V\xe4P\x96\x08\x81\xcb\r\xe8\x19\x00\nv\x16\x86&gt;e\xf9\x18\xa3fc'</t>
  </si>
  <si>
    <t>b'-\xf1\\\xaf4hb.r\x00A\x13\xf3/\x1b\xc9\xf8%\x00|NXy\x99N4\x10\xc4\xb8\x8d\x90\x1f'</t>
  </si>
  <si>
    <t>b'\x9bW|\x810E\xbc\x01u6\xb2\x999\x8e\xd8\xea-:\xf9|Gjg0\xa1\xff\xa7xl1h\x8c'</t>
  </si>
  <si>
    <t>b'\xef\x00\xcc\x01\x90\xcdm\xfa\xe9\xa5\x10&lt;\xb9=\n\x92\xa5\xdd\xc9\xdd\x00\x86)\x88U\xee\xf3zo\x80\xe2['</t>
  </si>
  <si>
    <t>b'\x02\xa6\x81\xcc*\xcf\x1fS\x9bM\x9c\xbf\xc1k\xec\xcd"~O\xec\xbb\x15&amp;\xe9\x0b\xd9\x1a&amp;:\x90\xba\x1e'</t>
  </si>
  <si>
    <t>b'4\xeaH\xaf\x8c\xba!&lt;\xfcnT\x87\x9a9Z\xbd]\x17S\xd5\x807S\xadYM"\xaa\xa3\r\x10d'</t>
  </si>
  <si>
    <t>b'\x1fO\x12t#\x8c%\xed#\x04v\x91\x9d\x1bD\x8b8\x19\x0b\xd6\xd5\x101\x8f\xe7&amp;\xac\x83_\x83cj'</t>
  </si>
  <si>
    <t>b'\xc0\xc6qf\x1b&lt;\xc4`\x16OD\xeav@;\xba\xec\xe5\xa7\x8d\xbb\xa5\x87@}\xeb\x0b$\x19\xa8\xb5k'</t>
  </si>
  <si>
    <t>b'm\xa3VV\xa1"\xf8\xf7;\x92\x02\xda\xf8\xa2\xce,\x99sn\x87m\xf0\x86&lt;&amp;\x1b\x8f\x15\xaf\x84\x1f\xa5'</t>
  </si>
  <si>
    <t>b'O\xb0\xdd\xc2\xb4\xf9\x96\xe3\x89\x05\x0e\xd8\\\x1f\xbe\xd5\xe7\xce\\\xa1\xe4\x1b;:b\xd1\x18\x8f\xe9\xbf\x0e\xb6'</t>
  </si>
  <si>
    <t>b'\x8f!~\xd6\tO\xdc\xce2\xb4\xb6\xa8\x8a-\xcefl\x1e#\xe9\n\x95\xd3\xee\xc0\xe3!\x14N\x89y^'</t>
  </si>
  <si>
    <t>b'"w\xff\xa9\x9f\xc6]$\x06\xb5O\x99\x07s\x1c\x8e\xfe\xec\x80=\xf8;\x99?\xc3\x80\xb6\xd4f;\x16\xf2'</t>
  </si>
  <si>
    <t>b'g\x98&gt;P\x0c\x85&lt;\xf3\x96\xc9\xe8d`\xd7\xd7q\xb7\xde\n\xc0\x9e:Y\x91\xe6\xb2\\\xce\xca\x05t\xff'</t>
  </si>
  <si>
    <t>b'\xce@6\xf4\xfc\x04\xaarh9&amp;"\xb7\xf0\xa6y\x8dZ\xebp\xaa\x93G=\x9a\xfew\x86\xcdE\x9b\x9e'</t>
  </si>
  <si>
    <t>b'\x84e8\x0c\xc0\xf6\xf4K\xc8\x0b\xec&lt;\x13\x87\xb0KC\xcd\xa1*\xddH\xba\xad\x96\x9d\xde\xb5s\xab\xa1V'</t>
  </si>
  <si>
    <t>b'\xe2k\xf6\x16\xe3\x90\x06\xa4b6\xf9\x95\r\xa8\xe1\\e\xa8\xc4\x90\x1e\x9b\x0c\xb8\ty\xdd\xf6#\x90H\xe9'</t>
  </si>
  <si>
    <t>b'aS\x0f\x89\x03nvW\xa7{r\xd1,\x99\x08(\xc0\x1a{\x9a\x08\xa9?\xf7\xe9\x82\xcaPW7e&lt;'</t>
  </si>
  <si>
    <t>b'?\xcf\xfdT\xd1\xb6=F\x93\xe7\x844\x06\x80\xda\x93\xd6\x8c\x14B\x8b\x19\xf2^LD-=8\n\x7f&lt;'</t>
  </si>
  <si>
    <t>b'd\xdb\x05h\xa9\xea\xd3C\xa2FMe\xad4\xe0\xa8\xe6\x01d\xff\xe4\x97g,\xe8\x80\xd2.\x9d\xb0\xf2\x91'</t>
  </si>
  <si>
    <t>b'bh\x9cx\x16\x1cU0\xb7\xf6-\xcf\t\xdc1"Z.\x04e\xfa\x90\x81z\xde\xd1FE;\xc8\xe9\xb9'</t>
  </si>
  <si>
    <t>b'\xb4\x1aN\xf8\xc2\x99\x91`\x94\xaa\xdd}I;\xc9\xd4Pc\x11\xf6\x9ak\xb1\xbd\xd2\x16\xa7m\xaf\x18\xe1\x8d'</t>
  </si>
  <si>
    <t>b'\x86~\x0e\xad?\xc5\x95\xaa\x9d\x1bN\xc1\xb9\xe1\xc8\x0f\xdcm\x05\xb6H\xf7\xd0\xd9\xf8\x08\xe6l\xef\x83Q\xaa'</t>
  </si>
  <si>
    <t>b'\xb8$\xec\x9b\x98\x97\xc7D\x81\x818\x8f\xe5&amp;\xfc\x8e\x8b[4\x1bQb\x1et5)\x04j\x8a\xc2\xaa\x1f'</t>
  </si>
  <si>
    <t>b'\x1e\xbf\xe9\x8a\x03\x935\x08\xec\xaf\x1b\x12_2\xa1J\xaf\x969nv\x94L\xe8\xd7\xbe\x95\x16\xe1\xba\x1b]'</t>
  </si>
  <si>
    <t>b'\x13i\xe4"\xae\xb6\x975-F?\xd5\xf06d/h\xb1f&gt;\xaf//\xfb\x9d\x967bt\x91\xbf+'</t>
  </si>
  <si>
    <t>b'\x0f\xf4XB&lt;\xd2\x11G\xf8gn\xd1\xad\x8dX\x9c\\W\xbc\x83Bt&gt;b\x93\x0c\xfe\x94\x0c\x0e\x8e`'</t>
  </si>
  <si>
    <t>b'z\xb0\x8a\x00\xa6\xbb\xe8g\x82\xa5y\xc4\x9d\xed=\x8c(\xaf\xfb\xb2\xda\x81\xc5[\x8f\x0f\xeb\xc4\x1c\\i\r'</t>
  </si>
  <si>
    <t>b'\xcd\x02\x8f\x9fM\xae\xb8\xfc\x1e\xb1\n\xeb\x98\xec\xabDc\xb9\x00/\xd4\xf4\xcdG\xa1X\x9bZ\x02\xbe\xf1\xba'</t>
  </si>
  <si>
    <t>b'E\xab\xeb9\xbb\xd2\xae\xee[\xf1\xa5\x8b\xf3\x86\xd2!R#\xbb\xfe\x16n\xbc\xe2\xad\x93\x9f \xc5,\xe8\x97'</t>
  </si>
  <si>
    <t>b'\x05\x07\xb4d\x1c\xfd\xd92\n`\x182-&gt;j\xb6\xa6\r\x1db4\x02M\xc98h\xf4$\xd8@\x00\xf9'</t>
  </si>
  <si>
    <t>b'we&amp;\xc7\x9c\x8e\xb8L\r\xb2\x86y\nE\xe7\xcb\x86\xe9R)8\xf1\x9f\xc3\xb3\xfe\x15:\xf0"9\xe1'</t>
  </si>
  <si>
    <t>b'\xf9\xad]\x83\xac)\xcf|\x02\x07zu&amp;\xbf\xa3\xd9\r\xea\xd9\xba\xd4\xc8\xe4_h~\xeaa\x16\x96`\xcf'</t>
  </si>
  <si>
    <t>b'x\xect\xc9\x1b\xf6\x9b\xc7b(\xf7]E\xeaA\xedz/\xd1w\xd9\xf9\xe4\x81i\x9b\x7f\x99I\xf2\x8f\xbd'</t>
  </si>
  <si>
    <t>b"\\&lt;]{\xa7\x8e\xb6\xa9\x9c\x08\x8bx\x1e\xd60\xbf^\xe0\xe9'\xf0\x18`e|\xc2\xb2@0T\xdf\x83"</t>
  </si>
  <si>
    <t>b'~G\xf7h\xc0\x00\x99\xb8\xe0\x15P\x9d\x80\xa9\\i\x97\x80\n\x9d94LB\xd7\xc3\xc6\x96!\x80\x83F'</t>
  </si>
  <si>
    <t>b'A\x85A\xe8h\x84a\x89\x0eZeA\xb9\x91\xf9\xf7\xdf\x7f\xcf\xa8Q\xf4p\x8a2\xee]\x9ao\xc5R\xf1'</t>
  </si>
  <si>
    <t>b'\xc7u\xf6\xbc\x1f\xa6\x8fL\x13\xa3\x00S\x9e\x98(\x0e&lt;\x15@}w\x93Nj\xc0\xb5\x18\x89\xa7\x1d\xdd\x9e'</t>
  </si>
  <si>
    <t>b'\xf3H\xe3\x1c\xa3-\xac8xz]\ni\xbai\x1f\xf4\xa1\xc6M\xa2(\xcd\xfcu\xae\x9c\xd2\xf8\x83\xb4\xb2'</t>
  </si>
  <si>
    <t>b'\x99\xf7\x04\x88\xbe\xa6\x84\xaf\xab4\xb5^X\x8b\x19sH\x04\xb3x&gt;$U\xce\xe3D\xfc\x05\xfe\xe9L\xbf'</t>
  </si>
  <si>
    <t>b'\x158\x8a!\xec\x82\x8c\xbe\xaf \x07\x8a\x10O\xeb\x0e\x10\xc45\xfd\xa1#D!!(\xed\xe6\x13\xa07w'</t>
  </si>
  <si>
    <t>b'\xe8\x97\xd6U\xbe@\xf8\xbew\x1f\x0c\xb6bd\xf8\xff\x89P\x9d\xf7\xe0#\xa5D\x9f\xe6d\x08/\xaf\xff\x16'</t>
  </si>
  <si>
    <t>b'\xff&lt;\x97\x7f\xe3\x18h\xe5\x19\xe7\x95\x17\x84$\x00\\\xa0\xac\x0e\x84\xcd\xfe\xce$\xbdS\x83\x05\xd7[\xed\x0b'</t>
  </si>
  <si>
    <t>b'\xff\xa8\xd7 31"\xff`\xb3O\xc3R\xe9I?w\xe9-\t\xab\x14\xa4\x1b\xbdZ?\xa37\x9c&gt;\xdb'</t>
  </si>
  <si>
    <t>b'\xd6PC\x9c\x80G\x8b\x81)&amp;\x11K\x16\x0b\x7fi^\x85\xd5P\xecj\xba\xc7\xc9\xf0i\x86n\xbb\x92\xd6'</t>
  </si>
  <si>
    <t>b'\xe4\x7fk\x9652\x7f\x90A\xfd\xd6\x03\x12:3\xc9{\xea\xd0\xc1h\xd7G}w\xda\x03\x8a\x91\xa3\xbe\x16'</t>
  </si>
  <si>
    <t>b'0K#\xbe\x1dk\xb9D!\x02M8\xe3\x18Ua\rS\xeeF{\xd7&gt;\x88\x87\x9c7\xe8\x0f\xdf\xd8\x93'</t>
  </si>
  <si>
    <t>b'\xfe\x02C\x16\x02\xda\xf0meP\xcd\\\x88\xf6-81c\x01\xa2\x8f\x9f&amp;\x03P3\xbd\xe6\xdcs\x9c\x98'</t>
  </si>
  <si>
    <t>b'\x95\xf3\xc7\x8d\xf5H\x02!\x8a1\xb9\x82i\xe4\xc5*&gt;\xddD\x01&lt;\x82\xc9&lt;\x0e\xf85D+\xf7ez'</t>
  </si>
  <si>
    <t>b"\x9e\xbe\xeeRWu\x95I\xb1uj\xec?\xde\x90C\x86\xa4\xc6R\xa9\xd5\xdf@\x8d\xcc\x16\xfc\x7f'f\x83"</t>
  </si>
  <si>
    <t>b'{\x99\x89\x92\xa9\xd4\xf8r\xa1&amp;(\x83y\x8e\xedL\xefS\xb0\x19~\xadY\x0c\xee\xee\xcdL\xa9\xae%\x97'</t>
  </si>
  <si>
    <t>b'\xb6\xcb\x8f\xeb\xd6\x98\xa7\x0c\x0c\xc8VT[&gt;\xf7\xbfR&gt; \x08\xcem\x8ePA \xd1E\x8eLA\xbb'</t>
  </si>
  <si>
    <t>b'\xc6\xed\xc1\x83@X\xc5;\xc7^\xa7F\xe5\xfd_\xbc\x99\xad\xb6\xe2_\xb6\xb7\x0cm\xafp\x00\xa7*j\xb1'</t>
  </si>
  <si>
    <t>b':\x05\x90=$\x1a\x87\x91\xb56\xfc@OD\xa5Pk\xa7\xb9\x84~2|\x17\x1c\x9f\x92a\xcbM\x9a\xcc'</t>
  </si>
  <si>
    <t>b'\xad,\xa7\xf7\n\xd1}\xd8\xbe\xba\xb42\xeaA\xec\x0b\xd8\x17\xb4U\xb3\xcfy#\xc3\xb3\xfc\xf6cu\n\x89'</t>
  </si>
  <si>
    <t>b'%mY\x06`%\x18\xb0m\xbf\xed\xa5\x955\xb5\xaf\xb5\xf8-\x10;\xec\x1e\xa5\xda(\x18~\x9f\xee\xfc\x16'</t>
  </si>
  <si>
    <t>b"\xb3a~\x81\x8c\x1bJ\xc1\xbc\xe1\x01=r\xcc-\xda\x18~?B\x85\t3\x8b\x07'A \x97\xfb\x81c"</t>
  </si>
  <si>
    <t>b'\x84\x12h\xaa\x86tC\r\xfa\xd4\xd3\xd6\xa2a47\x16\xd0\xc7\xa9Q\xe3\xf4\xa27.O\x8df\xc5\xc3\x8f'</t>
  </si>
  <si>
    <t>b'L+\xcb\xbc\x89\xde,\xae\xbeJ`\\\xd8F=\xef=\xbe\xd1\x1b\r\xb1\x99\x1f\xe74\x9c\x0cS\x04\xba\xce'</t>
  </si>
  <si>
    <t>b'Aj7\xca\xf7\xd6k\x8d\xd6\x81\xa1\x1c\x16\x13BWT\r\xf3e\x8e#\xfa\x98R\x87\xacH2^~z'</t>
  </si>
  <si>
    <t>b'\xd6/\xda\n\x97\x89l\xf48a\xb3_\x9b\x11\x99\x7f^S\x0c\xf8\xe6:P\xeb\xeaTpr@\x05\x01\xc3'</t>
  </si>
  <si>
    <t>b'\x91\xf5\xd3\xd16\xf2\x06I\xa7K\xd3k9\xc9\x04O\x98\xf6o\x0b\x07T\xb1\x9dlC|t\x07a\x1f\x9f'</t>
  </si>
  <si>
    <t>b'\x8d:-&lt;y\x87p0e\x14\xed\xe8\xca\xad\x1b\xa0\x82\x03\xd2=\xcf-\xc0[\xd22\xf2-\x80\xed|\xd2'</t>
  </si>
  <si>
    <t>b'\xaf\x18\xdaY\xfc\x19A\xaaD\x9c\xbe*\x80\x0cN\x08y\xf0d\xedm\xa7\x82\xb1/ckC$(`\x13'</t>
  </si>
  <si>
    <t>b"Y6X#\xb5\x1c\x0090\xd6]\xa4'\xbc\xaa\xfb\xe2\xe12\x083\x8b\xa5\xe5[\xcb;\xbbw~\x80\xeb"</t>
  </si>
  <si>
    <t>b'\xa8\xf0\x03\xe6\xec)\x81\xd8\xdc~G(\xe4=\xa8\x1d\xc9\xcb\xeb\xbc\xf8\x98H\x84\xb7\xc9\x17?_HV\x17'</t>
  </si>
  <si>
    <t>b'4\xc9vr\x0eM\xc1\x16\xad\xbbj\xbf\x02\x06#8\xde\xbdg^fd\xdak\\\xb6(a\x0b\xf7\x7f\xe9'</t>
  </si>
  <si>
    <t>b'\x82\xaf\xd6\xa6\xb0w\x08"-\xc1\xa4\xf4\x89:I\xc2\x0c0n\x1fNm\x9c\xc1a9\x92\\*C\xe7\x19'</t>
  </si>
  <si>
    <t>b'7\x8b\xd09\x92\x9b\x97\xc9\xfa\x87\xde\xf0 Rt=9\x18\x0e\x9f\xa5\xf5\xd0dD)&gt;X\x0fw\xebV'</t>
  </si>
  <si>
    <t>b'\xb7\xf7\r\xe9\x01\xc1+\xd4\xdc\x94\x90\xe8P\xd5v\xa1qZ\xd8\x8eIn\xfd\x9d\xcfvk$\x00wfP'</t>
  </si>
  <si>
    <t>b'\xec\xce\xee\xd5}u\xd7U{*\x9e\xf0\xfd\xdf&gt;\x1c|\x85Q\x1e\xe0\xa2\x0b\x82\xfb\x0c\xc3\x10\x90\x84a\x14'</t>
  </si>
  <si>
    <t>b'\xd9\xd4I\x94$\xdc\xae\xb9\x84\x81\x06(HQXS\xb8.\xc8\xd8\r\xb0\x0bN\x9a\xaa\xfc]\x9a\x12\xf4\x04'</t>
  </si>
  <si>
    <t>b'z\x960\xdd\x9aL\x9f\xff\xc8d\xddu\xb3\x00\x960\xe5\xf5\x9a\nA.&gt;\xe2\x8b\x8b[vm\x9c\xeb\xd4'</t>
  </si>
  <si>
    <t>b'\x1a\x9anv-\xfb\x80?\x9c\xd7\n\x05\x01B@\xf9\xc6\xe0\xbd\x0c`-H5\x1ceqF\x1c \xf0\x13'</t>
  </si>
  <si>
    <t>b'O\x06U\xa5\x17|U*D\x86\xf7\xd3\x88\x88\xb6p\x14\xb9V\xd4\xac!\x91FV\x14\xa2\x10\x1e\x16\x9eI'</t>
  </si>
  <si>
    <t>b'\x91\xda\x1f\xc5\x8a\xc9x0f\x8f\xc8\x14q\xe1\x04\xf5e\x9b+\xcaq\xc3ods\xd3}^y\xbe[&amp;'</t>
  </si>
  <si>
    <t>b'\xcb\x0f\xce\t\xda\xb2"\x83\xa2;\x03\xa3\xa2\x83\xd8T\x06)\xb7\xa9_\x87|\x8e\xe2\xe3g"\xbc\x05\x91\x9d'</t>
  </si>
  <si>
    <t>b'\xdf"\x11\xa0l\xcfr\xcfN\xc7\xc8\xecr\xcc\x90v\xc3\x1b\x8a]\x80\x90\tv2\xea\xf9\\\xbc\x92\x8a~'</t>
  </si>
  <si>
    <t>b'\xffS\xd1|\x92\x96\x8f{wR\xa3pv\xef\xad\xf1\x7f\xcfs&lt;\xcdo\xb0\xec\xb0}nif\xa0\n\x0f'</t>
  </si>
  <si>
    <t>b'\xd6\xcc\xabK\xf50\x11&lt;\xd4\xde+\xbc\x12\x89bb=\xb5\xfd\xc9N\xd2\xeat\x8b\xc8\xab\xfb\xbc\x8d\xa2b'</t>
  </si>
  <si>
    <t>b'\x8dk+a\xfa\xb0xa\x00\x07e\xb7bN\x87\xe1\x898\x908\x1d\xaf\x04\xcbf\xb5\xca\xf0\n\\\xd1\xac'</t>
  </si>
  <si>
    <t>b'[B\xd2\x7f\x1f\xa3\xed\xe8\xc7\x0e\xf7Sf\xf9\xeb\x9aW\x9e\xc1\xd0u\x0e\x90X\xa1\xd7\xf0LFP\x83\xe6'</t>
  </si>
  <si>
    <t>b'\xa7\x13\x14\xfa{\xae9\xa6\xec\xc6\xab\xe4]\xfe\\\x10\x14\x983K\xc8kt\xd6!\x8d\xaf\xfeN1\x8c\t'</t>
  </si>
  <si>
    <t>b'\x07\xd8w-\xad\x92\x8ck\xcb|OW\xaf\xc6\xc5\x99\xef\x08z\x00f\x08I\\Znj5\xa3\xe5l\xb9'</t>
  </si>
  <si>
    <t>b'\x7f|\xe6\x9c\xc3Y\x07N!1\xa2\xd2\xab\rz\xf3\xfdQW\xd3\xac\x1d\xcb!\x1b\x95=\x01\x08\xde\xa9\x99'</t>
  </si>
  <si>
    <t>b'%\xb7\xd0gPy\x0f0\xf3\x1cD\xe7L\x194z&amp;\xbaiy\xc9Pl\x16\xda\xc4,\xf2\x9d-\x1c1'</t>
  </si>
  <si>
    <t>b'H#\xec\xd0o\xed{\x99\x1a\xae \xc3\xa9hS\xc1\xdf\xcc\xb2\xc0\xd8L\x96x\x01\xf9\xd5\xb1\xd4\xc3N\xa8'</t>
  </si>
  <si>
    <t>b'\\\xd03\xf5\xc6j\x01\x0f\x82V\xcb\x89\xeaO\x8c\xbd\x1d\xb3}\xc9&amp;\x02"x\xbc\xa3\x17v\xfa\xae5\r'</t>
  </si>
  <si>
    <t>b'\xf1Cs\x85\xdd\ne\x8b\xaaE\xc1f\x1b\x8f\xce\x8e\xfd\t\x1f\x87\r\xa3_l\xabMY\x80\x92\x04#/'</t>
  </si>
  <si>
    <t>b'\xd11\xe5\xbf:\x06\xc3\x00\xfcT9\xce\xf9\x93\xc3\x15o\xfc\x04\xaf[\xb9*S\xa4\xdfW\xe6\xdb\xcc\xe9\xa9'</t>
  </si>
  <si>
    <t>b'\xa7\x08\xcf@R\x06V\xb4\xc5Gl\x07\x13\x8e\x81\xbe\xd4\xe0\x0c\xb2\x1b\xd0NH\x89\x07\xa4]\xe8\x83Cm'</t>
  </si>
  <si>
    <t>b"\xcc\xaf\x11\xbb&amp;R\x9b\xfc\xe6\x05qP\xacT3y\x1e\xd1\xd7Ar\xc7\x1e\xfb'\x00\xa5\xe3\xbb\xcb\xfb\x07"</t>
  </si>
  <si>
    <t>b'[*\xbe\xad\xcfX\x99\xcf\x92\x07\x1csO\xd2\xac\xe3\xed.\xff\xf5e\x94U\xbb\x12\x97.\\\xea\x91\xe2\xf9'</t>
  </si>
  <si>
    <t>b'7\x05%\x88j\\Y\x97\xa2\x14\xd4\xe5\x8f\x90\x92s\xea\x14\xd6\xd5YC\x18\x93\x8b\x10\x99\t\x0f\xbf\xde\x8a'</t>
  </si>
  <si>
    <t>b':-N\xec\x83(\x7f\xdb\x88\x9a\x85o\xa6\xa6Q+U\xa4W73\xb6Gg\ri&lt;\xa1\t1\n\xe9'</t>
  </si>
  <si>
    <t>b'\xc4V\xd8\xc9\xe4\x08\xea-1*\x04\x07V\x03\x97\xf4\x96\x08\xd1\xf67\x97\xfa\xf6/\xe3\x84\xeaT\xe5\xce1'</t>
  </si>
  <si>
    <t>b'\xc9\xba\xd6\x9fL1\x10o\xe6(\xc2\xa0\x82\xffG\xd1\x84\xb1jq4\x8bm\xcc\xba%.\xdf\xc7"x\x85'</t>
  </si>
  <si>
    <t>b'\xa1Y\xbfix\xfb\x15\xa5\xd0\xc0r\xcf\xb8\xdd\x02.u\xd5Q\x97\xf5\x8b\xc0\x89$Z\xe2\x83\xa6c+u'</t>
  </si>
  <si>
    <t>b'\x19\xba\x8f\xc6\xeb\xa2\x8a\xef|\xf6\x99.\xca\xc5\x02\x90M[\xf8tW\xd8;w\xd5\xdf$\x05g\n\xce,'</t>
  </si>
  <si>
    <t>b'\x9d\xa8\xc3;2\xa7\x17_\xa4\x9c\x81E\x13\xe4\x8d\x16\xbc\t\x12\x9fE\xefK\xfd6\x9c\xeaI\xa7W%\xca'</t>
  </si>
  <si>
    <t>b"x\xedA\xbe\xbc\t\x1f4\x86j\xbe\xb7\t\x9a\x88 '\xd5\x9d\xfa\xd9\xf7\xa1\xbc\x9dM\xa9hY\x1fa3"</t>
  </si>
  <si>
    <t>b'\xc0\x93\x07$v5-\xb0\xeb\x05_-EJ\x9e\x95\x97{\xee\x82\xba\\ \x85u\x13\xda\x1aL\xabdz'</t>
  </si>
  <si>
    <t>b'\xfa~\xee\x8f\x88\x00\xc9\x00\x04\xad^\xa8\x12\x91\xfc?&lt;\xb0Q\xb2J\x84\x90\xe4!o4\xfc\xe0\x83EH'</t>
  </si>
  <si>
    <t>b'/@g\xf2\xb2\x1f\x99\xaa\xf0\xec\xdc#\x1a\xc3pXc\xcd\xbc\xa51\x9bl\x82\x93\xeb\xd8\x80\x91[Wa'</t>
  </si>
  <si>
    <t>b'\x0b\xbaB\xf8J&lt;\xb1\xd7j?\xd5Q\x03x_\x85\xf5\xea\xc6-\x95\xc5;\xc4\x92^\x85Dcv\xcb&amp;'</t>
  </si>
  <si>
    <t>b'\x0c*O\re3\x8f\x05\x91\x80\xb4\xad\t\x85\xdf\x8f&gt;\x1f\x18A\rt\xc3\xd4:\xd7\x9b-\xdaC\xf1~'</t>
  </si>
  <si>
    <t>b'\x14o\xf5\x86\x19Oa\xd2\x02\xd0\xfb\xfa(\xd7b\x82\xbcvWf\x06\x9e\xac)^\x0cz8\xc2\xbc\xd4z'</t>
  </si>
  <si>
    <t>b"\x140\xa5\xe7\x84\x86\xda@\xde\x9d\x98u\xc3'\xda\xae\x13\xedE{\xa1\xe5\x1a\x089n\xf0z\xffPi\x95"</t>
  </si>
  <si>
    <t>b'\xbe\xf4Y-`sU\x8e\xe1\xa5\xd9Q3|\x10\x0b\xde\xe7\x9b\xa2\x81\xb5\xadA\xca\xb3\xbcZ\xfch\xc4\xca'</t>
  </si>
  <si>
    <t>b'\x9b\x86\x06\xdbT\xd4\xb4\xdfi\x05}I,\x15P\xf7H\x17\x9f\x1b\xf1\x97\xe0\xde\xc8T\xfd\xf0\xd9\xd1i\x9e'</t>
  </si>
  <si>
    <t>b'\x15r\xb1\xaf\xfc\x88bc\xc1\xa8\x14z\xcd\xban\x0bK\x10\xb5\xb5\x1f:}[\xa5\xee@\x05Sf\xe6\x0b'</t>
  </si>
  <si>
    <t>b'!\xef}\xcaL\xe36-\xean\xdf\x12\x90\x15\xa1\x7f0\xc5O&amp;\xc8E\xa5E\xdb\n\xda\xe7Nbqu'</t>
  </si>
  <si>
    <t>b'a\xbd\xe2Cc\xeb\xd6+\x86\x85\xd2R\x1d\xb1%w\x0bjX^\xd7 \xa7\t\x8bB*\xc5\x1b\x88\xfb\x8b'</t>
  </si>
  <si>
    <t>b'\xc8\xdf\xfc\x80\xaf\xed%\x02\x15\xf8^i{)l4\xd4\xb2\xd44$\xf2\xe3\x93\xe5`x\xfd9\xf7\xaa$'</t>
  </si>
  <si>
    <t>b':\x14DH\xe9\x04^\xaa\t\x8b{\x07\x86X\xce5\xb8\xaaJ]\xc9\xdd\xaf\x96J\xaf\xfe(\xd6&lt;\xee\xb6'</t>
  </si>
  <si>
    <t>b'\xf7Y&lt;\xffV\x12\xe7\xc8;\x19\x1d\xd1w\n\xcd\x99\x1d\xa7\xde\xa0\xa88\x0c\x95O\x14yW\xbc$\xc4`'</t>
  </si>
  <si>
    <t>b'|j\xb5+\x8a\x1fr5\xd72\xef*\xa93\xfd\xf4F\x11=\x7f\xc5\xec:viq\xd0\xef\xb5\x82\xf2\xea'</t>
  </si>
  <si>
    <t>b'\xedr\xc6i\xddmg\xaf\xe2@\xf8\x19?\x08\xe7;v\x16\xc6%3dZ\xed&gt;\xc7\x1c\x05$Q\xb6\xfd'</t>
  </si>
  <si>
    <t>b"G_\x81\r(\x9d\naD##N\x12\x13Q\xaa\x90cP.\x08F\t\x9eP\xc3'*\xfa\xde$0"</t>
  </si>
  <si>
    <t>b'/\x1d\xbb\x12\x96\xc0\xaeD\xae\xacy\xd7(\xfc\x98*\x08w\xb9U4\x1d\x9c\x1a:;\xf8 G\x9a\xcb\x1e'</t>
  </si>
  <si>
    <t>b'\xd2\xf7\xee\xa6\x1c\x99\xc0\xf8\xb7\x15\x16\xd3\x9e\xcc\xa2A\xb3\xdcu\r\xe5\xefg\xcas\n\x90{)@~\xba'</t>
  </si>
  <si>
    <t>b'I\x7f\x86\xbeh6\x9a3\xedn\xb0\x1a\x898\xc9;\xd0\x08\xd4\x12\xa3\xf1^\xbb\x1b\x02z\x07\x0c\xa2U\x13'</t>
  </si>
  <si>
    <t>b'R\x00\xec$\xed[}\x90\xa9{\xc8\xe5d\x1b}\x0b\xb2\xc2u\x8fh\x81\x00S\x97$\x97\x11\x1a\xb5z\xd9'</t>
  </si>
  <si>
    <t>b"dz\x95\x87\xbc\x19n'x_\x0f\x03Y\xf3\xaa\xa1`\\\xbf\xb6\x93)^\r\xa4G|\xda\x00\xbc\xc2\xf2"</t>
  </si>
  <si>
    <t>b'&amp;\xa3Y\xff\x0e\x8bQh\x14\xa5\x88t\x80\x89\xa1!]\t\xeb\x99+\x8e\xa4&amp;\xdc\xb1\xd2\xf0\x94\x0c\xd9\xc7'</t>
  </si>
  <si>
    <t>b"\x1c\x8b\xe2&gt;s/&gt;\x08\xf3\xce\x90o\n\x9f\x9d\x00\x8a\xebL\x99'\xde\xde\x97{\xa7&gt;U\x1b\xd3\xfe#"</t>
  </si>
  <si>
    <t>b't\x0c\x8d\xd5I#4v\x16\x92\xdd\\q`\x04q\xe6@\xfc\xaeK\x16\xf1\xa9J\xe6\xad\xa8\xa2i\xbfq'</t>
  </si>
  <si>
    <t>b'[)+&lt;R\x81]\x03\xf4D\xbf_\r\xdd\x861\x05\xccyG{\xa1]6\x92nV\x8e\xaa\x08,q'</t>
  </si>
  <si>
    <t>b'uvg\xf2b\xf16;\xe1wig\n\xbd\xff\xf5\xff\x95&gt;\xe8\x17\xfe\xe3\xff\xa1\x8cty\xbcH\x12\x11'</t>
  </si>
  <si>
    <t>b'\xbdA3(~nO\x83\xf4A\xb6m\xfa\xabMYl\x0c\xf3$\xb0\xeav\xbbv\xa2^\x0bE#\xfc\x1e'</t>
  </si>
  <si>
    <t>b'\x8e\xc9\xe9\x93\xb8\xda\xc3&lt;\x05C,/\x8e\xcbq\xf0\xdaSG\x86c/?\x92=\xcaEW\xefu\xee\xdf'</t>
  </si>
  <si>
    <t>b'\xf6\xce\x81\x11&gt;\xd5\xaf\x82c\x04\x15\x8d\xdb\x13\xa1}\xd5\xcdpf\xfb1\xf6Q\x82\x96\x07\xf6\x89\xdb\xffT'</t>
  </si>
  <si>
    <t>b'z\xc3\x96\xbd\x0f\xac\xb3e\x9d\xe8S&lt;\xd5\xe4b\x1b+\x99?\x93\x040`\xe2\xf8\xbb\xed d\xce?%'</t>
  </si>
  <si>
    <t>b'\xee*\xd8\xe2\xd7\xbb\xfbq2\x86VR\x86-.\xd57\xc66\x81\x92H\r\xb4\xf0\xf5i\xba\x99\x00\xcf\xc8'</t>
  </si>
  <si>
    <t>b'lmj\x0f"\xe6\xe5&lt;\x8c\xfc\xd1J@4\xf7\x9d1J\x02\xdd\xedB\xedI\xb4\x11\xe0\xba5\xc6:v'</t>
  </si>
  <si>
    <t>b'8\x83BP\xe8K\xadvK\x8d\xf5&lt;J\x8c,U\x99\x0b\x08\xcdExw\x04\xb27"\xef\x18\xb2\x82H'</t>
  </si>
  <si>
    <t>b'\x8d\xac\x0b\x95\x9fQrK\xcb\xb3s\\05!\xe3\xd2\xb3\x1c$!\xa2iWQ\xf3\x01\xbf\xb9wp5'</t>
  </si>
  <si>
    <t>b'\x8c\x8b\x13p?\xc5\xa7y\xb6\x83\xab\xbe\x9d\xad(\xe10k\xdf\x1c\x8fd\x19)=\xee\x80\xf4\xd1\xd0\xd2\xfd'</t>
  </si>
  <si>
    <t>b'\x02\xdb\x99=\x044\xf6{f\xbb?\x81\xf1\xbe\x9eTI\x14e\x9ejj\xc2\x99\xa6Aq\xc2\xf5\xd4\x84\x0b'</t>
  </si>
  <si>
    <t>b'D\x05$\xd5[\xd0\x0c\xdf\x12\xea\xd3WR_9\x8a\xcd\x9b\x87\xd5.\xcc?\xe7\x93&lt;eq\x9d\x1b\xaa\xff'</t>
  </si>
  <si>
    <t>b'\x80\xc8\x1c\xe2\xad1\xdbs/#\x15T\xb1\xcf[\xaa\xdd\x01|\xa9\xda\x8a&amp;ZJ1Fh\xc8\xe6\x9a\x89'</t>
  </si>
  <si>
    <t>b'\x98|R\xf8\xd5\x12\xcc\xd6\xb0`\x9e\xc6\x0c\xf5\xa1\xc1\xd2\x8b\x8a\x87E\xa4\xe3u_\xc8\xc9y\x89\x0bH\x1a'</t>
  </si>
  <si>
    <t>b'\x91\x1f\xf13\xa7\x0b\xb4\xb3\x00\te\x18\xb7\xc5\x8bL\xc9F\xd0\xce\td\x9c\x11\x1dDeMy\xad\x1e\xdb'</t>
  </si>
  <si>
    <t>b'\xf3v\xb4n?T^\xb2Fk%\x8b\x95\x87\xa3\x9c\xfe/\xc9#\xb9\xe1\x8e\xf5Z|\x9d\xa3rS\x98\x7f'</t>
  </si>
  <si>
    <t>b'\xa7y\xd9Q\t\x19/\xb4\xd1r\xe8\xe0vd\xc1\x8a3\xa9\xe0\xa6I\x9b\xc9\xdc\x879v\x14\xf4\xfc\xd6\xd6'</t>
  </si>
  <si>
    <t>b'\x9d3\xdfT\x84m&amp;\xff\x0e_uS\x1b\x07\xfe\xbfie!\x18u\xe7\xe1\xa4\x85\xc5PJ\xa4s\xea0'</t>
  </si>
  <si>
    <t>b'\xa4\xb1\x11[\x7fI\xaf\xd4\xc2I\x94\r\x99\xae\x83&amp;\x05\x88\xdd\x8f\xa3]$\t\x84\xd0\xc1r\x16\xed#\x18'</t>
  </si>
  <si>
    <t>b'\x04\xcd\x1b\x1d~i93a\rf\xd5\x11\xbc;\xdb5K\xe3&lt;\xaaz\x813\x95g/\x10f\xdf\xaf\xc4'</t>
  </si>
  <si>
    <t>b'u\xe2]\x99W\xf6\x16\xfff#\x9f\xed\x08\xf5\x92h\xa5$`\xcb\xf0\xe2\xadK\x89\xed\x8c\xf5\xc0\xf1q]'</t>
  </si>
  <si>
    <t>b"\xfc\xf1n\xe98\xef4\xbd'y\xfc\xe8\xcd\xb8\xdb\x14{\xabAH0\xc8\x89}b\x1a\x18\x8c\x1f\x93\x80\xe0"</t>
  </si>
  <si>
    <t>b'\x1b\xa6\xffe\xder\x16^*F\x1dn0H\xf1\x06\xfbi\xd7b\x0b=\r_\xfe8\x81\xb6\x99\x9b\xa1\x87'</t>
  </si>
  <si>
    <t>b'\xbf\xa0\x1c\x1ds\xea\x99\xe8\xb2\x1a\xae\xba\xb4\x87\x9a\x1bzw\x81\x8eK\xaf\xe5J\xbctcc\xae.\xc1\xc6'</t>
  </si>
  <si>
    <t>b'*\xf8,\xeb\xb9r\x17\xe2\x01fK\xfa\x15\x88t\x00\x88Z\n\x80\x1b\xef\xccv\xde\xa9\xca\x9f\x9f/\xf1\xd9'</t>
  </si>
  <si>
    <t>b'1ii\xd0c\xeaB*\xe5\xb0\xf9H)\xd3J\x9bX"\xd4\x07Y\x18\x8f\xf1\x01\x9bgA\r\x1a]q'</t>
  </si>
  <si>
    <t>b'\x97/lHU\x10\xe38+C++\x80\x12\xe3\x92\xe4\x86\t\xb0\r\x05\xc3\xe9\x18\xbc\xd4\xcdO\x08s\xf5'</t>
  </si>
  <si>
    <t>b'h\x08\xc3Q\r\x9e;\xc9\xf5\x9a\x17\x8d\x19\xbe\x07)\x10y\xd5\xeb\x061\xf7\x0e8$h9P\xe5\x80s'</t>
  </si>
  <si>
    <t>b'Q\xbc1\xfa\x8f\xf3\xdfH\x92\x9bj\xd3@l9\xe3K\xdf+0\xb0?\x13\xbc\x8b\x13\xe7&lt;q\x1d\x7f\x85'</t>
  </si>
  <si>
    <t>b'\xf7i\xad\r\xf0lz\xcc]]\xa0E\x11\xc8}&amp;\xc0\xfaj}8\xb6\x03n\xbe\xf0/Rc\xdar\x19'</t>
  </si>
  <si>
    <t>b')n\xa6B\x1e\x1f\x1f\xa5$\xd4\xd7^\xcc\x02#&amp;\x8d\xfc\xb2\xaa/r\xe7\xf5\xa251+\xf0\xf4\x8d\xb1'</t>
  </si>
  <si>
    <t>b'E\x18\xd8\x92J\xa9En\x9c\xc5\xe6\xc4\x17\xbe\rY\x96O\xd5\xcct\x11\x80\x97\xa6]\t\x08\xdfM\x87\x12'</t>
  </si>
  <si>
    <t>b'#x\xc9\x9d \x1e\xc4\x838\x10\x85\x18@\x82ENP\xd1Z*\x96\xf0\x13L\xd4\xd2`\x1dK\xfb\x9e\xdb'</t>
  </si>
  <si>
    <t>b'e\xff\xd3\xcf\xc1\x91\xb1\x00\xab:\x81\xcf\xa9\x86\\\xa5\xad\xf0\x1d^b\xb6\xa1\xde\xdeA\xcb\x90V\x9b\x92f'</t>
  </si>
  <si>
    <t>b'\x8e\xea\x8aC\x81F\xaf\xf1\xf7\x96~-\xc3i;|^\x85W\x82\x8f\x04!\xdf\xd84]\xb7\x8e\x1c\xdb\x93'</t>
  </si>
  <si>
    <t>b'\xff\xcc\xc7\x84b\xf4\xd8\xe1\x0e\\Z\xe5\xf4\xfb\xc75\x0c9\xe7\xc8\x81\xe48\x1cY\x08r\xed\xcd\xba\x13\xf0'</t>
  </si>
  <si>
    <t>b'R\xc8"=H\'\xa3Q_\xd8D\x8a\xc7\xb5\xec\xa0\x1b|\xd5\xbf\xd5|\x88\xed\x9e\x13NN;\xe2\xdf;'</t>
  </si>
  <si>
    <t>b'\xb8\x9c\x1e\xce4D\xf8\xd28Ft\\\x80\xabh\x8dpC\xb7\x0f\x84X\xee\xc2\xa3\xf0\x10rT\x90%z'</t>
  </si>
  <si>
    <t>b'X\xf3W\x0e\xafOAZ\x11\xee\xd1]\x12H)6\x0c\xdd-\t\xea\xa2\x89\xa8\x87o\x93\x102\xf8\xc2\x8e'</t>
  </si>
  <si>
    <t>b'\x84\x11\xa5y\x1a\x96H\xad/=l5\xfe\xfb\xc7D\xe8\xee\x07\xac\xe9\xfb\xc1N\x86A\xe4\x8d\xabX#\xc9'</t>
  </si>
  <si>
    <t>b'O\x8b\xa6\xf9\xecA\xe8\xe7f\xc0 \xfa\xf4\x18Qj;X\x19\x80x\x85\x16\x07A\xc7\xe9&lt;\t\r\xb7W'</t>
  </si>
  <si>
    <t>b'\xd0\xec\x82\n\xa5u\xe1g-W7\xa6\xf9\xa0e\xfe\x8a9,&lt;%\xe3@\xfe!+%}5\x165\xa7'</t>
  </si>
  <si>
    <t>b':\x12\xff\xa9\xa5\xf0\xe4\xa1\x17w\x1b\xdf~3rd\x85)\x84%-\xc7\xf0*\xb7y\x8fD`~q\x7f'</t>
  </si>
  <si>
    <t>b"\xe5\xeb\x8f\x9e\xcbD3\x08\x80G\x08?\x81r-s\xf5\x85`\x85]\x97\xf4\x036\xaf=\xaa'\xcc8O"</t>
  </si>
  <si>
    <t>b'\xc4\x95\x82\xb3|\xd5\xd2\xe6\xf7\xee\x93\xea\x97\xc4\x16\x1dr\x05\x8aU\xd6&lt;.s\x94\x95\xca\xae$\xd5\xe4\xcd'</t>
  </si>
  <si>
    <t>b'\x9e\xac\x82\xf6&lt;k,\x1d\xeaI:\xd3n\xff\xb3IE\x03?\xf9\xdc\xc2\n/D\xb8c\xf5\xec\xc7\x87\x9c'</t>
  </si>
  <si>
    <t>b'0\x80\x9bW\x1a\xa8\x12\x9e\xf2\xa1\xa8\x05b\xe5Y\x07\xdb\xa0v\xf37x\xd7\xa2\x9e\xb7\x91z#\x84\x00\t'</t>
  </si>
  <si>
    <t>b'\x8as]\x81\xec\xec\xeb|\x8d\xbc\r\xe1.T\x14D\x06/\xb9\xc3\xa0\x13\x90\xeb\x05\xec1E\x04Z\x10\x14'</t>
  </si>
  <si>
    <t>b'\xa3\x8d\x05\xf1\xf4\xfbvN\xe4\xdc\xf1\xcb\xe2S\x05\xdf#$G!\xa7\xd2\xa5I2C\x06\xb7\x1b\x9e\xac\x80'</t>
  </si>
  <si>
    <t>b'5\xb4\xed\xf0\xfdy\xc6\xe3"\x05\x99q\xe6\x04\xe2W\x1fU9\xac\x07\xf5\x11\x1f\xa0\xd6\xbc\x15\xc3q\xa8\x10'</t>
  </si>
  <si>
    <t>b'\x98\x9dX\x81\xf1\x0c!\xcd\x13\x0c\xce\xdd@\x80\xa3\x84E:\xd00bP\xfa\x15\x83\xb3C\x95\xc7y\xc5\x14'</t>
  </si>
  <si>
    <t>b'[\x84\xcb=l?\x01.\xc2\xa7\xcd]\x9bX\xf4\x8a\x84\x08\xc8\x95\x93K\xfaO\xc9\xff\xf0\xb6V\xb83v'</t>
  </si>
  <si>
    <t>b'\x82-}\xc7\xdc\x07\xc25\x1e\xb0\x16\xbe\xd5\x93\x9fv \xd69\r\x82\xf3\xef\xc8=\x95\x12\xc3+\x96\x16\x17'</t>
  </si>
  <si>
    <t>b'=\x9d\xa9\xb6\xb1\xe9\xda\xff\xe4\xf2\xc2g}\x9aC[\x05KY\xd0\xe1\xd4V\x15%"\xa9\x7f_\xc08&lt;'</t>
  </si>
  <si>
    <t>b'\x11\x9c\x80\xa4\xed\xa0\xf1yE\x91\xf5\xfcv\x00\xc6\xa5\xa1\x15\xbe\xa0@\xc2\xb8\xe4&lt;\x02\x18\xee%\xcc}\xd7'</t>
  </si>
  <si>
    <t>b"\xed\xa0\xc3_\x84\xcf\xbd'\xbd{&gt;Z4k\xba$\x19\xa8\xc3Q\xb8\xadR+\x96u\xebI\xb4\xdc\x1e\x1a"</t>
  </si>
  <si>
    <t>b'\xad\x8c\xf9H\x9ag/\xed\xcfE\x87\xc9s7\xda\xf2\x18\x0b\xa2\x85\x06\x00q\xfe1"\xdd \xdaf\xa4J'</t>
  </si>
  <si>
    <t>b'\x8d\xa8\xe4mM\xf2\x8ek\xf8\xa6\xa3\xf9\xbe\x86x\xc8\xf4\x15I\x19\xbb\xd0\x8a\xc5c\x83\xe1\x14\x85_\xc5$'</t>
  </si>
  <si>
    <t>b'&amp;\xd2\xc2`\xc5\x96&gt;\x92\xb3\x04\x97\x88\xac}{dy\xbaG\xfb\xf8\xfe\x9aeT\xa0\x88\x1a3]\xc0P'</t>
  </si>
  <si>
    <t>b'{zSlOU\xfa\x00Q^{lC\xe8\xe0l\xdb\x7fS\xa4\x83\xa3\xc2%=\xa9[\x02\xba\x8bz.'</t>
  </si>
  <si>
    <t>b'J\\\xc5])\xbb\xebt\xae\xba9\xb8\xfe\x08l\xe3e\xb0d8\xe9?\xfd\xc5\xfb\xd3\xa2\xcb2P\xbdC'</t>
  </si>
  <si>
    <t>b'\x1c\xfb\x85C\xf9y\xe1\xe9\xcd\xbcf1\\\xde\xef\xef\x88\xf4\xe7\xc9\xae\xdfQ\x06ey\x0e\xa20\xdb\xd4\xe1'</t>
  </si>
  <si>
    <t>b'\x18\x05S\x1f-\x11\xabda\x00*\xaf\xe5\x19\xadF\xedB\xa9\xd5\xac\x99\xe4\x927\x1e\xf6l\xaeF\x7fj'</t>
  </si>
  <si>
    <t>b'eE.)~\xec{\xce]\x1a\x86\xbcg\x14\x18F\xf0\xb0\x0e;\xb6\x95\x82\xb8tL\x97V5[ \x16'</t>
  </si>
  <si>
    <t>b"\xc8RK\xc8 gX\xd1'sY\xb5&lt;2\x04\xbah|\xe9=\x07\xfeH\xfb\x87\x98\xcdJ\x1aGd\xca"</t>
  </si>
  <si>
    <t>b'\x89t\xf3&lt;\xad\xa7\x9c|6\x1f\xa1e\x88\xb4\xd9\\\xa1\xe5\t3\xb4I\xa4\x18\xfc\x87 \x88H}\x0e\xd4'</t>
  </si>
  <si>
    <t>b'\xf2\x89\xb2\x9d\x1c\xb4MW\x15\xf9&gt;\xe2|\x92\xdd\x1c\x9fq\xac4e\x14\xc8\x9f\xfa,`5W\xf0&lt;+'</t>
  </si>
  <si>
    <t>b"\x94M\xd3\xa0\xac\t\x83\xb8_\xad'&gt;\xc8\x9c\x08Z#\xcfr\x1c$F\x96|JK\xd9\x14G\xcc2&lt;"</t>
  </si>
  <si>
    <t>b'\xe5\x08q\xb2\xd7S\x04\xfa\x02\xf5\x05\xa1\xff\x93\xc1\xfa\xce\xfc\xd2;\xd6/\x9f8\xc1"\xce9\x0e\xaa\xb4\x15'</t>
  </si>
  <si>
    <t>b'\xa6w\x1a\x15?$\x80\xfe\xac\xe5\xea*\xd6k\xe8\xff\xefH6\xfb\xcd\xca+\xb8W!\xc2\xc8S\x88\xbf\xc6'</t>
  </si>
  <si>
    <t>b'A8\xbd\x89(\xcal\xac-K\xe5\n\xa4h\xb9\xc0\xfbr\x83\x98\xcd\x90\xbb{\xd4A\xbf\xad\x8f\x10u;'</t>
  </si>
  <si>
    <t>b"?\xe7\x9ecsj\x17\xad'\x8aD\x87\xb2{Q\x8aE\x0cL\xbbX\xf7\xc2\x1fnM\x9fE\xf5#y\xa1"</t>
  </si>
  <si>
    <t>b',\th\x1eh\x15\xd6\xff\xb5) #\x98A\xb8\xe6\x8fL(O\xce\xf4@\xa8`\xa6J3\x9eZte'</t>
  </si>
  <si>
    <t>b'\x08L\x13kq\xaafJ\x08\x1f\xca*5\xf2\xdaX\xfb\xeaF\xd0\xf3\xb2d\xf5\xea[\xea\xec\xecz\xa4_'</t>
  </si>
  <si>
    <t>b'\xf7\xfa\xf5\xddt\xd6\x08\x94\xa9Q\xc7\xad\x0cm(\x9a&amp;T\x0b\xcc\xe2\xef.\xc3\xef\xc07\x8d\xc2\xd61}'</t>
  </si>
  <si>
    <t>b'?\xdb\x9e\x05\xcb\xd0\xcd\x80\xa7.x\xc9\x07MN\x0f\xa2y\xd0\x90B\xb6M\x1f\xa8\x0e\xe6\xc4\xa1\xdd\r-'</t>
  </si>
  <si>
    <t>b'x\x01s\x92_bkJ\xb8\xfa\x07\xf3\x97\xc8\x16\xbf\x91\xfdZ\xf5\x8a{\x01\xcf\x914\x06\xfd\x05J\xa12'</t>
  </si>
  <si>
    <t>b'\xc9&gt;!\x11\xc6\xc0\x1dj\x8a\xd3*\xa0\x1c4k\\R\xf0b\x80\x0b\xe0\xd3U\xafH\x0f&gt;,\xe1\n\xc0'</t>
  </si>
  <si>
    <t>b'=\xae\x8c\xdf\x05\xc6.x\x82\xd5(\xf7m\xe0\xcdQ\xb0\xeb\xca\xd9\xb3v\xf4b\x18\xd6\x1d\xf2b\x8d\xfa|'</t>
  </si>
  <si>
    <t>b'\xf9\x80\xa1x%z\x96YC\x81\x0e\xd9}\xfb0\xc3\xab\xc7\xbe\xbb\x13r5g\xfd\x0c\x9ca\x1b\xf9\xd6^'</t>
  </si>
  <si>
    <t>b'\\\x81\xf5\xbe\x830^9s&amp;-\xac\x14\x85\xf6\xa8\xad\xfck\xafl\xdc\x89\xad|g\xcc6r\x80n;'</t>
  </si>
  <si>
    <t>b'\t\xc8\xe99\x97\x1cttlW)\x12\xd4\x9cUJ\x91\xd6\xef\xae;\x98\xe9nt\xbe@\xfd\x8bL\xce '</t>
  </si>
  <si>
    <t>b"\xbc\xbci\x0b\xc6\x1a5\xaf\xe8\xce\xe3\xbbIn\xbef\xf3\xd3N\xcc\t\xdc@\x8d\xd8\r\xec8\x03'\xde\x88"</t>
  </si>
  <si>
    <t>b'\xcf(;\xaf\x8b\x81\x96\x00\x99\x9ek$\x8cl%s\x16\xe69\xa7\xf7\x1f\xfc\x87y\xc4\x89\xa1\x94e\x80\x99'</t>
  </si>
  <si>
    <t>b'&lt;\xe1\xb6\xf8fp\xc2\x14o\xebd\x1dUi\xf4\x90\xdc\x82Q\xde\x8cZ\x99\xc6\x1cr\x86\x0eL{5\xe2'</t>
  </si>
  <si>
    <t>b'+I:\xc3\xefV\xbe/\x0c\xb7\xcf\xab\x8d\x06\x01\x87=-\xa8\x03V\xbf:3\x00\xf4\xf1\xa0\xeb\xd0\x05A'</t>
  </si>
  <si>
    <t>b'\xd0\xba(\x82\xdb\xf6wU\xe3o{\xa7\xde{\xe7\x87 \xad\xa9\xc5p\xcc\x8dL\xd9sV\x9e\xdewaF'</t>
  </si>
  <si>
    <t>b'@\x11\x99B\xf1\x0f\xaf\xe2\x85[\xea\xa1\xedW/\x80\x0c\xc4\xa762\xf1W\xc3t\xe3ap\xaa\x9aB\xb3'</t>
  </si>
  <si>
    <t>b'_\xbd\xfe\xd4\xedh\x84X\xbb,\xff)\xb0.T\xb4\x02\xc8-\x82M!|\tT/\xb0Pa\xbe\x02|'</t>
  </si>
  <si>
    <t>b'\x06\xb0\xc4\x06\xfe]\xbe\x88\xeax\xc0"\x88?&lt;tNX\xa5\xd5mL\x1a\xc6\xd5]!\xed%7\x02\xea'</t>
  </si>
  <si>
    <t>b']\x90@\xb0g\x00@\xae\x1f\xd5=&amp;2\x02\xe4\xe5\xd9V_gX\xa7Ed73\xd5;\x82\x8e\x0cY'</t>
  </si>
  <si>
    <t>b'\xc3N;.\xcaJ\xde\x05\xda\x18\x90C\xd4\xd1L\xc1\xeb\xc5\x8c\xeb\xec\xf0+\xadS\xc6&gt;g\xa1+\xd6\xe4'</t>
  </si>
  <si>
    <t>b'\x1ez\x88\xcdq\x1dg\x7fCw\xf7\xd1nh\xbe\xf0\x8ay\x15\xf7\xf4&amp;\xfb}\xb1\x00\x84M\xa7Y\xfd{'</t>
  </si>
  <si>
    <t>b'\x04\xe1\xc2\x8d\xf5\xb7hd\xcb\xb5\xa7\xfeZ\xa4u,`N\xb7\x08|\\1\x15\xdcA\x047Q}\x89\x90'</t>
  </si>
  <si>
    <t>b'\xf3\xbdF\xcb\x86\xeb\xd6\x86\n\xeb\xc7\xb06\x86u\xbdvGy^\x86\xd7uG\xd0|\xba\xb8\x15\x85L\x7f'</t>
  </si>
  <si>
    <t>b'1N\r\xdc\xa1)\xeb\xa0\x91\xd4\x19?},\x94\x01\x00|9G\x02\xf2\xf74\x18L\xc2\x95n9\r\xe7'</t>
  </si>
  <si>
    <t>b'\x01\xe2\x1c\xd0\x06\xcbv\xf2p\xbcS\t\xb5\xf8\xcfX1\xda\x80\r\x89n\xc2#\x1d\x14\xc0\xa1o\x0e\x9e\x17'</t>
  </si>
  <si>
    <t>b'\xbf\xa0\x15\xfb\xbb|T,~\xde\x95\x1di\xdc\xadn\xa4\xc5.\xf9\x8c\xa2\x90\xcb\xc6=\x16\xa2\x81\x91\x91-'</t>
  </si>
  <si>
    <t>b'r}&amp;4\xfa/\xe6\xfd\x1b!\xbf\xb6\x05fqj\x8a\xcb\xdf_\x93L\xd0\x97\xfe|{\xd25\xd3\r\xc8'</t>
  </si>
  <si>
    <t>b'\x87\x92F\xab\xc8\xb3\xbd\xf5\xff\x8b\x97\x13\x12\x97\x0b\xfb\xd2\xb5\x98S\xd0K\x8e\xd3\xc8\x0e%\xbe; \xeb&lt;'</t>
  </si>
  <si>
    <t>b'\x9b8\x90/\x92\xd8\xe4$VD\xad\x18\xb5\xf6\xb5#\x92{=3\x97*T8N+\x03i\x89\xcdT\x94'</t>
  </si>
  <si>
    <t>b"\x00\xb2?\x8c;\x89\xcao\x8d'\xb8.\x95L\xe4h\xc5\x7f:b\x84\xb5\xdb\xdf\x05\x9aaqr\x1b\x89y"</t>
  </si>
  <si>
    <t>b"i7{\x11\xa5\x8b'\n\xfa\x01\x95r\xd0@\xdbW\x98\xa4\xcb\x1d\xd6\xda\x00\x02I\x8d\x03w*\x19L\xaf"</t>
  </si>
  <si>
    <t>b'g\x94\xa2A\xe5\x06J\xf7\x9d\xd8L\xb5\xa8\xf4\n\x1dP\xf2\xc6\x1e\x86\t:q\xe7R\x8c\xdbV\xf7\x8b\x99'</t>
  </si>
  <si>
    <t>b'\xf4$PO\xfd\x96\xc6\x82\xf2\xd7jb&amp;\x04o\xd9\xe0\x047&amp;\xe1\xc6\xe0\x9d}\x8aG\x13\xfb\x7fp\xbe'</t>
  </si>
  <si>
    <t>b'\xd5vVH\xa3~\x95\xd8A&gt;\tzBA\xe7\xb4\xcal\xf7R}\xefV\xc8\x1b@1\x84\xeex)\xad'</t>
  </si>
  <si>
    <t>b'\x7f\xc6\xc6\x96\xe6\x94\xcbE\xdcE\xe9C_\xb79\xc5Q\xdd\xa8\x00\xf2@\x8c6\x15\xc4\xce\xdbC\xb4&gt;\x9c'</t>
  </si>
  <si>
    <t>b'YJ\x9f\xa4\xb2\x15BJv]\x8e"X\x1aP\xe5\xe8"S\xe9/I\x97\n\xee\xe7A\xdc\xb2\xdc\xdf\xcd'</t>
  </si>
  <si>
    <t>b'2\x82\xe1\xb1\x90|\xb5\x80CS\xa2-\xd6 \xfc\xe0W\xcd\xcaW\x12\xc05\xd0\x93\xb9\xd9\xeex\x8a\xc3\x0b'</t>
  </si>
  <si>
    <t>b'\xb9G\xe9~g\xa0\x08\xb7\x0eP\x1cD1\\\xf4c\xa3k\x16\x83\xf1\xd5\xcfYmK\x9fT\xca\x9d\x07\xd4'</t>
  </si>
  <si>
    <t>b',\xf8\x04\x00\xebz\x8b\x9e\x83O\xe6yx\x98\xe8\xc1\xfc4\x94\x0b8\xeaih\xdf\x16\xce\xaa\xa3\xf7\x03\x08'</t>
  </si>
  <si>
    <t>b'\xfa7\xce\xd1\xdaS\xad\xab\x04\xb8\x95\xef\xe5g\x1f\xa6\x95\xde\x84S(vr*s\xc2\xd6\x94\xd77\xa0g'</t>
  </si>
  <si>
    <t>b'\xa8\x10\xb6\n\r\xa0\xf0\xbd\xe4\x85Y\x06\xf7Q\xf0\x08\xe8\x08\x87:\xb7\xff\x01\xbc\x82\x87\x89\x10\xff{\x845'</t>
  </si>
  <si>
    <t>b'\xd2\xdb\xf0\x1a2p\xde\xb7\xa4\xb0\xff\xec\xabLN\x05\x0e\xada\xb3KRTM\x99\xfb\xd8K\x9a\x12\xb6\x16'</t>
  </si>
  <si>
    <t>b'v)\x94\x03j\xe7"t\x0f\x1f$\xef~q\x04\xfft?\x05+\xa4\xff\x82\xab\xe6{\xa6\xad\xd6f\xd5\xee'</t>
  </si>
  <si>
    <t>b'\xda\xb2C\xae}Q\x804\xbd\xde\xb1\x10\xb0g\xf4\xa1U\xa3\xfcD\x86\x8a\n\xe5\x96\x03\xa8\xac\xa8\xec\xf7r'</t>
  </si>
  <si>
    <t>b':i\xab\xa1\x92\xfb\x9c\xe4\x97\x12]\x06\xe7\x8f,\x8fj1\xe8\x94@\xe5,\xb4G\xf8z\x89\xfe\xd9[\x0e'</t>
  </si>
  <si>
    <t>b'\xa7\xe3\x8c\x8b\x98\xda\x1b\xa9I\xeb,\x9c\xbf3@\x91\x8a#\x1d\xee\xb2\n;,\x19\x02\x1d\xc6\xc8\x15\xff\x86'</t>
  </si>
  <si>
    <t>b'G\xd6\xa3\x05\x93W\x13X\xfa[b\xde\xcbKn,\x08o\x1c\xf5\x8c\xdc\xf6\xe7\xda\x8f!\xbf\x13E\x0f\x1a'</t>
  </si>
  <si>
    <t>b"\xbeCRB\x16{\xb5d\r\xd8%\xf9r\x97v/Hv\xc2\xbf\xb9J\xf7'\xaaW#\x95FAb\xb2"</t>
  </si>
  <si>
    <t>b'\x11P\n\xba\xf6\x95\xc7\x88U\x93\xb5\x15\xee\xfe\x91P\xe1V\x8foI+\xd8[*\xcc\x85\x88\xc2\xd8\x0f\xcd'</t>
  </si>
  <si>
    <t>b'\x8f\xbe\x19o\x87\x87+\xd4zG%\xef\xfb\xfd\x9b\xe3\xaf\x9c&lt;1\xb6f\x89\xf5\xbc\xab\x03\x91\x19\xd6"\xa6'</t>
  </si>
  <si>
    <t>b"\xee\xa7bcx\x99\xc6\x00\x80F:@y$d\xf9!F\xdf\x90UJ'9;\xb9\xfd\xc9U\x02\x04\x9a"</t>
  </si>
  <si>
    <t>b'\x1c\x03R\x8b\x98\xde\x17\\\xc7\xf1\x19\x19v\xb0\xcf\x87\x18HY\x97`\xb2\xb1\xf9\x88\xe3\x12\xc1wY\xa58'</t>
  </si>
  <si>
    <t>b'\x00\xa9n\x94\xc1N\xa2[\x8d\xba\x13t\xc6.a\xaaJ\xcc\x88b\xaf\xbe\xc3\xe7\xb2R%\x84\x84\x8f\xe7\x84'</t>
  </si>
  <si>
    <t>b'\xd3\xf7\xc4\x07@\x1e\x1f\xc6g\xb6=\xa7\xaaX\x8e\x98h\xba\x13|\xd0\xe6\x03$\x94\xcf;V\xf9)\xc8\xa7'</t>
  </si>
  <si>
    <t>b'\xcc7n\xf6R\xba2\xedj\x16\x11\xfb\xdf\x8bL]\xedT\xe1b\x84\x7f-|q$\xce\x04/\xdf-a'</t>
  </si>
  <si>
    <t>b'\xf0\xc9~\x929Cmx\xeb\xcd\xdbo\x9a\x10\xc8+*\xe7;)3\x9dE\xb1p\x9a\xfdX\xb4\xd0\xf2#'</t>
  </si>
  <si>
    <t>b'\xfa\xf1\x0e\x8bH\xcf\x8e^\xaczQ\x88F\x99\xb3\x8e\\\xa9\x95+\xe9\xe6\xffGW\xb5r\xba\xc0%/q'</t>
  </si>
  <si>
    <t>b'0\x17\xa2\xcd\x92\x86D\xb1\x81\x90y\x8b6\xf8}x\xda\x9fx\x9d\xbafR\xa9&gt;D\x99\xd2\x04b\xaft'</t>
  </si>
  <si>
    <t>b'{=\x1d\xc4\xcf\xb1\x8b\xf5:\xd4\x89\x16\x9d\x07\xb7\xcd"\xe1\xa4\xeb\xff\x01\xe8\x0bb\x04\xf6\xc9\xf1\xb1\xf5v'</t>
  </si>
  <si>
    <t>b'\xa3\xca\xd0\xcd\x13\x85:;\xc7\x04\xf1\n\x1a.+\xf8\x81O\x92\xfd"\xdf\xad\x18\xf8\xfcV\x11_&amp;o\x81'</t>
  </si>
  <si>
    <t>b'\xcd\x1d\x80\x9a\xcbE\x8aGC-\xd1\xfchO6\xeb\xc5\x7f\x8b\x9ca\xb1L\xfe\xddkJL\xe0\x95\xc9\xb4'</t>
  </si>
  <si>
    <t>b'C\xe5\x80\xdd\x91\xbb\xe6\xcbA\x8f7U3\x90\xb1\xbe\x1eX\xa7%\x12q\xb0\xe3\xcd3\xc6\xf2\xb8\x9b\x1c\x1d'</t>
  </si>
  <si>
    <t>b'\x8e\\\x95\x98\xf5\x91\x1c\xd6\xfdR\x16\x1b=\xa3\xe1u\xaf\xc5\xb7\x91\xa2\xf0T\xfdX\xc3\xfe\x85c\x90\t\xc4'</t>
  </si>
  <si>
    <t>b'/\xc2\\xk\xbeZ\x94Iu[Vax\x90#\xaeC\xa9y\x12F\xc8B\xf6k\x92\x00\x11\x10\xf4i'</t>
  </si>
  <si>
    <t>b'1l\xfa#\xd0\xc58L\\\xbaM-\xaa\x9a\xcbDt\x05Z\xd0\xf7\x8dB\xb5F\x9e\xeb\xe5aY`\x04'</t>
  </si>
  <si>
    <t>b"\x9a\x836*I=\x01f\xa9\xab\x90!d/e\x94jHb\\'\xfe\x8b\x9e\xca&lt;H4\x81\nDO"</t>
  </si>
  <si>
    <t>b'\x92]\x86U\xecq\xad\xe6\x83\x01\xbdT\x91\x00I4\x19e\xbc\xcd\x99\xc7D\x87\x1f\xaaG\xe0I\xf0\x9a\xb5'</t>
  </si>
  <si>
    <t>b'*\xab\xd8\xc7U\xaby\xb5\x8c\xeb\x97\xd7\xea\xfd \x11@\xb5\xb26U\xd9\x19#\xe2\xd4\xde]\x9c\xf8\xa5\xc2'</t>
  </si>
  <si>
    <t>b'\xbdt\xc6\xd2Z\xe8j0q\xf9*\x1d\xb0\x18Bg:\x80pC\xcd\xeata\xfd\xe4\x04}\xdfkm\xd5'</t>
  </si>
  <si>
    <t>b'\x81\xa1j\x9dZ\x1f_\xc0\rr\xba\xa8\xebI\xc7s\xf6\xb1\xdbm\xab\xf5,\xe2\xf5E\x9dv\x16Gr~'</t>
  </si>
  <si>
    <t>b'\x81/\x90xjb\xa4\xa9\xafo\x1e3\x85\x97/5\xf6\xf8\xd1r!\xa9\xc6\x1c\xe6!\xfb\xb5\xd3N\x8a\x96'</t>
  </si>
  <si>
    <t>b'\x1b\x8e\x91\xd4Q\xf0\xec\xc4\xc1\x8e$s\xe1f~q\xda\x1d\xbf2_\x97=\x03\xa3Gzn\x08r\xdd\xf2'</t>
  </si>
  <si>
    <t>b'\x89\xc3@\x8b\xa8\x95ri\x12\x044\xcd\xb0\xbe~\x90\xadzq\x15M\xab\xa19\x97\x02H\xce\x1cK\xc2+'</t>
  </si>
  <si>
    <t>b'Zux\xb5\xa1z\x9a\x10\xf2:\x161\xb1\x1d"\x05\xfc\x02#e\xab#\xebR\xffA\xf9!Q\x10\xc7e'</t>
  </si>
  <si>
    <t>b'G\xd8\xff\x98 \x94]\x12\x05\xaa\xb7\r\x14\xc1/]\xf8\xf0,\xe3\xd2\x18QE\xed\xee\xf4\x12\x9a+\x83\xc6'</t>
  </si>
  <si>
    <t>b'h\xf6\xc1{\x07\xa3\xda\xafM6e\xb0N\xc9\xd2\x87\xd5`\x84N`"\xeb\x81\xaf\x85\xd9@\xe2^\xa2.'</t>
  </si>
  <si>
    <t>b'\x1e6\xae\xc1\xa1\xa6V\xec+\x0b\x12F\xf5\x05M\xc7\xc8K\x91?U%\xceG\xfd\x0bBbJ\x8e&gt;\x9d'</t>
  </si>
  <si>
    <t>b'\xf5\xd6\xab!P\x89\xc3\xcb\x00\x96\xa0\x16\xfa\xd0M\x12\x0e\x99\xdenF8"\x9e\xc3\xcd"R{\xe5^\x99'</t>
  </si>
  <si>
    <t>b'\xbf_\x8aG~\xf3PHT\xf1\xead\x04AUC\xd8\x99uJ\xd7-\x0b\xf7\x8c^\x1a\x99\xfbg\xe7h'</t>
  </si>
  <si>
    <t>b'\xa8\xa0\xf1v\x0e\xe6!\xa0\xa7\x14[C\x99\xbf4FX\x08\xb9\x9f\xee\t\xbdeZ\xbb\xc6\xf0\xddnH\xb9'</t>
  </si>
  <si>
    <t>b'og!n-\xbeH\x0cw \xb0\xec\xff\xc3\xf1g\x9b\xad\x00DL\r3\x91\xb0\x93Y%\xc6\xfepz'</t>
  </si>
  <si>
    <t>b'\xfeQ{\xd7\xba\x7f\xc8\x14?p_\xdc\x87!\xcd\xcc\xc4\xa5\x9fP\x87\x83p\xa1\xca.(\xa6\x0fMq\xce'</t>
  </si>
  <si>
    <t>b'^0\x08\x80\xdd\xe9"\xf5\x13\x8e\x10\xe3G\x83\'\x95&gt;\t\x1dL\x97\xf3J\x13\xd5D\xa1\xd5\xfd\x0e\xaa)'</t>
  </si>
  <si>
    <t>b'd\x8f\x1a\x1c\x94\xffN\xbc\xffh\xb7\x88\x93\x9f\xa5Z\xba\x02\xc5(\x04_\xebu\x00\x85\xbc\x07\xd0\xb5\x88\xe0'</t>
  </si>
  <si>
    <t>369xx</t>
  </si>
  <si>
    <t>b'\xc9\xc3G\xb7\xaa\xed\xf6\xfe\xebq{\xaaN\x08p\x857\xda7\xd9\xc1\xa6\xa9v\xd0\xe2:\x02(\xb3&lt;|'</t>
  </si>
  <si>
    <t>b'X\xdb\xc8\x06c\xd4}3S\xfaT\x19^\x0cJ7\xac\xa4-\x17\xec\xa1\xf1.\xf32\xcb\x92^\xf4\xd2\xe9'</t>
  </si>
  <si>
    <t>b"/\x13\x19'\x99\xad\xdd\xebv\r\x02 \xe6\xcdI\xf8$Qw\x8e@U\x1fT\x01]\xae\x80\x007\x8b\xa5"</t>
  </si>
  <si>
    <t>b'\xd6\x99\x9fY\x91R\xc5\xeb{\xe7\x96\xa4\xd5?\xf0\x10D\xd1\xc2\xff\x10\xe9\xeft\xc7e\xea\x0b\xfe"{Y'</t>
  </si>
  <si>
    <t>b")t\x9e`\xa0\xef\x82\x0c\xda\x85nL)\xba\xd2\xa8\xedm~?\xd3\x07!'\x96\xfeX\xa5A\xb1\xbb\xc0"</t>
  </si>
  <si>
    <t>b'\x1d-T\xe4\xe4\xf5\xc4&amp;\xed\xa2\xe9\xae\xa9\xbca\xd6#\r\xde\xef\xcf\x0fj\x90/x^\x1e\x90\xa2uc'</t>
  </si>
  <si>
    <t>b'\xb32\x8b\xac\xaeU\xe6\x9d\x03F\xfe\x1f\x02\xbb3Zm\xf1u\xbe\xcez\x07-\xc9g\xe8R\xf3\xb1\x18,'</t>
  </si>
  <si>
    <t>b'-y\x16v\xa1\x87\xdc\xac\xf8\xee\xa7\x89\xd9z6M3(\xc5 \xe9\x15\xdbg^U}\xd7O@\xa4\x94'</t>
  </si>
  <si>
    <t>b'@\x9cC\xe0Z\xffL\xe4\x1f\x1ek]\xc7\xb1\x94\x0bgQ\xeb\xa6\x19\xb9F0E$&gt;\xa1q\x04\x8a\xf4'</t>
  </si>
  <si>
    <t>b'\xa5,\xa0\xf5\x9a\xad\\\xd0\xe4\xe4\x14\xfe)\xef\x9a\xcf\xd3k\xd4\x8d\x8b\xa6\xc8l\x00+x\xe1\x19\x00\xf2\xba'</t>
  </si>
  <si>
    <t>b'\x8f\xac\x89\x87\xec0\x98k3=\r\x18\xe4\xfc\xc1\x02\x05\xc6\xc1\x1c\xe7\x8aU\xe4\x8f\xefF\xa3\x96\xa3\xcf\xbf'</t>
  </si>
  <si>
    <t>b'\xb1)|\xb3\xfa@k\xa1+?\x955\xc0\xc4\xfe&gt;%\x8b\x00\xfc3\x067ysU&lt;6\xd6\x1f\x9b\xcf'</t>
  </si>
  <si>
    <t>b'\xf9\x0f^\x02\xdb&gt;P4\\klyN\x93\x9d\xa41v\xb1\xe5N\r\x1e\xc7\x87$\x15\x8e\xc2\xde\xdet'</t>
  </si>
  <si>
    <t>b'\xe3\xefCH%\xcc\x0fK\n\xd5\xda\x00a\xf9\x1f\x93\xa8\x044\xe4e_\xc7\xd0\xdc\x1d-.\x93\xa6\x7f\x07'</t>
  </si>
  <si>
    <t>b'\xaf\xe9\xedJHm^?W\xfb\xf5g\xa7\xa1^\xf8\x96{r\xe4\' t\xa8_\n\x811\xc6\x91"\xd3'</t>
  </si>
  <si>
    <t>b'\xa9\xc6L\x19/\xe4\x9f\x98oFD\xa6\x95\x82\xa8\x9c\xa1=\xfdl\xceq\xab36\x97\x08a\xd7\xd46-'</t>
  </si>
  <si>
    <t>b"M\x8a\xd6X\x1f\x07\r\xa4O\x1fOd{k\xcc\x07yG\x08\x87\xaf\xc2\xe1\xd6\xec\x1c\xbc'_\xeb\xfa4"</t>
  </si>
  <si>
    <t>b'\xca=\xf7^o\xf3\xe4|H\xd9n)\xca\xa4Z\xb1\xb4/\xc4\x00,1\xe9&gt;\x17\x8fg\x1b\x87\x17g\xfd'</t>
  </si>
  <si>
    <t>b'$\x19\xdb\xd8E_J\x1c\xefK\xd7s7\x17\x17\x7fv[\x1f\xe5t^\x8f\xc7S\x98\x19\xd3\xd7)b\xd7'</t>
  </si>
  <si>
    <t>b'\xa7\x1f\xf1\x07\xb1\xd1\n"\x159\x92O\xa4\x1cSf\xe1b\x0f\x16\xde\xc10\x18q\xa0xN2\xcd\xb1\xcc'</t>
  </si>
  <si>
    <t>b"\xb8\xe7\x15H\xb4+9\xd1\xda\xe8\xae(\x14kh\xb9\x0b\x84\x83\xec\xdf\x8d\x7f'\x92\xe3\xc6VXMU\xe6"</t>
  </si>
  <si>
    <t>b'\x07\xef\xfb\xe03/\xfe\xc5\x05Y,\x81\x06\xe6\x17e=\x17\x92\xb0l\xb9\x02\x01\xe5\xfa\xb3\x83[]UE'</t>
  </si>
  <si>
    <t>b'\xb7G\xc4\xcf]\\47x\x1b\x84(^J\xe6\xad-\x96Q\xf9\x89\xc3\xb1\xa045\x86\xeb*\xc4\xa6\xe3'</t>
  </si>
  <si>
    <t>b'\x08\x8asj\x98P\xea\xf6\xd8\x91\xaa\xc6\xb2\x8f\x1cs2\xbc\x91\xf6\x9b]\x1ex+\xc0{Gm$H\x96'</t>
  </si>
  <si>
    <t>b'a"\x86\xff\xcd\xfa\xc1\x81I\x1d(\x8b"\xd9\xd7\xee\xa9A4\x94\x85\xa4\xd9{\x85r\xcd\x13\xaa\x12\xdd='</t>
  </si>
  <si>
    <t>b'\\N\xd8\x8f+K\xb2\x9cSr\x973\x1fb/=\r+(!\xa4^\xa0\xda\x1b\x85\xec55I\x10\x87'</t>
  </si>
  <si>
    <t>b'\xbc&lt;@\x01~\xe4^\x9b \xb4\x1a\xc6\xad\x81\xa02\xd7\x14\x8c&gt;bH\xb9E\x82\x8f\xfe\xd3\xb13\xef\x9d'</t>
  </si>
  <si>
    <t>b'\xc3\x96\xe2n&gt;00\x11\xa7{\x08j\n\xb5&amp;n?3\xc6\x8f\x86s\xd4\xd4o\xe5\xeb\xd3\xb1^\xa1G'</t>
  </si>
  <si>
    <t>b"\x05$'\x17$3\xbd8ey\xe1a\x9b\xa4+\x97\x00\xf7mEO\x9ebO\x08vy\xeb\xceK6N"</t>
  </si>
  <si>
    <t>b'\x96\xe4\xb9\xb6\xb0\xd2\xbb\xce\x00_\xc29\xbf&amp;X\x98\x8dt/e\xa1\x10\x13J\x88\xbf_\xd4\xd5\x9dz$'</t>
  </si>
  <si>
    <t>b'X\xa7\xbcV\x101\xbc\xb4\re7\xd6\xc6/\x8fs`\xbbf;\xce\x87\xe2\x91J\xea\xdc\xcdB|3['</t>
  </si>
  <si>
    <t>b'2\xdd\x94\xf9/\\[\xde\xcbd\xc6\x98\xc8\xea\xa7X%\xcb\x0c\xe4\xe83\xd9\xd4O&lt;\xdb!\xe8\xcf\xf6r'</t>
  </si>
  <si>
    <t>b'\xe1m\xee?#\x8f\x03\xb8\xc1\xde\xe97\x16\x8b8.\xa1\xe0\n\xa45\xb5m\t\xed%\xc4xO\x0e\x1b\x9c'</t>
  </si>
  <si>
    <t>b'\xfa\xc1.7\xba\xd0\xb1\x16d\xa7\xd1\\\x88\x1c\x9f\x8c\xca+\x97\x13\xa7\xb0vx*\t\x8e\x830\xa1\xdb\xa1'</t>
  </si>
  <si>
    <t>b'\x14\xcf\xbd@%J\x0f\\\xca\x91\x9f\xf3\xcdk\xd4*]\xc6_\xa2w}\xbf\xd8E\xfa\xda\xf4f\x8d\xdc\xf8'</t>
  </si>
  <si>
    <t>b'\xdf\xcd}\x027\x18\xb5\x93\xfc\x9b\xc5\x8eoue3\xd2te\x1f\xca\xf6}3\x86\xcdxy\xcb\xac\x9f\xd2'</t>
  </si>
  <si>
    <t>b"7\xe0'\xb3\x99r/\xad\xfb\xf1\x92k\xebx\xc2tXi\xd3tLic7\xcb\xdc\x19\x08\xa4-\xf4o"</t>
  </si>
  <si>
    <t>b'\xf97nO\xef[\xa3\xb2\x0b\xb5\x9c\xb9\xd7|\xbd\\\xbb\xd4%qT\xff \xcc\xc3\x89\x82\x97\x84[|\xd0'</t>
  </si>
  <si>
    <t>b'\xe2{\xc9\xb1\xdf\x08\xe0\x96\x0b\xcc\xe0\xa2A_\xef\x82\x0c\xb8\x9bl\xba8\x88\xdb\xb9\x05j+T\xf4i\xdd'</t>
  </si>
  <si>
    <t>b'\xfc\xe5\x06&gt;]u\xcd\x01\x0e\x8d\xb9Za\xe4\xdcj\xb6\x1c\x11\x8d1]\x08\xae\xa2\xa8\xc7\xaf\xdd\xed$\xc1'</t>
  </si>
  <si>
    <t>b'\x15\xeb\xec\xda\xb0]\x03\xec\xa8FT\xc7\xd8n\xc8\x14\xcb\xf4b&gt;\xbfP\xe2\x81\x07\x82\x8c\xb6P\xed\x10$'</t>
  </si>
  <si>
    <t>b'az\xd7\xb1\x14\xd1\xb2\x17\xd1\xd1\xe6]4^\xbdOqF\x18y\x9eU\xd2\xfc\xef2X\xe801\xda!'</t>
  </si>
  <si>
    <t>b'\x83\xfcY\xba4\x0f\x81\xc2)j\x1d\x873;jTV\xf0\x88$\xd0]\xf4\xbb\xde\xab\xfbX\xec.\x0e\xdc'</t>
  </si>
  <si>
    <t>b'\xd4d\xef\xff\x8a\xd0AI\xe1\x94\xe5\xc7\xa6g&lt;\x94\x10\x81v\xca2\xa1\x1eo\xc4\x14\x15%u\x8f$\xaa'</t>
  </si>
  <si>
    <t>b'\xa9\xe0\xab\x98\xe3Z\x05W\xd7\xcd\xd7\xbfa \x97\xd0v9\xe5\\\\\x17\xd9{q\xd4u\xadT\x8c\xa2\xd7'</t>
  </si>
  <si>
    <t>b'\xe0p\xa0\xba\x8a0s0O\xad\x16\x03\x17P\x11\xba\xc8\x95R@\x15\xbaa\xf4\xf3%\x84\x18\xabj\xac"'</t>
  </si>
  <si>
    <t>b'[T\xa4-};m\xeem\x8f\x01\xf8\xf2\x07\xdebB\xc3\x07\x01\x05\xef\xd1\xb9\x82&amp;\x1d\x17\x1a\xf3\xbd\xfe'</t>
  </si>
  <si>
    <t>b'4\x1a\xefzP\xc8q?X\xbcp u\x00&amp;C\xd40a]\x9f\x9f[o.H\xd2\n\xd4\x92\xf7\xf8'</t>
  </si>
  <si>
    <t>b'\xaa\x871\xe0\xfb3:\x8fR\xf6 \x88\x00-D+xjq\x822\xd1Lk\x1b\x9bP3.\xf8\t\x82'</t>
  </si>
  <si>
    <t>b'\x17\xec\x00F\xc4\xddt\xc9\xa0\xb4\xe8\xa9h\xa0NvPz\xa8AH\xe4\x1b\xfa\x95\xc6?\xdbx\xd1\x86\x95'</t>
  </si>
  <si>
    <t>b'4z\xb9\xab\n^\xe8}Q\xd9\x03\x1b\x11\xfe\x8b\x04\x18\x88o\x92&amp;\xcc\xb9\x15\xb9E\x1c.\r\x88\x98i'</t>
  </si>
  <si>
    <t>b'x\xdc\x94&amp;\xa2\xd1\t\x1fW`W\x08\xfeK\xca\xe3\xe6?`R\xf9\xbd\xda\x9f\xd6\x13\x9c\xa1\xbei\xe2i'</t>
  </si>
  <si>
    <t>b'\x99\xd5;i\xd9\x13\x90\x93\xa8\xc9\x10\xbd\x02\xbb\xe5\xce\x8b\xe6\x96E(!\x12|e\xd9.\x11\x0c\xf4z\xeb'</t>
  </si>
  <si>
    <t>b'G\xd8\xdc\xa1\x1eK\xb2l\xac\x16\x82V[Cs\x9a\xc2U\x1c%\r&lt;\xa7\xe2\ti\xd3\x8b\xcb1\xb9\xaa'</t>
  </si>
  <si>
    <t>b'\x12U\xdcA&lt;\x1f\xe3\x1d\xed\n\x05\x88\xe9\x92\xe9\xeb\xed\xda\x97s\t,N]\xb35\xb7\x82\xb8\x87G/'</t>
  </si>
  <si>
    <t>b'\xef\xe8\x8f\x97\xe9\xdb^3\xc9\xf3\xea\xf0u\xc9L\xbf\xf3O\xde\xf9\xa1\xb8D\xb4\xa8\xb4\x19\xed3\xfc\xc7\x1e'</t>
  </si>
  <si>
    <t>b"\x9c\x98\x882\x04\x089\xbc\xf8\x14\xf7(\xe8\x87\x17\xc3+\xcb\xcd\x16\x02\xfdL'\x1c\xc9V^dF\xce_"</t>
  </si>
  <si>
    <t>b'&lt;{v\xb7\x81h\xd634\xec\xd6. *\xbf\x90\xaeD8\xaf\xe3N\xa7\xc60\xee\xcaPt\x89\x9b\xdf'</t>
  </si>
  <si>
    <t>b'N\xeb\xdc4\xb0\n\x189Y\xd6T\xfa\xb9\xc9\x1e\xcezW\xda\xbbK\x90.\xec\x19\xbe\x0bsnxMW'</t>
  </si>
  <si>
    <t>b'\x7f\x90\xea\xc3o\xceN\x07\x06\xc7\xa4\xe1:\xf7\xed\xe8{f\xd2\xd2&lt;\xb7\xa5\x14\xb3\xdf\xebk\xa0,9U'</t>
  </si>
  <si>
    <t>b"\x94\xb1\xc3\x9e\x89Y\x04\xba6\xa9a\xd2\xae\x1b\xc4\xe2\xe3\xed\x1d\n^\xc6\xe4K\x9ew\xb2\xe8\xbeB'\xfd"</t>
  </si>
  <si>
    <t>b'\xe6\x8c\x9d\x91\xb8\xef\x8f\x87\x1c\xc3\xe6@\x91\xefs\x97;\xdd\xdbAg\nk\xe9!1\xf9\xdeW\xd4f6'</t>
  </si>
  <si>
    <t>b'OmI\xa2\xf1S\x96\xf9\xf3\xe0\xba\xb2\x99\x84\xf7,\xa4CI\x11{\x00^Ogc}\x96\xde\x8c#\xdb'</t>
  </si>
  <si>
    <t>b'&gt;Y\x84\xc4\xa3BRH\xa0&amp;\xe8\xdc\xa2|-\x01\x8f\xe4\xfe_=*#&lt;\xc2v$\x03&lt;\x84\xbc\xf2'</t>
  </si>
  <si>
    <t>b'\xd2\xceX\xa5\xcf\xddYySB\x02XfY$\xb6*\x02\xd6Z\xbb\xf5\xcb\xf3\xad\x80\x9b\xd7i\x0b\xc1A'</t>
  </si>
  <si>
    <t>b'\x1c\x89Rl&amp;OMP\x93\xd5\x1f\xac2Xi\xe0^\x85^\xcb4\xcb\xfe9Ev\x07d\xc0\x89\xd3\xa7'</t>
  </si>
  <si>
    <t>b'2\xe0D7\xf9\xec\x85\xb6G;\xcc\x05\xfd\xc4TFN9\xc0&gt;=\xd9\x92\x95\xc8h\x93Z\x16\x99\x10C'</t>
  </si>
  <si>
    <t>b"\xf0\x8f\xc8.\xdd\xe3-\xf2&gt;\xe3\xec-\x9cofV\x8b\xa6C\x10\xa9\xf0\xa4\xb2\xa9]\x17\x856s\xc7'"</t>
  </si>
  <si>
    <t>b'\xe8Y\xb4\xa6H_\xe0?\xf6\xf6\x05\xd3t\xfa\xa0TRI\x05/\x81\xc8\x13\xbe\xe5`\xb2\x13\x89\xe7Fh'</t>
  </si>
  <si>
    <t>b'?HS\x8d\x0f\xa6t\xaeH:%Z\xbfHE\x9bLhv\xc8\x81Yo\xf132\xa0\x9d5N9\x0c'</t>
  </si>
  <si>
    <t>b'3\xae\x94\x8b6/\x93\x13b\xe4Q\x89\xe7[\x88[#\x026\x99}\xaf\x18\x8549\x17\xb7\x1b!-X'</t>
  </si>
  <si>
    <t>b'yi\x9f\x8c\xf3\x99U\x84\x85\x08\x8d\x80\xb6\n\x1a\x97q\x80\xfc\xee\xddY&gt;\x80\x83\xeaY\xa5ZT\xd2\xf5'</t>
  </si>
  <si>
    <t>b'\xdc\xa8\xde\xba\xf1\xcb\xda9\x81\xee"\x90H\xe0\x8a\x03\xde(\x9c\xb2\xe9\x15J%\xaa+\xe4\x83{\xf2R\\'</t>
  </si>
  <si>
    <t>b'.\xcb\xb5\xf3/\xc6\xd1!z\xc0\xfe\xef\x80x\xef\x91C\xb2?\x00dZ?\xfc\xc9\x18\xa3\xa6\xb9q\xe4\xbe'</t>
  </si>
  <si>
    <t>b'\x0fgA\xb7\x05\nm\xb3\xe8S\xe5(\xd7\x85\x8a\x9b\x9eB\x0b\x07f\x97WX\x07g\xb5\xb4D\x03J\x82'</t>
  </si>
  <si>
    <t>b'SNG\x19z\xce\xd3\x11Yz\x81\xfe2\x99x9F\xe6g\x9bzb\x18(\xf3*\x7f\x043\xc0\xcde'</t>
  </si>
  <si>
    <t>b"\xa59\xd2\xd2%\x1cm\\'\xd7\x11\xc7\x8e\x12\x10\x83\x10\x06\x82\xe3\xa0~mVoo\xea\xb4&amp;\x12g\x1d"</t>
  </si>
  <si>
    <t>b'\t\x16\xdf\xed,\xcf\x9c\x13~%H\x11`\xa9O\xb4\x9f\xa8"\xe7t4\xdeC\xaa\x06-\xcb=\xb0\x7fP'</t>
  </si>
  <si>
    <t>b'-\xfd\xbe\xc7\xa8[\xa3\x17\xbe\x91=\xd5\x00\x013Eh\xeeU:\xc2\xd9\x8d\xab\x8b\xb1\xedD\xfb\xb4Z\xe3'</t>
  </si>
  <si>
    <t>b'`\x1d\xb4;\xee\xc4\xa9\x03\xd6&gt;F7"\xa8\xc9zcm+\xfb\xe21i\xbdG\xe6\x8b\x80\x96\x9f\x86&gt;'</t>
  </si>
  <si>
    <t>b'#\x16T\xdaT!\x1e\xa1\xa7\x7f?\xd4B\x87\xac\xf3\xf5\x17\xa3\x0b\xa3\xb3\x915\x1c\xc4\xc0\x1eYd+\x18'</t>
  </si>
  <si>
    <t>b'&gt;\x02\x01\x85L\xe8\xe4\xac\x10\x99Z&gt;bWc-\xf1{Bc0\xf32\xa4\x12\x95w\xc3\x143yT'</t>
  </si>
  <si>
    <t>b'T|d\xa0\x91\xec\xa3\x0eO\xfb\xbf7\xc6\x14\xa4S\x18euR\xbf\xed\xec\x8as\x13YoGu$S'</t>
  </si>
  <si>
    <t>b'\xb9\xb7Y\x9fb\x06\x07\x8fun\x9c\xa0\xd9a\xa7\xb6@P&lt;q\xc9\tr\xe13\x93AJ\xffD\xc0\xbc'</t>
  </si>
  <si>
    <t>b'f\xe7\xb5$VU\xeb\xadzj\xadx\x83x\xe9\xa7\xbeh{?\x14\x0e(\xf9\xdc\xb8~P\x0c2\x136'</t>
  </si>
  <si>
    <t>b"t\xcc\xfc\x81K\xc7\x98\xcd\x0e\xa8\xff[~7S\x9f\x1cNb0\x91\x8a\xd2'\x9f\xa2&lt;`Ju:\xbb"</t>
  </si>
  <si>
    <t>b'3c6\x8a\xc1\x85\xaan\x8e\xef9\xdd\xc5\xed\x96\x97\x1a\xd4\x8e4\x14n+\xb7S/\xf1\xe1F\xc2\x19&gt;'</t>
  </si>
  <si>
    <t>b'\xe6#\xf2\x16W\xb0\xcaR\x94\xcc\xde\xe4\x84\xf72\xc4\\O\xb8\xc7PB\x82\xdc&lt;{VH\xb3\x83\xe1\xd8'</t>
  </si>
  <si>
    <t>b'@8\xd9\x10\x0c!d@g\xab\xc2#\x0bd8\xb4\xfe\xa5EGR?\x00s\xfa\x0c\x0b\xb1P\xe0]\xb6'</t>
  </si>
  <si>
    <t>b'\xe98Oak\r,\xa25\n\xccIZ\xe1xiz\xf8J\x85\xe9v\xf9\xfd\x17\xe1\xb21_\xceC\xee'</t>
  </si>
  <si>
    <t>b'&lt;\x8d\n\x87(%\xdb\x1dW\xad\x84\xc3\xd9\r\x12\x8e%W\xf8\xc3\xca&amp;\x9b\x80\xd7\xa5Q\x82X\x83\xa3\x05'</t>
  </si>
  <si>
    <t>b'\xa0\x95\xfd\xd2J\xf5\x93\x1f\xa8\x86\x03fzy\x90\x19\x80U\xc9\x8fc\xb9R\x8fQD\xeb\xb2\xe2\xb8-\x10'</t>
  </si>
  <si>
    <t>b"\xe6VC\xb1\xfcS\xffW\xee\xbca'\xd4\xf1\x97Xx'2\x11\x9a\xb6\x84I\xca\x18\xd3\x9fu\x84\xc1\x97"</t>
  </si>
  <si>
    <t>b'.Z\xd7\x89r\xbb\n\xa2\xeaYHE\x01}\xee)\x07E\x1f\xb0\xde\x84\x95\x1b\xde\xd4\x97\xf7R\x13\xf63'</t>
  </si>
  <si>
    <t>b"I\xe2\x7f\xdd\xa4\xcd\xd3G=hM\xb4\x1c\x88D\x85o\xb2C\x82h\xd7}'\xfb\xca\x93\xf6\xcd\x97V1"</t>
  </si>
  <si>
    <t>b'\xaft\xaa\xf4q\xf7\xfcH\x8azj{\xf4a0#\xea\x8bO\xc9\x85\x1a\x199\x8d\xa6A.\x00;\xeb\xa6'</t>
  </si>
  <si>
    <t>b'\x14\x19\x8fp\xd0\xbd\x9d\xb0\xc3\x03\x85\xc0a@\xe0\xfa0\x97\xdb\xb4\xac\xe5\x0eX;\xb8|\x03\x1cx\xb2g'</t>
  </si>
  <si>
    <t>b'=\x96\xb5d\x98\xc8\xc4\xf1\x17Y\xe2\x00\xb3s\x1b\xe7"\x8cq\xa6\xbe\x06p\x9fr\x11\xae\x15\xb3\xd2=\x8d'</t>
  </si>
  <si>
    <t>b'\xcb\xad\xa7\xe0\x9f\x96Z\xba M\xe1\xde"82\xf8\xa7_\xde\xa9\x885\xd5t\xe0\xe9\x04-\x15N\xbf\x03'</t>
  </si>
  <si>
    <t>b'\x1e\x88\xf4\xa8\x88\xa3\x99"\xfe.\xeb\xbd\x11s\x12RTF\xa9`\xfb\xd3\xa59\xf9\x0c\xd7\x99\x12\x99\xba\xc6'</t>
  </si>
  <si>
    <t>b'\rO\nc\xb8\x14{\xf0\x9e\xd5\xb1\xc2\xc0\x16\r\xa0}\xdd\xb9#\xf0wc\xf7\xd2\xd3sB\x9c\x14\xf0E'</t>
  </si>
  <si>
    <t>b'83\xe4\xf2ff\xe3sb\xa6D\r\xaa\xcf\xbf\xcf\xaeT\xfa\x82s\x03\xf7\xa9\xc1[\x06\x13\x03y|!'</t>
  </si>
  <si>
    <t>b'?od\xa1\x9a\xe1Q\x82\x9dt\xfd\xd9\x12\x1a\x1e\xf6\t\x8ew\x84\xb8\x8d\x12\x1a\xc2uF\xc5\x8b\xef\x0bj'</t>
  </si>
  <si>
    <t>b'[\x97\xef\x0c\x99_\x82R#i\xe7\xea0\xec.\xac\xbe\x16:&gt;E#\xa47o\xeet\xf6Y\x01\xc0\x98'</t>
  </si>
  <si>
    <t>b'^s\x80\xfb7*\xa1\x88\xc5\xe4Te\x97&gt;)r\xe1\xbe\x8f\xfcc\x11\xa1T#o3G\x19\xa3\xc6)'</t>
  </si>
  <si>
    <t>b'\x16\xf9\xa7Z\xcc\x16\x97\xf2p-\xf0\xcc\x06\x98\xa8\xd4\xd65!\xbb$\x02\xdd&lt;;\x1e\x85\xa3\x11\x1bf\xce'</t>
  </si>
  <si>
    <t>b"\xf4iE\xb5\xb4\xd1'\xa1\\\xba\x97\x07\xf2\xe0H\x07\xfd\xca\xc0M\xfe\x16\xa6S\xfe\x8f\x1d\xe11\xdb\xc0\x19"</t>
  </si>
  <si>
    <t>b'ahh=\xc9`\xbe\xe6\xb8a\xdfr\xa5$\xe5\x96\x00\x15\x96\t\x98Z\xed\xeb@\x04\x0e\x14\xf3\xb1\xb5\x9d'</t>
  </si>
  <si>
    <t>b'iAU\xe4TF\x1cQ\xd5\x1f\xe1\xcae\xffP\xed\xb3\x9c\xd1Z:#\x97\x0eW\x07\xba&lt;i\xa5\xf6\x9b'</t>
  </si>
  <si>
    <t>b'-fg\xe7p\xf2\xc0\x1b9\xebK\x83\xc2\x1bu\xb5/\x0f_\x83\xa5\x13\x99r\xdd\xc7\xc4}\x92\x02Je'</t>
  </si>
  <si>
    <t>b'\xa0\x87\xf3\x8c\x15E\xfe8x\xc7\xe2{\x19\x96\xf6:\x12\x18\xf4\xb8gv\xb1pk\xda\xa1\xcd\x91\x10\xd9\xe3'</t>
  </si>
  <si>
    <t>b'J\xad-\xac)|\xa0\xcc?V\xad\xfa\x81\xdb\xf3\xf3z\xea\xef\xbbRzp\xce&amp;\x83\xf2\xf6\x94=\xad\x98'</t>
  </si>
  <si>
    <t>b'\xc4C \xc1\x07V\xdc\xdd\x9e3f\xee\xf2f\x85\xa0\xc8\xf1\n6\x1f\xfd\xcb\xf9y\xc2\xd3\xf8Q\x19a.'</t>
  </si>
  <si>
    <t>b'+\xed\x04\x168T\t\xbbsT\xba\xaf\xba\x8c;}\xbeB8+\xc8\x16\xdf\xadc\x10\xb0\x05\xbc\xe4\xe4\x1f'</t>
  </si>
  <si>
    <t>b"O\xbe K\rlV\xca\xb1\xa1S\xb9fl'\xa2R\x10\xeav\x08\x1ds!\xc0\x86\xd2\xb1\xf9I\xa6\x82"</t>
  </si>
  <si>
    <t>b'\xb6\x88X\xb5e\xf5\xfaO\xb5\xb3\x96!\x1c\xe3%\xdf=\xb2%CH\x8b\xe71\xc8\\D\xed\xc9\xc8\xc2\xbc'</t>
  </si>
  <si>
    <t>b'\xf2\x8c\\x\xf3r\xd0\xcdv_`\xc7!-\x0b\x8c\x8fs\x8b\x0e\x12W3&gt;\xd6\xb47\x81\xa2\xa3\xaa\xa2'</t>
  </si>
  <si>
    <t>b'\xce\n\x00.\xcb\xe5\\\x8a\xf3C\xe4~R\xb1\xb6\xa5t=\xb8j\xb1"0D\xb0\x0e\x82\xe9-Oq\xd2'</t>
  </si>
  <si>
    <t>b'\xaa1\xad\xb7\xcdW\x1eX\x01\x9f\xf5\xef\x14\xba{x\xabcCK\x01:T\xf3\xaf\x8b\xf9m\x8f\x0b\xc7u'</t>
  </si>
  <si>
    <t>b'\x1b\x8f\xec\x08?G\x94\xdf\n\x8b\xab\x99e\xb0\x8a\xa8\xfab\xcb\x9a(\xe5\\%\xbb\x03g\x8dU\x89\x8d\xda'</t>
  </si>
  <si>
    <t>b'm\x88|\x7f\xe3b\r\x99&lt;h\xc7\xefr"e6\x1b\xdc\xdfcJ+LE\x87P\xb5\xf1\xc3\xc4\x8c\''</t>
  </si>
  <si>
    <t>b'\x84D\x06\xed\x98V\xce\x96\xead\xb9\xbc\xa9\x95\x8e\x8d\n\xcd\xccgV\xaf\x9e\xe3&lt;5\xfb_w\xf8\x92{'</t>
  </si>
  <si>
    <t>b'\x9c\xd36u\xad\xbb3\x7f"\x1b\xc9\xb5\x9aN\xfc\xe8\x11C\xa2\xd03\x1b\xffu\xb2\xff\xd6*\x8c/\xac\xbb'</t>
  </si>
  <si>
    <t>b'3\xbd\xfesa\xa7\xc8D\xc7"T\xf4P:V\xcb\x17\xfdS\x83\xf5\xc6\xa5b\x00\x1a\x86,F\xf9\xaca'</t>
  </si>
  <si>
    <t>b'Z\xfdXu|\x04x\x9a\xb9L\xb1\xf0:oop\xf2\xf4G\x84\xcc\xc4\xe0_rz1r\xb1\x95\x0b\x08'</t>
  </si>
  <si>
    <t>b'\x08\xa4XWr]\xb8\x01\x06Z\xd2\x92\xd5y\xd8\xd6=\xbb\x8a\x8a\xf97\xe8}\x8b\xbf\x91\xe4\xa7\xd0\xbf\xf2'</t>
  </si>
  <si>
    <t>b'9\t\x17\xf6\x1e\x8a\xbe\x01\xc6C\x85\xad\xe5\x91\xc0\x9dHj\x95H\x14\xa1*\xe3\x8b9\xe7\xbf\xbao\xdf\x18'</t>
  </si>
  <si>
    <t>b'4/\x00\xda\x9cV\xacE\xb68\xd5\xf3\xf4y=\xfa^\xc8\xf8F\x02\xf0\xf3\x95\x964\xe2\xfe\x1c&gt;#\xde'</t>
  </si>
  <si>
    <t>b"m4O\x14\\\x1eAG\x8a*\x02b@A'\x11\xc8^;\x9cS\xe6y\x91\xe5\x8e\xd0\xd2N\xa6\xe9\xcc"</t>
  </si>
  <si>
    <t>b'\x9f\x81\x86\xa7\xa6V\x07\xe6\xdb\xd6\xaaO\xde\xd8\xa0_\x86\t\xbd")\xb2NQBK.\xa1\x04\xdah\x8b'</t>
  </si>
  <si>
    <t>b'$&lt;\x14)\x97\xc0\x08C\xa4\xe3)\xadS\x0c\xa3\xf6\xbd.\xb5je\tCk!\xfd\\\xab\xa6\x8egb'</t>
  </si>
  <si>
    <t>b'\xe6\xe4oB"&amp;\xef\xf6\x8b\x1bq\xef\x80\xa3\x94\xe68\xf3\xfc\x97/\xf8\xd5v\xf8@\x835 \x99/*'</t>
  </si>
  <si>
    <t>b'\xf5\xc5:4\xae\x8a\xee\x9d\xfb\xff\xbcFY\x8a,\xc0\x03\xd2f\x0b\xa8w.\xc0\xd8\x82\x7f\x93}\x91\xcd\xcc'</t>
  </si>
  <si>
    <t>b'\xa2(\xccV\x9f\xd0\x1b\xce\x87\x01Z\xfc\x11\x15\xdf\xc9\xf6\x0c\x9f\xb8\x1e\x98\xc7\x14$j6"0&gt;\x7f\xf5'</t>
  </si>
  <si>
    <t>b'\xe6.0 \xfa\xe7\x91\x04\xc2\xcb\xdb\xbbo@\xba\x85B\xab\xe8\xc8r\xd7\x9e\xa8\xab\xacER\x1f\x97\x12\xac'</t>
  </si>
  <si>
    <t>b'0\x8e\xf3\xfe\x0e\xa4\x8a5\x14QR\x0f\xf0\xe4\xc3f\x84\xbd\xff\x87\xf0\xb4\xc3\xb5\xaa\x86\xe2\x9d\xbf\x99\x88\xec'</t>
  </si>
  <si>
    <t>b'N\xa4\xf8\xd0\xb83}\xc6\xab\xb2\t\xcd\xebyX\x13|\x90\x17;\xe1\x89Yu\xce\xdc\xc4I\xea\x95.\xa2'</t>
  </si>
  <si>
    <t>b'\xe2\xcd\xde\xdb&amp;SK\xe1QnxT\x9el\\\x00\xb1\xeb\x90\xc7\x8dM\xf1)E\xef\x95\x9bW\xb0G\xbd'</t>
  </si>
  <si>
    <t>b'\xef\xdbD\x989IC\xa5\xf9!\xe3\x1f1\xa2j\xbc6w$\xe0\xc9\xa3\xd9\xed\x1e\x87?:Ve\x80\xb9'</t>
  </si>
  <si>
    <t>b'\xea\x14G!\x9b\xb5\xce\xc6\x08\xdc\xda0\xf3M9\xa52\x1c"\xb0\xc1(\x19\xfd\x18\xd3+\x87\x1d\xc6\xd3w'</t>
  </si>
  <si>
    <t>b'7f\xab\x9f\x87m\xa0\x06\x93\xa8w\xa4N{\xd0\n\xb3Dn\x90\t4\xddL\x00\xc8\x84\xfe.\xef\x0cP'</t>
  </si>
  <si>
    <t>b'\xa9p\xe7\xd7U\xfe\x13\xbbQ$Z\x92\x05\x90\xa0\x01^B\xd0R,c(}pH\x18\x0b\x1ds\xc5\xb9'</t>
  </si>
  <si>
    <t>b'\x17\xcav\xfd\xb6\x8d\x93\xd2\xc6*9\xf9\x92V9\x1d\xb7\x00\x11\xe3e\xf6\\\xc3T7?H\x829\xf2\xcb'</t>
  </si>
  <si>
    <t>b'\xa2\x01\x03\xca\xdbR\xd8\x90\xbb\xe8\x19\xe3\n\x8e1\x18\xe9I\xf4o#\x0b\xf6\xff\xd8x~"2\x01E\xcf'</t>
  </si>
  <si>
    <t>b'\xd2\xaf\xf2\xd1S\x06\xff)\xc8\xaf#\x83\xc8\x9bd\x87H\x9e\xa8\xa7(\xed~\xeb\x8fBV\xfa\xac\xcb\xa7\x97'</t>
  </si>
  <si>
    <t>b'{\x87!\xaf\x12\x15|\x13\x86\xe7\xd9.\xf9\x98:\xe4\x95\x05\xb2\xf72UfH\xb8\xe3\x0c,\xe2?p\xc1'</t>
  </si>
  <si>
    <t>b'$P(\xe9{i\x97D\x89&gt;v\xfc\x94y\xd3\xa6\xc4\xf9\xddS~\x14\x0e\x82\xf1\xef/\xa6\x0f\t\xd9n'</t>
  </si>
  <si>
    <t>b'o\x9a\xbd\xa0\x02\xed\xb4}\xd9?&lt;D|\x0f\xd9\x8e\xa0\x85\xc8\x98\x08\x14r!b\xf6.\xb1\xa8\x96\x05\x92'</t>
  </si>
  <si>
    <t>b'\xc0OM~\xe3\\"PD\x84o\x8d\xbb\xb3+\xefE\xe7\xc92\x1eV\x1a\x8d\x93\x0ehf\xa2P\xd8\xd2'</t>
  </si>
  <si>
    <t>b'\xaf-J\x80\x99\x1cV\xd0\xf3\x9e1\xadi\x0b\x1dyb\x8f\x83\xb8\xd0jI?\x9b\xb7\x1e=~\xcb\xddg'</t>
  </si>
  <si>
    <t>b';T\x12\xba\x1cu\xfc#\xba\xc8\xc7\xd6_\xbf\xe1\xe2\xa8\xf9e\x00\xa3N\x9f84\xe4\xa5\xc1\t\xd7\xe48'</t>
  </si>
  <si>
    <t>b"\xfb\xa6\x99\x0c\x8em\xc8\x0e:v\xac}\x9d\xc0;2\xb94\xaf'\x05\xa3\xb9\x92\xf9j\xcf\xb9\xd7\xcc\x1d\xa8"</t>
  </si>
  <si>
    <t>b'V&gt;R\x0f\xea\xfdR\x7f\x82\x11- d\xdc\nS\xdf\xffQ\xa18\xe4\xcf`J\xa1\x162\xa9\x10\x9cQ'</t>
  </si>
  <si>
    <t>b'\x0e\x86a+\x97bKW\x89\xf3\x98\xbe\x1d\r\xe3\xf3r\x85\x83Z\xbb0\xb0\xfc\x8f\x981m\x91q\xb4\xe8'</t>
  </si>
  <si>
    <t>b'\xad&lt;\x9f\\\xc6\xea\xb2q-\x1dp\xf2\x99\xb3\xd4\xb3ru}\xfcq\xf7\xee%&lt;O]\x07\x0c\x19z\xb0'</t>
  </si>
  <si>
    <t>b'i\xack\x95\x80\xfb\x05\x85\xc2\xe2\xd8\x91\x11\x80\xfe\r\x7fZ\xd4\xb2\xc0 \xc5\xc9\xaf\x9b\xcds-\xcf\x00\xef'</t>
  </si>
  <si>
    <t>b'\xf3+VC\xc5\xb4C\xa3\xaef\xbbe\xa8\x18\x9f\x9f\x97:\xd5\xf2(\xe6\xcco\x88\xb3\x9b\xc2\xe7G\xbeF'</t>
  </si>
  <si>
    <t>b'\xd8\x16\xb5\xd3\xb6\x83\xc4\x80$0\xb4\x1d\x16\xa8y8\x81\xbd",_c\x05\xe7?\xc9\xfe\xb4?[e\x90'</t>
  </si>
  <si>
    <t>b'\x81o\xb2:\xd9\x1f\x96 \xff\x85A\xe0Z\xe6\rnT\xbf(\xab\x9d6\xa1\xa9fb%\xe5\xe1\x97\xeak'</t>
  </si>
  <si>
    <t>b'\xaf\xe3\xef\xed\x19`\x1c\xcd\xcf\xa3\x15\x91\xc7d\x8a\xad,\xfc\xd2\xa9\xcf\xab\x9e|\xeb\x84.\x94(\xf6\x8a\x07'</t>
  </si>
  <si>
    <t>b'6\x00\xcc\x02\xb5\x01\xf7(\xed&gt;\x10\xd4\xc6\x98\xce\x9eq\xa5\xc8\xd4\x8b\x12\xfe6~\xdd\xce\xc7\xfa\x17\xf3&amp;'</t>
  </si>
  <si>
    <t>b'%\x172\xadjq\xdb\xc5\x12F\xafS\xde"\xbe\xa2\xa0\x17\xf3\xffa]\xff\xb9\xfc\x8c%\x18E\xea@\xf5'</t>
  </si>
  <si>
    <t>b'T\x97\x1dl\xd1Bj\xfe\xe9\xa1\xcb\xff\xe7\x86b$\xe8}\xa4\xe1\xd3\x1e\x9e\xc8U\xd4\x16\xf8\xc0\r\xaf\x17'</t>
  </si>
  <si>
    <t>b'\xa7\xd6\xfb\xa9\x92\xe0\xe9T\xe3f\x97\xa6\x95\xfd\x19?\x16,)\xdb\xb3B\x91\xb20\xf9\xa1\xee\x91=\xfai'</t>
  </si>
  <si>
    <t>b"\x06\x00\xfb\xb5e\xdbM\xbd\xb8\x9d'\x12{\x7fX\x7f\xae\x9b|@\xfc:p\xcd\xa3~\xe4\xcb_\x8dW`"</t>
  </si>
  <si>
    <t>b'y\xb7\xcf\x1f6\x843E\xb37\xbc\x85\xda\x88\x9c\xd6\xf7]_h\xc8m\xe7\xb7Q\x07T\x88\xba\x14\x80E'</t>
  </si>
  <si>
    <t>b'\x8aV\xb9;((\xfb\xf68|\xbcd\xc9\x9c\x92\xc8k\xe4\xcf\x04e:\x936Q\x10@\xd8\x0f\x95\xc4P'</t>
  </si>
  <si>
    <t>b"\x9ea'\xd9Z\x01y\xcd\xb0\x89}d\x06\x95Tj\xb9\xe8\x1d!)f5d9@\x8c\x04i\x81k9"</t>
  </si>
  <si>
    <t>b'\nL\xbb\x88\xcf\tmv\x97\x81\xd2\x9b\xbcr\xed\x8ak\x92&amp;Q\xbc\x14\xcb\xebq\xae\xc4\xc4\x80\xb4d\xfc'</t>
  </si>
  <si>
    <t>b'\x05_\xda\x89)\x04-,\xee \xf9Q\xbb\xaa1\xa5\xf1\xb0\xa1\xe7%\xef\x02Y\xa8\xef\xd7O\xc4\x18\x9c\x88'</t>
  </si>
  <si>
    <t>b'\xdc\xd7\tjz\x00\x88\x81\x95\xa9\x88\xfd\xdaRH\x84@\x9a\x84\xbd\xe0&gt;\x84\x94\xe4\x05\x8bn\xc1M\x1d\xaa'</t>
  </si>
  <si>
    <t>b'R\x96r\x97\x85\x82\xf4!\x84\x00\x9c\xf5\xac\x06y \x8f"Gq\xb9y\xbb\xdd\x9e\x8d\x8d\x9f\x04\xd2\x97\xa4'</t>
  </si>
  <si>
    <t>b'\'\x1e\x8f}\xae\xfe\x0b\x96h\x15w\r\x9f-\xc5\x84\xcbe@\xc5\xb6r\x19"\xa6w\xe4\xb7\xe3\xdfS\x85'</t>
  </si>
  <si>
    <t>b'\xc4\xcd\x82D\xae\x90\xc5\xc33q\xfa\xa1\xaf\xc0;_\x7f\xd3\xcaY\xe3\xe5\xae\x80\x16t\x849\xef\xea\x9e\x85'</t>
  </si>
  <si>
    <t>b"4C'\xa7\xe4\x07 \x8f\x12\x0f\x87v\xad#m\xbb:\xa4&gt;\xf4\xec\xfe\xcbu\xad!\xa6KQ\xfb\x17\xec"</t>
  </si>
  <si>
    <t>b'f\x19\n;\xd2%\xe9\xe4\xc6?\x0b+\x1c~\xcd\xb5\xa9\xdb\xb6\x13\xa2\xa9\x01\xd0\x88\xaf\\\xceM.\xbe\xe0'</t>
  </si>
  <si>
    <t>b'\xfe\xed7"}I\xdaT!R\x9e\xe8]S\r&amp;\xca\xde\xda-&amp;[\xab;\xddp\xe7a\'U\x9f\xd9'</t>
  </si>
  <si>
    <t>b'\x99\xfc\x11L\xb2\x0e\xf5\x18&gt;%\xa4\xc9\x0b\x9d\xa6\xbekC\xd5\xfa\n\xc9\xb1\xf1\x00\xb5\xfd\xa6(\x83\x19\xc9'</t>
  </si>
  <si>
    <t>b'\xd0\xd8\x99\xa3?\xfd\x9c\x0b\x80W\xfb\xd2\xf1.Q\xa2\x00 \x9a0P\xec\xca\xd2\t\xf3\x94\x97\x94\xe2\xc6\x82'</t>
  </si>
  <si>
    <t>b'\xba\xab=8\xaf\xc9\xc3\xbd\xf5\xae\xfc!\xd4Rh\xbby\xb5\xf5\xde\x91F\x9f\n5\x15\x8d\x9aO\xec)='</t>
  </si>
  <si>
    <t>b'\xa6\xe30\x7f\x9aV\xd6\xcf\x06\xbd\x07"5:\xd3\x98\xe5i~\xe2\t:\x9a\xbaL*\xa8\xdd2c\xfd\x0b'</t>
  </si>
  <si>
    <t>b'\xf23\x031\xf7j\xe2\x91_7\xef\x08q\xa3\xf1{\xa0\xea\xb1\x1f\x1d\xd2\x8c~\x81\xa3\xc0\xa2\xaf\xe7\xcc\x16'</t>
  </si>
  <si>
    <t>b'\xf7a\x10gLIW\x80\xff\xd5\xdcD\xc6\x93d\x05\xf2oc/\xf4\x8a&lt;\xfc\xeb%4W\x91+\x836'</t>
  </si>
  <si>
    <t>b'F\xc8\xa2\x1b\xa2\xcf\xbd6H\x8d\x85O\xe5\x84\xcc=\xdb\xbc\x07\x91\xfa\xee&gt;\x86f5\xac\xc2\x1dB^M'</t>
  </si>
  <si>
    <t>b'\x9d\xe2\r\xa8\xb6\x03\xd8\x0b`v\xdcX\xf4kJn\xa0\x0b\x90;\x00\x183%W\x95\xb6\xdc\x9c\xd1\xac+'</t>
  </si>
  <si>
    <t>b'v\xfb\xae\x9f\x88\x9f&gt;\x89\x11^\x8b\x90\xd5{\xd3\x88\xa9\xe7l\x8a\xdeqmdg\xd9/rQQ\x16e'</t>
  </si>
  <si>
    <t>b'!\x83\x1f\x94\xe2\xa7^V\x82\x16r&lt;*.\xec\xe1\xff\x97)\x88\xa2\xdaI\xe7\xde\xff\xb4\x868\xb7"\xeb'</t>
  </si>
  <si>
    <t>b'\x94\x00J\xe9C\xceI@\xad\x8d\x079G\x16\x9f_\x1ac\xc4.\xf4\xd1\x84\xec\x92B\xbeX\x9c\xb9\x93\xa2'</t>
  </si>
  <si>
    <t>b'\xee$\x95\xd5\xb0\x94\xa1#\xfd\x1a\xf1\x01r\xf7i\x8ay\rt\xba\x07\x11\xcd*\xae@\x8c\xd8\x08\xd6\xe3\xc8'</t>
  </si>
  <si>
    <t>b"\xb8Q\x01\x1c\x8d\x9e\x83!\xcc\xa6\xb4\x8a\x0ea\xbe\x8a\xd1\xdf\x97\xdf\xa4\xce\xcdR\xdf)'d\x12\\\xc7}"</t>
  </si>
  <si>
    <t>b'\xc8\xff\x8a\xb6\x01\x0b\xb6\x86\x80&amp;\xf90\xe6\xeb\xc7\xf1wJ\xc1;f\xc1:\x82\x81\xfeh2\x81\xc9x\xa9'</t>
  </si>
  <si>
    <t>b'&gt;\xfc\xca\xe0\xc8@\xd3!kWm\xc5\xcd`\x88\x8f\x916\xc9\xa2:E\x03\xe5\x82\xb6w\x06m\xf0~7'</t>
  </si>
  <si>
    <t>b'y\xf4sm\x8b\x8e\x04\xb0\xbe\x8e\xbf\xb9h?s\x8c\xde\x82[\x026}\x88\xd6IH\x8ae\x80\xe9\x19P'</t>
  </si>
  <si>
    <t>b'\x12E\x06\xe6\xbd\xe4\x0c1\xde \xaf\n\x82\xcb\x97\xac"\x1e~\x0c\xdf_\xae\x9b\xb8\xf0\xfb03\xd19\xfa'</t>
  </si>
  <si>
    <t>b'";s\xe3\xdd\x10\xcd\xb0G\x03\xdd\nW;\xaf\\\xeabf\x9c\xfet@\x16\x8c~\xb2\x06o\x813!'</t>
  </si>
  <si>
    <t>b'\xda\xf0\x03_\x84\x9f\xe8\xc2\xf5|\xbe\xd7{\xd1\xa1\x8e\xf3\xdc\x9cU\xe3O\xad\x1d\x1dp\xdcPA\xf3\xf36'</t>
  </si>
  <si>
    <t>b'\xf1p\x14\xe2\xe3\xfcRR\xf0\xfe\xef\x92E\x05bv\xc0e\x0f\xaf\xff\x9d\x8d\xaaD#\xa9\xfc\xcd,\xd5\xad'</t>
  </si>
  <si>
    <t>b"\x17\xc6D`\xe1=\x11l\xc3b\xeb'x\xf6\x1b\xfb\xa4\x87\x9a\xb3\xd9#\x92P\x92\x974\x80\x01s\x06\xfc"</t>
  </si>
  <si>
    <t>b'2\xf6f\x8a\x84\x96v\xad\xf3\x15P\xb1\xd1\xc7+\x8b\xf4\xb1zST\x9en \xe3\xf1\xdd\xef\xa0\xd4\xc5\xb5'</t>
  </si>
  <si>
    <t>b'\xb1\x9b\x0e\xeb\xcc\xfc\xf6\xa4\x0f\x117\xc9\x8b\xeb\xc4O\x8e\xd9\xde$j\xc9#t\xacz\x17\xca\xa7T\xe9\x02'</t>
  </si>
  <si>
    <t>b'\xd4\x0f\xef\xd7\x17]\x00\xa6u\xa9\x95\xe5\x00\xa1\xf3\x8c\xb7B\n\x01\xa9\xc9\xf7|\x92\xa9\xeaV\x82A\x15\xf8'</t>
  </si>
  <si>
    <t>b"\x9f\xb7F\xae\x05\x12\xad\x0e\xbd\x95fw\xa7}fo\xc7\x85`K\xb8+\xfd'1\xa0\x00\r\xcaY\xd9\xbb"</t>
  </si>
  <si>
    <t>b'H:Mx\xda\xd0\xc3\xb0\xb0{\xc5\xf6\xfa\x80}\x0c\x1d\xa9\xb6?\\\xbde/;~S\xe63\xa9\x91z'</t>
  </si>
  <si>
    <t>b"\x02\x87(s\xac\x0e@'\xdd&gt;)a=\x81UX\xf7\x04bN\xff\xc3\x93\xad-G\xcc\x9e\x8dY\xbd\xbe"</t>
  </si>
  <si>
    <t>b'\x91\xa3Yn\x9c\xb1&amp;\xef\x85*\xe8\x11\x8a`\xf6X\xfao:8\x1e&lt;\x05\x83\xf7\xe9\xa8re\x9d\xbc\x80'</t>
  </si>
  <si>
    <t>b'\xe4r\x15\x01\x06\x98\xb6\xceV\xec?\xfe"\xc6}u\x05\xcd\x0c\xd7\xb8_\x10\xb5\x97gW\xa3\x955\x00\xab'</t>
  </si>
  <si>
    <t>b'\x82L\xa2@4\xd50;\x10*\xc8G^\xe9l\x08#\xa8\xb1\xc0i_\xff\xf3a&lt;A\\\xdfS\xf3\x1c'</t>
  </si>
  <si>
    <t>b'W\x11\x7f\xb3\xf5`1L\xb1\xdc\xeb!\xfb\xd6\xdc[[\xb3\x08\x9e\xf6\xa23$e\x16oO\xf4z;A'</t>
  </si>
  <si>
    <t>b'\x94~\xbb\x15\xec`\xba\xc0dP\xe3\x00\xb6\xd3\x96\x1e\xff\xa9\xb2\xe0\xf7\xfbX\xfd\xfd\x0eU&lt;\xf7}\xc4\xad'</t>
  </si>
  <si>
    <t>b'\xb4/\xa6L!\xee\x8a\t\x1f\x82\xfdn\xac\xb1\x93\xf9\xedB6\x89H&lt;\x11\xcdt\xec\x19\xf2\xb4\xd3\xd4:'</t>
  </si>
  <si>
    <t>b'\xbaf\x8c)\xd0\x1c\n\xe2:\xa0\xd7h\xa6\x82\x01\xe4\x8c\xc5\x96\xdcG\x84u\xa2\\M\x0e\xa3\x80\x1a90'</t>
  </si>
  <si>
    <t>b'\xb1BC@\xccA\xe7\xcb\xf3\xd2\x8f6\xdf(ePj\xbf\x1e\x8eyqY\nK\xa7\xe6H~\xac+='</t>
  </si>
  <si>
    <t>b'!\xeb\x15\xc3\x86\x8b\xb5\xa7\xfe\xda$zz~cgm\x06\tW\xeba\xc1\x1cEg\r\xc7\x84\xae\xa4\x8a'</t>
  </si>
  <si>
    <t>b'\xdf5\xe5\xa5\x98D+zu\xda\xb4\xe6X\xcfZ\x85\xc0j\x8b\x17N \xc0\x81\xfd\x89b\xf7I\xb2O\xc1'</t>
  </si>
  <si>
    <t>b'\x1b\x0f6\x82G/\xa2Rx\xff\xe5\xc6j/\xf1\xeblITNd\xcf\x9e\xbf:\xfb\xabq\xd5\xf9w\xf5'</t>
  </si>
  <si>
    <t>b'$\xdft\xd6\xd84?1\x05[\xf3\x1a^\xc2\xb1\xc5\xd6c\xf0\xbff\x12\x84\x80kb\xdb+\xb9~\xa1\xfa'</t>
  </si>
  <si>
    <t>b'\xad\xae\xb1\xba=\x869\xe2\xbbv\xee\xae\x9b\xca\x06\t\xbc\xe7]!p\xf5;\x93\x16U\xe6\x95\xe9R\x17\xef'</t>
  </si>
  <si>
    <t>b'\xf5J\\\x0b_\xa8!]\x8a:\xb1\x87j\xf3\xcc\x08i\x0fa\xaf]\xf38E\xf9\x9a\x82\xff`&amp;\x0eC'</t>
  </si>
  <si>
    <t>b'1\xb5\xc7L\n\xfbb\xab\xa8;\x8f\xe7\x1b\xee\x00\xfaN\x06\xa0\xa1\xdcK\xc4\xe7L\xf4\xec\xeb\x8eY\x05\xb8'</t>
  </si>
  <si>
    <t>b']^\xa52\xa6\x81?/,\x9e\x9e\xa8a\xc0{\xa3F\xe5\xf1\xd9\xa4\x9f\x10K.tpMd\x93#\x88'</t>
  </si>
  <si>
    <t>b"\x92vY.'L\xce\x06\xb9uo\xe34\x1a\xac\t\x04\xc5E\x1eC\xb2\xab\xd7\xdf\x94\xe1m\xa1\x9e\xd1d"</t>
  </si>
  <si>
    <t>b'o*\xf6B\xb1Z\xb9\xb9\xd2P\xc2; i\x8a\t\x15\x06\x02\xf9\xda\xd1:\xc3\x85\xbc\xa0\x07\xcb\x8a\xcd\xa3'</t>
  </si>
  <si>
    <t>b"\xa3Dw\xc2\xc2\xb0V\xad2\xe4\x87\x03\xd6\r\xff\x1d3Z\x9d9\xdb]\xc0md\x9b\xcd%6'\xc6\x98"</t>
  </si>
  <si>
    <t>b'J?R\xb2\xcdfg\xd2fM@\xc1\xcb\xb6\xfa\xc8$\x1c\xaf\xc8\xa5\xafl\xef\xfd\x08\x88\x94\x94h\xeco'</t>
  </si>
  <si>
    <t>b'\xc5\x05\xcbl\xce\x16\x9a\xb8:\xef!\x15)\xcd\x8a3\xfc\x81\xa4ku\xa7&amp;\xfa\\\xaf\x1b\xad_\x10\xa6\x15'</t>
  </si>
  <si>
    <t>b'4y\x94\n\xbb\xf6\xac\xb5$q\x1c\xd0V\x92E8\xefP\x1e_x\x91&amp;\xaf[_ \xdf\xbb\x9fw\xf4'</t>
  </si>
  <si>
    <t>b'\x14ZG\x15\x94ymx:\xc1\x0b\xeby\xb9\x9e\xda\x1c\xe8\xdbyV\xedA\x02\xfe\x80f#\xbcz\xd3\x0b'</t>
  </si>
  <si>
    <t>b"\xc7\xd9i\xd9\x0f\xa0\x11%\xac\xd7\xcb\xbc\x0e\xf3\xf7\xc0'\x18$b\x04\xbd/\x15F\x95L\x08\xe3D:\xa2"</t>
  </si>
  <si>
    <t>b'u\xcd\xfd\x97\x94B{\xbaFW\xdf\x81Dg\xdf)\xf6\xfb1hA*\x98h@\x05\xdagS\xb3\x02\x9b'</t>
  </si>
  <si>
    <t>b'_\x81g\xf6\x8f\xa0@\xdd\xf4I\x8d!S\xb5\x1d0\x83\xbc\xb7fZ\xc3\xfe\xf3G!\xf6\xf0\xaer\x06\xd0'</t>
  </si>
  <si>
    <t>b"\xf8GlBO\xac\xf2\xaf\xe1:\xb4\xc4\xc1ssq\n\xea\x1et\x04\xe9D\xe1\x11 '\xe6#&amp;\x15\xe6"</t>
  </si>
  <si>
    <t>b'\x08{p.\xa2\x03\t\xc2t\x1d#\x95WR\xf2\xe16\xc4\x07\\?\x99\x95\xcflm\x97\xe9\xc1\x17\x87\x0f'</t>
  </si>
  <si>
    <t>b'y\x84\xd8RCf\x99\x86\xd4\x91I?0\xc0\xe0\xdb\xb2\xff\x83(\xdb\x81Bt\xd0\x83\x13\x07[\xd5"\x15'</t>
  </si>
  <si>
    <t>b"z]\x9b\xe3'\x82\x06\x8d\xdc\x99\xe1\xd0\xc0R}CN\x89\xb5O\x9ar+\xe1\xa7b\xb5\x8e\x15\xd1z\n"</t>
  </si>
  <si>
    <t>b'\x14\xeaM+\xd2|\x01/|U\xff\x98\xb5\xc7\x11\xc9 \x89\x04\xe6\xb9\x82\x8a\xc2b\xd3v\xf7\xc2\xe7s\xea'</t>
  </si>
  <si>
    <t>b'l\xa8\t\xdd\xf4fL\x05\xff{n\xec\x8a3C\xf1\xb1Vz\x19C\x12\x1d\xfe\xb9G\xf5\xef#\x81\x97P'</t>
  </si>
  <si>
    <t>b'e\xb0\xcd\xd2&gt;\xfe\x008\x89\x9ef\x18d\xa8\xd3\x90\x0fF!f\x9b\xdf\xef\x87\xf2\xc0f\x93\x15\xb5\xf7O'</t>
  </si>
  <si>
    <t>b'BO`{.\x14s\x0eN\xd66p~\xee?8:\xe5;&amp;\xd8\xa2\x06\xc2\xf6\x08\xb2\xf3\x1d\xe6\xfa%'</t>
  </si>
  <si>
    <t>b'T1\xf3\x93%2Z\xe5o\xad\xbd\xc0f@\x8e*^\xa0"h\x13\xc6\xb5\x13l\x13\x01\xb4\x87Ro\xe8'</t>
  </si>
  <si>
    <t>b'\x04\xbf\xa6\xd9Q\xa7\xc5Pe\xb3\x9ch\xc76\xfe0\x96\xfb\x1f\xae;`:\x0b\xba\xdd\xf1\xd5\xda\x13=K'</t>
  </si>
  <si>
    <t>b'\xa8Ar(\xa5-|\xec\xd9\x9eGk&amp;\x99\x84\x04\xfa\x9avR\xd1?0I\x17i\xfe\xf72\x1c\xad\xc2'</t>
  </si>
  <si>
    <t>b'&amp;\xd3\xf5\xca\xa4f\x1a\xb7\x00?&lt;&lt;\xe1\t\x0e\xa6*%\xa1\xee\xb1\xf3\x92\x85\x8f\xfd\xda\xdd"\xab}\xdd'</t>
  </si>
  <si>
    <t>b'Ia\x8f\x9f\x8eQ\xba\xadR\x98\x13=\xde\x7f\xa1\xd49\x135\xb4U.\x9c\xb8`\xc3\xdf\x1f\x16=\x19 '</t>
  </si>
  <si>
    <t>b'\xbd\xab\xe9`B\xb2a\x86\xa0w\x8cGv\xad\xd7\x80n\x86\x11\xd6\xba\xce&amp;&gt;v=\xf4\xfa\x1a\x9f\xab|'</t>
  </si>
  <si>
    <t>b'\xccE\xc6\xe6$oJ8\xf5a\xb4\xbe\x9bW\xdckL\xb79\xfd&amp;\x19hfx\xf1U\xa5x\xcfR\xc2'</t>
  </si>
  <si>
    <t>b'\xff@\x11\x98\xf3\x82\x11\x14-;\xd04\xa6\x15d\xcdj8\x02\xe8\x1a=}\x94\xc0\x8b\xbb\x19;\xc3{M'</t>
  </si>
  <si>
    <t>b'\xc2\xbf@F\xf5\xc7\x85Jj\x930\x9fz\x0bh\xce\rk&gt;\x8fd\xf1\x9f\x10,\x8a6\x8f\x0cL\xc5\x1e'</t>
  </si>
  <si>
    <t>b"\xdeA\xc7'\xfd\xa6\xc7\xf4\x88\t\xb3\xce\xb3\xfd\xd0\xe1\xefr\x92\xbb\xdf\xf8\x05d\x94r\xe1\xef\xb9_\xf3\x01"</t>
  </si>
  <si>
    <t>b'\xa1\t\xb0\xc9\xb5\x80qsb0\xb63\x0b\xf8\x98\xe6\x00A\xe9\xfeg\xb5\x80\xaaX\x00^\xcbb\xac\xd5\xd2'</t>
  </si>
  <si>
    <t>289xx</t>
  </si>
  <si>
    <t>b'\xdc\xa7b\xf53\xba\xd3\xc2\xde\xca\x8e\xac\xb6\xfe\xd9\xee{\xf6\xac\x8a\xba\x8d]\x13\xcaE}\xa3s\xbb\xaec'</t>
  </si>
  <si>
    <t>b'\x13\xc9&gt;\xbeD\xb0\x81\xcf\xa5n.\xec\x18\x04\xde\xb6\xb4\x9f\xbe\xc06\x1a\x1bR\x1c\xce\x87\xdd\xfd\x1bxH'</t>
  </si>
  <si>
    <t>b'P\x84^P\x80\xf9\x8fH\x070\x86(L\xc3\xcbJQo\xa6\x1d4X\xb5\xa3\xb1\xfd@\xc5\xd0@\xc8$'</t>
  </si>
  <si>
    <t>b'\xc4Y\x8a\xe8M7\x18\x01\x0f\xed\x7f\x0c!\xeb\x04\x0c(\xa7\xb0_\xd5\xbe\x0b\x1eo\x11=\xb0\x8f\xe1\xc2\x02'</t>
  </si>
  <si>
    <t>b'F\xc8\xa3\xd8\xac\xdf\x97w\xc0+\xb6\x93P\x07\xb8\x0e\xc2\xc5\xc3\x91\x1e~u\x97\xb9\xa0\xdc\xbd\xbaq\x92A'</t>
  </si>
  <si>
    <t>b"K\xef\xee\x0e6\x8c\x06=\x10\xfa\xd2\x99\x83\x1e\xd5\xf0~-h-q\x90'2h\xdc\x0b\x17\xd8J\xafr"</t>
  </si>
  <si>
    <t>b"\x9fC3P{&lt;&gt;c\xb5\x93\xdd\xaf\xedoQ\xdfp4'\xf0\xe6\xba\n\x96n\xfb\xfa\xe0\x12.\xff\x03"</t>
  </si>
  <si>
    <t>b'\xe8t&lt;\x10y\xf4}\x88\x0c_\x19\xb9\xcb\x84Tg\xca\x99\xb3f\x8a\xd0\xc3\xc2|\x8ar#NC\xf2\x9d'</t>
  </si>
  <si>
    <t>b'\xd3D\xad\x17\x83\xa72\xec$c\x94m\x1b\xf8\xc6\xb2sw\xa1\x14\xd2\xc9\x17\xb8\xed\xbe\x00\xdb]\xe1\xb4\x06'</t>
  </si>
  <si>
    <t>b'\xe42\xb1Uj\x87"\x03\xcaQ\xdd,\x03\x83aTD\xcb\x0e[)\x0c\xc5U\x16\xcf\x02 \x18;\xf4F'</t>
  </si>
  <si>
    <t>b'\xe6|\x18@O9d\xa1]z&amp;L\x89\xd8\x94\x07\xcbB\x0b\xce&amp;\xb0\x0c\xd6\xb8\xc6\x92\xf8\xc9[\xa3\xd6'</t>
  </si>
  <si>
    <t>b'\x9c\xa5D\x10F\xf4\x99\xd2\x90 \tW\x9a\x92\xfd\x125T\xd9mLp\xcc\xc2\x90\x04\x16.\r\x92v\xd8'</t>
  </si>
  <si>
    <t>b'\xd5a\x86\x0e^\xc8\xf6\x8ey_r\x96\xc2d\x0f\xa5\xf5\xd3\\\xc2\x1bYY\xefK(\xd8P#Y\xd6\xfa'</t>
  </si>
  <si>
    <t>b'\xc5\x8b\xddQj\xe6\x1f\xe1\x9e\x0f\x04\xe2\xb4\xc1\xd0\xb8\xfa\xb3g\xea\xcb&lt;\xb3\xb3\xeawO3\xf5w\xab\xce'</t>
  </si>
  <si>
    <t>b'F]\x88Xw\x1b\x0e\xcc\xc5w\xdc\xd6\xed/RQ\x8f\xe3\xa9\x15{v,*\\\xb1\xf3\xab\xbf7\x97\x13'</t>
  </si>
  <si>
    <t>b"\x0e\x04t0'E\xba\xb0\r\x96\xce\xfe\xc0A\x0e\xc3gp\x87\xaa\xcc\xee\xfbq$\xf7\xe2\xdb\xf2\tGi"</t>
  </si>
  <si>
    <t>b'3\xa7\xae\xf3,\xb2\xa1$\x8eX\nCmhW\x13w\xb4\x90=\x97I\x88\x03\xf1\xa1,P&gt;,Z\xcf'</t>
  </si>
  <si>
    <t>b'aT)\xae\x18\xb8vco\x8c\xce\xb8\x97\xf9@\x96\xbf\x87/\xdf\xfa+iA^\xc8o-\xd3L/\xd6'</t>
  </si>
  <si>
    <t>b'\xaa\x80\x93\x03\xd4\xd7\xa5\x9b\xc2\xf9\x91b\xe9{\x19\x8e\xae\xad\xe0\xf4\x02X]c`0\xf1\\C\x87\x17Q'</t>
  </si>
  <si>
    <t>b'.\x8f\xc0\xc8\xce\xe5\x9e\xa9\x8d\xb6\xb2\x01\x01y\nI\x99!\x9d\xa4]+#Y\xc6M@\x8c\xdct*D'</t>
  </si>
  <si>
    <t>b"\x8a\xa2\xbd\x89\xfau#\xa3\x18\x95r\xb1\xa4'\xc9\x99\xe1\xf1\xc5\x1f\xf6)\x1b\xd3dR01\x9f\xd5\xf2\xa5"</t>
  </si>
  <si>
    <t>391xx</t>
  </si>
  <si>
    <t>b'CX\x99\xffdc\xa3]e\xf2\xd9\xec\xfb\x19R}\xdc\x99\xfc\x13\xbf\x90\xce\x97\x16\xe6\xf6\xb0\xf3(\xc2_'</t>
  </si>
  <si>
    <t>b'\xac&lt;BG\xe2\x89aAj\xd7p\xb1#b+\x97\xee^N\xf7\xdfH`\xda5!\xd9\t+\xfa\xed\x18'</t>
  </si>
  <si>
    <t>b'\x98\x0f\xe8\xdbi,\x94\xeb?Nf\xb8q\xe2;\xe90\x14\xea\xb8\x82\xdc\xf7\xabQ\xf0~5h\xab\xb3$'</t>
  </si>
  <si>
    <t>b'\xd0\x8e\x8b\xf4DF\xe8i%\xf6\xb7\xf9\x80A.\x82\xcf,Raa\x94\xb7\xff\xfd\x9a\xea\xf7z\x197\x81'</t>
  </si>
  <si>
    <t>b'\x91\xb0\xa8f\xb94$\xc2 }J\x98\xc9\xde\xc6z\xfb\x18\xbe@\x1e\x83\xc7]\x12\xda\xc3\x95R\x83P1'</t>
  </si>
  <si>
    <t>b'\xdc\xc8W\xe2\xd5\xfcOHf\xd6\xc7y\x82\xaa\x18\xfe%\xd48\x10&amp;y\x97\xf3eM\x00\n\xf5\xab~z'</t>
  </si>
  <si>
    <t>b'\xb3\xe5\xa0=qw\x12r\x80)\xc6\r1Z\xec\xd2\xb2\x17g\xb0\xfb\xf3\x8a\xc4\xa2\x12\xeci\x1b\x1b[\x95'</t>
  </si>
  <si>
    <t>b'\xf6\x8f&lt;/U\xcc79\xfa\xa7B\x1f=\x87\xacUQ.\xa6\x91;\x16\\\x1ajb\x99IB\x87\xb7$'</t>
  </si>
  <si>
    <t>b'~W\x15\xef\xc8VF* t?L\xed\\h\r\xe5\xc1\xec\xc2G\xdb!\x8ft\xaf{#\xd5\xb7\x80\xd5'</t>
  </si>
  <si>
    <t>b'%\xca\xaa\r;\\\xec\xc2\x05\xf3\xaa\xeb\x89\x86\x9f\x8f\xdc\xcat!\xba\x1a3\x84P\x10Q\xfa\xaf\x8b\x0c2'</t>
  </si>
  <si>
    <t>b'\xcd\x1d/g\xfb\x08i.mD\xb8\xbe\xaf_\x86\x07\x9a\xb2\xe7\xb9\xce\x02;\x8a\x17\x9dY_\xc4\xdd\x84B'</t>
  </si>
  <si>
    <t>b'\xaf\xfe\x92\xc6\x19\x9f\x85\x08\x97\x1c\xe9\xcd\xff\x0c\x1c\xa7\xe8pwG\x9c\x16\xa7\x19\x8c\xd1\xe74\xb4\xc6\x83,'</t>
  </si>
  <si>
    <t>b'\xf6\xba\xd3\xf6\xf8c\x98C\x07\xffKB\xda\xa3s\xdb\xcbaa\xf8n\xe2yJ!\xbb\x96\x9bL\x0b5\xe5'</t>
  </si>
  <si>
    <t>b';U\xbf\x7fw`\xcf\x89\xb3\x99\x85C\xc9RB\x1c\x8b\xca\xbc\x8a\xd3H\x02\xb3\x9e~\x13b\xe4h\x8e\xac'</t>
  </si>
  <si>
    <t>b'\xbf\xb2\xa3W\xe4;\x8c\xb6M\r\xe0\x00\x14\xb3\x83\xe0\xde\xb4\xfd|{t\xdae\xf4\xc3\xab\x8b\x846$\x8a'</t>
  </si>
  <si>
    <t>b'\xady\xf0Y\x15_\xb1\x8a\xd6\x89\xc9\x90k\xf1\xbe\xb4\x04\xeb\x9a\xa7\xc2\xfa\x91\x06\xb5?\xeb\xc3v\xbb\xe6z'</t>
  </si>
  <si>
    <t>b'\x88\xe8V\xdc\n\x8b$A\x85\xa2\x1b\xfa\xb8\x0b\x9f\xbd\xcf\x94\x81s\xd7ant\xe2X\xd5E\xdeC\xd0\x8a'</t>
  </si>
  <si>
    <t>b'\x99\xbcF1\x01\x1e\x02\xc1\x8f3\xd8\x12&amp;`i\x07\x10\xe2\xa5.\xd3\xe5P\xcd\xadS\x06;\xc4CU\xe2'</t>
  </si>
  <si>
    <t>b'\xf0\x90*\x0e\x9a\x11\xc6\xed\x10%I\xaeU\xfeE\x86T\xb29\xc8\xdf\xbe\xec\x8c\xae\x9a\xcf3\xb4_\x86\x92'</t>
  </si>
  <si>
    <t>b'Ad\x18\xf5\t\x86c\x9f~\xb7\xc6\x05\x8c\x90?\xe1\x9f\xdd\x06\x97\xf5u\xd6|\xc1\xe5\xaa&gt;\xa3\xae\xc3\x86'</t>
  </si>
  <si>
    <t>b'\xe0\xc0\x04\x8f@r\xce\r\x97K\xb4\xf0\xabl\xa8\xc8_I\xb0\xdf\x01\x1b\xa1k\xe51\\\xaaQ \xeb\xf1'</t>
  </si>
  <si>
    <t>b'\xc4\x96\xf4.p\x03\xc7"\x95i\xdd\x02\xe7\x8b:HC\xeaxk\x7f7\xdb\xe6\x88\xb32}\xb0\x8e?W'</t>
  </si>
  <si>
    <t>b'\xef&gt;\xe6y"\nsEz\xae\xb9\xb2\xb2Ag\x13\xf3\x9fw\xeau+\x0f)v\xba\xb5\x0e\xa5b\x1c)'</t>
  </si>
  <si>
    <t>b'%\xe2S\x1a\x9b\x11\x8e\xe9\x12\x9db\x9f\r\xc5\x86;\x81\xf7\xaa\x8dk\x84\xc7-\xe9\x01\xc1\xa9\x04V\r\xe0'</t>
  </si>
  <si>
    <t>b'Z\x13\x18h{Q\x06\xbbJ\x1e\xffY\xbdO\xe6\x18U\xe1\xe8ayX;Y\n\xcf\xfc\xa6\xfe\x11e\xf4'</t>
  </si>
  <si>
    <t>b'\x83f\xab\xe7\x0c\x86\xd3(\xc0\x89a\xf6\tD\x10D\xa98\xf3\xd0P\x19\x91\xa0\x00*\xc6s\xc7J\xbd{'</t>
  </si>
  <si>
    <t>b"\xe7\xcb\x9c\xbcI\xe4\xedY\xc3O\x07\xf2|\x96\xd0=\xdd\x17\xdfo'\xff\xbf\xf0\x96\x91\xc3.\tjy\xa0"</t>
  </si>
  <si>
    <t>b'\x94\x96\xa1\xdaZz\xc5\xaee\xc8\x11\x86 `\x00\xeb\x03ui[g`\xe6&lt;s\xc1&gt;X\xb0\xa2\x19*'</t>
  </si>
  <si>
    <t>b'W\x07\xe3\xf5L\xc3\x13.\xb7\xcc}\xe1[\xb9\xd4\x86\xb1\x81\x15\xf6\x97C\x9ae\xe3\xf7zo\xf0^\xb3"'</t>
  </si>
  <si>
    <t>b'\xeb\x13\xe3\x02\xcbg\xdc\x0f/\xdf\xb6\xdc\xb6(2\x90\xaf\x11\xd2TP\xa6u\x07\xc4\x9aG\x12*D0n'</t>
  </si>
  <si>
    <t>b's\xde\x18\x988#M\x95d\x9cuB:\xb3@wIo!YLl\xab\xebI(\x9b\x00Y\x10\xdc\xa0'</t>
  </si>
  <si>
    <t>b'\xa6c\xe6\ty\xb0\xbd\t\xffM\xac\xec\xb7\xf79\xce\xb4|E\x9d\x8e\x84\xa7=\xf1\xb0)\xa4\xbb\xad\x93\xba'</t>
  </si>
  <si>
    <t>b'm\x0b\xdbG\xc7\xccU\xea\xddy\xf0*-\xd0\xfb\xaf\xf1\x9e\x95\x8e \xfb4~\x99\xcd\xb6\x98\xaa\xcbC\xd1'</t>
  </si>
  <si>
    <t>b'\xc7\xbfz@\xf5f}\x83\x0b\xb0\x02=p\xb9\t\x8f\xe4\x14d\x9e\xd6\xa65\xdb\xf0\x03\x84\xd6\x90\xe6\x9a`'</t>
  </si>
  <si>
    <t>b'\x86q\xa8\xd0\x0e\x94\xda\xe7\xd4%D\xd6\xe5\x10\xab+q\x1a`\xbap\xbc\xfc\xd6\xf4/\x8c\x97&amp;\xb4#\xc9'</t>
  </si>
  <si>
    <t>b'\xb9\xe7\xb2\xea\xb3\xda4Oaq\xf2\x05\xd5x\x1bd\xab\xa2\x9f\xb6[\x8b\x91\xe2qj)\xbdU\xf4&gt;\xc3'</t>
  </si>
  <si>
    <t>b'\xfe(\x14\x8f\xf5~\xc1\xebdb\x0e\x1a\x11c\xbd\x8d?p\xda\x9c\x8dF\x96\xe4\x1cN\xe4&lt;\xae\xaf&amp;\x8c'</t>
  </si>
  <si>
    <t>b'\xf2\x97\xfa]\xc8\\&amp;\xf4y\x10\x149\x07X?\xde\x90k\xe6\x11\x01\x98\xc1y\x88;\xe4a\xf3\xe8s\xad'</t>
  </si>
  <si>
    <t>b'=VF\xdc\x99\xd7\xda\xac\xde\xb3\xb6u\x13\xf1\xae\x89\x1e3\xeb\x00,n}\xfd\x12h\xa3\x9d\xa9\xdc\xb2\xfc'</t>
  </si>
  <si>
    <t>b'\xab7@B\xbcZ\x9c(\x90\x8f \xb2@\xf3.\xa7\xc0c\xbb\x96\x8f\xf0\xea\xa4\xe1\x94\xdbv\xf9;\xb8\xd4'</t>
  </si>
  <si>
    <t>b'\x01(\xcdYh\xa5[\x05j\xeb\xbcM\xc5e+\x97;$\xc8\x04^\x16\xbc[\xb4X\xcb\x9aY\xf1w\xe4'</t>
  </si>
  <si>
    <t>b"\xa9\xfaz\xf5\xc7E\x06\xe8I\r8~\xc1R\xc7%\xc28\xc8\xcd\xdak\x92b\xd5\x17z!\xe2'\x9aO"</t>
  </si>
  <si>
    <t>051xx</t>
  </si>
  <si>
    <t>b'\xab\xc7\xec\xea\xa4\xa7\xc5\x8bj\xb1\x19\x0bW"\nZ\x0f\xd4\x1c\xfc\x1b##\x0fB\x8d6\xa1\x1f\xf1;\xf3'</t>
  </si>
  <si>
    <t>b'\xcd\x829\x07LT\x9es\xf7\xdd\x13Xe@F\xf7D0\x0bs\xb3 a\x87}\xfa\x9cqV/\xa9\x94'</t>
  </si>
  <si>
    <t>b'\xb8\xc3\xe2\x04\r\x1a\x98Q\x8cl\xa1\na\x16\xd7\t\xbc\xf78y=\ry\xbc\xcd\xd0+\x0e\xce\xeb\xa9\xdb'</t>
  </si>
  <si>
    <t>b'\xd1\xcc\xa6\x13\xe35\xe7#\xe5\xf2!\xc8g\x16\x9e1Ae\x8e\xf0xF5\x1b\x9a\xf9\xc7`];\x89\xf5'</t>
  </si>
  <si>
    <t>b'7\xc52\x82\t`&amp;h\x897I\x94\xf8\x88rh%\xc6\xe1\xdb\xc9\x97\xbb\x9c\x87\xb2\xadKfn\xb2\x8a'</t>
  </si>
  <si>
    <t>b'&amp;\x1d\xa0S\xa7`\x82\xe9t\x03\x99$&gt;9\x87\xd3p\xbc\x11&amp;\xa6A.\x83\xf7( \x10\x9b=Y\xf1'</t>
  </si>
  <si>
    <t>b'\xf5\x9b\x96\x13\xccD\x96L\x9d\xd5\xd2\xb6\xd2\xd7\x13+8\xe6V6;\x12\xb3\tc\\#\x02\xde0^\x10'</t>
  </si>
  <si>
    <t>b"\xa4c\x97x\xcd\xf7\xd63\xca(\x1d'\xd3T\x9f\xa1\x9d\xda\x9c\x9f1Q;(\xf0!\x98\x94/\xc8\xb4/"</t>
  </si>
  <si>
    <t>b'\xec\xb2\xf8\x8f\x8b\xc0\xaa\x02\xd4\xdc\xfa\xefim\xf8.\xd4\xd5\x7fL\x92\x9bG\x0f*\xf9\x98\xa28%;.'</t>
  </si>
  <si>
    <t>b'\xf5\x92H!d\xc6H`x1\xf0D\xc9o-\xeb\x82\x8e\xc8\xcb\xf0\x98\xae\xc9\xc2\x95\x1e\xd0\x1a\xe0\xeb\xd7'</t>
  </si>
  <si>
    <t>b'U\xd7\xd27F\xb4\xd1:)#\xcc\xdde\x87\xc4:\x12\x0fK[\xc8\x91\x1b\xba\xd3\xfe\xca\x1b\x87\x80/k'</t>
  </si>
  <si>
    <t>b'\xb2)P\x81/\x02q7\xd8@\xcc\x08\x96\xf011J\x14\x15@\xc3W\xa7)g\nSr\xa3\x15\xcf\t'</t>
  </si>
  <si>
    <t>b'aB\x17\xde~\xb4\x92\xc5\xc8\x1aLI\xe1\xea\x85\xbe#J\xc95\xc0\xa3r\xb3g\xb6\xecV\x12\xa4\x17u'</t>
  </si>
  <si>
    <t>b'\x10o\xb5/\xc4V\xcf\x92\xa3\xdaYt\xb7\x1e\x1bR\nN\x96\x01\xad\n\xc8S\xe4\x139\x7fKu\xa5%'</t>
  </si>
  <si>
    <t>b"\xd6'\xbbqN\xbd8**U\x83\xe8\x93\x8d\xef\xa0\x01\xf9\xf7\x17\x00\x95\xb5\xb5|&gt;\xf9V\x88\xc8\xbc\xfb"</t>
  </si>
  <si>
    <t>b'\x82%H\xa7z\xd1\xf2-\xd551\xe3\xf4\x0eo\xcd\xfd\xaeQ\x16\xe4\xc8^\x0e\x8b\xb7\x05[D\x17\x01\x8a'</t>
  </si>
  <si>
    <t>b'\x9fQ=\x1bD\xbe\xd7\xe4\xe4/G\xd5\x8f+]M\xbfX\xe0\xbd\x00Gl\xf4N\x13\xc7\xa1\xe8\xc6\xc9['</t>
  </si>
  <si>
    <t>b'\xa8\x10\x07\x7f\xd6\xcdr \xd9\xb0\x8d\x18\xa5k)U\x19\x89q\xe7d\xb9\x90\xc6\xaf\xd0\xf0\x11\xd2O\xd8,'</t>
  </si>
  <si>
    <t>b"\xa0\x086}R\xe9\xe0s\x10\x19\xed'\x19&gt;\xf0\x82#o\x0fO\x04z6\xda\xa8\xf3\xae\xfd\xc9*\xc7\x85"</t>
  </si>
  <si>
    <t>b'7.I&amp;\x1d\x7f\x86\x16\x89(\xd0\xefw&amp;\xbb\xbd\xcaep\xe1\xfa}uMU@$HG\xcd]\x19'</t>
  </si>
  <si>
    <t>b'\xbb/\x0e\xfa\x82\x9ar\xcb}1\xda\xe4G\xd5-\x1b\xd0p\xb0\xe2\xc6v\xcei\xc4Re7u\x03\x07\x11'</t>
  </si>
  <si>
    <t>035xx</t>
  </si>
  <si>
    <t>b'\xca\xb2\xbf\x17\x07#\x97\x194\xca"\xc7D=\xdb$\xd8\x05}\xacO-Aj\x08\xbe4N\xd0*(2'</t>
  </si>
  <si>
    <t>b'\xc5\xbf\x87rUX\xf8\xb0\xa2\r\x0c\xd6\r\xf1\x1a\x83L\x83"l\xf1^\xb4\x1dhR\x7f\x16J\xf9\x0b\x17'</t>
  </si>
  <si>
    <t>b"K\xd2P\xf6x\x1f\x9c'P\x17+\xdaTEa\xd2\xbc!\x19\xeb'\t\x91\x8d\xaf\x02\n\t4\x151\x1d"</t>
  </si>
  <si>
    <t>b' \x82\xd86cS\xc1y\\\x8eIl2T l|n\xbb\xa7bz\xb9\xf4@\xb5\xb8\x85U\xe2I\xa5'</t>
  </si>
  <si>
    <t>b'x\xa8\x84A\xe7Z\x07t\xe5\r7_\xb1p\x93vm\xa7\xd4\xdf\xfc\x08\\\x8fJS\x0f\xca\xed\x0e\xddO'</t>
  </si>
  <si>
    <t>b'i$T\x08\x96\xb5\x1e\x07M\x08\x90\xfdc&gt;\xe1\x85\xc4\xb9\xe5\x18\xc1\xd0A\xeaz\x9fM\xefY\x12\xe7\xd8'</t>
  </si>
  <si>
    <t>b'\xdb\xef\xc9\xca\xd5\xfe\x0c\xff[\xb8v\xfb\xec\xe89\xb7\xe7\x93%\x96\x89\x9f}\x99\x8b(\x86\x88V\x9e?\xf4'</t>
  </si>
  <si>
    <t>b'\xf0\xf1\xdd5\x16\xe9kw\xe4\xa3p\x89 \xaf\x01\xdcw\x83\x8a\x92\xfb\x95\x80q= \x9a\x7f\xfb2\xca"'</t>
  </si>
  <si>
    <t>b'\x01O\xf48\xad\x80\x80G\xdd\xdak\x11\xc1\x90\xb5\xc24$o#MK\xfcu\x97\x17.O\xc3\xe2\xe4\x88'</t>
  </si>
  <si>
    <t>b'$0J\x99\xae\xe2`\x05\xcb \xa3\xd8\x0eUO\xf3\x0e\x11i\xd9\xc7\x7f\x15\xd4^\x1a\x9a\xb5\xf7\xca\x8d\x85'</t>
  </si>
  <si>
    <t>b'\xaeO\xa3A\xd0\xfc\x12\xe0%\x88pe\x89Yc#)O\x91\xa1,B\x07\xef\xd0\x8a\x14c[\xb1P\xb1'</t>
  </si>
  <si>
    <t>b'\xa2q?z\x05{\x02\x94L\x16~\x03f\x8c!\x17\x04EnSQr^5\x9f u\x98\x035aX'</t>
  </si>
  <si>
    <t>b'\xaf\xf9D\xe7\xa4*v\xd9\xc0\x9f\x17.\xea[\xe6\xa0\x83\xccv\x17a\xacp\xce\x13B+\x01\xba\xef\x0c,'</t>
  </si>
  <si>
    <t>b'!\x8f\x891%\xa4?U\xcc\x17T\xbd\x05 \x07\xd2\xac\x98\x94~\x99`\x1e\xfae\xa7\x8a\xee"\xf8rY'</t>
  </si>
  <si>
    <t>b"\x07\xd0\x93\x11~\xc5\xb1\xadm\\|?\xd6\x16\xb8\xa1\x96\x90\xbe\t\xc7\x81\xd4\x8fZ\x15?u\xbd'\xeaH"</t>
  </si>
  <si>
    <t>b'\xf0\xf5\xa3B\xf6\xde\xaa\x0b\x86\xce\xfe\xfd\xc4\xd9\x1a\x00:\x8b@\xde\x17\r\xee\x07o\x18\xf0\xb7\xff\x16\xb5]'</t>
  </si>
  <si>
    <t>b'\x06\xc9\x08\xe8$N\xa5\xd3~\xb0l\x03g\xcd\xf3\xe3YK\xab\x97\x9d\xec\xc1\xfc\xca\xb9\x8d\xfc\xa3\xe3\xa5Q'</t>
  </si>
  <si>
    <t>b'\xb2\xf3-\xc2\xb4\xd1D\x13\xc9F\x0c\xe9M\x86Z\xbe\x06\x9d\x92\xa4\x13\xa7\xd8\xcf\xf7\xc2\x042\xb1\xc8\x17}'</t>
  </si>
  <si>
    <t>b'\xfb4\xa3#Y\xbb \xf7\xd7\xd9\x91\xb4V\xf4\xca4\xf0&lt;\xceRU\x98\\\xd6\xa8\xab\x1d\xfaB\xddh\xdc'</t>
  </si>
  <si>
    <t>b'\xf99=PKMzK\xa2\xbdzF=\xe33\x8fD7\xac\xd0\xba\xde\x7f\xf3\xfe\xf2\x8e\xd8\xdcG\xc1\xaf'</t>
  </si>
  <si>
    <t>b'\xbd\x00\x02\xc6\x90\xa6\x19\xbd\xa3\x88\xd8\xdd\xd8\xd4\xad\xa5\xcb1\x11\xe5@w\x1d\x18\xcd\xeb\xbeay\x13-\xc8'</t>
  </si>
  <si>
    <t>b'\x9d\x18YI\xae\x8eq\xa45I\xe3\x14V\x86[&amp;(\xc2\xf6\xafn\xcfUR0\xb6\xb6\\\x1f\xf2\xe2h'</t>
  </si>
  <si>
    <t>b'W*l_^`\xe45\xc3\xa2\xd7\x0b\x86M\xb3\x0b\x1f\xc0\x1f\xfe\xb2\xa6\xe2\x1e\x18\xc7\xe8\xa9\xf0\t\xad\xf0'</t>
  </si>
  <si>
    <t>b'\xc0\x91\xad\x95\xd6\xda4X \xc9\xeb\xf5\xea\xbc\x97o\x01\xd2\xaaB\xd8\xe1\x83\xb1\xa8\r|;`S\x92\xa0'</t>
  </si>
  <si>
    <t>b'\x9b\x7f\xdd\xc1=\xb1\xff"\xces\x11\xf9$\xfa\xea&amp;\xda\xf9\xd1Nj &gt;\xde`b\x7f\xbe\xc8\xb3\n('</t>
  </si>
  <si>
    <t>b'h\x90\x82\x84\x15\xe6^!\x0b01\x88\xdb\x82\x1c\xfbnO\xedV;m\x0e\xb3\x8b}\xcclV\x99\x8f\xaf'</t>
  </si>
  <si>
    <t>b'QS\xb1\xe1\xfb\xed\xdaDVC\xae\x19ux\xd4\x12\xff\x0cH\xab\xc0\xcf\xef7k\xd9\xf4\xa8yo\xeb}'</t>
  </si>
  <si>
    <t>b'\xa8\xe1\xbb}t\x17=\x94ALv\x8a\x1aM\x9fd\t\xae\x1b\xb3:Ke&lt;\xe0BVz\x143F\xf4'</t>
  </si>
  <si>
    <t>b'\xec\x1b\xe7\xa7\xb0\x8d\xe8-:\xd9\xda\x19\x9c\x7f\xc6A\xbb\x17\xa0\xbb\xc6\xcf\x15G\xb4\x08[\xee\x1f\x9e\xaa)'</t>
  </si>
  <si>
    <t>b'"b\xdf\xab)\xd4Y\xe3\xd0-\x07\xd7\x8c5q\xc5g\x05t\xb7\xf1\x0eJ#\x80\xf5\xaeO\x1dn\xa3['</t>
  </si>
  <si>
    <t>b'\x10\r\xc7\x1e,\xeb\xc0\xf1\x10\xcd\x97\xbc\xb3\x8e\xdb\xe9Y@\x9b\xa5m\x92X\x03*\xd7\xd2O\xcb\x97B\xad'</t>
  </si>
  <si>
    <t>b'\x15\x87V\x99-\xcf\xd1\x07F\xed\x9e\xe2=(\x7f\xfb\x8c\x967.\xa6\x1c\xe9\xe8|)\xf0y\xbe\x1e\x9ey'</t>
  </si>
  <si>
    <t>b'\xaf\x91\x10j}\xe2l\xd0;-\x1br\xfeH\xbb\xfeyKD\xcaE\xefUS\xa8`\xe0\x85\xd3\xdc!j'</t>
  </si>
  <si>
    <t>414xx</t>
  </si>
  <si>
    <t>b'\x1e\xc0\x1c\x10\x88W\xfc\xa5H\x06n_\x87\xfe\r\xa4\xe9.(\xfd\x17\xd6\xca\x10l\xff\xef\x12;:\xb0\xc9'</t>
  </si>
  <si>
    <t>b'\xac\xc1\x00\x99\xb0\xaa\xc1F+\x16)/\x85\xdc\xd3;\x94\xa6\xe4M\xc8\x80\x98\xd9ZN\xde\xfb\xc2Jo\x8d'</t>
  </si>
  <si>
    <t>b'X \xee\xc6\xb4\xf3s\x9dBn5A\xb1\xd3\xf4\xb7x\x1e\xe6\x04\xe7O\xfe!t\xd0\xc3\xd2_L\xb6\x06'</t>
  </si>
  <si>
    <t>b'\xf4\xdc\xb9\x91\x04"\xd4P\xef\r\x12&lt;\xc2y\\\x08\xec\xd3\xb8O\xe6\xfe\xe1m\x1a\xa4A\xd9\xbb\x16,m'</t>
  </si>
  <si>
    <t>b'g\xdf\xa9\x82\xcd\x19\x07\xbd\x92k{:q\xeb\xd2F\xc8,\x8b\xab!\xa2J\x04k\x9a\x0c&gt;~\x9b`v'</t>
  </si>
  <si>
    <t>b'\x0bF\xe1\xe5\xca\x8c\xb0\x96\x8f?\xc0\xd7\xbe&gt;Ur0\xf0\x00%\xf2}\n\xf9\xa0\x9b\xe9\\\xac\x86#\xa6'</t>
  </si>
  <si>
    <t>b'\x80\xba\xb0\xa3]w5X\xdf\xd7\x93\x1a\xd7#"O\x93nl\xc9*\x18\x00\xa1\xb8_\x86\xe1\x12\xf0\xcc\xe9'</t>
  </si>
  <si>
    <t>b'\xab\xed\x9bj)\xaf.Hp\x94\xa5R\xbf\xd0A\xbb\\\t\x83\xc5\xf6\xdb\x89\xe8\xe1\xf2!\x02d\x92\x11\xe9'</t>
  </si>
  <si>
    <t>b"7\xe7J\xdeU\x9f?\xca\xe3l\xaex'\x96\xd5u\xf4\x87\\H\xa7Y\xf9@r\x10\xf6\xe0\xa8\x89\xff\xff"</t>
  </si>
  <si>
    <t>b'\xee\xea\xc3\xba\xa7\xafB\x8ar\x92#\x0b\x08\x1eTp.D\xfeX\xa1\xc7\xde#\x12\x8dTn\r\xbd\xd54'</t>
  </si>
  <si>
    <t>b'=\xb3\xe2\x9a\xb2\xdf\x92%\xaf\x19\xde\xe8\xbc\x18)M\xe1Q \xb4\xf2\xe7z\x8b\xe3\x03r\xfc;\xa8\xb8\xae'</t>
  </si>
  <si>
    <t>b'8j\xfb\xa6D\x17y\xb5)?\xf5\x11(\x81\xe6\xff\x1dj\xde\x10\xe6\x088\x94\xeeM\xb8\x98m\xe2\x01\xdf'</t>
  </si>
  <si>
    <t>b'\x97\xce\xeb\x87-(@QP-"\xd6\xe1\x9d\x14\x11&amp;e\xfc\xfcIr\xfcR\xa2\xc2\xf6"t \xbf\xec'</t>
  </si>
  <si>
    <t>b'\x9d\xc7\xd4\t=sU,\xea\xd1\xd9\x16\xe6\xceM\x01\xce\xc3\xba\x9e2\xd61\xcdu\xde\x977_\x05+\xa5'</t>
  </si>
  <si>
    <t>b'T\xc8i\x83\xf4VW\xe2\x1es50LR{s\xb2\xeb\xe3@\xf6\xc0\x12\xd3B\x0c~`]\x01^\x02'</t>
  </si>
  <si>
    <t>b'&gt;\x08|\xd1\xdf\xd2\xf9Lc-\xe1q\xe1\xb5[\xae4\x04\xc3n\r\xa1Y1\x11\x80\xaeK\xe2\xe0\xeet'</t>
  </si>
  <si>
    <t>b"KJznLufL\x0c$\xdb\xf7\xe3p\x88W\xc7\xc5x\xca\x85\\'\x83F\x0e\x8ff\xd3+u-"</t>
  </si>
  <si>
    <t>b'\xad&gt;\xa0\x1e=\xb0\xd2\x83c\x96\x0eT\xf7\x013\xb9\x96\x94f\r\xeb\xcdo\x0f/\xd4\xb1q\x00\x8e\x14?'</t>
  </si>
  <si>
    <t>b'\xeb8\xe8\x82\x83\xa0,1\xa0\x14\x8b%a\x8e\t\x0f\xab\xfa\xb2\x93\xee\xdd\xfc:\r\xab\xd93\xbf\xbc\xab\x0c'</t>
  </si>
  <si>
    <t>b'\x9bw\x9d\x1ek\xd2S\xb1\xce\x8d&gt;(\xaa(\xa2\x83\x98J\xe7B\xd0\x00&gt;\r\xd3\x17\xe4\xf9U\x98v\x8c'</t>
  </si>
  <si>
    <t>b'\xdez(\n\xa1\xf4\x1dY\xcchG\xb91C\x1c%\x02#d\xd7\xe4c\xd5S\xca\xc8\xbb\xf3f8!\x9c'</t>
  </si>
  <si>
    <t>b'k\xa1[\xe8\xfd\xae\xa1\xb6\x00\x1f\xf6\xfd;\x9a\x86el\xff\xc1\xc1y\xaa\t\x117M\x83\x18\xd32\xcf\xc5'</t>
  </si>
  <si>
    <t>b'\xb5\xa1&gt;\xfb\x98\xf9\x91m\xbd\xf7\xbc\xd8\xae|\xd4+\x94\xa2\xa9j\xe1\xa5\xc1\x1c\xfc\x97\xabo\x93\xf4\x1cB'</t>
  </si>
  <si>
    <t>b'\x03\xe2DE\xb4\xe4\x00\xa1\xc9\xa5.\xc1\xad\x02\xe2\xdc]\xca\x1d\xb6\x9e%m\x19\xad\xe1\xcf\xa0\x9b$\x8bF'</t>
  </si>
  <si>
    <t>b'\xe0D\x94\t\x1e}d\x11\xeb\xe96\x8c\x1a{*\xbb7\x8fG\xe5\xc8\xd2\xfc\xfc4\x9d0\xec\xa4\x18q\x9e'</t>
  </si>
  <si>
    <t>b'fz\xdaq\x9d\xb9\x8a\x15u\x80\n\x8b\xc3@-\xa5qR\x83\xc2\xd2\xbcz\xf3\x81\x00\xb9\x88\x90\x8fkp'</t>
  </si>
  <si>
    <t>b'kP\xf1Zw\x87\xb84\x9b]8-\xe7\x1b\xb8\xe6\xf1\x18\xd8t\x1d\xf2\xf9t\x0f:\xd3\xb7\xbd\x88\xc8\xcc'</t>
  </si>
  <si>
    <t>b'\xa8"\x92\tK\x84 \xf9BP\x10\x11\xf6\xcb\xd5!\xd6\xac/\xf5\xa6\rA\xa6j\x18\tU\x1a\xeb\xac\xc4'</t>
  </si>
  <si>
    <t>b'\x11h\xa5\xfa\xa1\xff\xafFN\xad\x0f\xb9L\xb4\xf1H\xc6\xc5\x95nW\xe4\x01\x87$e\xdf\xfa_\xe1\xcd\xd0'</t>
  </si>
  <si>
    <t>b'\xb0{\x1e\x9f\xd9\xef\xcd\xf0\xed\xb9$\xdaG\xf8\xbeO\xa5\xa5\x1d\xd8\x0c}X6\xf7\xb3a\x0c\xbe\xe3\x97G'</t>
  </si>
  <si>
    <t>b'I\xc5\xa9\xc7\xa2&gt;&gt;a\x87RK\x10P\xc1\xb4\xa4\x00\xc0\x04\x8c\xbaK\xe1Nc\xfbs\xcf\xd1\xd83\xca'</t>
  </si>
  <si>
    <t>b'\xf0\xd2\xc8=\rY\xa6\xcdr\x16}\x06uo\xa3\x95[\xba\x8bp\xc1\x8a4D+\xeev\x06\xf0!@\x83'</t>
  </si>
  <si>
    <t>b'\x99\xca4\xf5k\xccg\xc5.\t\x10C\x08i\xcfe\xc4\xe7}8\x8a(p\xafSX\xa2\t\xd9\xc6F\xcb'</t>
  </si>
  <si>
    <t>b'\xc1t\xbb\xbe\xb0c\\\x87\xec\xc1`\xa1\xec\xfc\x84R\xcdt\xf6\x87&gt;(Mb\x02k\xef\x97\xd8!\x0e\xe5'</t>
  </si>
  <si>
    <t>b'\xc95G\xcdo\t\xa6[Z@\xca\\\xd1\x1c\xb9a\xc9q[i\xbbx\xf4zB=\xcd\xd4\xb6|\xfc('</t>
  </si>
  <si>
    <t>b'\x15\x116\xc3\xc9\xf3\xa8Z\x87\x83UPQ\x04\x1eb\x16\xf4E\xa6\x82\x15(4\xf5D\\\x93\x1a \x96v'</t>
  </si>
  <si>
    <t>b'\xf0J}r\xfa#~\xf6\xb0Jv\r\x88\x89.M\xbf/G\x9a\xc4\xa6\x07\x86\xe0\x86\xa6\x86\x17\x8d\xb9\xd3'</t>
  </si>
  <si>
    <t>b'8\xa5\xa3\xfbW\xa6\xa7\xa7\xd4\x1fB\x80\x08j\xc02*\x92\x9e\x1e\xc8\xbb\xe9\x84\xcc\x88\x12Ru&lt;\xba3'</t>
  </si>
  <si>
    <t>b'-\xc8\xc7\xb1\xd0\x86#\x9c,\xe4\xeaV\x10*\x0bl\xa8\xed0.\xce\x97I\xe3w_}\xea%|\xc9T'</t>
  </si>
  <si>
    <t>b'%\x17\xcd\x81in\xe9h0^\x89\xfdu\xf9\x97\xd0\xd0p\xb2\x8f\xe4\x16\xc5~\xa1b\xfdX\xb5\x18\rK'</t>
  </si>
  <si>
    <t>b'\x003\xc1K.#\xf8\xae\x91\xb3\xfex\xb2\xaes\x17v|\xa4W\xb3\xba\x1d\xbe\xc8\xb2\\\xfaxz\xf7\x89'</t>
  </si>
  <si>
    <t>b'\xed\xe5QG;5\x95\xfd@G\xf1\xe0\x1d\xa0gXXi\xf8\xa1kQo\xaa\xf8,2?\xd8\xd5\xf5\x95'</t>
  </si>
  <si>
    <t>b'\x9a&amp;\xa4\x81W\xfa\xcaK&lt;\x1a\x01\xb8;y(*,&gt;8\xd9\x19\x00\x85\xa3\xca\xdb\xbdV\xfdb\xe0['</t>
  </si>
  <si>
    <t>b'\x16\x99x\xc1\x85\x7f\xf9\xf5*4\x9b\xb8\x0e\xcb\xab\xd1\xd6U\xc0\xcb\xb6Yq\x7fH\xb5b\x89\xde\xfdo\x05'</t>
  </si>
  <si>
    <t>b'\r\xac\x080\xfe\x15]\xa9\x96h\xbd\xe1\x97;\xcc\x9d\x0f\xe1\x1a\xa6\xe8\xd0\x18\x8d\xc7\r\x07`o71\xd7'</t>
  </si>
  <si>
    <t>b'%\x15x\xf3=w6{n`5\x12\x89\xbc\xe2\xa5\xbc"A\xe29 \x86\xb7ER+\xe2\xf5\xf1\xf8\\'</t>
  </si>
  <si>
    <t>b'\x81\xe2\t\x9e{\xf2\xd8\xa2\x10\x08X&amp;\xfd\n\t\x0f\x91\x14\x89\x97P\xe7\xb2\xfb\x7f\xb4\xdb*\xd0J\xf4\xa3'</t>
  </si>
  <si>
    <t>b'\x8f3\xd2\x80\xa3p\x89\xd5\xba\xe5\xecCp@@\xb49\x8cr\xd8D\x02\x83[\x93\x0b%\xce#\xeb\xb8\x18'</t>
  </si>
  <si>
    <t>b"(\xe6\xdb\xc2\xe2T\xc9\x06\x06\xf4'oA\x1eC\xbd\xd1\xbc\xe8f,\xae\xaf\xbf^?A\xc4j5\xc2\x96"</t>
  </si>
  <si>
    <t>b'\xd9\xca\x0e\xc4Eyg\xd9\xb3\xd0\xb2\xceJ\x7f\x1dV\xab\x1a\x0ee\x0c\x05HD\xe9\xe3\xf5PC\xbf\xb2\xb6'</t>
  </si>
  <si>
    <t>b'\x1f\xf5\xed\x08l\xbal\xea\x01\x03\x17l\xe7TJE\xae\xd8\xf8\xd5/\x82\x9a\r\x8c\n\xfcX\x9d\x05G\x9f'</t>
  </si>
  <si>
    <t>b'0\xf5\x15sLN\x91aX\xc6\x87\xed\x1c\xcd\x9d\x9b\xd7\x87v"\t8&gt;|\\\x8c\xaeq\x86\x01~3'</t>
  </si>
  <si>
    <t>b'\x9b8\xaa\x90\xed+\x18aa7\xe4\xc6\xe5J\xabC\xd7\x04\xefq~j\xbb\x1d\x9f\xe64$\x84/\r^'</t>
  </si>
  <si>
    <t>b'n\xea*I\xef\x9f\xf1\xcd\xd6\x13\xcfp\x0fq3#\xf0\x98j\xd2\xa1C\xbf\x91\xfa\xb1,\x8d\xc9O*j'</t>
  </si>
  <si>
    <t>b'\xd5p\xfa\xb2;\xbf\x88\x8f\xe2r\xf2i\xb6\xc5\x90\xaaN\xb8\x9b\xb9\xfd\xfc\xe4\xb7\xa7\xa6\xd34x[\xc5\x9b'</t>
  </si>
  <si>
    <t>b'\xcb\xa7(M=\xdc1D\xe7\x86~\xe4\x1b\x7fa\xe3\x86Kb\x1e\x17\xc0\x8f\xf0\x9d\x93\xe4\xa8?\xc6\xf7&gt;'</t>
  </si>
  <si>
    <t>b'F\x9f\xd8\x14\x9eq\x82\x07\x97I\\\xe5{T\x01\x93\xd5\xe5\xba\xdcA\xf2\x91\xfc\xc6\xf1)\xb2J\x01D\x98'</t>
  </si>
  <si>
    <t>b"S*\xad3\x0f\xb2\xf6[\r\x89\xc3\x1c\xd1[&gt;g\xda\x94\xec'\xc7%7E\xa5\x9cE\x9c\xb8x\xb9\x03"</t>
  </si>
  <si>
    <t>b'.\t\xda\x8aNuw\xfb+,{l\xa1\xc1\x90i.\xa0\xeaf\x07M \xb3\xfc[\xb0\x11\xaa\xe6\xe4\x18'</t>
  </si>
  <si>
    <t>b'C\xf7\xdf!\x9b\x9a\xd9\x15Wi\x18\xc2\xa6\xf5\xc3\xc3\x85\xe9\x9a\xc3\xfe\xc8\xb6\xa2+\xe7m2\xc5gT\xcd'</t>
  </si>
  <si>
    <t>b'$\xbd\x02.I\xc9\r\x91\x0cR\xa9\x10{\xfc\x95s`00\x0cix\x14\xb71\xc4\x0f\xe7.h\xb2s'</t>
  </si>
  <si>
    <t>b"\xa8z\xd2\xd78U'V\x01\t~\xc1\xbf\x16b\xdc\xcd+\xe4V\x95\xc6\x95\xe0\xddh\r\x95*a\x89\x9d"</t>
  </si>
  <si>
    <t>b'\xf5\xa6j\x8e\xf5zg\xf5\x10T\xe0\xb9\x141\x99\xdc\xf7\x16\x08K\xf6A*d\xd4\xddO\xe7\x03d\xd4\x8f'</t>
  </si>
  <si>
    <t>b'\x0e\xbb\x04\xdbB\x17?\x96\xa1\x12\xdc{\x1e\x1d\x86\xc8 \xb8S\x9a\x8d\x81\xe7i1\xcd\xc3B\xb0\x86~\xf5'</t>
  </si>
  <si>
    <t>b'\x86)9*B\xe0.\x1c\xbf)\x99&gt;\xc9c\xfa\x8e\x0e-\x94\x90\xb7\xc9\xa6\xf0U\xd8\xf1\x97\x11\xc7\x9a&amp;'</t>
  </si>
  <si>
    <t>b'dQb\xc2\x92\xfdAK=F\xd1\xf0\xf0\x8b\x9ebl\x14\xdb9D2u\xc3\xd6\x0c\x96\xb5\x88^\xacc'</t>
  </si>
  <si>
    <t>b'\x8c\xe3\xd10\x92k\xb1\xdb@\x8b\xad\xb9=\xc6\xc8\x99\xb1\tM)\xf0YU\xd7\x91\xfa\xfb\xf7\xd3\x83\xf1\x84'</t>
  </si>
  <si>
    <t>b'&lt;\x16\x0bJ7\x96\xa8\x11=\x0e\x8b\xbf.QO\x81\x07@\xd7\x91cmB\xcbJ\xde\x18N\xb6\xc3\xbe\xa9'</t>
  </si>
  <si>
    <t>b'i/\x12\xe0 \x84a\xd5\xbf\xc1{\xd1\x88m\xda\xc3\xcc\xb9r\xc93\x8a\x05\xc4[\x04\xcc|\x91i\x85\x0b'</t>
  </si>
  <si>
    <t>b'`Q\xad\xee1\x9e\xd5i\x1b1\x97\x8c\x8b2\xa8y\x0e\xc7\x82m\x90H\xc1\xe2)\xa8\rx\x98\x04gy'</t>
  </si>
  <si>
    <t>b'y\xed\x86\xb6\xf4kE7&gt;\x07\xb2X\x9e\xa0\x10\xb7\xd5\n\xf9\xe3\xbdh\xce\xca\x1f\xb1\xf4\x00\x1e\x8e\x13\xfc'</t>
  </si>
  <si>
    <t>b'\x80@0P|\x83\x8c*{Z\x95QjV\xfdO!\x93\xe9\x04\xd9\xaa\xabq{\xc3N\xff.\xdf\xd4\x88'</t>
  </si>
  <si>
    <t>b'\x04^\x11\xd4*\xbe\xaaQ\x08\x01r\xcc\xe4\xd9\x85J\x15;\xa8)5\x88}s\x16\xd5\x9dg\xeeOjU'</t>
  </si>
  <si>
    <t>b'\xf7|\x1b\xa6\xdd\x82g;\x8a\xc6pP\xd2\xa8\xc1^\xa7rK84\xd9[\xbf`|\xaeU\xe0\xd2Sh'</t>
  </si>
  <si>
    <t>b'6\xbf\xcex\x08\x81\xceHv\xcfA\xbaY\xef\xcd\xb2\xe9\xfa\xdf~~\x00\x081\xcfj5bs\x8a\xa1\xe5'</t>
  </si>
  <si>
    <t>b'&lt;\xc2\xab.\xa4\xf9\x80\x90DjB&lt;\xd6\xe6\x86\xe1\xfb%\x9eq\xd9\x00\x84\xc4+\xe8\xca\xc2V\x147\x8a'</t>
  </si>
  <si>
    <t>b'\x03\xd5\xe5\xf0\x13\x88!\x10,\x8c\x81\xc5\xc5.\xb8\x8d\x1c\xa2\xa2\xaaEn\xaf\xa5\x02t\x8b}\xac\xbf\xb2\xd7'</t>
  </si>
  <si>
    <t>b'\xb7\t\x8f\xef\x83\xcd\xe6w\x8f\xa3\x9cfVmO\x7f\xafX\xce\x813g]d`\x19\\\x1d\xa7\x85\x8d\xa3'</t>
  </si>
  <si>
    <t>b'M\x90\xaa\x8e\xd0\x05\x91%\xf0.\xd7\x7fu\xd3\xaf\xdecO\xb0\xa8I)\xd3t\x1e\xb6U\xac\xbe#\xd7\xab'</t>
  </si>
  <si>
    <t>b'\x1e\x9d\x0cYtC1YG\xc7&amp;\x0c\xaf\xd1V\xb0\x10\xa2za\xba\x0b\xa9\xa8\xc8dO\xd9\x7f\xd5oS'</t>
  </si>
  <si>
    <t>b'\xf8\x16\xbb\xc1\xed\xd7\x12+\x97!x\ru\xa1\ty\x97\xb0\xb0\xe2@\xf0\x93\xa7\xec\xca\xd0}\x1085\x99'</t>
  </si>
  <si>
    <t>b'\x8f\xd8O\xa5\x89&amp;\x7fsRF\x03A81a\x0e\xfb \x82\xd2`\xbd\xac\xb4_\xcauviM\xbb\x81'</t>
  </si>
  <si>
    <t>b'\x04\xbeW\t\x8eBo\xdd\xb7\x0e\x15*\x9c\xc0o\x01\xc0\x9d\x82\x8e\x1c\xafD\xee0\x03C\xbf\x10\x1a\x10R'</t>
  </si>
  <si>
    <t>b'\xda\x1a\xa9\x82E\x10h\x82\xc2\x00\xfc\xfcqf\xdf\x1b9\x01\xa4\x8as\xc2\x17\xc6Q"\xf9\x9e\x8e\x12\xfc['</t>
  </si>
  <si>
    <t>b'\x04\x939\x02\xfd\x1d\x9d\xb0\xb78\xf4\xed\x05O=\x9aU~\xd9L\x91\xae&amp;\xf4&amp;\x86\x94\xe3\xb7\xb0\x86n'</t>
  </si>
  <si>
    <t>b"Re7\x8b\xc5\xb4\x93\x14BI\xb2'&amp;`\x86\xd6\x88d\xd5\r\xb8\x9c\xf5\xc0\x0f\x1e\x18M\xb3\xe5q\xff"</t>
  </si>
  <si>
    <t>b'\x86o\xc0\xc8\x04\x1b\xf6V\xab\\\xa0\xeb\xc6\xf3%\xbet\xe4*QSi\xbe\xf1\xf8\xe7Z\xe5X #\xd5'</t>
  </si>
  <si>
    <t>b'\xd5\x94\xb3t\xdc\x06v\x00\xb6\x89]}\x9d\x0b\x93\xe5[\xb9\x87\x98\x19\xa3\xef3;vD\xc8\x9a\x85\x07u'</t>
  </si>
  <si>
    <t>b'S\xfb\x9e\xb0\xbd\xbe\xb5*\xdc\x0e\xb1j\xed\xd3Z\x01\x96;\x15\xaa\x8e]V{p\xd9\x9e\x03\x9a|!\xc1'</t>
  </si>
  <si>
    <t>b't\x8aA\r\xa1p\\\x087R\x01\xf8v+0\x89\xf0 \xb8\xe2}9D\x04\xde\xe4\xa1\x04D;&amp;\xef'</t>
  </si>
  <si>
    <t>b'\xbah\xd3*DE\x9b\xa6\r\x0e\x01 \xbd\xcc i\xb9gs\xe5\xb3 W\xe5\xeb\x1f\xde\xcd\xe2-\xc87'</t>
  </si>
  <si>
    <t>b'E\xf7\x1d*\x1a\x0c,8\x94\x8d-\x88\xa0\xbb\xc6\x0c\x87\xc4\xb8\xe0\x9f\xaaQUx\xcb\xef\x95\x03$\x9d\xd8'</t>
  </si>
  <si>
    <t>b'\x833\xeb|K;\xafa-K\x0c\xac\xbb\x85\xa1\xd4\x02|~\x85\\\x85\x08\xdcr\x8cg\xcf\x1dO*,'</t>
  </si>
  <si>
    <t>b'8\xa6\xf4\xba/\x17\xeb8\xef\xcfT\x85\x12\x85\x84\xf8\xd5\x9e\xaaI@&gt;\x0c\r=gb\xef_a\x98\xcf'</t>
  </si>
  <si>
    <t>b'h\x1a|h{\xd3\x0f\x0bqG\x07G\x0c\xb9jQ\xc0\xc1~S\xa4\x189\x1e\xb6\x90\xe9Y"\xd7X^'</t>
  </si>
  <si>
    <t>b'\x88\x11\xae\xb1\xef\x81\x03K\x10\x97\x83\xb40\x1c\x97Q\xf9q\xdb\x80\xb2\xe7\xd0\tc\xadU\xf9\x0e&lt;\xb4\xbf'</t>
  </si>
  <si>
    <t>b'P\xc5`h\x15\x88BoZ\xd4\x19\xd2\xf2\xb9\x94L2W\xcf\x80b\xec\x03\x9dU:\xc4\x11\xf2/\xd4\x7f'</t>
  </si>
  <si>
    <t>b'\xab\x99\xff\xe9\x0e\xe7b\x81\xe5\x87*z*!\xdd\xc7\x93[\x9fo\xbf\x89\xad\xd3\xa9\x05A\x93Q]z\xae'</t>
  </si>
  <si>
    <t>b'\\lD4\xba\xaf\xa7\xb5\xd3\xca\xc3\x9c\x12\x05\x1bY\x1e\x02\xd0\x96\xea\xf3"\x81\x0f*\xee\xe0"{\x9e\xbb'</t>
  </si>
  <si>
    <t>b"\xc2\xe2\x8e\xe4n\x17\xf3u\xbcR\n\xf5\x98\xb4r%\x92. \x01S9\x1b\x92\xef'\xf3\xf1\xa1\xe3a\xc6"</t>
  </si>
  <si>
    <t>b'$_\xc1\xd3\xb3\xa6\x05\x1e\x81~\xa1\x8e\xf4\xbf\xe6\x0e&lt;\xbb\x08\xb3\xb7\xcb\x89\xa6A\x93\xb7\xfd\xc7\xba\x8d\xf9'</t>
  </si>
  <si>
    <t>b'\x83\xda\x8b\x92T\xa0\xf4z\xc5\x8d\x1f\x1f\x0f\x0eI\xf5M\xaf\x0b\xfb\xaf1\x95\x031\x0el\x9b\xcc\xe8\xf7{'</t>
  </si>
  <si>
    <t>b'.\nI\xec~\xcb\xb5\x13\x9e\xd7\x02\xd3\x0e\x1c\x96\xa58\xf4O\x03p\xe9z\xc9\xdfSa\xce\xfd\x8e\xd5\x06'</t>
  </si>
  <si>
    <t>b"\xa9'\x9ahe\x1eC\xb5\xdb#\x81\x10\x97d#&gt;\xee\x8fo8\x86\x07l\xe5\xab\x96\xc0\xb7\x0bekP"</t>
  </si>
  <si>
    <t>b'\xe7\xff\x1d\x16-\x1bC\xfa\xf4U\xcbn\x80\x11c^MS9\xf5\xddk\xb0J\xe2\\\xd6\xb7Aa%\x1e'</t>
  </si>
  <si>
    <t>b'\xa5\x92Y\r\xa9\x14\xea\xe5c\xad\xc6\x99u\x82\xfc\x0c\xf0\x83\xef\x80\xa6\xaf\xe2\x01\xdc\xef\xbb\x82\x9c\xeaLP'</t>
  </si>
  <si>
    <t>b'\x07\x0fi5\xc7\x8an\x1e\x07\xf1M\x9e\xb0Z\xf9\xc7pj?\xd2\x84\x037\x15,w\xb0]\xdc[T&amp;'</t>
  </si>
  <si>
    <t>b'F2~n\x12\xefV3!f\x8c8\x1a\x12\xf6 /\xe0\xf0\n\x92\xb3\xfe\xd5\xfa\x8b\xab\xac\xd6\xca\xa3\xf2'</t>
  </si>
  <si>
    <t>b"\xf0\xf7\xbc\x9c\xfc\xfa\x98\x1a\xe1\xebP\xa75\x11\x91\xaf\xcce'\x18\xf2\x99\\\xbf~d\x8a^%\x8eH\xc4"</t>
  </si>
  <si>
    <t>b'\xc7\x9b+\x018k\x8c\xc9Y=Y\xfc5\xa1\xe5\x15\xbe\xc0\xcco\xb5\xd8\x1f\xa5d"^u\x8d\x101\x8a'</t>
  </si>
  <si>
    <t>b'\xc1[$K\x96\xe5Y\xae\x14\xaeLU\x9e\xddn\xe1w\xb6Z\x01Ps\xe8\xdb\x0f\xfcm\xbf*\x1f\\\x9c'</t>
  </si>
  <si>
    <t>b'Wi9&amp;\xc1\x11\xcbk\xf0w\xad\x8e\x0e\xfb\xe9\xc1xR\'9a\xda\r\x1b"\xcao\x18l\x9c\x9a\x04'</t>
  </si>
  <si>
    <t>b'C\xbdu\xc1.\xeaR0\t\xd9\xdc\xdf\xaa\x18\x90c\xcbF\x06\xb5\xe9\xe5\x00\xd5\xf8/~\x05#%\xc2\x8e'</t>
  </si>
  <si>
    <t>b"\x85\x92'\xc0-\x13\x13\x82\xce7\xc50\x04!R\x85H\x95\xf8\xad\xac\xedL\xa2\xd0#\x14W\xe1\xb7\xf2="</t>
  </si>
  <si>
    <t>b'Cl\x0ba\xfa\x82\x0e\xe4&lt;`W\x12\x83\xc0\x8c\x1c\xd6U\xf97]\xdf)A3\xf3\xe6\xcb\xf3s\xaao'</t>
  </si>
  <si>
    <t>b'\xe4\xbf\xa4\x93\x0e\xf1=q\xdf\xd9\x0c\xf7\xbdaC\xf2\xdd2\xa1\x11@\xa7N$K\xa65\xbf\xe9\xc4\xca\x95'</t>
  </si>
  <si>
    <t>b'~\x96J\x0c\x13\xf6/\xbe0\x00\xc6\tK\xcf]\xacY\xcb"\xbe\xb3\x83C\xa73\xd9W\xf1\xdc\xa8\x9b&gt;'</t>
  </si>
  <si>
    <t>b'\x11z\x04\x91u\xd8*\x8f\xd3{P\xafr\x03ODl\xd6R\x1a\xfe\x9b\xa0\xd7,X\xdet\xeb\xb8\x10\x88'</t>
  </si>
  <si>
    <t>b'\xa7\x8f\xdd:\x96W\xec\xe6\x17/4\xb5?\x00\x03\xf9m\x93\x82\xc2\x0b\xe3\xe3lI\xe5V\x84\x12\xb2\x06\xf1'</t>
  </si>
  <si>
    <t>b'N\xbc\xbb\x0c\x1e+d\xac\xd1v\x89\xcf\xbaq\n{\xf9\x9d\xd4\x10\xed\x06e;\xc6)\xfe,\xed8y\x92'</t>
  </si>
  <si>
    <t>b'\xc1\xf7\xa6\xdab{\xa3\x0b2\xb8E6\xe7f\t\xbb\xdb\x85Z\x1cJ\xd2\x0f\xa9\xbe`o\xad\x93\xa4\xde\xe9'</t>
  </si>
  <si>
    <t>b'&lt;\xc2\x98T\xbf\xd3\xda\xa5\xc3\xf3w\xc0\xd0t\x08%6\x80\x1b $\x8d\xd0u\x18\xbcG\x82\x07\x865\xff'</t>
  </si>
  <si>
    <t>b'\xd2\to,\xea\xe2\xf9:Ak&gt;\xc2\xe7\xb15\xa0\xc3\x046l\xb0\xbdS\xc1+\xa21\x10\xc7X\x9a\xaa'</t>
  </si>
  <si>
    <t>b'\xa9\x06\xd8\xfc$\x12N`j\xdc\xb1\xb4R\xae\xaf&lt;W\xcc#y\x9c\x1e\xb64\xdc7\xf5\x82\xc9\t\xd9H'</t>
  </si>
  <si>
    <t>b'YL]&gt;\r\t]KK\xd0s\xb3W{f:\xa4\xa7#\xed9//K|\xf8 kr\xf2\xad='</t>
  </si>
  <si>
    <t>b'0\xfb0\x18\xc6\n\x8f\x1cl\xc7\x90\x8d)#\xe2W\xfeA\x14&gt;-\xde \xfb\x9fxd&gt;\xc5\x04\xda\xa3'</t>
  </si>
  <si>
    <t>b'iI\x7f\xa5\xbe6\x15m\x99\x14\xc8\xdb\xf9r\xb6\x8f\x86\x13\xa2\x1a\x86;8bja/\x01\x90jy#'</t>
  </si>
  <si>
    <t>b'\xe0h&amp;8\xe9\xa0\x02#\xfazG\x06{\x18\x99\x80\x1d\xab\xb2\xf9l\xea\x9fj\xdej\xbd\xdcT\x1d\xbfM'</t>
  </si>
  <si>
    <t>b'\x8f\xb9\xe4\x16\x96!\xa0\xca\xb2\xd6\x17\x04\xafL\xdc\xf2\xe9\x8d\xf4\xee\x86k\xbav\xd1\xa1\x13\xd2\x14T\xf7F'</t>
  </si>
  <si>
    <t>b'\x18\x12\xa5\x17"7\xb0\xfc\x05S\x15\x1e\x06\x1eo\xc7\x8b\xf9CU)@0Vnvx\xe8\x07\x15\xf3\xbb'</t>
  </si>
  <si>
    <t>b'\xa0,E/\xdc\x7f\xf3#\xf3r!\xea:\x18\xba\xc5\x13mqu\xbc\xdc\xdc\xfcV\x1dd\x11\xfb[\xee\\'</t>
  </si>
  <si>
    <t>b'\xf9\x9di \xbf\xb9\xd9\x81\xb2\x9ezCC@\x80\xda\xb1\ryH~\xd5;\x15\xe2\xe0\x95fy\xec=\xe6'</t>
  </si>
  <si>
    <t>b'\xb9\xb9\x86\x9a.l\ndv(\xf5F\x8d\xf2\xf2\x97\xee \x16*\xc2\xafOA\x1f;\x10\x083\xeb\xcf\xdd'</t>
  </si>
  <si>
    <t>b'1\xff\xc2\t:TQ\xe1\xe9Q\x0e\x90\x03\xa2\x8fV\xca\xadY\x81p-\x8d}2\x16t\rk"2\xe3'</t>
  </si>
  <si>
    <t>b"\x95T\xcf8\x8e\xc2\xc7zt\x9e\x89\xbeC\xd8\xe0\xbc\t|J\x9c\xec\xfb\xfb\x1d|\xdbV\x01@A\xe5'"</t>
  </si>
  <si>
    <t>b'2m\xe0\xd5+\x91\xdf\x10\xff\xde\x08!&lt;\xca?\xfaGV\xb7\x16\x83\x04\x0bx\x1fO\xca|\xb7q\xe8)'</t>
  </si>
  <si>
    <t>b'\xdcP\xc01m\xe5\x9e\xdfo\r*F\x12jh\xb3\xe1\xa7\xe6"\xfe\xce\x0e\x04\xb4\xcf\xef\x90\xb3b\x0f\xb8'</t>
  </si>
  <si>
    <t>b'\x9bq\xfc\xcb\xfd[R\xa5%}\xb9\\\xf7\xde\xfb\xd2\xc1\xe4\xeai\xb2T\xd1\xea\x99\xb7\x1b\xb3v\xda\xec$'</t>
  </si>
  <si>
    <t>NE</t>
  </si>
  <si>
    <t>689xx</t>
  </si>
  <si>
    <t>b'1\x12\xe3\x8e\x06\xe1l\xfc\xa1r\xfb_\xd6\xa8\x92\x80}\xd2i5\xb2$ {O\x81\xb7\xf2\xa4\xa8^\xae'</t>
  </si>
  <si>
    <t>b'v\x8dR\xf2~i \xce\xcd[\xac\x93=\xaf\\9w\xb8\xe7,~]J*HU\xb8\xc4\xe7\xe5\xe3Z'</t>
  </si>
  <si>
    <t>b'\xf6\x9e\xb4\xb2\xd7s6\xe2`\xfc\x13+&amp;8\x82\x1a\xec\x18\xc4^wp\x1a\xd2\x1aq\xce\xcf\xe0]\xda\xfa'</t>
  </si>
  <si>
    <t>b'\xa8\x82\x88\x97\x03+\x1f\xea8\x1c\xf1\xd8\xd1/S\xda\x81:\xb2&gt;\x12\xdf\x837\x8b\xef$:\x9f\xb7\xe6\xc6'</t>
  </si>
  <si>
    <t>b'\xc5\xdf\x1b\x06\x8ed\x97\xdc\xda\xbc\x03\x015\xdb&gt;\xf1\xf1\x02=\x14\x84\rp2_R\x8f\xca\xa2\xd1\xfaP'</t>
  </si>
  <si>
    <t>b')q\x16^\x8a0X\xd6"\xe8\xe2i\x12$ek\xc9m\xb9\r\x8f\x00\xe8\x07\xc1\xef\xc9\x83pg\xf9\x10'</t>
  </si>
  <si>
    <t>b'\x08\x97&gt;\xc1\xd3\xbcR\xb7!Rz$\xa0\xe3\xe9\x15\xa7Ed\xa3\xb9\x1a\x8e#T\xfb\xb2\x8b&lt;\xd1.\xc9'</t>
  </si>
  <si>
    <t>b'\x88\xf6\xa9*\xbe-\x18\x1f\xfd6C\xc05 \x95\x90\xae=\xd3\xe8~\xab\x9frY\x0e}(\x8f\x81\xc9\xf3'</t>
  </si>
  <si>
    <t>b'\xc6\xdb\xf58\x7f\x16\x1bFT\x9eh\x1eG\xb3\xe8z&gt;\x8c\x89\x8b\x13\x9a\xe8&lt;\xdf\xa6\xcf\x97\xd1\xb6\xdat'</t>
  </si>
  <si>
    <t>b'M4\x00\xe9\x02\x86\xb1\xb0\xb6\x8b\xf5$\xfd\xec\xa7?\xc7\x92\xc0\xb52d\xb2\xde\x87 {3\xf1\x91J4'</t>
  </si>
  <si>
    <t>JOINT</t>
  </si>
  <si>
    <t>b')\xdc\x85\xc3\x1eH\x05\xecA\x8c\xcb9\xa8\xdb\xa0i$\x7f\xa0\x81K?w\xc9\x96\xb0\xcf;\x14Wip'</t>
  </si>
  <si>
    <t>b'P\xc9a\xf5\xc4\\\xca\xf0\x80G\x9b\xa0m\x9f\xb3\x9f\x9b\xd4\x0e\xc2B\x0e%C\xd7+\x852\x06\x9d\xc6\xf6'</t>
  </si>
  <si>
    <t>b'\xd0\xf6]\x8f9\xfev\x17dTM\xb4\xa22\xf3M\x8e\xa1\x83T\xfd.I\xe2-\x85#\xe7\xfd\x80P\xea'</t>
  </si>
  <si>
    <t>b'\xa8\xc6\xe8\x1d\xa3\xc36b\x97\xff\xfe5HFA\xaf\x1a\xd2\xd1\xd5\x8c\x89\x8cAO\xe1\xff\xef\x91\xa72,'</t>
  </si>
  <si>
    <t>b'\xa7\xf6U\xd4\'\xf4\n\r\x02$\x83\x88X|\x0f-\xd6\x94\x15=\x8b\x11\x839\x02\xb9\xa5\xee#\xda\xa4"'</t>
  </si>
  <si>
    <t>b'I\xdb\xbe\x82\xb7\xa6f\x03&amp;\x8e\xb1\xa5K\x01)\xfb\x01?.\xb1\x14\x99\xd3XO\xba\x83O\xe8{+&amp;'</t>
  </si>
  <si>
    <t>b'=\xeds\x13\xcdc\xd3\xa2\x9aM\x97n~\x19\xe9\x8f\xae\xe7x\xfd\x0f\xe9\x92\x9b\x0c\xa2f\xf8n5\xb8\x13'</t>
  </si>
  <si>
    <t>b'\x86\xfb\xa9e\xf5\x83.\x9e\x85@d\x7f,&gt;\xe3\xb3\xd4|\xd9\xa9\x17\xf6\x1e\xbc6\xe3}\xde\xa8\xa2\nv'</t>
  </si>
  <si>
    <t>b'F\x89\t\xd9\xc1\x11{\xdd\xa4@\x15r\x85\xed.]\x8e\xb1\x80w\xd6\x81w!\x1e\x11\x81\x88\xb5\xea\xc9\xc8'</t>
  </si>
  <si>
    <t>b'\xb7]\x18\xecW\x90\x9cz\x18\x0c\xb2\xa4wp"\x93\x067\x8e\xcdL\x04Rt&gt;\xe4\xefy[\xb5O\xcf'</t>
  </si>
  <si>
    <t>b'mZAm\x12\x88X\x08\x8f\xc2\x10\x90\x17\r\xad$\x8d\x8a\xf0\x15\xear\x9b\x14\xbc\x04\x84\x83\x1df\xf72'</t>
  </si>
  <si>
    <t>b'\xbeC\xe6U\xa3a\xcatm-\x92:r\xe9\xe5\xb5\x15W6X\x82\x84\x9c-\x9e\xc6\x1d9\xe5k}r'</t>
  </si>
  <si>
    <t>b'ee\x96\xc3\xe6\xc1LN\x0b"\xd6\xa8\x99?\x0e\xcb\xb9\xfa\x0f\x7f:G]\x8b\xea\xff\xbdcn\x9ee\xfe'</t>
  </si>
  <si>
    <t>b'\xbf\xf8=l\xf9\x04\xb9\x16\xd3IRT\xd4\xdd\xefE\xdc\n\xa5\r!\x7f\xd0]\x1cm\x8bd\x1a\x05n\x99'</t>
  </si>
  <si>
    <t>b'\xe4\xdb\xd0\x1d\xe8;\xb0\x86\xecI\xb1\xf3Q\xf7\x1f\xcc\xefPj\xabk\xb0\xfb\x0b5\x91\xfb\xde\x14\xf7\x84g'</t>
  </si>
  <si>
    <t>b'$X\xda\x8d\r\x1cC\x99W\xf4\x9e\x16U\xfa\xc3\x9b\xf6\xbb-\xd3P}\x9aN\xc5[\x97\x9a\xd27\x9a\xa1'</t>
  </si>
  <si>
    <t>b'\xa1-\x9c\xc5 &gt;8\x1e\x05\xa9+g\xe4?\xe1\xbd\xd1]S\xef\xaaW\x9f\xe3\x03\xf3N\xdb\xc3(\xa8V'</t>
  </si>
  <si>
    <t>b'\xe2\x87\xf7\xb3\xf1\xb0F\x97\xa8\x89\xf7\xa7SE\xbdp[W\xc3I#\x06\xc7\xff\x82\x17)\xf1\xe1\xdbY\x00'</t>
  </si>
  <si>
    <t>b"\xb2$\xce'|\xa9g\xd5'\x12\xc1\x9clv\x1f. \xf8\xe3\xed\xae\xb6U\x06)\x82\xf3\xb2Z\xb4\x19\x1d"</t>
  </si>
  <si>
    <t>b'\xea\x8ft8n\xb2!0\xea\x8f\xd4;-\xd8\x95"\x839\x08I\xda\x19z\xe6\xd6\xd1\xf8K\xe7;K\xb2'</t>
  </si>
  <si>
    <t>b'\xe0\xa5}\x1e*\x06\x90Z\x9dl\xedN\x850H\x96\xea,\xbf\xe0\x9e\xbdD\xbbn\x07h\x9e\x8dkt\xf6'</t>
  </si>
  <si>
    <t>b"\x1cW\xc9\xf9\xae?P\xc5\xc7\x90J(t's)/\xd3P:\xe4\xe4\xe8\r\x7f\xa7\r\xbb/\xaeO&gt;"</t>
  </si>
  <si>
    <t>b'\xd4\xc2\x8f\xdcK2\xeb\x1d\xd8Pi\x9c\xc6)\x8e\xabsl\x83\xae70\xdd\x9d\xc8.q\x06V\x07\x8b\xed'</t>
  </si>
  <si>
    <t>b"x\xce\xa73\xa8\xe2\x90\xacIg\xe0\x94\xee\xc6E\x08\x1c\xb6'\x00\x846\x92\xd2\xf8\xa3\x0bD\x89*o\xfe"</t>
  </si>
  <si>
    <t>b'}\x85\xeb\xfc\x90\xbc\x1e,\xd1\xf8+R\x8a\xcc\x9dw\x1e\xb9\x12\x93\xf09\xc2\xdc\xd3\xaf\xd8\xa7&gt;\xdb\xdf\x8c'</t>
  </si>
  <si>
    <t>b'R\x1av]\x1d]B!`\x13R9\x014r&gt;\xa8\xcb\x88\xcc\xacm8\x95\xfc\xf8\x9e\xbfM\xcf\x8f:'</t>
  </si>
  <si>
    <t>b'\x7f\x0e\xd8\xb6\xde\xae8\x14\xb6\x1c6\x13o\x80\xa2\xdew\xf0\xa9\xdaN\xccL\x06\xbdjd\xd2E\xf6\x98\xc2'</t>
  </si>
  <si>
    <t>b'\xa2\x15\xed^m\xe3m\xfd\xd88z\x987\x95\xa4z\xe5n&gt;\xc1\xfd\xc1\x17\xe6\xe4\xc9\x05\xdd\x8d\x01%\xb5'</t>
  </si>
  <si>
    <t>b'\xf4S]\x06\x99\x1a\xd1\x14\xb4\x19P}Z\x8b\x8d\x98{\xc3\x8aM\nr\x14QD\xb2\xb5\x9cF\x1e\xd9\xb0'</t>
  </si>
  <si>
    <t>b'e\xceu\xf0\xec\x14U\xd3\xbb\xae\xfb\xaf\xdf\x13j\x93\xa9\x0ex\x87\x8aoZB\xa9w\xf41\xcd)\xb2\xb6'</t>
  </si>
  <si>
    <t>b'\x00\xdf\xad\xca\xa3\xc0-|\xc5\x82\xfba`\xc0\xe0\x19dL\xce"\x93\x92Z\x9c\xa1S\x7f\xea\x91\x08\xecz'</t>
  </si>
  <si>
    <t>b'\xac\xa1\xd6vA\xf2\x8d\x05\xe1#]\x85\xee\xc3&gt;~\x1a\x83\xb0\xc0L\x98\xd1\xc4\xb7\xa4C\xd4\xed\x0f\xbb\xd7'</t>
  </si>
  <si>
    <t>b'\x8b*\x8e\x8c\xc7M3\x1ac\x92\xdeE\x8e\xf8\x00x\x9cI\xa5\x9e)\x01\x98Q\xbf!-Q\xb4D&lt;Q'</t>
  </si>
  <si>
    <t>b"\xdf1C\x8d\xc9c\x87\x0c\x1d\x89;\xc2'\xb1(\x06\xe9\xb5\xcd\xb1\xe3wr\x98&amp;\x12\x95\xdb\xd3\x92\xe5Z"</t>
  </si>
  <si>
    <t>b'\x03\x9b\x03\x18N\xc0o\xfa\x82\xa8OR\xf3\xa8\x01\xcf\x97\xf2\x0c\xb5wu\xbf\x15vk\xa7\xc7\x14\xe6\x9dv'</t>
  </si>
  <si>
    <t>b"'\x14C\xb8H\xb2\x88\xdc#B;t(:z\xf0\xa5\x9bL\x7f\x9cZ\xb7\x0b\xe3\xb3%\tc\x8f\x93R"</t>
  </si>
  <si>
    <t>b'\x0c\x82f\xef\xef;\xa8\xb8!\xf4\xdf\xbd\x8eG\x8c-\xc12\xa2\xfe\x848l\x18\xef\xc7H\xee\x7f\xf5\xc5\x07'</t>
  </si>
  <si>
    <t>b"\x98\x08L+\x82\x8a\\\xa5\xed?\x91\x06\xd8\xa9\xfa6\xc7\x0b';\x9b\xc93B\x0c\x14\x1e\xd4lw\x1bc"</t>
  </si>
  <si>
    <t>b'(U\x82\xd7\xd2\x86\xefN\xbb.\x80}\xd6.\x15\xf0\x9d\xc5\x91L\x7f\xc2\xc7\x1ca\xf8t\xfc\xf6\tz\xd5'</t>
  </si>
  <si>
    <t>b'4\xb1\xfd\xca\xd6,\xea\xfd0\xb7\x16G0\xeb\xc6\xb0-{F\xb9\xdc\xe8\xc4\x94wF\x12;\x9e\xc5%\x97'</t>
  </si>
  <si>
    <t>b'\x82\xad\x8c\xa1\x04\x1f\xfa\xd4\x16{\x8e|\xe1BX\xd3H\nG\x1b\xac\xad[Z\x83\x04\xb4\xb3U\x00~O'</t>
  </si>
  <si>
    <t>b'\x17\xcb9\x93\xf1\x04\xac\x9d\x19q\xbd\xbf\xf5\xfd5X\xe3\x81D\xc5^\x04\xd9\xa5\xc0=T\x82\xc5\xe2P\x9c'</t>
  </si>
  <si>
    <t>b'\xac\xcc\x1c&amp;\xe6\xd3]B\xbf\xe9\x05&gt;\xf3[B\x1e~\xdb\x98\x01\xad8\xe2\xce\xa50\xe5\xc6\n1s\xdd'</t>
  </si>
  <si>
    <t>b'\xe7\xc2\xf1e\xa3\xc82\xf9\xc9\xf9h\xf7\xf0\x8c\xde\xf8\xbd\xc5\xcf\xf3%`\x9c\x16\x9a\x8b\xeb\x91\x91\xb3\x82T'</t>
  </si>
  <si>
    <t>b'P\xbaW-.i\xddv\x07|Q"\xe2T\xff\xe4r\xae\xca\x99r\xda\x96\xb8\xaf)\x84\x9ea\x9a$\xfa'</t>
  </si>
  <si>
    <t>b'\xb24hL\x1cd~,\xee\x0b\xe6\xb1\xbe\x98:by\x8b\xa0G$"\x87\xef\xaf\xb1\xc9\x80\xf1\xa6\xc8:'</t>
  </si>
  <si>
    <t>b'S\xafl\\5R\xc6\xf5\x90u\x14=7{k\x19\r\x94Q\x8e\x8c\xb4V\x17(\xbc3\x06\xf2\xbdx\x9e'</t>
  </si>
  <si>
    <t>b'78R\x15\x90`\xaf%\xdf\x9a\xf4r\xec\xcaZ\x90[Y\x90&amp;\x191\x1a\x0f\xab\x1fSB\xe1\x99\xaa\x84'</t>
  </si>
  <si>
    <t>b'\x1b6^\xd6E\xa3\xe0:\x80\xc8\xea\xec\xd5\xd0\\\xe0\xce\x0fz\xee\x8aS\xcb\xd8\x1a\xc8\xf7h\xda \xae\x02'</t>
  </si>
  <si>
    <t>b' \xd1\x08\xae\x1e\x04\n\xae\x9a\xa5\x8e}Q\x8dnK\x87{\xad\x81\x17.g\x93\x93@\xfd\xc9zr\xb42'</t>
  </si>
  <si>
    <t>b'{\xb9)\x80\xdeC\x0ei\xb8a8\xcc\xec\x8a\x8b*e \xebG\xd9q\xb4\x8a\x9c\x93\x17\x9e\xfc\x1c\x86d'</t>
  </si>
  <si>
    <t>b'U\x9a\\\x15\xa1\x80\x9a\xe2d\xc8\xc7\xfa\xe7\x83\xc0\xe7\xe6o\x97\xf2"\x83\xfa\x98\xc4\xea\x0e5\xf25e$'</t>
  </si>
  <si>
    <t>b'\x86\x82(\xe1\xde\x884\xdbZ\xbd\x1d\x88\xfb\x91\xe94!\xdb\x14\xa2&gt;\xb6\xbctJ\xee3\x84\xd3,\xd8r'</t>
  </si>
  <si>
    <t>681xx</t>
  </si>
  <si>
    <t>b'\x04M\xb5\xaa-)\xd7\x9c\x18[\t}\xa2\xb9A\xdev\xeb6\x0eC\xc1x\xf8\x8a\xdf\x1c\xe6\xc9\x90b\xf1'</t>
  </si>
  <si>
    <t>b'#\xa1\x1e\xe8I\r\xdc\x96\x82\x92W(\x9a"[\x03\xd2\x00\x12\xfc\xc2Uaur\x84W\x8e\xa7\xa2d\x03'</t>
  </si>
  <si>
    <t>b'\xe3\xec\xdb\xf7\x8fSo;\\{\x92q\x94\x94kQ&amp;@\xd6.\xc0Y\x13\x0c\xbd\x10\xe87r\xd6\x01u'</t>
  </si>
  <si>
    <t>b'\xb7\x1a\xa9\xed^\xa8\x1c\xcek*\x14\xa1_U\x0e\x11\xdbl(\xb1\x95?\xf6)tr\x9f\xd4\xef\xb4\x9d='</t>
  </si>
  <si>
    <t>b'OTm\xd3\xac\x96&gt;\xb2\xcbP\xff\xcf\xd7\x06\xa9\xce\xebO\xa6OA\xee-\xdd\xad\xce\xc3c\xa6\xfb\x16&amp;'</t>
  </si>
  <si>
    <t>b'^\xb1h\xa4\xf95\xd8\xd9\x02\x10\x81\xa2\xbd\x08\x88o0m3\xf3\xf7b\xe7\xb6\x13\xad\xebTzu\x8af'</t>
  </si>
  <si>
    <t>b'Fg\xa9\x1c\xd7\xb0\x87\xcblba\xeb\xcfl\xb8\x91\x87\x98\xac~\xc4\xf6-\x8f8\xf8R\x99\x04i&amp;K'</t>
  </si>
  <si>
    <t>b'\xe2\xba,\xb6\xfc\xe9\xb8S\x92#\xcb\xf0\x8c\x9255\xb4u\xd2\x0ee\x8c1&lt;\x1e\xc5\xf2\xa28\xf2\xd1\x02'</t>
  </si>
  <si>
    <t>b'\xf7\xbeV\xd6\xec::E\xa1&amp;\xe2\xfbT)\x80\xd1f\xc1\xaa\x18\x92\x1buVj\x04\xd4\xcbc\x80\x93\xda'</t>
  </si>
  <si>
    <t>b'3@Sg\xfba\x00/(\xbc\xde\xd8\xaeF\xeb\x00W:MR\x11\xff\x91\x8dQ/ &lt;|[\xf7o'</t>
  </si>
  <si>
    <t>b"qh\\\x84E\xf2\xa0\x1c\xf8K\xc5\xb6Z\xf7\xf9\x91w\xc4I\xaf\x1e\x91\\\xbe'\xbfJ\rqp\xae\xc4"</t>
  </si>
  <si>
    <t>b' \xff\xd91JOtU\x99o\x1f\x10\xdb7G\x06*Q\xc5\xb9\xa9\x8bA\x8a\x06\x8e&amp;ys~\xd4W'</t>
  </si>
  <si>
    <t>b'O\xc0\x86J\x91w\xc6\xa8\x8f\x18\'"\xbe\xfa\xb2\xad\xd8c\x9d%hS\xaa\xc2\x99T=\xf63\xc3\xf6&lt;'</t>
  </si>
  <si>
    <t>b'\xc8\xf1\xa1\xeax\xf8.K\xf0\xb8\x98\xbfY\x1b\x02\xeb\xd2\x1az\x80\r9+\xc3N\xb8\xabl\xeeY\xec#'</t>
  </si>
  <si>
    <t>b'^\xff\xcf_D\xe3\xe7u\x9d\xc0\x176\x94\xe8lC\x0e\xb5\x9bZ\xe0\xf1t\xe5}h\xe9\x9c\x0c Q\xe0'</t>
  </si>
  <si>
    <t>b'\x02!\xdf\x13X\n0\x9c\xbf\xd2\x11zz\n\xfc\x9f_A\x00KK\xbe\xca\xc6\xb4\x90\x1e\x9d\xd7*\xb14'</t>
  </si>
  <si>
    <t>b'\xeb\xc7\xdd\x9eN\xc8\xfe\x02o\r=\xa9\xb0\xbcp\x82\xff\xfbi\x9b\xf0\x07|\x85\xd1K\x9d\x9e\xd5\xbd\x9c8'</t>
  </si>
  <si>
    <t>b'\xda,w\xcc\t5\x1d\xee\'"\xcd3\x93d\xcb\xb9\xf1\x1dk\x8e%\x1a^G\x80e\xb99\xa4&lt;\xc1\xb7'</t>
  </si>
  <si>
    <t>b'\xf4\x07W\xcd\xd1&lt;\xa9\x84\xfb%\xa7\xf2\xc7\x03\xa42\xd5\xda\xe4:t\x08p\x0eg\x90a\x0f\xac\xa5\t\xb3'</t>
  </si>
  <si>
    <t>b'\nJ\x1c\xbb=\xae\xe9\\\xb6\n&amp;C\xdci\xfa\xdc\xb2!\x9bgAmJsb\xf9\xe6\x8e\x05\x05\xba '</t>
  </si>
  <si>
    <t>b'\x1c\x0e\x1f\xb6\x7f\xe5\xaf\xf3u?\x19\xbeB\t4\xfbV\xb5\xc5\xa5\x89P\xddFk/0\xc1\x1a\xc5\xbd?'</t>
  </si>
  <si>
    <t>b'\xd3\x98*\xec=\xf6q\xd6K\x91B\x1d\x99\xb0\x06\x85}\xf6\xa9r\r\x819Z\x938\xbd\xe9*\xeegW'</t>
  </si>
  <si>
    <t>b'O\xc1G\x0f$\xbe\xd5\x07!\x9fQ5\xd86\x00\x9f|o\x7f\xe6\x1b \xef[9K\xbe\x86\xb7\xcfK~'</t>
  </si>
  <si>
    <t>b'\x81\xde\xacV8L\xa7B\xed\xc3\xab\xeeH\x1dP\xe4\x85l\xe2\xb5\xbd\xca\xc7\x83\xa0\x0buX\x1b\x1b\xed\xea'</t>
  </si>
  <si>
    <t>b'\xf9\xf6\xaa\xda2\xa6\xca\xbb\x81H\xf1\x8dA\xcf\xa2\xb1\x8b\xf0\x19$I)\xbaK\xde\xc2g\x8f\xc3-\x862'</t>
  </si>
  <si>
    <t>b'\xe6*$}!\xbc\xa3#E\xd6\xe8P\xd2\xb7\xc4 \xcf\xa5}vG7\x0b\xe7\x8a\x10\x94\x93\xe4\x1e\xe7u'</t>
  </si>
  <si>
    <t>b'B\xa1\xb7~\xbf\xf4\xc1\x15\x89\x93\xd0jX\x0c\xea\xb1J \xf9\xee\xcb8\x94\xfd\xef\xe1\x8b\xc9\xff\t\x0fz'</t>
  </si>
  <si>
    <t>b'\xad\x08&lt;\xe1/\xbd\xe1;s\x1b\xdd\xd71\xe3\xb8\x17@\x8cU\x03\xc1\x87\xd1l\x9fi\xa5\xca\x0e\xa8\xb8\xad'</t>
  </si>
  <si>
    <t>b'u^\x16.\xa9\xe3\xc6\xbb\x92\xa0O1\x14\xf1t\xbb[*\xb9$5I\x00\xea.Z\x97\x07\xf1b:\x89'</t>
  </si>
  <si>
    <t>b'\xf2}\xda~6\x06\x87\x16\xbc\x91^AOv\xc3,$\x13 \xae\x80\xea\x86%\x7f\x8fh\xde;\x93\xb9|'</t>
  </si>
  <si>
    <t>b"\xa3K!\rR\xfe\xa5-\x80\xee\xd3\x11k&gt;\xf8\x06}\xedx\xea\xe0\xd3\xa5\x0bT2'\x870\xbc\xc6\xd3"</t>
  </si>
  <si>
    <t>b'%\xceTC\xaf\xdd\x9f\x01\xe3\xe7\x82S\xc7\xc5\x92\x83\xae\x0e\xacq\xd1ITLv@\x85\xf2\xef\x1f\xda\xe2'</t>
  </si>
  <si>
    <t>b'\x8d\xf1\x10%\xeb\x10\xedxxAfq\xca\xcfs#\xd5\xf1\x0c\x08E\xc7O\xcb-o\x15\x16\xba7\xef\x93'</t>
  </si>
  <si>
    <t>b"\xce\x02{8\xc4m\x11\x8e;y{$\xde'\xd2S|\xb0\xc2\x9b{C!.\xcc2f\xe4&amp;cj+"</t>
  </si>
  <si>
    <t>b'\xa6\x01\xaf\xad\x01]\x82\x82\xdb\xb2V\xfb\xb3&lt;\xcb\xe6\x86\r7l\x92\xd2\xcfOQ\xbe\x87\xeeNU\\\x94'</t>
  </si>
  <si>
    <t>b'\x18\x95\x83]\xd4\xbf\xf3\x0b\xe6\x87Mk\x92K\x9b\xc6\xc6([\xe5rY\xf1\xabm\xef\xb2\xe1\xc6}!\xd6'</t>
  </si>
  <si>
    <t>b'\xdd\x91Ln\xfd\xb7\xeeQ:\xb4\x80\x89\x15\x9a\x82OEz+\x08\xbf\x1a\xe0\xcb\xb0\x1e\xbc\xed\xedL\x0b3'</t>
  </si>
  <si>
    <t>b'F]v\xb0\xe1\xffx\xbe\xbe\xeaWmA\xd3\x94\xe6\xf1\x7fe\x01Ai\xfa\xd4\xc9\xf6\xe0\xbc\xa2\x1a\xc7\xc3'</t>
  </si>
  <si>
    <t>b'\xa30C\x80\x85\xbdS&lt;\xc4/\x12\xfe\xcf\xf6\x8a;\xe7\x00\xc0\xf3p\xd2\xf7/\xc8pT\x88~\x1f\x1bB'</t>
  </si>
  <si>
    <t>b'\xceD\xaa\x9cf]\xb2\xd3\x7fp~\x9a3!sr\x05\x96_\xe1OP\xb1\x9bP\x1b\xb6\xbc0\x82\xd3\xde'</t>
  </si>
  <si>
    <t>b'(\xf1\x10p\'"*T\t\xdb\x08kH8r(\x84r\xc3/\xdf\x9e\xeaNA\x1e\xc8\xc7\x13O\x9ew'</t>
  </si>
  <si>
    <t>b'|-9\xef\xc6\x9f\xe8g\x1dX\xb9G\xf6*\x83\xb8\xc6\xe2\xf9\xe4\x06{\xbc+\x1f,\xe0\xa1\x0e@\xc9\xf0'</t>
  </si>
  <si>
    <t>b'E\xef\x0f$\xf1c\xbb\x12\xef\x0f\x97\x1d&gt;\x014\xe0\xcd\xaaD\x9ae\xf3\xb6\x12l\x9aw\xd4\xf9\x17$\xcd'</t>
  </si>
  <si>
    <t>b'\xb3\xb5\xb4\xb8\xbd7\xa1\xc0\xa0}\x9a&gt;+=\t6V\x1fu\xef\xaa\xa0O\x03l~\x94&lt;\xa8\x1eAL'</t>
  </si>
  <si>
    <t>b'\xf5\xb2\x1cK\x1b\xaaR\xe1z\xa6\x1f\xc3&gt;\xbbm\xb7E\x86\xbf^\xf2\xc2\x9b\xca\x08\xe9\x0c\x8e\xeaQF\xcc'</t>
  </si>
  <si>
    <t>DIRECT_PAY</t>
  </si>
  <si>
    <t>b'[4\xd0\x96\xa8\xe19\xb9\xa5U\xdb\x16\xd8\x17\xd5\xc4\xad\xa2Vh\xacTIl\xc6\xd3)IJ\xf4\x1f&amp;'</t>
  </si>
  <si>
    <t>b'\x82\xd3\xfe\x11\x0e6*\xa1\xee\xbd\xe2\x15\xeaWr\xe7\xc6\xc9\x98\xa7g\xce\x1d\xa5&gt;\x01\xae\xd1\xc7&lt;\xaeq'</t>
  </si>
  <si>
    <t>b'\xb6L\xfa\xa9\xcbm\x8f\xc4\n\xcb\x0b\xcb$\xb1\xb9\xbc\xdd\x93$sYD\x93\xca\xd0\xd3\xbe\x98\xb6e\xe7\x0b'</t>
  </si>
  <si>
    <t>b'2\x81J\x94\xaf\x17\x93\x06\xb7s*\xa1\x84\x97\x8c\xf5H\xdb\xd4\xe5\xb5\xf3\x18\r\x98(p\xa2&amp;\x98\x85\xfe'</t>
  </si>
  <si>
    <t>b'$|9\xbd\xd7Pb\x1a-\x8b\xb7t\xa5\xd0\xe6\x0fS\x174x*|\x1d\x96\xba\xea3\xc2J\x13\xbbW'</t>
  </si>
  <si>
    <t>b'\x01\xcc"\xa8\xc6\xbe+\x01\xad[\xfdC]m3g&lt;\xb5L\xf0i\x84&gt;\x87.\xbbK\n\x9e\xfe\x82\x9a'</t>
  </si>
  <si>
    <t>b'\xb6\xc9Rd=\x02\xaf\xfbi\xd8*\xa1\xfch{\x18rR\x89\xef\x08\xdf\x85e\xa5\xa8\x0e\xbb5\x8btg'</t>
  </si>
  <si>
    <t>b'xh&amp;\xaanK\x88;\x1cd\xeb{P\xe3\xf5\x87\xe1%\xfcu\xc4~\xb1\x03\xc4\x86\x80\x17\x00\r\xe5\xc3'</t>
  </si>
  <si>
    <t>b'\xba\xb8\xaf\xb7\xef]*\x85\x91\xb6u\x96*\xce\xe7\xc2HQ\xf1\xf8\xfd\xb90\xf9\xcekW\x0b\x18\xbb+\x1d'</t>
  </si>
  <si>
    <t>b'\x002"\xbcV,E\x95\xc3\xd7py\xea\xa7\xf6\xef\xeb7\xde\x04\x94N\x08PS\xac\x88\xdaq?\xe3\x13'</t>
  </si>
  <si>
    <t>b"mW8\x80\xcd\xe5x\xba\x92\xbe'\xf8\x99.z\x0c\x18\xa9\x04:E\x85\x9b\xeb'\xab\xf2m\xe1\xb5\xf6\x7f"</t>
  </si>
  <si>
    <t>b'\xae|\xa1bV\x92\x1bM\xc1\xf3\xf6\x97\xe4E)\xbb\xc1|\xe5\xa9\x97\xf9\x87\xa1y\xf3\x97\xff\x95|\xa7\x81'</t>
  </si>
  <si>
    <t>b"H\xc9_\x94Y\xe4a\x0e\xbb:apq9\x95\xd1^\x04\x93\x95\xb97&amp;\xda\xd5\x19\xe4r\xd26u'"</t>
  </si>
  <si>
    <t>b"C9\xdcGm'}\x88\xd9d\xc60\xec\x0b/\x987{\\\xda\xd6\n\xcbHz\x8fc\xd5\x9c\x8d\xf9\xca"</t>
  </si>
  <si>
    <t>b'\xe4\xc2\xe3\xc55;\xdae\xa6\x85uP&gt;Ed\xc3\xcb!%\xa5C\xee\xf6\xefK\xdc\xe0q\xd7o\x92\xe4'</t>
  </si>
  <si>
    <t>b'L\xa4\r\x08L\xa6\xcc\x0cn\x98\xbb\x81\x15\xa48\xfbcN\x17\x99\xc0\x03\xf9\x83\x1f8\xde\xa2\xfc\xb0\xa0H'</t>
  </si>
  <si>
    <t>b'#\\\x02B\xbe\x01Q4@T\x9eB\xda\x96i\x17\xc5&gt;-\xbb\x89\xe6\x19\xb53,\x0c\x17\x81~a\xbb'</t>
  </si>
  <si>
    <t>b'\x12@\xe95\xb6\x81\x1a(\x90\xde\xc1\xe0\x15\x00\xcdssQi\xf1\xe4\xbd\x94j\xf30\x7f.$\xf8\xc5['</t>
  </si>
  <si>
    <t>b'\xbbu\x0cgG\x88c\xc8\xfaP`\x95\x16\x119\xbb&amp;\xce\xc0\x9cU\xd2y\xc3\x1c\xa0\xbf\xb6\xeb\xb26\xb3'</t>
  </si>
  <si>
    <t>b"S\xf7\x9c\n?\xbfZ\xe6\xcb\xc4\xf0\xa1\x04_\xf6U~\xf2\xb2\xca\t2\x91\x13#\x13'9\xef\tw\xcf"</t>
  </si>
  <si>
    <t>b"\t2'\x03\xab\x8b\xa7d\x0b\x00G\xeb\xe8\xd6\xf4\xc1hb\xfe\xc6\x15\xa0F\xe0\xdd(b\xc5\xa0~\xe4\xbb"</t>
  </si>
  <si>
    <t>b"T\xa9\x1bj\xce\xf2\xe2\xc6[z\xd7U\xe91\x8bv'\xf1\x8fuT\x9f\x0c\xf3\x04\xa6BW\xd0\xbb\xdc\x00"</t>
  </si>
  <si>
    <t>b'\xb3\xfc\xac\xb4\xfd\xbcA\x8b\x84\xb40\x15\xa8\xe4eM\xf7fl\xd9\xd3\x01j\x04:\xd2\xa8D\x13\xae\xe3\x84'</t>
  </si>
  <si>
    <t>b' "\x18\xc0\xfeR\'\xaa8\xbc6\xb1\x00\xba@"\x01G\xd9\xc7\xa8xU\xb9\xaa\xb0\xcc\tk\x0f\xe9\xeb'</t>
  </si>
  <si>
    <t>b'4\xe7\xbaj\xd56\xd7,\xd4\x94\xdb\xd9\x9c`\xae&gt;\xe6C_a(I\xce\xbf\xa2\xb3\xe9\x9e\xac\x1e\x135'</t>
  </si>
  <si>
    <t>b':\x83X\xd5\x90\xd4\xf4\xfam\xadS\xfco\x88b\x84\xe3\xdf1\x15?\x9e\xd33\\\xa0\xac\xb8?\n+x'</t>
  </si>
  <si>
    <t>b"\xaaT\xa4\x0b'?\xc3s\xf2\x83\x08\xaeO.\njJ`\xb4;\xc7\xc4\xf1\x93\xfe9\xf26i\xcb*\x95"</t>
  </si>
  <si>
    <t>b'\xf2\xc5"\x12\x96\xfa4*i\xe6\x91\xff\x10q\xef@h\x18\xb4w\x9c\x7f\xfc]\x1eM*\xe4\xcd?L\xb6'</t>
  </si>
  <si>
    <t>b'Ao\xad\xb2\x93\xe4\xa9u\x98O\xaa\xac\x9d;\x7fI=~\x16D0\x1a\xe2R\x10Qz\xc0T\xf0\x99]'</t>
  </si>
  <si>
    <t>b'&lt;\x92\xfd\xcf\xe6\xd9\x03\xc4\xbd\x1e\x1ffd\x16\xff,\x85 F4f\xfc\xd1o\xe9\x00\x86W\xcd\x92\xdc\x05'</t>
  </si>
  <si>
    <t>b'g\xf3\x986\x9c]\x87Uv\x17?A\xbfN\x1e\x9c\xd5_\xe7\x89\xf8/M\xbc\x08\\\x1a\xb20\xee\x84%'</t>
  </si>
  <si>
    <t>b'\xb3&lt;\xc0}\xc3\xa6\x1b\x13\x9bM7\xaa\xf4\x88\xd2\xe3\x0b{i\x01\x11\xc6!\x85\xa8A\xa0\xd1*\x1bf\xa4'</t>
  </si>
  <si>
    <t>b"\xe1O\xd14\xd2H'\x1b3\x1fN\xa7\xd2\x89\xa1\xa3\xa0)\xd0p\xf4\xf4\x89\xf76\xdd\xc4\x9e\x08\x0b\xfd\x83"</t>
  </si>
  <si>
    <t>b"\x98W\xb2\xe3\xa5\x06;\xbd\xca\xbd\xc1r\x9e\x8f'\x10\xd0x\x0c\xb36\xe7\xbc\x05 \x13&amp;Z M\x93A"</t>
  </si>
  <si>
    <t>b'\xd5N\xb5\x9ao\xd89\xd8\xbb\x8aD\x04\x96\xf9}.\x16\x84\x10\xd2\xc5\x05\xbe\x9ei*]\x07\xba\x1dg\x1f'</t>
  </si>
  <si>
    <t>b'\xc8\x94Gr\xbfw\x92\x0b\x91\xeb\xc7\xcb\x8f\xc0\xb0;\x072\xe4\xca\x9b{{\x11\x16\x19\xa1\x18lK\xa9*'</t>
  </si>
  <si>
    <t>b'\x86&amp;\x80\x94d\xe8\xf2\xba+\xa2~\x97)F\x9cj\x04\xda\x87\x98I8\x1e[\x14\x18l3\xd0\x85\x93\xa6'</t>
  </si>
  <si>
    <t>b')\x9fv\xb7\x96\x10F\x8c\x10\x00\\\x1eYi _\x7f\xa1\xb0\x92&gt;oil\xd7\t\xb37QU2\xe6'</t>
  </si>
  <si>
    <t>b' 6i\x87A\xf0\xf5L\xec\x88\x16\x19\xb9R\xf3g~\xad\xf9?\xafp\xaa\xd4:l\x8d\xc6\x1c\xb5\x92L'</t>
  </si>
  <si>
    <t>b'\x10\xff\xd4\x8f\x86T\xd5\x98\xa2\x8e\x17\x8a\x19k\xedD\rpQ\xfd\xc7\xeb*\x13\xb8\x1f\x82\x84\xc2g%\xce'</t>
  </si>
  <si>
    <t>b'\x98\x1e\x18w\xd2\t\xf8\x0f\xab\xf3\xda,\x9b8\x9b\xea#\xea\xc7\xc9|\xbd\xb0s\xbb\xd5\x95\x13x8&lt;x'</t>
  </si>
  <si>
    <t>b'7&gt;0\xadZ\xcd!\x9f\x1e\x01\x19\x01\x16(\xfe\x06\x18\xbfz\x05 \x81\xc0\xa1g\xe51\xed,\xb1\x91R'</t>
  </si>
  <si>
    <t>ND</t>
  </si>
  <si>
    <t>588xx</t>
  </si>
  <si>
    <t>b'WaP\xea\xb1\xfb;2+\xdc\x14\x17s\xe5d\x9b#\x177`z\x9d\xb2\xcfN\xe0\xeeP\x7f\xd4\x81\xb8'</t>
  </si>
  <si>
    <t>b'\xb1;\xb5\xcb \xb1\x9e=\xc8@5\xbaL f\xfb\xfa\x01\xe2g\xd5\xfe\xca\xaf\xb7\x04\x06^\xd4X\x1b\xba'</t>
  </si>
  <si>
    <t>b'd\x0f\x85\x06\x95\x9f\xf7\xe4{v\xea:]Bb&amp;Y\xc4\xc9\xa3\xcc}\x93g\xff\xa4\xc3(\xa5\x81\xe7\xfe'</t>
  </si>
  <si>
    <t>b'\xf1\xeb&gt;\xe5\xf4D\x9b~\x95\xcc\xc4Z\x95\xa9\xfe\xaa\x82\xd6\x81v\xac\xa3\xbbc\nQ\xbeF\xa0n\xe6\x1c'</t>
  </si>
  <si>
    <t>b'@CJ\xc3\\J\xa1{\x85\xb9F\x96e\xfe[=\xef\x8c;\x03X\xe3\x0f\x84b\xd7\x84\xad\x1f["\x8e'</t>
  </si>
  <si>
    <t>b'TM\xa3\xec\xcc\x00_It\xdf\x04\x1d\x00[\x82XcD\xe5Ucy\x94\xf1\x8d\xe22\xc0Z\xdc=\xb9'</t>
  </si>
  <si>
    <t>b'%z\xe6\xa5\xe3\xe4\xac\xa9\xc6|\xb7\x80\xf3\xea\t\x1dy\xb9\xa8o\x17\x99\xd9u\xa9\xb1\x1b\xbe\xfa\xa2\xc6d'</t>
  </si>
  <si>
    <t>b"\x90\xba\xa6\x9d*i\x8f:MuJ\x03\x94\x91'v\x83\x17`\xa8=\x89\xbd\x91\xd7\xec\x8e\x14;N\x86\x9d"</t>
  </si>
  <si>
    <t>b'\x96r\xe2\t\xa1\xfbd\xbc\xdc\x8a\x19\xb8[\xd6+\xa5\x07\xf4B\xaa\x18\xebL\xd0\xed\xf4\x1d\xc8\xb9\x94\xe0\xbb'</t>
  </si>
  <si>
    <t>b'\x8a\xf1e\xbf;o\xb1\xd2\x86\x82\xceF\xb2\xc8Z\xcd\x911\x9fO\x10 eW\xaa\xc5\xb3\x96\xf7\xf0.\x8c'</t>
  </si>
  <si>
    <t>b'K\xb4X\x97i\xea\xfcxG3+1\xc3+\x97\x8e$\x07\x0c\xe0\xca\xfcM\xf9\x81\xd6y\xe7\xb1?\xca\x16'</t>
  </si>
  <si>
    <t>b'\xdb\x1d\xa1\xd6\x01y\x06aX\xcd\xf8\xc6_g\x9b\xd6\xbe\x9dp\xedX#\x07^)\x0b\xdf\xd3 \xc7\xb7\x17'</t>
  </si>
  <si>
    <t>b'\x87bz\xd3\x13\xd9\x82Q\x9e\xc2\xc2`\xac\x08\xa3\xa7\xde\x18\xa4\x01\xcc0\x86g\xd3\xe0\xf04\xa3).x'</t>
  </si>
  <si>
    <t>b'\x95\xa4MbOe\x0c\x16\xc1J\x85\x17"\xfcIa\xa0\xb5\x84\x11\x05m\xd5vg\xfd\xad\xdc`\x8d\x15M'</t>
  </si>
  <si>
    <t>b'\xae\xffxX\x84\xc0\xaa\xff\xc6"\xae\xdf\xf4k\xe7uA\xa9\x03F~\xb9\xbf)\xfa\xab\x8e\r~\xb6\xfb]'</t>
  </si>
  <si>
    <t>b'\xca\xbdi\x92\xab\x9b\x05\x02S\xe0\xd1\xdc_\xe73\x01\xfe]\x1bl\x8e(\x15H\xf3oU\xb5\x1e\xcf`\x9e'</t>
  </si>
  <si>
    <t>b'\xdb\x8b\xf9\xc7\x1e\xc2\xa2\xd5k\xd5\xa6,\xb1`\xfdF\xa7W^\xfe\x07\x87s\x90\xaf\x17_\xeddV\xee\x1d'</t>
  </si>
  <si>
    <t>b'\xb5\xc7Y\x84\x90{\xbek\x1b\xec\x17x\xcd\xed\x81\xe6\x94wg\x08Z|\x88\xb7\xfbQ\x1c\xc88\x03aO'</t>
  </si>
  <si>
    <t>b'\x8f_\xb4\xf5`e\xbb\x15^\xd3\x90Ym\xb8\xa0$\x96\xe8\xf9A@\xf8\xceQ\xec\xae\xe7%|\x914\x02'</t>
  </si>
  <si>
    <t>b'\x81\xfd\x11\rB\xc5\x02\t\xc0[f\xedd\x89U\xb5\xdc\x93X(\x83\n\x0e\x81,\xd4\xf7-a\xc0\x97\xca'</t>
  </si>
  <si>
    <t>b'\xd9w\xbe^\x94\x1b\xafr4+\xd53I\x8a\xab\xd9\x85\x95X\xe2\x87\x98\xc5\x92g\xa8I\x0b\xfc\x12Z\x02'</t>
  </si>
  <si>
    <t>b'_w\x9a\xe5\xd8\xc9A#\x149D\xad\x91\xc7&lt;W)\xba\x1d?\xb0\x8b\xa7\xfa\xba\x89\xe48\xaa\xf9\x05\xd5'</t>
  </si>
  <si>
    <t>b'N#\x00}&gt;\xd8\x07\xf9\xc2(\t\x80\xa3\\\xc4_I*\xc3\xab\xff\xf4J\xcd\xf2Z\xfd\xfb.\x15\x8d\xba'</t>
  </si>
  <si>
    <t>b'\x01+\x99o\x80\xef\xd6\xbc\xbb~\xa6\xc8\x8e(+\xd1\n\xe5\xc1o\xa1\xd7\xd0\xf3wkM\xc6\x19\x86\xa8e'</t>
  </si>
  <si>
    <t>b'&gt;kBx\xfa\xca\xf0\xc8e\x0b\xa8Z\x19\xfb\x05\x95\x16\xae\xceF\xa9\xe8\xe3\x7f\xcb(\xc5s\x83\x0b/\xbd'</t>
  </si>
  <si>
    <t>b'F\x9f\xee\xb8\x1c\x02\x04\xb0\x9c=\xe6z\x9bG\xe9\x15\xe8\x9b)\xcd[\x93 @!\xc0\xd8\xae\x97U99'</t>
  </si>
  <si>
    <t>b'|#u/\xe57R\x03B\xde\xe7\xf7\xd07\x82\xf8\xfa\xad\xb2\xdeq\xdfa\x9e\x06\xba\xba \xf6V\xc2s'</t>
  </si>
  <si>
    <t>b"\xbb\xa4\x9c\xfbv\xd9'\xde\xf1\x81S\x92\xb8\xf2\xb3x\xdd\xc5\xe1\x92Ci\xd9\x95\xdb\x01$Y\xb3b\x14\xf7"</t>
  </si>
  <si>
    <t>b'F\xd3\x85C\xdfd5\x7f\x9b8\xc2\x11\x7f\x81\xc4!\xcc\x84;A\xd8\xcf\xddx\x9bcU\x99\xfd\xc5\x7fO'</t>
  </si>
  <si>
    <t>b'\xab\x87\xfb\x11sR\xd3u\xee\x15\xcb\xfa\x1e\x9d{Cc\x90&gt;\xb9\xb68\\d\x17\x8bh\x1a.~\xb8\x1a'</t>
  </si>
  <si>
    <t>b'\xf0\t\xfc\x08n\x8d\xdb\xc98\xbfb\xb6h\x089i\x98\x08\xd2\xaat\xba\xd5k\xa6\x19\x9dOP\xf0\xb3\x90'</t>
  </si>
  <si>
    <t>b'&gt;oQ\xcct&lt;\x9c^\x9f1\xea\xb9\xd2\x8e\xb6\x05\xba?\x96?\x0b\x1dQ\xe9\x90\xa1f\x11\x8b\x9fI\x9a'</t>
  </si>
  <si>
    <t>b'\xd3G\xc2\xe5\xdd\xb7\x1cG\xbbG\x13\x9b~U\xea\xadh\xe7K\x87\xf5\x89\x8f\x81/h1\xd8o\n\xafE'</t>
  </si>
  <si>
    <t>b'\x82\xbaUz.\xa0H\xa6#\xd6\xb3\x8d\xdbD/\x9fY\xdb\x85\xbeTV\x9aY\xa5~\x97\xfb\xc5\x91\xf8\n'</t>
  </si>
  <si>
    <t>b'0\x01W\xf9O\x8b\xf6z\x1a\xae\xb8\xe3qy\x85\x0bi\x08{\xe5\xef\xc1QI\xf9\xbca\xbc;\xba\xfb\x88'</t>
  </si>
  <si>
    <t>b'\x93z\xe6\x8c/\xaa\xc9\xb77]\x85\x18N\xd0\x11I\x9b\xa4\xcbS\xf8\x83\xd8\xe8\x99\x92{\x0b]\xd4\x05\x9c'</t>
  </si>
  <si>
    <t>b'@\xe3\xaf\xa2 \x1c\x9c\xa4TW\xc3\xb3\x01\xf5m\xedQ\xa2\x18{\x83\x12\x9e\xf9&amp;\xb1\x92\xdf-\xb8f:'</t>
  </si>
  <si>
    <t>b"\xe2Q_\x97|\x08\xf8:\x10\x0eDh\x01\x02b\xea\n\xd2\x99O\xce!A'\xb4i.{TC\x01L"</t>
  </si>
  <si>
    <t>b'\xc5p\x99#\x05\xa8d\xb6RfeY\xd2\x94\xa64\xa4\x17Htw\xd3\xd7\xe0\xbc`\x1c\x96\xa1\xf4jS'</t>
  </si>
  <si>
    <t>b'\x9e_\xdc\xab4\xbe\xf8\xbe\x1a\x9f\xd7U\x1a\xf0\x96`\xd3N\x8f\xd0\xfe\xda\xda\xe3c\xc5u\xc2\xafQ\x92\xd7'</t>
  </si>
  <si>
    <t>b'w-\x80\x94\xd0\x1aOZ\x8ft\xfa-\xff6]\x03\x1fZG.-}\xf6\xcf,\x0c\x1b\x83\xb6\x82\x0c4'</t>
  </si>
  <si>
    <t>b'kf\x0bU\x11\x18-EY \xef\x86\x04\xe8\x95zwPLbe:\xb7\xc0\xed\xf8`7\xab\xb7\x16&lt;'</t>
  </si>
  <si>
    <t>b'\xbf0\xf99\xb6\x11l\x8c\x94c,V\x83u\x025\xbe9\x7f\xef\x04\x03\x87H\x1cj=D\xc8qb\xf9'</t>
  </si>
  <si>
    <t>b"\xbe\xcbR\xcf\x88h+\xf9\x89\xccz\x7f\xc2\xdf$9*\x9a\xb2\xaaM\xdex\xf1'\xa7\xa87\xc2\x08\xdc\x12"</t>
  </si>
  <si>
    <t>b'N\xb7,\xc5a\xb1\xbe\x0c\xa8:\x1a\xed\x0b\xdd\x9a\x01T\xe2\x86\x1dwC\xc4\xcf\x10\xf6=\xfc\xc2\xf3\xb0\xe4'</t>
  </si>
  <si>
    <t>b'\x0c\xaaw\x8f\xcfp\x03\xfd\x95\xe5,v\x1el\x06+\xab\x0e\xbd\x14sl\xe1\x8f\x03\x17\xe6\x80\xd3\xddoU'</t>
  </si>
  <si>
    <t>b'\xbe\xbe\x91s\xa8\x88\xbb\x88K\xe5j7Cz\xc4\xc4;\x9c\xbb\xa4\xe2\xfd\xc5\x1b\xefde\x86\x81\xab"\xbe'</t>
  </si>
  <si>
    <t>b'U,\xd5\x12&amp;P\xcb?\x829\x93\xd4\x03Y=\x89S\xcf\xae\xcb\xe9H\xd5_R\xec\xe3[\xe1\x0b\x14q'</t>
  </si>
  <si>
    <t>b'\xb7\x9ce\xc1\xe3\xad\x7f@\xecnlY\xf0fp\xc0A\xe3e \xe0e_\x9eKH\x100t\x7f\x91\x83'</t>
  </si>
  <si>
    <t>b'\xb2N\xcb\xf9\xfb\xca\xa8&lt;\xa8\xde\xbf\xde+2s\xd5\xfb\x054\xa5\xf7\xa2\x8b\xd6\xdc\xa4m\xbb\xc3\xc2\xab\xa3'</t>
  </si>
  <si>
    <t>b'\xdd\x19\xaa1\xa7\x0e\xc0\x8d\x97RR\x946\xc3\xf9\x1dM\x00+\x9a\xc7DK\x88z\xf9\n\xa9\xdc\xf1j\xd9'</t>
  </si>
  <si>
    <t>b'&gt;\xaex!\xcd\xed6\xb1\x9a\x89Um\xf8b0\x9a\ts1&lt;C\x7f-\x9e\x80\xdaD\xf3\x19\xc6\xe6\x95'</t>
  </si>
  <si>
    <t>b'V\x05\x8bO\xee\xaf\xa3\xf3\xe7w\x0c\xb2\xf3U\xb4\x88\xf9w6\x8a\x85i%\xa5\xf2m:{\xf8s\xa1u'</t>
  </si>
  <si>
    <t>b'qT\x7f\xdf\x0c\x1cI\x13\x02\xa7\x12 \x8b\x9a\x00\x02k\x8f\xec-\x1c \x98I\xee3\x89\xbd\xd4\x8e\xfde'</t>
  </si>
  <si>
    <t>b'\x91\xdaA\x85\xa2\x1d4\xec\xf69\x96Ow\x14\x06\x1a\x9f\xb7\xefy\x89\xf4k;\x16y\x88)\xb3&lt;\xb8\x10'</t>
  </si>
  <si>
    <t>b'\xd0\x858W\x97K\x16\x1a-\xbe\xae[\xf7_8\x17\xb6h\xa41\xe2\xe5\xac"\xf1\xd8\xbe\xe6\x01#\xd6\xda'</t>
  </si>
  <si>
    <t>b"3q]\xaa\xba\x811Y\xb6\xcd{\xf7'\xa4L\x15P\xb21\x84(\x18Dp\xbddv\xe2H\xd0B/"</t>
  </si>
  <si>
    <t>b'eE\xea\xe5\x84\xe9\x9b\xff\x00\xd7R\x8c\xa4j\xe6\xae5\xf3\xe8\x7f\xbaw\xed\x82\x94\x01l\ne\xfb\xf7\xb7'</t>
  </si>
  <si>
    <t>b'$D\xf1/+=;\x94D|\xa1\x90\xbeWFRd\x08\xad\xc1\xce\x90)\xc4\x87+\xd7!/|\x9cy'</t>
  </si>
  <si>
    <t>b'y\xda\xd1\xaf\x1c\x04\xc7\xe95\xc2MK\xc9Fa\x9e\xb8]k\xf0(\x8d\xb8qP\xb8V\xd4\x83\x06,\xfa'</t>
  </si>
  <si>
    <t>b'\x9f\xcaR\x10\xff\x9e\xa3(IaA\xbej`\xa1z\xd5\x1dD\xd8\xb9\xdc\xd8+\x08\x85\xf0\xcf{E\x8c\x84'</t>
  </si>
  <si>
    <t>b"\x0c\xa0\x14U&lt;\xf8\x01[\xed\xd0\x0c@\xb0\r\xe7&lt;\xad\x9c\x93\xe3\x1b\xb9+\x01\x97\x85\xce\xee\xd6\xd8\xa4'"</t>
  </si>
  <si>
    <t>b'\x90s\x14\x06\xff\xc6j\xcbZ\x1e\xfb\x0f?o\x87vd\xef\xff\xa3tL\x8f(\xd5|6M\\\x12l\xac'</t>
  </si>
  <si>
    <t>b'\xae\x83 \xd9\x9a\x04V\xa8\x06\xe9\x7fH]v\x90\x10\x8c1$)\xa4 \xe9m\x8d\x93#\x9a\x9en}n'</t>
  </si>
  <si>
    <t>b'\x95\xc8\x03\xdc\xfbHE\xe5+x\x08r\x84\x9bw\x08S3\x10\x928\xe6\xcb\x92\xcdb\xce\r\x1e\xcb\x9c\xe4'</t>
  </si>
  <si>
    <t>b'p\xe2v\xf1\x04\x0b,\xcc\x82\x0f_\x05bA\x88\x91\xd9\x00c,\x83\xbctw\xa2\xcf\x87P/[e\x9f'</t>
  </si>
  <si>
    <t>b'O\xedvm\x84\x9f4\x15\t\xf7\xe0\xd3\nUY\x91i?\xb8\xfc\xf8\x02\x04\xe6\t\xf7t\xaf\xe6\x01\x01\x8c'</t>
  </si>
  <si>
    <t>b'\xa3\xed\\\xc1\xf0\xde\x1fM\x8eC= uqx\\\x9e*\xbc\x13\xd4N\xe5:\xa7]\xfd\x06&gt;I\xd9,'</t>
  </si>
  <si>
    <t>b'\xb3:pT\xd6\xe1V\xd4\xfd\xda\x87[\xd8\xf45\x9c\xff\xc5f\xae\xa8Xd*\xdd\xd08\xf9*\xa1\xd4]'</t>
  </si>
  <si>
    <t>b'\x18&gt;E\xe28~\xa2\x94\xb9\xddh\x11j\xf7d\xa3\x8a\t\x8fpy\x82\xa4\x88\x92\xd5\xad!\xd4\xcdX\xab'</t>
  </si>
  <si>
    <t>b'dhw\x00\xbc2\x18H\xb8fcw\xa1\\\xb5\xb6\x00\xe4^f\x93;h\xf9|\xe5\xcf5\xa9\xe9B|'</t>
  </si>
  <si>
    <t>b'\xc8)\xa1\x8c\xd0\x18NUjH\x12\xcb\xeb\xe2\xd3\xd2k\xfe\xbe\xb5?\xc3\x12.[4\xde\x9fr,\x00N'</t>
  </si>
  <si>
    <t>b'\xfe\x92\n\xcb\xbd\xb5\xc6z\x1a\x0e\xa9\x1b\xf0B\xbao\x93\xa9&amp;\xda\xa7\xdb\x08\xa5}\x0b\xff\x18\x96\xa1?g'</t>
  </si>
  <si>
    <t>b"\x05eV'(\x86\x14\xed\xa6;\xcb\x0bG\xe3\x8e\xb1\xad\xc6\xa9\xc9\xcc\x02\xfd\xa0n\xc0\xce\xd6\x00J\x18\xa5"</t>
  </si>
  <si>
    <t>b'Jnx[\x8djAi\xb1\xe9\xd5@\x8c\xa8\xa8\xea\xf4\x82\x92\xb5\x15\xfe\xc8\xd3\xe7r\xb8Nx\xd2\x84)'</t>
  </si>
  <si>
    <t>b'\x04\xff\xbb\xcbL\x9de\xa8\xa4\xd7\xa9F\xd0\xf0R\xe5R\xd8.,\x1c\xd4\xbd\x8dj\xac\xd7rs\x95\xb0\x85'</t>
  </si>
  <si>
    <t>b'P=q\xaaCi\xe2zF\xb4L\x14I\x87nI \x13\xdcL(\xce\xdf\x90\xcd\x98\x8b\xe8\x99\xa7\x95C'</t>
  </si>
  <si>
    <t>b"\x82\xe1p\x05\xd8C\x031\x0f\xa2'\xe7.\xc462J(\xf8lU?\xe5\xa1\xaf\xb2\xeap:b\xe1\xe1"</t>
  </si>
  <si>
    <t>b'1\x99\xd4G\x9d\x8e\x01\x0b\x9c\xa1\xf5$\xa1]f\xf0\x8b\x06N{9\x1d\xbclM\xe5\x9bX\xbaO\x04\xcf'</t>
  </si>
  <si>
    <t>b'/J\xb4q\xa2\xcc+t%H\x10\xfa\xc7n\x03]\xfd\xe61`\x1e\xd0\xa1*\xf6UA\x9d\xdc\xfe\x9d\xae'</t>
  </si>
  <si>
    <t>b'\x87\x08\xa6\xf46&amp;g~r\x85Aa\x95\x94\xbc\xbdg\xf0\x01A\xf1\xe8z2\x0f\xdfhB\xb7\xe7r\xeb'</t>
  </si>
  <si>
    <t>b'cq\xc0\x94\xe5;\x1bH\x7f\xae\x18\xb5!\xd7@.\x0f0\x15\x1a3\xa6\xd2j\x80\t\x80\xd4tY\xae\r'</t>
  </si>
  <si>
    <t>b'a\xb1\xef\xdc\xd9\x0f%\x06\x0c\x98\xb9-\xe7-!\xbf\xdc\xb1\x9a\x89\xf6\xe7a\x86$ \xbc\x8e]\xda\xd1\xbc'</t>
  </si>
  <si>
    <t>b'\xd4\xea\xd7x3\xeb\xc8\x0f)\xf8\xe6\xea\xa4\xb3Da\xe9/\xecn\x8b\xb9\x80\x94\xcd\x08\xf9/\x1b\xc5\x9a_'</t>
  </si>
  <si>
    <t>b'\xd9\xf3\xd0\x04\xb8\xaa\xab\x08\xb1_\x11\xaa\x12\xc8W\x99\xd9\xc9\xc0\xd7l\xa9\xcf\x14\xa0"\xf5\xc6o\x85\xf7\xe8'</t>
  </si>
  <si>
    <t>b'Al8\xe6~\x90/\x92E\xe0[\xc6\xc7\xa4\xda\xfew0\xb2\xf0\x07\xc5\xec\xd0\xc4_\x8b\xf9\xd2\x8cDe'</t>
  </si>
  <si>
    <t>b'&lt;\xfd\xef+\xcf\xcb\x92[\x04\x9c\xcaz1\xc8\x83\xc7a\xf2\xb8y\x8f\x14\xeb\x9a\xf7)\xa5\xfb!\x8c\xd1\xeb'</t>
  </si>
  <si>
    <t>b"\xf6d_\x8d\xd7\xce\xc9m\xa176\x16\xed\xe2\xb7\x12\x9f\x9d%\x0b\xe5\xed\xa1_B\x81\xdf'\xe9\x8d\xadz"</t>
  </si>
  <si>
    <t>b'0\xed\xb2S\xac\xc4j\xea\t5q\r\xef\xbd7\xaa\xfa\xbb\n\xd3C\x02q\xd2v75\x8f\xe7\xcdp\x03'</t>
  </si>
  <si>
    <t>b'[\x97.\xe2\x88 \t\xec\xa6\xb7\xfd}n\xbe\x80\xf5@\xe3Q@9\x1fouu\\\xdfQ\x9e\x0b&lt;\x1b'</t>
  </si>
  <si>
    <t>b'/\x16\xd2\x9f\x05\xb9\xedF\x9c\xb4\x0f\xa5\x87s\x8c\xd7\xb1\x19\x9ezAwq\xde\xee\x11\xb8\x1az\x8b\x9b\xb8'</t>
  </si>
  <si>
    <t>b'\x07D\xc4\xba\x9c_FUah\xe9KO\xb7\x97\xa2\xf8z\x1f\xeeY\xcbX\x04p/MR\xf8\xa8 \x12'</t>
  </si>
  <si>
    <t>b'|\x04\x84\x90/~lt\xde\xe5\r\xa7"\xdf\xaf\x97\x88\xf1\x85\x18\x08kO\xb5v\xca\xceCn\xaa\x87\x19'</t>
  </si>
  <si>
    <t>b'\x9d\x97\xf4\xf5Yf\xe4\n\x01\xd3\n\xf5\xda\x82\n8\xb2\xe2o\xd5\xa6\x06\xe1\xed\xd6+\xcaj\xde\xc6\x9c\xe6'</t>
  </si>
  <si>
    <t>b'z\xe8!_\xb0Z\xf5\x9d?&amp;\x9f(\xe4\x95*\xa2\x8et\xb6\xdbN\x01h\x8c\xa7\xf9\xc0\x93\xda\x9f\xd4&amp;'</t>
  </si>
  <si>
    <t>b'\x1f(9J\x8fn\x93\xc1\xb2\xffV\xf5&lt;y\xd5\x08{\x18\xb7\xceQ\xd9\x9e_d\xedK\x05\xc5\x1f\x18='</t>
  </si>
  <si>
    <t>b'\xc0\xc9\xeb\xec\x92)\xd2\xcbh\xc8\x18\xcf\xa3\x08xD\xab\xcfM\x8d\x87\xf7U%\xeda\x17\xe9.d\xc2\x7f'</t>
  </si>
  <si>
    <t>b'\x0e\xc4|\x86\x82\xf2U]\xd6F\xa4yz0\xdf,\xf6n\\\xfa\xd8\x87rA\xdfe\x17\xa8g\xea\xa8\xef'</t>
  </si>
  <si>
    <t>b'y&amp;\xb2d\x98/\x1d?f\x11hW\xab\x9b5&amp;\xb8\x9b\xac\xdcS\x7fM6,\xbb\xf3\xd3\xadn\x98\x7f'</t>
  </si>
  <si>
    <t>b'y\xb0\x98d\xf84\x10\x98\xcfH,x\xc9\xe4\xe0\xcb(\xcd\x8c\x86\x18\xb4\x97\xd0:O\x86s\xc8ZL\xe8'</t>
  </si>
  <si>
    <t>b'\\\x13\x83bd\x95\xaf\xf3#j\xb0\xd4NE\x89z\xb6\x08\xce-v\xe0\xf1\x96\xf3=\tR\xecpf\xe5'</t>
  </si>
  <si>
    <t>b'\xb5\xf7$lx\xf83\xba\x90op\x83\xa3p+q\x03\x86\x1f \n\x90\xaa\xee\xa7\xb4x\xb2B\xc3\xf8-'</t>
  </si>
  <si>
    <t>b"\x98\xc8\x18\xf5Of\x96B\x89\xe2u\x7f\xb1\xbdJ\xc5'\xcd\x1c\xfb'\x82\xf1J\xee\x06\xe7\xcf\x08\x07CR"</t>
  </si>
  <si>
    <t>b'\x87\xb4\x1a\xc4\xd4\xa4\xcb7\xd7\xb4\xa6M\xe9\x07\x9c##\x95\x167{0/\x17\x8c\x9e\xb9\x97A\xba\xa7\xbb'</t>
  </si>
  <si>
    <t>b'@\xff\xea\x06\x16x\xc9F\x862\xae\xd4a\t$\xe4 A\xb3\x99;\x11:\x08(\x1c\x97\xda\xde\xdb*\xa6'</t>
  </si>
  <si>
    <t>b'\xafF\xdc\xd9\x19\x00\xcb\xba\x1dO\xf1\xbe\xfb+\xe1\x9f\xd2\x98\x0f\xa6\xa5\x8a\x90\xfc%\xa5n\x88\x0e\xe5\xcc\xcd'</t>
  </si>
  <si>
    <t>b'Dn\x1alzS\xcf\x8dq\xf65\x813\xa5\xc1\xa4(;\x029=\xd4}k\xc1\xd5\xbf\x19\x91\xb7\xd2\xe1'</t>
  </si>
  <si>
    <t>b'\x99\xf2\xf7\xae\xee\xfa&amp;J\x82)\t\xa6\x1c\xef\xd5D\x0e~p\x1c\xfa\xf7\xbb;d\xc2\xb5\xcab\xff\xdb\xed'</t>
  </si>
  <si>
    <t>b'\xb1\x8e\x90\x8b\x00 \x80\xf8G\xd0N\xdfK\x9b\xaaiz4\x00\x96\xe9)Q\x9d\xa01Z\x1b\x98\xcc\xf6\x82'</t>
  </si>
  <si>
    <t>b'\x13J\x10\x1f\x91\xda6|D\xddo01\xe4\x0cl\xd9m {[\x88\x94*\x151\xfeA\xbc&lt;-\xcb'</t>
  </si>
  <si>
    <t>b'\r-\xd9c\x06\x0c\x11\xa3\x82\xad\xcf\x8d\x96\xba\xff\x9aS\xfa\xa6W\xd6\xb6\x8aM\xd3M\x9f\xf9\xc0\xaf\xc0c'</t>
  </si>
  <si>
    <t>b'6o\x7f\xf9\xb0\x1fsI\xaa:\xb0\x876\x0fM\x14\\d/\xa9E\xe4?-\x05y\xc4\xc7P\xcd\x9dz'</t>
  </si>
  <si>
    <t>b'\xad\x9dgf\xa3\x85\x10\xeb!\x8eyI\xcbr\xde\xc3!SlM\xd2Y\x8e.\xb2\xe6\x83\x126\xa7Y\xdc'</t>
  </si>
  <si>
    <t>b'\x91o\xc5}\x04\x7fK\xeb\xba\x058\xd86\x8d\xdad\xc9\xeb\xbd\xe8g\xbf\x10y\x9bI^\xad[\xbb\xcc\xe8'</t>
  </si>
  <si>
    <t>b'\xaf}\xaf)\xc4C\x1dF\xa0\x1cM\xf5=\xe3f\xd7\xff\xc6\xb1\x1cGR5\xa7^\x93\x9a&gt;\xb5\xb6\xa6\x8f'</t>
  </si>
  <si>
    <t>b'\x11\xf2\x17K\xbc\x89\xa2\xff!\x90R&lt;c\xb0Z\xc7\x15\xb6\xec,\xcf\x1a6S\xf1S\xc7rz\x13\x0e\xd1'</t>
  </si>
  <si>
    <t>b"\xac\xe2o\xcd;\xd4\xdb\xd2:\xc6\xfc'\xdc\xb9xcc\x95*o\x850\xf6\x82\x86\xe8\x8a\xdf\x01V\x8c\xc5"</t>
  </si>
  <si>
    <t>b'w\x0e\xa9#\x01D\xaar\xed\xd9RkV\xc8\x07\xd0\xe0\xa1X\xd4\x95\xdc\xac&gt;\xddj3M\x97\xf6\xae\x86'</t>
  </si>
  <si>
    <t>b'\xc1%\x01\xac8Q\x82\x12\xb2\xe5\x80\xb9\xcbk\xef\x86\x1cW\xe6h\x80\xbb\xd4c\x8b\xec\x9c}2\xaeWJ'</t>
  </si>
  <si>
    <t>b'\x03\xc1\xd5O\x06\xa4[[,\x01^\xac\xc6.\xd9\xcb\xea\xa2\x83\xc8\x17\xbc\xa0\x05\xfb\xfahE\x06\xd6C|'</t>
  </si>
  <si>
    <t>b't\x17\xb3\xe1\xf5\xf0\x0b\x93\tde\xcfw\x7fK\x1b\xccI\x98m\xf8\xa5k\x1ag\xd93\xdb\xc1\xa6\x8b\xd0'</t>
  </si>
  <si>
    <t>b'\x85~\xa9:\x9d\x91s\xb6j\xda\x14%\xf0zzj\xf8\xa0A\xfd\x985\x1a \xe3\xf4\xbc4\xbb\x9f\x9b\x90'</t>
  </si>
  <si>
    <t>b"\x15a\x89\xf7\xd1\xf4R\x8f\xfc4 \x00'$?h\x9d\xc4\xe2\x8fu.#\x86\x94,\x93l\x9chx\xe1"</t>
  </si>
  <si>
    <t>b'U\xbe=\xdf3?\x1c\x11Z\xba\x1a\xd7wp;\xb7E\x13\x00l\x9f\xebmA\x15\xd8\xa0\xe6\xebq6\x92'</t>
  </si>
  <si>
    <t>b'v\xd1\xea\xa1\xed\xae\x17;\xb2\x14c3\xc9\xf7)7\xde%\xc7\xe4/\x98\xd0v\x07S\xb4\xcb\x05\x1b\x00\xc7'</t>
  </si>
  <si>
    <t>b'-\xb7\xb81\xc6\x03_l\xe3s_\xe4EO\xee\xea*\xba8\xf6\xb9\x84\xa8\xe6\xf5\x8a7N\xfc+8\xac'</t>
  </si>
  <si>
    <t>b'\xb9\xe6\x9c\xa6p\xa4m\xc1\xa07\xe0\xf4:\xb3J`\x89\xab=B\xf0\xb8\xdb\xfc%\xa1\xae\xae?J\x9bK'</t>
  </si>
  <si>
    <t>b"TL\xa4\xe6\x81*'\xcd\x84\xf5\x19\x98\x97L\x7ff\x01NQ\xbf\xe7\x8b\xd7y\xd0\x81A`\x87p&amp;\x03"</t>
  </si>
  <si>
    <t>b'\xc9\xa6\x95Pqg-M\x8e\x1cs\xba|"AN\xff\x95P\xa5b\xc8`~\x04VF\x0eUE\xfe\x10'</t>
  </si>
  <si>
    <t>b'K\x84Mo\xc6\xb5 (\xd3\xb7\x1b\x01\xa7\xefK\xdf\n\x16q\xae\x89\xa6\x8d\xa9iG\x18\x12R\\\xe1\x96'</t>
  </si>
  <si>
    <t>b'\x90\x18\xf3T\xf4*\xc5\xbf\x05\xa2A\xd4\xc9g\x19\xd6\xa2{&gt;smuz\xb8\x1f2\xaeD\x844]\x18'</t>
  </si>
  <si>
    <t>b'\x88s\xca\x052k\xcb\x8f!c\xd5\x8b\x14Y\xc2.\x9f\xb9G\xdd/m|\xfb\r\x9c2|\xd6\xc5\xdaZ'</t>
  </si>
  <si>
    <t>b'\xe8\xfe\x1c?\x8b\xe7+\xe8%K\xd7\x1c\xc1#\xc9\xfa\x9a\xefg\xb1\x13\x07\xb8\xbc\xcej\xc2\x02\xc6dD\xfc'</t>
  </si>
  <si>
    <t>b'4Z\x8f\xd4&amp;u\x93:\xaf\xd7,y\r_9\x96g \x04\xc2]\x94\xa2\xfe\xd2\xe3&gt;H\x07\x95\xfd\xe9'</t>
  </si>
  <si>
    <t>b'|\x99\xbe"3\xd1h\x83)\xd4iK7\xc6\x0c\x8dn\'\xc2 \xfc_\xe2W^t\xc9\x8d\x80\x8f\x91,'</t>
  </si>
  <si>
    <t>b'$`"\xaaf\t\xf2\xcekB\x88\xac\xd5\xfa#\x03+n\xde\xb7l\xb8\xbf\xf0\xef\xcc\xea)\xa9\xe5\xc2\xf0'</t>
  </si>
  <si>
    <t>b'l\xa0P\x0b\x941\xeeot\xd6\x1c(\x81P+\xc6#\xa0\xd3\n\x04\xf7:\x0e\xbe\xa8E\x9d\xbf\x16\n\xaa'</t>
  </si>
  <si>
    <t>b'\xe3&amp;\xcePZI]\xcc\xbd\xd4M\x85\x9a\xf0"Ug1\xac\x9b.TZ\x19c\xbb)h\x17\xdb\xbb3'</t>
  </si>
  <si>
    <t>b'\x0c\x93\xc8\xfct(\x11~\x93\x84U\xb8\x0f\r\xc0\xc0\x9a\xa7\xfd=Q*~\x8cz\x8d\xc7\xdbX\x9b\xab\x18'</t>
  </si>
  <si>
    <t>b'\x9aT\xe7?jt\xb2\r\xe7\xfda\xb9\n\x91 X0V\x05\xbc\xa49\xacY\xd8Xe\xb9\x9f\x03m\x1a'</t>
  </si>
  <si>
    <t>b'VW-D\x06\xd3\xc3j\xbb\xdem\x0f\xc1\xaf\xbdv\xdd\x0b\xd2QK\xcb\x88\xb5_\x99\xb3\x1b\xc4,\x87\xa7'</t>
  </si>
  <si>
    <t>b'\x99\xef\x9e\x8d\n\xed\x98Hh\xbe!\x90\n\xda-\x7f:9t\xda`\x9d)c#\xa4\r\x91\x98\xaaE\xf9'</t>
  </si>
  <si>
    <t>b'\xe9*0\xeb\n\x8d\x8b\xc1I\x0b\x8c\xd2q\xc6\xe4\xbf\x96\xc7\xb7\x8f\x1cy)\xa0\xbdim\xc6\x9ezK\xa4'</t>
  </si>
  <si>
    <t>b'E\x94\x81\xf8\x8e\xc3\xaf\xbc\xb3\xb2-\xca_`\xb7j\x95\x8e\x14]\x9b\x89\x87\xd0\xd5\x90\x93_m\xdf\xec:'</t>
  </si>
  <si>
    <t>b'\xb8\x80&amp;c\xa6\x0e\x1b\xd2e\xb9\xd8\xb9V\x1cu\xa8\xd7t\x881\xd3\xbe\x83O\xb6\xb9s\xb9\x01\x968\xf1'</t>
  </si>
  <si>
    <t>b'8Gbo\xeeo&gt;re\x03\xe1\x19y\xb5Mf\xbb&lt;\x0c\x9a\x0f\xcai\xe2\xe4\x9a\xb2q(ox#'</t>
  </si>
  <si>
    <t>b'\x9d\xb6\xd5{\xe0\xe59\x13\xb2\xfb\xe1\xba\xd5\x0c\xdc\x8a\xcb\xa2(\xd59\xdc_\x18\x01\x80\xde~\xd0\xdaJ\xd3'</t>
  </si>
  <si>
    <t>b'4\x11\xe5\x8d\xc2\xfd\xaa\xa1U7\x0e\x9f`IX\xb1\x87\x98\xcb\xa3\xa1\x1c\xcd\xfd\x81\xb8F7F\xb3\x90\n'</t>
  </si>
  <si>
    <t>b'C\x95\xc5\x18\\@\xd4\xc8U\x95\x83\xd8[\x1ak\xbb_\xcc)\x837\xfd\xcb\xf1\x10\xb9\x99\xc1\xd6\x0e6\xfc'</t>
  </si>
  <si>
    <t>b'\xf2\xd7\n\xa5\x14\xb3\x8f\xb4\x8dI\xb2\x83A\xf7\x96\xee\x9d:\xfa&amp;\xdb\x903\x8e\x99\xa7\xa7\x1f\xbe\xba\xb6\xd3'</t>
  </si>
  <si>
    <t>b'\xb0\x96\x94$5\xdf\xf2\xe3\x98\x82\x9cz8\xd4\x94\x15\xc0\xd9\xb9&gt;v\xf5\xd3i`\xa4\x9eL\x97\xdd\x08\xee'</t>
  </si>
  <si>
    <t>b"c\xea\x16\x8b\xb7d'\xd9\x8a]\xc0\xbcJw\\\xcbu+Z\xc0n\x8b\x90\xb3\x18\xc5\xe7\x9bN2K\x80"</t>
  </si>
  <si>
    <t>b'\x83\x05\xfe \xd8\x1c\xb7|\xa2u\xc3v\xd6G7\xb6\xb8\x0e\x065|y\x0f\xcf\xdf\xcdWP\x04\x87\xf3!'</t>
  </si>
  <si>
    <t>b'\xcc\x93\xc9.8:\xebJkU\x83\xca@\x95\x01y\xc2\xca\xcbA\xad\x8a\xe3\xd9&amp;\x96\xee\x0e\x11\x03sj'</t>
  </si>
  <si>
    <t>b'\xd0a\xda8H\xf1\xcf\xee\xd3V\xe6\x1b\xc6\xaf\xb7Eu\xbe\xe4\xa4\xceS\x7f%\xbc\x9a\xa2\x1a\xdd\xf3\xc1\x13'</t>
  </si>
  <si>
    <t>b'\xe3\xe5\x88!\xed-\x17a\xf8I\x93\xe7\xdc\x93\x9c\xbb7\x12-\xdf\xae\xf1&lt;@j\xe8\x1b\xa2\xf0Y\x9e\xdb'</t>
  </si>
  <si>
    <t>b'\xf2\xab\x04B,\xa3\x1b\x19\x9cC\x880D\xb4nu\x89\x01\xffE\x96\xd0\xf4\x05\xf1\x81k\x1cRL\xafV'</t>
  </si>
  <si>
    <t>b'\xc01\xbc\xbbq\xbc\xc2xA\xf9\x19~u\x1a\xa2)\\\xc3K\x83\xab\x88\x81\xc0&lt;]\xd3\xf0\xf4r\x05\x91'</t>
  </si>
  <si>
    <t>b'&lt;\xa6\xf8\x04\x0b\r\x93l\xa6\xe4/\x9f:\xd4j\x9f7\xbf\x1e\xcd\xdd\xf5\x98cdn\xc7\r\x13\x18\xccN'</t>
  </si>
  <si>
    <t>b"\x1c\x8d\x19\t\x06\x19t]_\xe72;\r\x80\xad\xf8`*9\xef\xdd\xe2'd*uO\x9c}\xdd&lt;l"</t>
  </si>
  <si>
    <t>b'KOG&amp;EOf-\xe5\xfdT\x8fRpx\x85@\xa7E?\xf0\x8b\xcf\xb3*l\x04-h\x14\xa7\x8c'</t>
  </si>
  <si>
    <t>b"\x06q\x03\xb9a\n\x14\xbdKq\x81o'I\xc5\xddB\xad\xca\x90r`\xc2\xac\xb4H\x0c\xc4@\xd3\x97\xb5"</t>
  </si>
  <si>
    <t>b';E\x11\xf1\x9bwZ/K2UN\xf3+\x19\x80A\xc7Ck\x96\x13\xf5\x1e\xc8(\xef@\xa3\xaf\x8fe'</t>
  </si>
  <si>
    <t>b'{]\xbb\x053,f\xb2\xf0\xf6@\x84\x8e\xeeO:\xa1\xbd/\xa9\xe8"\x10sx\x91\xf2\xe6g\x1eI\xdb'</t>
  </si>
  <si>
    <t>b'\x06\x83Z}\xc1\x17YJ\xb7\x9b\xef1\xbf\x8aZt\xa6\xacV\xdaM\xd1Y\xc4qt\xce\xdc\x1c\xc0\xa6\xf1'</t>
  </si>
  <si>
    <t>b'\xd8w\x99\xe8\xa9\x12\xd2\xa1\xae\x927\xc1\xb8\x9ejGI\x14\x1e\x10\x9c\x9f\xe1Ovh\xd7\xd1\x99\xfc\xa0t'</t>
  </si>
  <si>
    <t>b' \xa6\xd7jB`&gt;\x96,\x9e\xe7\x9a\xff(u\xc7\xfd\xb0\xf4M\xf7\x1fv%\x81e0\x17\xc1\xf15\x14'</t>
  </si>
  <si>
    <t>b'\x00\xd1\xf15\xabH\xec\xa1\t7\x981\x8a\xe4\xea\xc2j_j]\x12\xf9\x86\xb6\xb1\xec\xf5\xd0XdG\x82'</t>
  </si>
  <si>
    <t>b'=\xa1\xfc\x83\xe1u~\xe4\xe8:\xb3\x19\x04p\x9b\xba\xb4@\xa9\x8f\x12\x04\xc3\x9cnT\xb6\xbc\x91\x9d\xf6\x95'</t>
  </si>
  <si>
    <t>b"\xa3\xca\xed\xa7M0kZ_]\xe2,\x0ejb\x03\xd0\x01\xe4w.N\xe8B\xe5\xdf\xc0'Y\xd8 7"</t>
  </si>
  <si>
    <t>b"j\x18sziz`?\xbc\xd1X\xcf\x84\xab\x1f\x9d\x80\xdf3n\xecA8\xb5\xee''-c\xd2\x8d\x02"</t>
  </si>
  <si>
    <t>b'\n\xb4\x9a\x0b\xfeb\xf0\xcf\xc6j\x9d4\x84\x9e4\x0c\x05\xban\xdf\xf9\xc7\xc6\xce6\xd0\xf1\x9b\x0f\xb0\xe9@'</t>
  </si>
  <si>
    <t>b'&lt;\xfd\x8a\xdc\xf1\xd6S\xcd\xc5\x9c\xd0\x95\xec\xab\x85\xca\xb8\xef\xfa!F\xbb\x82$i\xbd\xca\x1c\xab\xd3$#'</t>
  </si>
  <si>
    <t>b'i{\xf1,\xd3\x8e;\xc5\xf9\tG\x0c\xfd\xb2\xdc\xb9\x01y\xd5\x8d;&gt;\xc0O\xf1\xb0,\x91N\xd8\x95\xe3'</t>
  </si>
  <si>
    <t>b"~3G\xab\xad\\\xa6{;\x9dV\x7f\xf0s\x86\xe6`l\x90\xcax\xe0\x03\x89'T\xeb\xcb|\x16\x0f1"</t>
  </si>
  <si>
    <t>b'\xd2O\xf37Y;\xe4\xd3\xe8\xb3.7a\xb90F\xd8\x94\x18\xa4\xc4\x08\xbc\x98qf\x92\xd2\xfd^"x'</t>
  </si>
  <si>
    <t>b'\x94\x05 \xf4\xe4\xaaO[N\x1d\xf2b\x19\xd3_\x08mz\t\xba/\xfa\xae+U:\x1e\x99ut;\xfd'</t>
  </si>
  <si>
    <t>b'\xd1\xa5\x96\xb2\xb2\xa4\xd5F\xcaK\x01a%\x18\xc0\x86wP\x10*\xbc&gt;k\x91\x93\xd2\xf7#\xc0\x95&amp;\xd5'</t>
  </si>
  <si>
    <t>b'T\t\xf4cI:SR\xfcl\xe3h\xd6\xdf\xef^\x08Jvls\xfc\x9ax\x1205\xaf\x17\x89:\xeb'</t>
  </si>
  <si>
    <t>b'\xbaq\xa7\x1b0\x1f\xf8\x1b@J\xa9\xb7\xa5\xe16 Z\xaa\x9a\xe9\xd8\x8be\xa0\x91\x8f$\xa1\x87\x96a\x84'</t>
  </si>
  <si>
    <t>b'\xe5\x8eI\xa5\x19\xcae\xc3~9\xdcRB\xbd\x07\xbc!z#\x9b&lt;\x17\xd5\x07\x96i\x14E\xc0\xecf\x02'</t>
  </si>
  <si>
    <t>b'Q\x84\xf7\x82"\xf1X\xbe\x9b\x94\xd6H\x03A\x8a\x1c\xb2&lt;\xca_\x9dO\xf9O\xac\xb0\xa57\xb5\xb3.6'</t>
  </si>
  <si>
    <t>b'\xfbfz\x90\x81$TRHh\x8e*\xeb\x98#E\xf1\x1ei\x02\x9f\xc5\xc70\xd4nj@\xda\x83\xfe\x1e'</t>
  </si>
  <si>
    <t>b'T\xc3\xd6\x9e\xcb\xe7\xb4!\x12\xa9{\xda\x02s\xbe\xc5\xf4d\x9d\x8f\x1fe^\xe1\x18\xa2\xf8d\xb6\x0c\xc7\xfe'</t>
  </si>
  <si>
    <t>b"m\x0eKu\xff\xcb\xf0N\x941\xd2\xdf\xbf\xe2\x87+\x87\xeeT\xef'+\x1d5\xfc=Y;\xc9n\xce\x01"</t>
  </si>
  <si>
    <t>b"\xed\\'\xfd\xe04\x06\x96d\xd9\x97v\\\xe1\xe0\xeef\xef\x97\x89\x99\xc7\x88\x9e_\x80an\x9bT\xd8\xcb"</t>
  </si>
  <si>
    <t>b'\xb6\xa9\xe6E3\n\xb0Ow}\xe2\x1c\xb2\x14\x03\x83\x9a\xe70\x8eC\xe5\x9d&lt;\x80\x0cDb\xbb\xf2\x97D'</t>
  </si>
  <si>
    <t>b';\xd4\x89B \xb2\'x\xc4\xec,k)\x95O\xfe"\xa8/fN\x0f\x06\xf3\x0b_q\xeb\xedi\x82:'</t>
  </si>
  <si>
    <t>b'\x023\x94\x93\xa0\x7f\x92\xc1\xb4\xac\xdc:\xdb\xfe\xc7uiV\xb5g@W\x8b\xcd\xe0\xb8\xab\x1e P3 '</t>
  </si>
  <si>
    <t>b"[@|r\r\xf7\x86.\x97,\xe3\xe84'4h\xfc\x82\x88Z\xee\xf7~\x00sm\xe6\t\xcc\xed\xb7\x17"</t>
  </si>
  <si>
    <t>b'a\x05\xd2R\x00\xd9n\x8a2\xaa|\x943b\xa8fz#Z\xebc\x9c\r`A[y\xa9\xa0.p:'</t>
  </si>
  <si>
    <t>b'\xe4|k(\xd4\xd1+\xf8\xff\xff\xc6d\x9c\xc5\xac\t\x04\xc8\x9d5.\x1at\x00\x80\x82\x9f\x86#&gt;\x08\xf7'</t>
  </si>
  <si>
    <t>b'\x0f"\x01\xec\xc7\xbf\xcd\xfd\xf5\x00\x86\x97u\x9c\xe6\xfdE\x81\x02\xfd\x17\xcc\xf0\xb5\xf1\xe9&lt;\xf3D\x83\x14\xe2'</t>
  </si>
  <si>
    <t>b'\x15)T5\x9c\xe3\x05#\x96&amp;\x01\x1c\xbf\x9b4\x17\xb6\xf8\x90AYi\xb1Rb8\xe2\x9b\x90c1\xa5'</t>
  </si>
  <si>
    <t>b'\xf1\x81\x00\x95\x9c&gt;K[\x7f,\xab\x9a\xddO\xba8V\xa9tW\x88\xf5Z3\x8d~\xf9\xf3N\xdeM/'</t>
  </si>
  <si>
    <t>b'\xdez\xa4\x01\xf7\x1a"\x81\x1c8z\xf5e55\xeeN\x07\xb0\x88\xa7[\x7f\xca\xd7\x85\xf9\x1d\x90=\xbe\xdc'</t>
  </si>
  <si>
    <t>b'\xc77\xe3\x16$g{\xa4\x1b1\xd7ks\x86\x88\xe0\x9d\xfc\xb9\xa9}_|\x1c]OO/p\x0fGy'</t>
  </si>
  <si>
    <t>b'\xc5\x92\x99\xc4\x99\xdc\xdd\x89\xb4J\xd5\xc00\xb0^\xaf\xb3\xa6r,\xad\xca\x02k\xd0[\xa3\x91=\xdb\xef\xaa'</t>
  </si>
  <si>
    <t>b'\xfb\x11\x92\xf6\xd1\x81\xf1\x1ek-o\xac3\xf0\xaa\xaf_v3[\x98\xb9\x99n"h6\xe1\xcb\xf1\xfc\xb8'</t>
  </si>
  <si>
    <t>b'd;&gt;\xa5\x13?\x0e\xa0\xe4E_4:\xf3\xae\x8e\x7f\xb0\xe1\xe1(\x93\xc7\xaf\x12$LC\xe9\x7f\xed\xfb'</t>
  </si>
  <si>
    <t>b'\nH\x87\xbe\xef\x86Le:\x1ez\r\xfa\xb4\xbc\xf2\x91\x99\xd5\x1c\x15S^\xa5H\xa2"\x15\x93\x99=D'</t>
  </si>
  <si>
    <t>b'\xb2?@47\x1aY\x9ec\xc5\xeb\x1e\xf5\xf4N\x0cE+\xa2b5:/B\xd4(\x19v\x929\xf6\xdf'</t>
  </si>
  <si>
    <t>390xx</t>
  </si>
  <si>
    <t>b'\x1e\xddfOz\x93$-$}\xae\x13\xd0\x1d\xe4L\xae\xbd\xc1\xc1,;\xbe\x9b\xea$\xca\x8d\xc9\x01\xed\x8b'</t>
  </si>
  <si>
    <t>b'\xa7n\'\xbb\xe5\xc0B\xed\x00\t\xc3"\xd1\x89\xa5\xe9\xb5\xbb\x924\x05)\xfc$\x01\x9f\xde\x14\xaaj\x94\x12'</t>
  </si>
  <si>
    <t>b'44s5\xc4\xba^\x13\x92d`\x9a\xea\xf8\x17\xf6\xda\xadzg\xa17\xb44.\xe7\xb2\xc3f\x1e^U'</t>
  </si>
  <si>
    <t>b'\x8c\xd95&lt;i$\x87\xbc_O\x98\x9c\x89\xf0\x18@\x89\xa7\t\xafC\x8cB\xf3\x92\x8c\xe9\x9cXAf\x16'</t>
  </si>
  <si>
    <t>b'M\xf2\x1e\xd7\xd6S\xc5\x847\xc1\x0clc\xa2\xf1h\xe9\xca\xeb\xedl\x07\x19Ts\xba\xa7\xc1s\x97\xf9\xe9'</t>
  </si>
  <si>
    <t>b"\x1d\x98M\x94A\xe9\xe8,\x16Q\x1a\x08\xcb1\xa9\xd1\xf8\xa1aP\xa2\xf1,\xa3\xbe\xf75\xde'\n\xe9\xca"</t>
  </si>
  <si>
    <t>b'\xd1\x9d.\x80\xeb\x92[{\xefhJ\xdc\xb9:\xe9\x9d\xe1k\xf2\x06\xcc`\xf1\xc5N\r\x04/\n\x17\x06\xd0'</t>
  </si>
  <si>
    <t>b'\xf4\xaa@~c\x8cH#\x02\xfdo\x16\xa4\xbe3^p^\xf5\x9a5D\xa87y\x8c[\xce\x9cb\xb9.'</t>
  </si>
  <si>
    <t>b'\x16\x05\xf38\x94\x03\xe4z\x16:\xd7}\x14\xd97\xa6E\xf2\xec\xf9:\xf7|\xf7N\x17\xfcD\xd9A[z'</t>
  </si>
  <si>
    <t>b'6\xd1\x98\xb41\xb7\x85D\x7f\x86\xd9\x92\xf3Yo\xa6E\x89\xa00\xd5Y\xee\xce\x01\xb8\x1fX\x87\xe6\xf7\xf1'</t>
  </si>
  <si>
    <t>b'\x8aB\xb33c\xfa\xf8\x84Re\xc2\x9d3"\x07_\xc0\xccdm\x11"\xc1\xf9b\x9cfc\xcd\xfc\x83\xab'</t>
  </si>
  <si>
    <t>b'\x1f\xb4\x15\x8f\xbf?\x16(\xfb+F\xaax\x18\xc2!\xb6\xa9i\xad+n\xba\x97}a\x0e\xe4\x7f\x0e\xbc\xdf'</t>
  </si>
  <si>
    <t>b'\xe5\n\xbb\x92\x0b}\x9d\x9bq\xea\x044\x0e\x13M\xf0m\xa3\x83p\x91\x01\xa2|s\x13WD\xf2-\x14M'</t>
  </si>
  <si>
    <t>b'Wn\x16?\x18\xa0/\xd1\x06\xd3E\xe5/\xa7K\xaf*\xa8\x8d\x08"\xb9\x1eTK\xe5\x8fX\xd2,\r]'</t>
  </si>
  <si>
    <t>b'\xad-WK:\\/\x84\xa1\x8c\xe6E\xacq\xc1\xa5l\xfbC\xa4\x9e\x90\xe2o\xb5\xa3\x05e\x0b\x83@\xa7'</t>
  </si>
  <si>
    <t>538xx</t>
  </si>
  <si>
    <t>b'\x93\xddY\x1b\xa7t\x07\xa6\xc0\xf8\x82\x0bOK\x15\xef\x11\xcagAk\x0f\x81P\xe6&lt;\xd1_L\xf5%3'</t>
  </si>
  <si>
    <t>b'\xc6\xe5"%\x1c}\xe6\xc2D,\x16[j\xc0V\n\x9e\xf7z\xc4\xfc\x13\x96\x0c &lt;\\\x9b\\\x14\xee\x9f'</t>
  </si>
  <si>
    <t>b'=\xd1\xba\x07\x12\xff\x7fh\xc5\xd3E\xf7\xa0L;\x1f\x94}\x93r\xf5\xcb7\x19\xb9\x83\x90\x8d-\xc9\xe7`'</t>
  </si>
  <si>
    <t>b'O\x85.}_\xd4\x08\xa1\xddu\x9d\x87\xb86\xe8\x8e\xcd\x16\x8fh\xa8\xc1\xd0\xe1\x88_\xf3#\xdb\xcb\xad\r'</t>
  </si>
  <si>
    <t>b'\x95p\xbd\x01zFs\x8a\x0f\xfb\xae\xe9\xe6-\x02.\x1c\x03\x92\xc6\xe6n;\x00\xbceS\xe0\xe7\xe0\xcb\xb6'</t>
  </si>
  <si>
    <t>b'\x83\x9d$\x04NE\xee\x01[\xff\xd4&lt;\x1fp\xfc\xfc\xa6&amp;\xcb$\xaf^\xe4q\xd8\xfd\xb2\xe6uC\xdbY'</t>
  </si>
  <si>
    <t>b"\x0f\xa4\xf4\xa5~0j\x18\xc5Q\x05E\xec\xf0w\xbc\xcf\xed\x8a\xa1\xef2')!\xe3\xc3\x7fK\xd8N5"</t>
  </si>
  <si>
    <t>b'\xea\xd3\x17x\x161\xe1\xb6\xaexoaA\x86]\xdcs5\xb2\x13\xdaDIuVd\x1f\xda\x1e\xfade'</t>
  </si>
  <si>
    <t>b'\xc8\xe2\xb6Kg\x7f\x84\xbf\xa6^\x19O\x9a\xbb\xa4\x8e\x9a\x8d\xb0\x02&lt;v\xc6E@\xb8|\xbe\x14\x97\xbbN'</t>
  </si>
  <si>
    <t>b'\xcc_\xfc\x8d\xd6\xa0\xc2\xe0\xa3\xd4\xa0M\xfd\xea\xa1\xc8\t\x07?\\\xb3g\xb9\x9e\x13F\x03\x86=\x1c\x1b\xc6'</t>
  </si>
  <si>
    <t>b'\xe9\x84,\xeb\x8a\xf2\xc3\x18\xaf\xb0F\xd1\xd5\xfbu\xb8\xde\xb4B\x01\x8b\x92\xca^\x18=w\xcaR\xd7\x13I'</t>
  </si>
  <si>
    <t>b'!\xad\xebO\x03\x91\xa8\xb3\xb8\x00\xbf@Gs\x17\xbc\xd0\xd3\xadl\x13)\xab\xe8\x81\x03\xb1\xed\xbe\x92\xe6\xe8'</t>
  </si>
  <si>
    <t>b'6/\xf1\xe5\x8cz\xbd:\xd6\xa4Tq\xaa?\x1d\xf2\xb0=\xa0\x19\xd8\xcd\x8d\x07N!;WY\xadIs'</t>
  </si>
  <si>
    <t>b'a\xff\xee\xf6\x8a6\xf0\xc5akC\xea@o\x12Pn\x08\xc7N}\xea\x9d\xc9\xcb\x9b:\xdd\x96\xf6\xc0d'</t>
  </si>
  <si>
    <t>b'\xcbv\xbbH\xb9\x13\x99\xa9/\xbe\xc8\x8c/\xa9.\xe1\xac\xa0\xad\xfd\xdc\xc8\x0f\xa7o\x88\x8f\x94\xd9@ \xa1'</t>
  </si>
  <si>
    <t>b'\x0b\x83\xaa\x08\xb0\xfb\xc5@t$\xfd\x16\xaa\xb7\xab\xe4.\xfc\xe5j\xe6\xeb\x94\x02y\xbe\x17\x8e&gt;\xb9\xdb\xd3'</t>
  </si>
  <si>
    <t>b'\xa8P\x1e\xc3\xad\xc5\xb4\xa2\x8b\x1f\xc6J\xb1\x92E\xa5\x92\xb4\xc7\x10w\xa8H3HA\x91\xc3\xd9\xb0\xc2\xf1'</t>
  </si>
  <si>
    <t>b'\x12\x17/\xd5\xd1K\x80\xcf\xe3HI\xf1\x0b\xba\xea\x97q\xd6D\x14\x8b\xfb\xc0$\x00\xf5&lt;\xd5\x9d\xdcn\xbf'</t>
  </si>
  <si>
    <t>b'i\xba\x90\x07\\\xb7(\xbeL\xe3\xa3N3\nU\r\xd2\xc3r\xef6\x15\xd2\xcfA\xe8a\xc6\xb4\xf9\xad\xa6'</t>
  </si>
  <si>
    <t>b"\xd0#cJ~\x8c\xb0\xfd\xfb,\x81\x84\xf2\x86Y\xf2\xab&amp;&lt;(\x1d\x9e\xeex\xc1\x17G\x1e&gt;55'"</t>
  </si>
  <si>
    <t>b'p\x0c\xf8\x1f\xf5\x18z+\x9b\x17/7w1%tTv\x82\x88\xcc\x92\xabt\xb5\xbe\x11\xb4\x883\xa9\xd1'</t>
  </si>
  <si>
    <t>b'\xa3\x7f\x1fu3\xd9,\x1d\xe9Q\x8f\xf5M\xa3\xdb\xa4e\xc5+\xf9n[\xc6\xcb\x7fQa\x90\xa5v\xf1\xd3'</t>
  </si>
  <si>
    <t>b'1\xab\x17\x85m\xc6\xe1\x01\xd1\xf0\x0fw\xe7r\xe0\x91\xcd\xd7\xbf\xf6\xafwcz\x144\xbd\x08\xaa\xbc/\x07'</t>
  </si>
  <si>
    <t>b'\xfd\x86iN\xd37\xe6?Y\xc0\xb0\x82\xf1\x95\x91B\x162\x16\x13\xc0b\xa5\xe6\xe8|\x84\xcaGf&amp;q'</t>
  </si>
  <si>
    <t>b'\t\xf3B\x0e;\xa6)\x7f\xdfo\xa0\x9b**Q?\x7fS\xf4Z\xe5J"\xe2\xc1\x0e\x0c\x8a\xf6\x8b\xd5\xff'</t>
  </si>
  <si>
    <t>b'\xea\xa7 \xe6\xc0Y\x99e\x03\x7f^~\xd3:\x94\x93\xa7\xf1\xc27\xf3G\xccen\xc3\xfd\xf2\x1cR\x9b\xf3'</t>
  </si>
  <si>
    <t>b'\x12\x1c\x10\n&gt;V\xc3\x8c\xf37\xbe\xdd\xa0I8\x98\x91\x98u\xe5\xdf\xdc8\xe9\xc6\xa2\x17\x89\xecs\xf7\x8d'</t>
  </si>
  <si>
    <t>b'\xf5\xac,R\xeb\x9e\xe8\x83&amp;\xd0\xe0a\xe59\xd3\xd9gYS"\x800\x9b\x14&amp;\xcc\xda\x98\xe4\\\xe2p'</t>
  </si>
  <si>
    <t>b'\t\xe48\xd1I4\xedU\xea\x14\x1c\x86\x0c,\xf3\xc4\xc4\x96VzS\x93\xf0-\xa0M\x8a\xb06\xc1\x80v'</t>
  </si>
  <si>
    <t>b'\xf7\xcb\xec\xe2*(Vy\xac\xeb\xc8\xbfS\xb5\x06\x18\x1bgJC \xbe\xd8\xf1\x86\x96\x1e\x7f\xb7\x8d,|'</t>
  </si>
  <si>
    <t>b'sO\xd4&amp;\xde\xe8|OD\xa5\x0e\x11\xe1\x16\xce|yj\xc2\x16c\xbd\xa5\xfa\x00\x18\xdc\xef\xa5\xf0\xb7#'</t>
  </si>
  <si>
    <t>b'\xde2,`\xc2(\x1e\x06\x8fb-.\x0f\xce\xf3\x1f\xe5\x07\x8c\xb4\x938\x17\x8c\xaf\xfc\xbd\xaf\x0e\xde\x9d\x97'</t>
  </si>
  <si>
    <t>b'N\xbbOu\xaf\xca\xaf\x9cX\xed\xc2\xfb\xe0O\xd4\xbbI8\xe04L+H\xaa\x95\xc2\xd5F\x94\x04\xa0C'</t>
  </si>
  <si>
    <t>b'\xec&lt;\x18X\xbfp\xcd\xc0\xd7\x07\xf8\xe1V\xdd\xa9N\xd1c\x1b\xb4Ya\xdc;\xb8\xf2+Y\xc1\x90OD'</t>
  </si>
  <si>
    <t>b'\xfd\x15\x10!\xe2\x17\x10\x1d\xb6\x8f$\x1e\xc6\xb6\xca\xd2[~\x90\xba\xef\x81\x8a\x84\xba049\x0b\xb2\x9d\x91'</t>
  </si>
  <si>
    <t>b'U\xcc3:@\x96\xf9\x0bN\xeds\xef[\xec\x9es\xf1E\xe6Y.\xb8!x\x08\xdc\xa82\x99\xbe\x1e\xd4'</t>
  </si>
  <si>
    <t>b'\x83\xdc\xfa\xed}\x8c\x15C\x8e\x06&lt;?\xa8\xec\x1f\xb1\x87\xbe\xb5O\xa5\xea\xe6\xfdf\x99\xeeLL\xad\xbbv'</t>
  </si>
  <si>
    <t>b")\x8e'*\xa8T)\xe7\xda\xdd\x16\xa5\x08\xd28\xdfShC\xc2\x97p\xa0\xc9\xc4\x0f\x97\xfb\x8c\xd5c\xd1"</t>
  </si>
  <si>
    <t>b'\x1b\xdd\x03\xc7~\xfa\xbbT4\xfap\x90`\xa9\x962~\t\xd7\x8cO"/\x12^\xc4|\xfau?\xf3Q'</t>
  </si>
  <si>
    <t>b'\x19\x87\xcb\xf2:\x943\xe2\x01\xeb\x9b\xb9\xb6p@\xf6L\x0c\xbb.i.\xf0#P\x177\xd3D\xfcJd'</t>
  </si>
  <si>
    <t>b'\xb4WI\x8e\xcb\xf6p\xc64\x16,6\xf2\xe2\xcc\x88\xf6\xe0\x87\xc4B:\x1b\xfbW\x02\x92\x13\xf4\xa84\x06'</t>
  </si>
  <si>
    <t>b'1\x8d\xf4\xa2T\x84S]\xbb\x9e;K\x9a\x01\xb2\x88J\xe5\xdb\xa80\x90\xb5^\x07$|\xcd\x9fD\x15+'</t>
  </si>
  <si>
    <t>b'&gt;uLW:(\x85\xcd\x8au\xb1\x19\x18L\x80\xb8\x0f}\xb4\xc7\xb7\x87p\xe6}\xba\x13\xcb\xf7@\xf24'</t>
  </si>
  <si>
    <t>b'\x93\x01\xc6\xc8\xbc\r\xde/\xa6p\xa0\xf9\x96\xfd\x9b\xc4t@\xc9\xc8jr\xdd\x03Y\n\xe5f\xd2$\xde`'</t>
  </si>
  <si>
    <t>b'\xa9\x81\x89\x9bk\xe4\xd3\xde\x93\xf7N\xf0\xcc\xfce\x92\x96\xde\x9cF\x89\xc1-\xa6\x9f\xb7\xcb\x7f]\x9b\xc1\xfa'</t>
  </si>
  <si>
    <t>b'\xc3\x0b\x9e\xf0\xe6\xe8\xb1\xbb\xa9\x985\xbd*td\xa3\xea\xfa\xa7\x81|\xda\xefU\xc3Rxyd\x04\x0b\xe6'</t>
  </si>
  <si>
    <t>b'\'\xac\xbe\x91\x91\xc1\xb6\xc5\x8d;\xa5\x03\xb6\xc7\x91":\x97\xf8\x98Z\xdf\xfa}\xf1ute"\x08\xa3\xa1'</t>
  </si>
  <si>
    <t>b'\xbc+\x90\x99-,\xdf\x16\x8bj@U\x18"b^"\xd3j\xab\xa9\x04g\x13y[/\xe1\xf4\xb6\xd3L'</t>
  </si>
  <si>
    <t>b'\xdb\xc5n\x9e\xd02\xdc\x0e\xa3U\x9e\x1d\xab\xc2c\xb7\x122\xf6\xd8\xd6/\x80f\x03\xff\xb9,\x86\xd6\xb5:'</t>
  </si>
  <si>
    <t>b'`\x88\x826\x10\x08lp\xa0%a&amp;\x1d\xe1\xc5\x8a=\x84[-%\xe2!\r\x81\xc1\xb2\x8cSjh\x90'</t>
  </si>
  <si>
    <t>b'\x99\xbb\x84a?\x07/\xb6\x10\xa1\x1f\x02\x9b\xb7\x07\x80\x1d\x81\xee\xa2R~\xef}\x84\x95~dA&lt;\xf1J'</t>
  </si>
  <si>
    <t>b's\x04K+\xb7\x98\x1c\x91\x88Y\x18\xf2\x10%x&amp;W6)\xfa\x8f45\xaf\x05\x8b$\x80a\xe4\xcb\x06'</t>
  </si>
  <si>
    <t>b'\x13U\x8c]f\x91,T\x88\r\xc3\xe1\xc9\xbeV\x10\xb3\xf2\xa9JL\x08P\xb4i\xceOW\xc7?\x10\xb1'</t>
  </si>
  <si>
    <t>b'\x8a\x14m\xcb\xc8\x8e\xffI~\x7f\x80\x0b\x11s_&amp;\xd9\x0f\x8c\x14\x8fm\x04D\x03\x04\xa9\x80\xf9\xff\x82\x98'</t>
  </si>
  <si>
    <t>b'\xbe\x1e\\\xf3\xba\x85\x1f\xae\x83#\\sFv\x0f\xed\xacgg\xa7\xabM5\xadO\xdb\xbe$\x85\xa5\x0b\x9d'</t>
  </si>
  <si>
    <t>b'\xf2\xe3\xa2\xd3S^r\x86\x9f\x132\x13&gt;l\x04\xc6\xb6\xca\xe2\x07e\x90\xe9\xe2\xb1\xe2\xc1u\x17\xc8\x82\xc3'</t>
  </si>
  <si>
    <t>b'\xc2\xaf\xea\xe8\x84\x06P\xd0\x01\xc4\x1e\x8f\xe4([\xba\xc8\x06\xd6\x0b\xb6\x7f\xf7\xa6U\xadK\x1c?\x8f9Q'</t>
  </si>
  <si>
    <t>b'\x11\x86Af\xa4 \x0c\xd1M\x04l\xe6\x9f.\xad\xd7\xbfe\x19\xfc\xe47\xbf\n-\x8a*\xb0\xc2\x9e\xda2'</t>
  </si>
  <si>
    <t>b'\xb9\nO\x7f\x89k:\xdd\nD\xf5\x9a\xc8\xf2\xa6\x01\x827\xc0\xb5\xf6\xd4\x97k0\xf4\x1a\xca\x18\xc8iH'</t>
  </si>
  <si>
    <t>b'\x91\xd4\xaf\xe7\xec\xc8#!\xd8bn\x87l\xd0q`\xcf\xa7yI\x1e\xe4-Y\x05\xe1mW\xf8\x10^/'</t>
  </si>
  <si>
    <t>b'\xab`\xd7j\x1b\\\xca3wE{\x99\xe5\xd4(+\xd0:k\r\xced%\xc7\xa2\x14\xff9\x9d\xa8\xaf\xd3'</t>
  </si>
  <si>
    <t>b'\x1a\xcb\x98\xb4%R\xe2}\x96\x87\x997\x8f*\xa5X\xa1^\xe1=Y\xb7N\xcd\xd7j.\xb6S\xfaK3'</t>
  </si>
  <si>
    <t>b'\xe2\xbf\xde \x9f\xd0/\xd5[\xcf\x84\xf8\xc8\x19\xaf*\xf2\xee\xebrm\xf76\n\x91%\xa9\x9d\xb3Z\xf3\xca'</t>
  </si>
  <si>
    <t>b'\xa6(2\xc36\x10_4\xe8\x9b\x94i\x7f\xb9\xe0\x99(rh"\xcbd\xc5%&lt;\x9aM\xde\xe6\xb1qu'</t>
  </si>
  <si>
    <t>b'=U\xa5\xe4\xc4\xe2\xa9-\xec\xf8\xdd\xf42\x98\x9e%M\xedV\xf0\xe2U\xfcK\x1c\x8dsy~/\xc9\x88'</t>
  </si>
  <si>
    <t>b'u\xbb\t\x99\xdd\xc6\xa8\x91\x9f\x92\xee\x9d\xbd\x8b\xafi]\xa5\xa9lmEk\xfb\xad`\xa6\r\x98e\x0c"'</t>
  </si>
  <si>
    <t>b'\xcb\xefa\xa3\xe74\x1aIK\xaa\x8e\x14\x9a\x00\xbb\x19&lt;\x8d\x17\xac3\x9a\xa4\x80\xa1Kk\x89Q\xbb\x81b'</t>
  </si>
  <si>
    <t>b'V\xbe\x0b\x92\xb3\x1amQ\xcb\xf0ZP*\xecB\xc6\x13J\x9d#@\xf3[\xf9R\n\x14Y0\xeeQo'</t>
  </si>
  <si>
    <t>b'\xb8s\xca\x896\xb1\xa5C\xc0\xe4&lt;@\xd1$:&lt;`\x81\x83\x19\x89\xd5\xc4QX\xb7~\x95\xfc\xd5\xe5\xad'</t>
  </si>
  <si>
    <t>b'l=|9[\xb2t\xf3\xb4*\xad\xc5\xc1\x03\xcd;\xe74/\xb6\xed\x82!\xf8\xe4\xcf\xf7\xc7\xc65.\xb1'</t>
  </si>
  <si>
    <t>b'\x01\x8c\x81\xecf\xff\xf1XD\xb6@\xef0\x02\x1f\xcd\xde\x02\x10\x89\xa5\x88\xe7&amp;\xd7\xe5Y\x85JBO\xa7'</t>
  </si>
  <si>
    <t>b'E\x9d\xa4w\x0b\xd9"T"\x96,\xe6\xcbX\xfdA\xf5\xca\x15V\xd6P\xbd\x9c\xd7\x18\x86\x85U&amp;\xbaX'</t>
  </si>
  <si>
    <t>b'G\xa6\xe9\xde\xe6Z\xc1\xd8\x8f\xd3\xe1xeF\xcc\x9b\xd6\x0cD\n\xae\xfc7\xda\x94\xfc\xf3\x9d\xc0\x91\xa3l'</t>
  </si>
  <si>
    <t>b'\xea\xfd\x11\xa4\x03d\xe4\xdb\x81\xe9h\n\xa4\xcbW\x90N\xa8R\t`&amp;\x88b\xc7\xd5*~\xbf?\x9at'</t>
  </si>
  <si>
    <t>b'R\xe1\xc5\x16\xc9q\x13\x98\x85c\xc7\x80\xb1\xc4\xa8\xe7D7\x0c\xb02\x04%C\x89*\xa5\xe3\xc2\xe3Ds'</t>
  </si>
  <si>
    <t>b'\xb8\xed\xb725,\xbdTmi\x8e\x93E\x0f\xb4w\x94\x9b\xa7M\x9b\xecn\x08\xd7\xb7\xfa]\xd0\x85:\xa0'</t>
  </si>
  <si>
    <t>b'\xdd\xceC:,\xe5\xa3.\xa9X\x7f\x1f\xf9\x95\xad\xfc\xcew\xf8\xa1MX\x1f\xb0~\x17{s\x83\xf4T6'</t>
  </si>
  <si>
    <t>b'\xcc\x1b\xfa\x93\x8e\xa1[\xa2=V\xeel\x86q\x8d\xad\x86L\x9a=*\xf47w\xc4\xd0h\x915\x8c\xddn'</t>
  </si>
  <si>
    <t>b'\xc7\x89\x1b\x88\xf3\xda#\x03,\xee\x95\xfbt\x0b\x97\x1dN\xca\xd0( \x10\xfc\x02\x84\xfd\x91\xaa(\xfcv\x8c'</t>
  </si>
  <si>
    <t>b'\x93\xa19\xf7\xc9\xa1\xce\xac\xda\xff\xe2\xf2\xd68\x8b\xf7ra\x9c\xa2(\xf7C\xe6\xfd.\x06\xda\x04\t\x96T'</t>
  </si>
  <si>
    <t>b'\x96F#\x94\x81\x7fNX\xf2%M\x9d}n\xfa\xcb\x18`- \xdd\n)Wh\xb7\x00\x80\xf0\xfd\x1f\x0c'</t>
  </si>
  <si>
    <t>b'\xf0\xa0\xca\x03ig\x19\x06\x8c\xe74M\xc3n~\t\x10\x1bOK/\x16\x0cA\xae\xa3\x9e\x19\xcb^_{'</t>
  </si>
  <si>
    <t>b"\xaaS\xce\xe1\xcb\xc6\xf4\xb4\xcc_3\xa8F4\xd8@'\xb5\xc0\xbd\xe3\x16z\x06D\xb6ZY\x08\x1b\xe6\xa6"</t>
  </si>
  <si>
    <t>b'k\xee\x13L\xac]U\xf5\xdb\x88&lt;\xfaq\xd7=U\xdf\xf1D\xfe\xaaU\x9bl|;\x9e\x05\xbdv\x8b\xb3'</t>
  </si>
  <si>
    <t>b'A\xe8\xa3\x07\x88\xd8ps{RH\x15\\\xddv\xed\xbc\xed\xb3SSQp\x19\xe6o\x1f)\xcd?\xaf\x07'</t>
  </si>
  <si>
    <t>b"'\x82Pm\xa8@F\xe9\x0e\xfe(\xc2(\xef\x9c\xd9\xb4\xa7M\xe5J\xe0\x15*\xf1\xa8\x13\x96\xcegB\x91"</t>
  </si>
  <si>
    <t>b"\xd7\xb9c&gt;-\x8dT\xdc\xa4m\xb9\x1bY\xee\xf7\x90\xad\xcd\x82\xd8U*H .\x01n'H-iB"</t>
  </si>
  <si>
    <t>b"\xdaQ\x1d\xf0\x9d\xf8=:\xbdT\x1e+\xa2\xb9\xf83\x98\xc2v'?a\xbf\xbb\xa0L\xc4P\xc9\n@J"</t>
  </si>
  <si>
    <t>b'\x0c\xd1\x0f\xf63E\xc2\xd1\xe6\xe8m\xd2\xce\x99\xa7\xaf\xe7\x86`kP\r1\x87\xb9\x87\xe0\x84\x11\t\xd5\x94'</t>
  </si>
  <si>
    <t>b'/\x82BM\xf58|\x11\x13I\x8cJ1\xce&gt;\tZC\xfdC&amp;\xcf&gt;\xde\xa60\x8b{\x06\xf1\xd8\xdf'</t>
  </si>
  <si>
    <t>b'\xa6\xad#V\xf4)\xa88b\xc2k\xa6\xd1\x86*\r\xd1a\xd5\xb1\xd4\xc8\x06pR[\xd3t\xd4\x1ch\xaa'</t>
  </si>
  <si>
    <t>b'\xe9\x9bK9S\xe5\x99d\xd4\n\xba*d{y\xb3o\x0c3\xfd9\xe5\xe8\x80+GykB\xe4Z\xac'</t>
  </si>
  <si>
    <t>b'\xe4\xde}\xda\x0e*\xc32D\xda#M\xdc$\xe1Z\x0b\xb6\xb0\xcb\x19\x17?U\x89\xa2\x1d\x17\xf8\x11\x19\xc6'</t>
  </si>
  <si>
    <t>b'\x99dp\xb8\x1f\xf7\xd4;?bD\xb6{-\xce\x90\x07\xa3R\xebZ\xc6oZ\xd5WV\xda\x12\xafR\xac'</t>
  </si>
  <si>
    <t>b'\xe2=5w\x7f9\xc5\x90r}-\xe9\x11\xec\x0b\xc1\xa1\xf8\xb7\xa9\x87\xfc\xa34~\xe0\xbb\xbd\xf7s\xe2~'</t>
  </si>
  <si>
    <t>b'\xb7\x0b\xb3J\x86N]6x\xed\xab\xbf~\x1c\xa2\xb7\x0c\xfa\x92\x82/\x8dE\x9f\xf8\x1f\x97\xb1\xca\x1a.\x1c'</t>
  </si>
  <si>
    <t>b't\xa3;\xc2\xa9\x1e\xb5oo6\xcb\x85\xc0\x05\x07\xfa\xd7nK~G\xed\x1e\x1ew\xd5:\x89\n\xfb\xea\x9c'</t>
  </si>
  <si>
    <t>b'_q\xef\xc2\x98*\xd5!r\xfbq(%8p\xb9\x1c\r\xfc\xe6[\xbeK\x1eW\xd9\x17\x8bB\x82\x93\x0b'</t>
  </si>
  <si>
    <t>b'.3\xe6\xfa\x0f\x95 \xdc\xac\xf8Cl Epl?Q\x0f\xb1\x10~[\xeen\x03\xec\xac\x10lqD'</t>
  </si>
  <si>
    <t>b'\x0e\xda\xef6\xfc\x82\xed\x8b\xb9\x7f\xa1\xe2\x1eA\xc5g\xc5\xde\x01j\x81\xda\x9c\x06\x1b\xa2\x0f\xc9\xadJ\xb5\xc4'</t>
  </si>
  <si>
    <t>b'8c\xd4\xc8N_7\xdf\x03\x03\xad\x89{\xae\x13QO\xf7?kS\x0c\x95\xde\x9d\xba$\x8fd\xe3\x9eC'</t>
  </si>
  <si>
    <t>b',\x96\x03{K^@\xedi\xe5H\xc3\x90\xd9\xd9\xf6U\x13\xfa\xcb\xca\x19+\xb8\xa3\xce\xb5\xb3\xddx\xc1\x8b'</t>
  </si>
  <si>
    <t>b'\xddw\xb0\xe8\xa8m:\x1b\xb9\xe3\x03F\xca%\xf7\xb0\xa8\x1a\x80\xecdp\x01\xc9\xe8\xdb\xb8\xa7\x1e\x8eL\xaa'</t>
  </si>
  <si>
    <t>b'^\xa0\xde;\xd3\xec\xa5\xf7\x7f\xd6\xb9i\xd8\xb9\x06\xb1\r\x90b\x1fL\xf3\x97p"\xa1S\x8a\x08\xdel\xb9'</t>
  </si>
  <si>
    <t>b"\xa14\xf4\xd9'&lt;+8%\x88^\xe2\xdc\xdc%\xb9B&amp;\xa6\xf4\x1b\xb2\xba\xadPF\xf4]\xd8\xc1\xc9\xc3"</t>
  </si>
  <si>
    <t>b'9\xeb\xd47\xaa\xb2\xe7\xd9\xbf\x16\x9f\x8a\x88\x160\\\xfeM\xe0\x88\x85\x8e\xba\x16M\x85#9\xdeI\\\xda'</t>
  </si>
  <si>
    <t>b'V\x897\x94\xfd\xd2Z3)\xd7kw6\xe1\x1dm\xb6, $O\xa3\x03\x9e\x13S\xce\xf0\x9b\xa3\x93\xde'</t>
  </si>
  <si>
    <t>b'\x9a2\xfb}-_,P\xb3\x9c\x03\xbe\xc8\xe1\x9a\x80\xe6Q\x8d6\xc9H\x8d\xcf\xa2[~%\x02\xe1\x1c]'</t>
  </si>
  <si>
    <t>b'\x16\x8f{GC\xbbH&lt;Gu\x1f\xfb\x9e\x17\xd7\xb0Jb\xdd\x12_\xf2l\x00\x87\x97\n&amp;J\x0f\x1b\xdc'</t>
  </si>
  <si>
    <t>b'\xc8\x14\x174\x17\x1dx2\x05U\xb9%3\xf5\x8d+\x11\xf2\x12K\x04\xe7\\\x19\x0e\x81&amp;\xd7A\xa5\xc8\xb4'</t>
  </si>
  <si>
    <t>b'o\xb3\xf6{\xcc\xed\x08\xe1\xc0j\xb6\xda\xaa\x17a\xbfc_X\x83\x03\xabQ\x1c7L\xcd\x1b\xa1F\xb9\x0e'</t>
  </si>
  <si>
    <t>b'`\xbb\xb2\x96O\xf9\xb7\xbb\xddY}\xb7z\xad9F\x80&amp;\x11\xa2W\xb3\x13\xafA\xd2k\xb6\xa9\xbc\xf3\x99'</t>
  </si>
  <si>
    <t>b'&gt;^u\x9b\xc2\xd2\x00d!z\xfb\xcb\n\xf1)p\xff\xe3\x18@Ps\x10\x99O[\xb3rR"\x01\x92'</t>
  </si>
  <si>
    <t>b'\xdf\xcf\xd0\x13\x1e#\xde\xad6\x86\x9b\xea\x92 \x1cx\x85+\xea\x03\x1aL\xa8\x15w\xa3\x16\xbd\xc8\x90(\x14'</t>
  </si>
  <si>
    <t>b'\xf5\xab\x0f\x91\xd4b\x8b3\xbeV1An2^@\xd0\xf3\x18\x85**\x03\xe8\xb5\xd4\\\x0e\xf8E\x85\xe4'</t>
  </si>
  <si>
    <t>b'\xe2\x07\xeb\xf5\xfc\xf6\xd4k\xd4\x8a/\x95\x17\xe8k[&amp;`\x14\x06\x14\xa1)\x90q\x99\xe8 \xdfh3\xf1'</t>
  </si>
  <si>
    <t>b'N\xe2\xf2\x1bnD\x0b\xa2\xf9\xa0\xceI\x96\xcc\x82\xc9\x80\x98\xb1\x0eV\xdd\x07\xf0\xe2\xb9 `)t\xbf\xa6'</t>
  </si>
  <si>
    <t>b'?\xdb\x89^\xc8\xf5\x07\xc0Z&amp;%\xe6bL&lt;\x1foO\x9e\xe0\x0b/\xce4=\x8d\xe9\xe0\x92\x82\xa7z'</t>
  </si>
  <si>
    <t>b'\xd3F\x98\r\xde\xb0\xe4\x05\xadp\xa8k\x9f,C\xf6l O\x96\x9f\x89\xe0\xe5\xaao\xa7\xf7\x9a\xbd\xb9\xc8'</t>
  </si>
  <si>
    <t>b'\x9b}\xe3CR\xd1\\\x05\x17X\x89m\x97\xd6\x893\x8dL\xa3\x85\xf3N\xf2\xac\xa2W\xbd\xffb:S;'</t>
  </si>
  <si>
    <t>b'\xc3\xf3\x08\xf76\xa4\x00\x8f5uz\xdc\x85\x94\x8cT\x1d\xdb\x95Zd\xa8\xc8lc\xb5\xa7\x08G\r\xea\xd8'</t>
  </si>
  <si>
    <t>b'\xd2\xa6\xbcs\x86\xc5\xb5[\xb0\xb9\xba\xdb\xb1\xb3\xbfpu\xd7\xf4B\xb6\x8f\x18\xb4\x1c\xa0M\xe3\xc3\xb7o2'</t>
  </si>
  <si>
    <t>b'\x9b\xf3+&amp;\xb03m8\x90\xee\xaf[\x8f\xd6\x04\xe3\x1b\x8c\xd5\xc0\xef\x99|Z\xab\xce\xa0e;\x9e\xafQ'</t>
  </si>
  <si>
    <t>b'n\x1f\xcf\x94\xdf\x9e\x8f\xba\xa9\x19\xee7\x9483\xa9\x89@\x1f]Luq\x8cG0\x081*\xa9O='</t>
  </si>
  <si>
    <t>b'Z\x91\x8a\xc6\x04\xc0f\xc27\x92\xcf~&lt;\x88\x8b\xd5\\\xc7\xa5\xefhS\xe1Y\xff\x05V\xb3\x07A=7'</t>
  </si>
  <si>
    <t>b"\x1b\xec1\xc6e\x05\xabre=\x87\xd5-\xde\xady\x97\xe6\x8c\x0c7\xd6'\xfas\x19\x9e\xcb0a\xb6\xaf"</t>
  </si>
  <si>
    <t>b'\x8a\xa4}\xd1 \x90j!\x8f\xa6\x80?\x13-\x98\x8cJ\xa8\xe0\x0c\x8b\x88\xe5\x9a`\xbba-\x87\x9f0\xd6'</t>
  </si>
  <si>
    <t>b'\xd4\n\xc5\xccD.\xda\xfa*K\x9bMf\x9d\xa9\xaaX\xf7"\xda\xfe#n@\xaa\xd0?\xd3N\xa6\xf0\xb4'</t>
  </si>
  <si>
    <t>b'\x1aA\xce3h\xb0p\xf68a\x91\xcf\x9d\x05\x89%M$\x90\xa1\xff\xdf\x86\xa7\x05\xbd\x18\x18\xfa\xe9\xec\x94'</t>
  </si>
  <si>
    <t>ME</t>
  </si>
  <si>
    <t>041xx</t>
  </si>
  <si>
    <t>b'\x8b\x0b/\xa8\xd5\xbaS^\xd6\x9c7I\xce\xfa\xb7\x1b\xffE\xe8F\xc2\xd9\xae\x11\xa7\xe0s\xed\x14\x16\x91\xee'</t>
  </si>
  <si>
    <t>b'\x0ch\x12\x1c\xa3T\xfc\x9c\x88w\x06\xe6\xcfh\xebs\x99\xf2i\x03;\xcf\xbb\xa1#B\x9c\xe3\xa5\xf4\xfe\x99'</t>
  </si>
  <si>
    <t>b'\xe0\x87\xd7\x0bE\x01&lt;.v\xb4\x90\xb5\x1eq!\xf4\xed\xc67\x93pnsl\x96\xef\xf2x\x91\x9d\xe7\x10'</t>
  </si>
  <si>
    <t>b'\xc3\xd9\n\xfb\xe4\xe5\xd2?\x0eFo\x03\x0e\xcd\xdd\xcaw`\xd9\x18\xa3\xe6\x1c\xaf\x1fI\xdd\x94\xa7B\xfc!'</t>
  </si>
  <si>
    <t>b'J\xcb\xbaV\xcd\xd3kh\xb6H~\x90\xcch\xbd\xf9!\xfdU\xba\xa9\xac\x88\x8c\x87\xec\x04\xef\xae\x7fT\xf6'</t>
  </si>
  <si>
    <t>b"&amp;\xb1\xd7@,8\x0fx6f\x14J\x7f\x86\xa11\x9b]f}\xfc\xab\x8cZ7\xc8{\xa6R'\xf6\xba"</t>
  </si>
  <si>
    <t>b'\xa2\xa4\x1f\x12\xcd\x17\xd5J\x8ft%\xfe2\x7f\xb7&amp;?\x19\xff+za\x19g\xcb\xc1\xd6\x0f:1\x0e\xad'</t>
  </si>
  <si>
    <t>b'\xf6m\x1e\xb0A\xab\xe7\x02\xc9\xb7VK\xad\xa0y\xc6\x83\x1eN\xb7\x83\xc6\xddg\xb56\xdd\xe2\x8e\x9c\xefh'</t>
  </si>
  <si>
    <t>b'\x90\xc8O\xbb\xeb;\xef\xa8\xd7TB\xc5\xe2\x99\xbb`u+&gt;\xc8\xdb.O\xea\xcf\xf7P\xcc\xcd\xf1\xd8\xf5'</t>
  </si>
  <si>
    <t>b'\xbd\x1dyQ\xb1F\xb6\xe6\xb7ok\x18\xbc\xe5\xa6\xf7\xddQ\x86\x0c\xcbxF\xe9_\x8b\xc2\x17\x1f\xb75\x99'</t>
  </si>
  <si>
    <t>b'y\x9fi\xff\x1c\x80\xdd\xda\xfde\x8ct\xfb\x0c\x00O\xbcU\xc3\xac\xcd@G\xf8\x00\xe1\x13z\x12\x12\xb2\xb2'</t>
  </si>
  <si>
    <t>b"/\x95\td\xce\xb7\xac'cVW'\xa1g\xfc\x9aQ\x82\x1e\xa0Z\xdeWSUT\x92\xbc+0Q\x9b"</t>
  </si>
  <si>
    <t>b'?}\x83\xe8\x90o\xa5\x8cE\x0f\xe0y\xaf\xc0\x90\xd3\xfb\x95W\xa5\xe1\x8e\xf3M\x05\xb1\x12\xcf\x01?;o'</t>
  </si>
  <si>
    <t>b'\x04\xf6\x0ccN\xca\x12\x9eBTn\xeb?#f9\xfc\x843\xa7\xabRP:\xbe\xbe\xc2%n\x99l,'</t>
  </si>
  <si>
    <t>b'!*\xfe\xad:\xa9)\xf5\x14\xfb\xf7\xdb\x01\x89\xbc3\x0e\xdc\xa6\xf8\x17-\x8d\xd7\xe8\xca\xbc\xef\xc8\xe5,S'</t>
  </si>
  <si>
    <t>b'\xd7M\xb5\xe3\x16\x02Q\x08A\xbf\xb2\x01\x00\xa1]w\xdf^\x01r\xf8\xffe\x9d\xbbA\x0f\xe7|\xda\x11~'</t>
  </si>
  <si>
    <t>b'\xbc0bE\xcf4\xd2\xbdn6\xf7O\xe7|%\xdc\\\x98\x0bV\xd4\x9b\xf3\x81g\xbf\xf3\x16\xfe\x86\x1d1'</t>
  </si>
  <si>
    <t>b'\x19^\x0e\\\xbb\xa3\xfaW\x9c\xf6m\x03\xa3\xc1J~\xfaw\xbets!\xac\xac\x81\x80\xeb\x8d\x04(\xad\x1c'</t>
  </si>
  <si>
    <t>b'o\xc5\x9b/Z_L,.\xf4FvT\x9b\x15:\xdf\xb4\xad\xd6\x00\xdfK&gt;\xb1\xc6\xc9FJ\xb4\x0b\xa2'</t>
  </si>
  <si>
    <t>b'\xc9\r\xb1\x1a\xb9n\xda\xaa\xa3/\xd5\xa6JKN\x9d\x87\\\xb1g\x14[z\x9c\xae\x15\x06A\x05\x1f\xe6{'</t>
  </si>
  <si>
    <t>b'\xba\x92\x9bfw\x81:H\xb4\x7f"u\x08vz\xcf\xc3\xd2\xc6\x9c\x0e\xe77@\x11\xc1\x99\x8d\xd3\xb1\x93P'</t>
  </si>
  <si>
    <t>b"\x1c\xca\xf1\x19\xcf\x05D'\x13\xdb\xd5\xa7\x9a\xf4W(Ki5\xa1\xb7?\x0f\x7f4&gt;\x83H\xb6/\x14\xff"</t>
  </si>
  <si>
    <t>b'\x1bkA8p7\xbf\xbb.\xberb9`\x94\xf26\xa7\xe4#\xaa^S3\x0c#o\x96\x82H\xebG'</t>
  </si>
  <si>
    <t>b'\x98\x9e/\xec\x92nY\xa52]\xa2\xf0\x8a\xeb\xc3\xa34\xe7\xee\x17NT\xa9\xcb\xf3\xfb\xb8\x8a\xaa\xf6sP'</t>
  </si>
  <si>
    <t>b'\x16\x81\xf8\xc5\xf04(\x14W\xf9k\xb0\xa3\x85u\xe0\x8a(-\xeelvw\xd7\xc9\x113\xe5\x04\xa4\x01\xc9'</t>
  </si>
  <si>
    <t>b'\xf2|\x8b\xd3\x19\xbcw\xc6\xd6;\xd5.\x0e\xe61\x83\x1f\x1b\xd8\xad_\x16\x91\xba\xc5"\xad\xc8a\x1f\xe5\xac'</t>
  </si>
  <si>
    <t>b'@\xac\x19\xc5\x9b[\xe3\x07\xbd\x99-\'c \xf0c\xb1\x15V\xfa"\xa9-\xb16V,\x9e\x183/\xc5'</t>
  </si>
  <si>
    <t>b'\xfd\xf3\xf1\xb7\x1fX=/\x14~\xd6\x87\xcaW\x0c\xbd\xc4\x1e\x828{j\\\xad\x853\xc5\x97z\x91,\x03'</t>
  </si>
  <si>
    <t>b'Krr\xf6\xfe+\xf9\xcb\x8b\x8d\x8fni\x7f\xd71\xc2\xba\xe44\xc20\xf3\x0b\tt\xfa8\xc2\x88r\xe3'</t>
  </si>
  <si>
    <t>b'\xb7@\xcd\x8a\xf5v\xa3H\x1e\x8e\x18\x16R\xbcB0\x13\x80\xe54\xfdM8\xbc\xa6=\xdfPoH\x0f\x81'</t>
  </si>
  <si>
    <t>b'Cq\x1f\xdd\xfb_\xe6|c_s\x83\xaa\x87\xa4s\x13r\x8e\xba\xe4\xd6\x9aU\xc6\xa1\xeb\x17\xa9\xb8U\x94'</t>
  </si>
  <si>
    <t>b'\x9ed6,\x06\xf7\xd0WkrAaY\xe6\xea\x12\x0c\xd6\xd6\xb1\xa2W\x81\x0e`7\xf3Re\x00m\xb9'</t>
  </si>
  <si>
    <t>b"\x98\xd9P\xbe\x04\x81R\xe0y\xd0\x0cQZx\x1a]\xdc'vG\x1d\xf5\xafl\x13\x1d\x91\x01\xb6\xe9\x99{"</t>
  </si>
  <si>
    <t>b'\x04\xdc\x0e\xee\x16\xed\x84\x80\xe4:-\xd0l@\x02\xfc\xb7\xfb\x19;-a`=\x13h\x80?m\xad\xfe\x19'</t>
  </si>
  <si>
    <t>b"\xf7F\xa4J\xd6MA\x16\xb3}\x8e\xff[\x040X\xf3\x85\xaa\x93\xae'\xac\x16/\x16:w\x17\xb85+"</t>
  </si>
  <si>
    <t>b'I*Yh\xb4z\xa2h\xe5\x8e\xc5\xf8u\xc9\xb5\x9e\xe9\xe0\xe3Z9\x81\xdc\xe1C6\xdc\xaf\x8b\x92\xe2\xc2'</t>
  </si>
  <si>
    <t>b"P){m\xbb!\x9cm5t'B\xaf\x84\xe1\xa1\xe1\xa1/\xc6C\xfd\x16O\x10\x05.\xc8\xac:\xca\xed"</t>
  </si>
  <si>
    <t>b'\xd0\x1d+\x86\xb6\xb4\x18!x\xf2\t\xc4\x17\\o\xd3h\xbc\x9bq\xc1O\x93v\xa1,\x90f\x15\xc4%\xf1'</t>
  </si>
  <si>
    <t>b'\xf0\x9a;G\xc9\x94xlY1\xe4\xb2\xd4\x86}\xb8\xab\xf6 \xed\x16\xd6\xfa\n@\xc1\xf5gC\x00~?'</t>
  </si>
  <si>
    <t>b'\x87&amp;E\xe0\xd97\xee{,/l{\xf7\x9d3\xb2\xee\xfc|Z\x8aB\xc4\xda\x84\x9aaz&amp;\xa8\xa9K'</t>
  </si>
  <si>
    <t>b"\xf7!}\x91Y\xf7\x04'\xa5\xd9\x18\x0b\xa2&amp;\x80\xd3\xd2\xf0\xdbVS\x8cKG\x1e\xe9\xecmY&amp;\xd7\xf6"</t>
  </si>
  <si>
    <t>680xx</t>
  </si>
  <si>
    <t>b'\xfe\xf5\\)&amp;)\xa1\xaf\xa8\nZ\x8c\xe5\xee\xf8\xc2VJ&amp;a\xe3\xf0w\n\x86\xaf\x80(\xa3\xc1\xe7\xe9'</t>
  </si>
  <si>
    <t>b"\xcb\xdb\x8c6\xf8\x1b&lt;\xd2\xa1\x86\xdc@\xa1\xe1j:\xa4\xfd\xf6\xa5\x0e\xc1\x15Hi\x86\xde'\x82\x82\xd0\xe0"</t>
  </si>
  <si>
    <t>b'\x80\xa4\x81`\x8b\x03\x91\xed\xba \xee\xa4.\xaf\xe1\xaa\xcf\xd0\xfe\xec`\xd39\xb49\xdcM\x8exM\x02\xec'</t>
  </si>
  <si>
    <t>b"\xca'\xc1\x0c\xcd\xbf\xea\xc7\x8d\xf8\xbb=\xe5\xdf\r\x7f\x97g9\xc6\x08\x07\xe1\xee;\xa0\xc7\xbc\xdd\x08\\\xdf"</t>
  </si>
  <si>
    <t>b'\xb5VH\x0f\xe2\x06R\xfd!Y\xac_\x87\x03\xf0~\x9a\x02\r\xd6\xe4W\x1c\xc2\xcb\xbd\xb5xV\x80\xce\xb3'</t>
  </si>
  <si>
    <t>b' \xfc\xa1\x9a=\xdf#\xa9\xff0v\xc8\x14\x1a\x82\xbe\xc1\x9bE\x9d\xd0\xc1\xc0gv\xbf\x133y\x12I\x0f'</t>
  </si>
  <si>
    <t>b'\x11\xf4x\x03)\x95|E?\x8a:\xd3\xe5\xb5\xd9\x8e\xf7\xcc\x17c\xe8\x9f\xb4\x9c\xbc\x9f6\x941\xa6\xd1/'</t>
  </si>
  <si>
    <t>b'\xee\x9e\x95\x17\x8a\x1f9\xb6\xd0\xca&amp;KP\xdb_\xb5\xb2\xda?o:\x19\x1c\x08\xb7\x9ed\xc1D\r\xdd\xe0'</t>
  </si>
  <si>
    <t>b'\xca\xeaq\xca\xdd\x12\xccH@\xb8\xe0]\x8evE\xf2\xdfw)\x93\xbf|bl?a\x98\x1a\xb6u\xfd\xf9'</t>
  </si>
  <si>
    <t>b'o=\xb3\xed\x12\xbe\x8b\xb73/\x04\xb9\xa7!\x195\xc3\x95(\x1e\x1b\x03\x91\xa9wKe\x18\xab\xe0\xbf\x87'</t>
  </si>
  <si>
    <t>b'\x83\xea\x8d\x80R\x19U\xbb8\x1fT\x1bM\x007\\o\x9e\xf4\xaa\x04\x9c\xdc\xb8M\x06uts\xf7\x08\x97'</t>
  </si>
  <si>
    <t>b'1R\xdef\x97\xe1\x88\x18wxMh\xf9\xa3\xc2\xb1\xd9\x81\x04\xfd\x08\xce\x88\x8e\x02\x07\n\x90\xb7\x1e\xc2\xc3'</t>
  </si>
  <si>
    <t>b'97kW\x8a\x8fNNk\xa9g\x1a\xf7\x1e,\x03\xe3!\xddaVQ\xef)\x0b\xe0&gt;\xc0\x95\x92#B'</t>
  </si>
  <si>
    <t>b'D\x94\xef\x82\xbb.!Z"`\xdc\x89\x19\xf4T\r\xcd\xc8\xee\xe4\xfb\x8d5r\x9aP(3&amp;\xe0I\x80'</t>
  </si>
  <si>
    <t>b'4YR\x18\xaeG\x12\x90i\xdc\xbf\xbfv\x0b\xf1\xcf\x16\x8c:\x81\x8c\x0b\x1aecVn\xdd\x06x\x84Z'</t>
  </si>
  <si>
    <t>b'\xe2\xf5]\xc5 \x1b\xb3;C\x1c\x1dkWG\x06\x97\x80&amp;\xbec7\xe8\xd0S\x12 \xc6\xb9\xd8\xf5\xb5t'</t>
  </si>
  <si>
    <t>b'\x9ft\x12\x12\x85\xeaf\x11\xbfA\x96\xee\xb1\xd2\xb4a\xd5\xaaLH}-\xdf\x93\xae\xf5(=\xeb\xdf\xe88'</t>
  </si>
  <si>
    <t>b"\xfb'@\xc4\xb7\xa41 \x13M\x8c\t\xdd\x9eGe\xd7\x0b\xb3c:\x83u4;\xfc\xcc\xbd\xe8\xa78\xee"</t>
  </si>
  <si>
    <t>b'\xb5\xc9\xc2\x1f\xe5\x07\xc5\xa1\x1e#s\x17\x84R\xcd\xae\xf2C\x04s\x0c\x82\x15Jc&gt;\x89r\x19@\rV'</t>
  </si>
  <si>
    <t>b'\xf5\xcb\x92\xf3\xfc[\xbcoT\t\xdbT\xd4\x1a\xed\x80\xe3\xaf\x8a9\x0f]\xe7\x17\xdbR=A\x18O\x16\xff'</t>
  </si>
  <si>
    <t>b'k\xc1\xb5\xaf\xba.\x1be\xb3PC\x10\x0f\x80A\x9e\x0f\x8a\x88\x97R\xda\x14&gt;8\xe8\xdb\xc7\xd6k\x1e\x10'</t>
  </si>
  <si>
    <t>b'\x12\xc0\x00\xad\x90@\x95\n\xf7\xe1\x9f\xd8RXE\xbf/\xb7p\xd9C\xa8\xdf\x9f\xcau\x8dW\x80d\xca\xa0'</t>
  </si>
  <si>
    <t>b'\x92\x0f\x08b\xe6\xd1d\xf9!\xaf\xe0T\x8a@\x8f\xed6\x9dF\xf5\x1b\x03\xb5\xc2\x8cY\x15k7\x11\xd8\x07'</t>
  </si>
  <si>
    <t>b'\x9e\xa3\xce+\xbft\xea\xe85\xef\xa9B\r\x1eb\xb0=\xd1[H\x93`\x7f\xa5\x06\xbb,\x82\xadI\xe2\xb9'</t>
  </si>
  <si>
    <t>b'\xfb\xe6\x01\x04\xe2/! \xb1O\x90\xaag`\xbc\xb5\xfd\xd6\xf2\x86\x14\xcc\xa3ZS\x0e\xb2\xb5q\xd0\x12h'</t>
  </si>
  <si>
    <t>b'\xe74Aq\x91%\xe9\xe6b\xb5\xf2\xfd\x14o\x9dh\xf4\xac\x18\x151&lt;\x84\x083\x9c/\xdaD\xdb\x03\xaa'</t>
  </si>
  <si>
    <t>b'\x0b7\xdbm6z\xa2\xae\x89\xe8\xf2^\x85V\xec\x00DY\x96\x1a\x1b\xcb\x1cJ\x96\t\x1b\x90\x08\x00\xbe\xed'</t>
  </si>
  <si>
    <t>b'\xcf\xe8W \x14\x9f\x827\xa4\xaf)1\xe0C\xaex\xfe\xb2\x8fI8m?/-\x169\xad\xbcWF\xf8'</t>
  </si>
  <si>
    <t>b'\xbc\xb7\xbc\xf0\x16\xe1\x8f\xbe~\x99\xdd\x87\x9b\xee\xad\xc4\x85E\xfe\xe1\xbegEnp\x8a\xa7&lt;\xabK\xda{'</t>
  </si>
  <si>
    <t>b"c\xd2\xf4p\xc7\xff/}\x03J\x80&gt;Fs\xa1\xe7&gt;\x8b\x14'lq\xd1\xcd7-\xe5\xbc\xf5\x8b\x19\x00"</t>
  </si>
  <si>
    <t>b'\x89~\xf2&gt;\x99\xd2\x92Z\xf4\x03\x08P\x1c\x1f\x12\xbc:\xe7\xd2\xdd\xa9\x7f\x81_\xa3\xbd\xd3ud\t\x83H'</t>
  </si>
  <si>
    <t>b'\xe2\xfen\x8fD0\xd7\xea\x93\xba\x89\x16\xfe\xf2\x13J\xc8[\x89t\xa3\xbd\xb3\xf8\xb6n\x8c\xdfg\xad\x1b\x86'</t>
  </si>
  <si>
    <t>b'\x14\xdc\x03kg\xcd\xb3/D\x02\x80&gt;\xe0\xfbxz{\xabz5\x11\xdd\x85\xd2Q?-\xa2\xf9\x05\xab\xa2'</t>
  </si>
  <si>
    <t>b'\x8c\xd2\xa9\xe3\x9cn\xc6\xdaS5Ps\xabY\xd4\xc1\xd9\x1f\x7f\x1cg\xc1L\xd29\xf9\xa5\xccuW\x99='</t>
  </si>
  <si>
    <t>b"?\x0f\xf1\x96\x8d\x95\xc8U\x1f\xc6\xa0\xe1\xdc0\x93\x81S\xa7\r~%&gt;\xfe'\x16\x1f\xa6\x8dr\t\x18\x94"</t>
  </si>
  <si>
    <t>b'L\xaeC\xb4:\x83\xc5\x9b\xc3\x9d\xc7\xfb\xc9\xe2?\xa0\xd4\x0b&amp;\xa7\xe4\xaf\x84\x83\xc7b\xcc\xfa\xc6\xf1\xeb\xc0'</t>
  </si>
  <si>
    <t>b'sRa\xb5\xbf\x8d\xf5\nf\x0e\x91\xde\xb3\x10\xe0\xf6D\xef\xe8\x9a\x9d\xd5\x9a\xc5\x82SX\xc3\n\xe3aB'</t>
  </si>
  <si>
    <t>b'H\x81\x05Q\xd6j\xd9"\x19D|\xd9\x02\xeb\x1c\x1d\x07\xe7\xff\xf6\xe6\x11(#\xec\xb6\x12\x89\xca\xa9\xbd\xde'</t>
  </si>
  <si>
    <t>b"'\xd1\xb7\xfa\x9c\xcd\x86.L'w\xbc\x8d[\x14Rn\x0e\x7f\xf2E\x7f\xad\xe3\x0e\xba\x9a0\n\xb4\xa4\xc3"</t>
  </si>
  <si>
    <t>b'\xd1B\x94\x83\xa2\xf1\x1a\x07\xf1)\x1ded\xe21\x85\xda\xb7\xa0\xca\xe3\xc2\xb1\x91%R\xc1\x81\xa7\xa0\x96\xb5'</t>
  </si>
  <si>
    <t>b'C\xa3\xcd@q\xba\x7f\x87!\x14cL9\x93\xe49\x8d\xd9\xf9\xc3:\x18Z\xa3&amp;l\x9a\x81\x17\\z\xcb'</t>
  </si>
  <si>
    <t>b'Y\xf3U\x95\x1fI\xb6\x01\xf5\xbe+\xde~\xe7\xac\xf5\xf27\xc2\xe9}|\x92\x95\xeb\xbe\x12\xb8\xc5\x89?\x90'</t>
  </si>
  <si>
    <t>b'&gt;\xb0\xdcK\x19\xd1(\x01\xb9Rk \xb3\x7f\xd6vEn\x04\x8b\xfd\x7f\x82y\xe6\n3\x89\xee-S\x00'</t>
  </si>
  <si>
    <t>b'\x8aJF\xbd\x02\x99w\xf2\x99\xf8\x90\xdfB\xb9\xefT`u\xcd\x96\xc9\x83b\x89\xc7]\x0e\x16}.\xb9\xdf'</t>
  </si>
  <si>
    <t>b'\x99Z\xed9\xeb\x82\x1c\x8c\xdf\xaf[\xb1V\xb3N@\x84D\xd3\xa6d\xa0\x18w\xd8T\xd9\x98\xbcb\x1f\xad'</t>
  </si>
  <si>
    <t>b'\xb3\xea&lt;-\xda\x93/\x1d\x8a)\xd3\x9cMNJ\xfa\x9b\xa3\xd0\xb3\xe7\xb2B\xb1\xba&amp;\x85^(\x82\xacl'</t>
  </si>
  <si>
    <t>b'\x82W\x82cP\xf1\x185$\x9a\xb6 \x08\xd2\xb2m;\x03\x16?i+C6\x97s#\xcd&gt;\xbf\xe4a'</t>
  </si>
  <si>
    <t>b"\x0c&lt;-\xc76m\xed\x8d=\x11\xe6B'w\x11\x14X\xddq\x8fX\xee%\x9dx\xdc\xf3\x1c\xad-\x967"</t>
  </si>
  <si>
    <t>b'\x07\xe0\xf1\xd5\xf6\x11NX\xfe\xda0a\x05\xd4\xa6\x0e`x\x12F;)K\x7f\xc0\xa2*\xb9\xd6\xd4m?'</t>
  </si>
  <si>
    <t>b'\x81\x1b\x94\xf2\xb0\x06\xaf[\xda\xbdd!\x80\xd5\x12b\xb5s\x91\x15&amp;\xd6\xf3\x00\x0c\x88t\x9d\x072\xa0+'</t>
  </si>
  <si>
    <t>b"R\x90\\\x85\x87 \xaa\xc5'\x83\r|\x16\xf6\xd2`Q\xbd\x1a\xc3\x04*\xcc\xa8tl~\x0f\x87-\xdf'"</t>
  </si>
  <si>
    <t>b'F\xb8\xc6\xb5\xd7;\xab\x00\x17\xa4\xb6\x94\xa7^ok\x8f\x13\x86&gt;1\x17\xd1\xbeTYH\xf0\x83)\x05\x89'</t>
  </si>
  <si>
    <t>040xx</t>
  </si>
  <si>
    <t>b'B\x1dbn\x81\x0fZ\xf7\xb4\xf9V\x92\x82/\n\xbc\xc4WK\xb2\r/\xe9\x18\xe6\xaa\x05\x06@P\xe6a'</t>
  </si>
  <si>
    <t>b'\xa0\x94\x7f\x12\xd1\xcc\x85$b\xf5\xd2\xa6\xc0u\x9d\x10h\x01\xf2\x07t\xdd\xdd\xfd\xd0\x15=k_\xbb\xf5\x9f'</t>
  </si>
  <si>
    <t>b'\x11\xe4\x87&amp;\x06\x19|St@\xafm\x8d\x11\xbc\xc7\xda\xab\x18m3"\x12\x03\xed\xb5\xf1\xaa\xc0\xd2\xf1\xf4'</t>
  </si>
  <si>
    <t>b'z\xa6\xe4#/\x0c^\xf8\x03^Y\x0e\x9c\xcf\xef\xa74h\x8b\xea\xea\xc5\xd5\xc9\x87n\xe6D[U\xd6\x89'</t>
  </si>
  <si>
    <t>b'\x90\xe7\xb2\xd6:\x05\xe8\xd7\xd1\x91\xfeUU4\\6\x8bV\xc0\x1f\xcfv\xc0\x12v\x018\x8a\xdc\xa0\x05.'</t>
  </si>
  <si>
    <t>b"Q\x9f\xbe\x9e1bm.$)\xee\xd0\xe9\xb85P\xf6uh\xde\x15\x82'sB\xdfY,\xe4\x96#\x1e"</t>
  </si>
  <si>
    <t>b'*\xfe^\x8d\xe9\xbb\xeb\xeb2wK(\x8f\xbctX\xd3\xb5\x04:\x80f\x1aL\x90\xc0xn\xe8\xf4\x1e\xd1'</t>
  </si>
  <si>
    <t>b'\x81\x1c\xeb\x12\xbb\xf3c\x9a,\x0c\xc4\x1a\xf9pny\xe2\xaa\xb0G\xfa\x8ca\xd3\x14\xa4|l\xb3\xb3\xd9\xf7'</t>
  </si>
  <si>
    <t>b'\xd4\'B2\xd7\x15p\x04\xf5I\x9c\xabt\x953a\xcb\xbf\x14\xad\x8d\xf5\xb9"\xb6\xaf\x8aqz\xb4\xe4\xf4'</t>
  </si>
  <si>
    <t>b'\xd5\x9d1\xa7\xfa\x88\x92A\xb9;\x1c.\xbd\\\xc3\xe8\x98F\xfd\x94L\xd0:\xd5W\xfd\xd3\xbaI\x8d\x08V'</t>
  </si>
  <si>
    <t>b'9cc\x00\xd50\x98\xfd\x15\xcb\xb3\xdf=\x9fe\xd0\xce\x1d\x80zi\x0e\xe9\xa3T\xd8\xc0\xeb\x88y\xa9\xc3'</t>
  </si>
  <si>
    <t>b'\xd9\x9e&amp;\xa0\xed\xa0*\x91\xb4\x9bO\xc1z-&amp;\x99\xbd\xf3q2\x83\n\x14\x18\x1e\x12&lt;\xa0\xea\xde[\x12'</t>
  </si>
  <si>
    <t>b"\xb0p\xd3\xe4\xe6\xdc\x80\xceuh\x87\x93'\xf8s\xc9\xf3\x9e\x01\xc7?Z\xcd\xe3\x1a \r\xb6],\xcfX"</t>
  </si>
  <si>
    <t>b'\xc1\xbf`J\xdb\x98k\xb7?\x96\xdc+\xac2\x0b\xca~\xf9K\xf6\x83\x18.\xb6\x7f\xc8\x1e"\x0c\x90h\x80'</t>
  </si>
  <si>
    <t>b'F\x84\xe7\xe7\x05\xdd\x9f\x1e\x04\xe7\x14\xcd\xf8\xa0\x08\x14@\xa4\x0c\x90u\x80\xba&gt;\xeah\xca\xc7\x9a\xea\xfd\xe5'</t>
  </si>
  <si>
    <t>b'\xcf\xa8?\xf9\x90\xed\x9d\xb5j\xc5*)\xd5L?w\r%\xcb&gt;\x11\xd4Kk\xf05\x92,h\x0f\xa6='</t>
  </si>
  <si>
    <t>b'Jen\x03\xf4}\xc2Q\xba\x9a\x88\\|\x19\xc9\x01%LV\xca\xf4o\x14\xd2H\x11m\xc3\xf1^R\xf9'</t>
  </si>
  <si>
    <t>b'\xd9\x97\xae\tQ\xe9\x9e\xe9\xe4"?s!\x80x\xba\xa6 \xfeL)\xc6I\xdd\xe8\x93\x95\xb2\xc2\xdc#\x8f'</t>
  </si>
  <si>
    <t>b'\x96\xdc5\xbaw}a\xbe3P\xb3\x80#\x07\xd5\xf2hD\x90&gt;bJBd&gt;\xea\xe3c\x8dy\xf0\x93'</t>
  </si>
  <si>
    <t>b',\xe8\xcd\x8bD\xd0|~\xea\xccf\xee-\xb7\xe2\x14/\xd7\x95\xbdC^\xf2\xa2\xba&amp;\xa95\x12!\xae\\'</t>
  </si>
  <si>
    <t>b'\xcc\x7f\x8am|\xdc \xa6\xd4\xeb)\xaf\xe7\x06M\x1f}&gt;\xba\xa2pt\x9d\xc6\xae\x9bj&lt;]\x83y~'</t>
  </si>
  <si>
    <t>b'\x93\x94\t\xa1\xb8$\xe7\xb0i\xda\xe0\xb5\x19s\xe4\xd8\xf4&lt;\xc7\xa4\xaf_\xef\x8d\xbd\xb2#&gt;\xfar\xef\x9c'</t>
  </si>
  <si>
    <t>b'k\xefH\xde\x81\xa1T\xf6\xcf\xfa\xfd\xabD\x12I\xbbG\xc8\xb8\xebF\xe3q\nA\xd2L\xc4\xa2\xb5\x8b\xf2'</t>
  </si>
  <si>
    <t>b'P\xc5A\xd9k|\xde\x83\xae$P\xc4)~,\x14zO\x8c\x86,\xe5\xec\x8d\xad0\xe9\x9b3\x16\xc7\x7f'</t>
  </si>
  <si>
    <t>b'/\xf5\x96\x19\xd9\xef\xbd\xe7\xe1@\xb2I\x8bB\x15\xd3\x99+\xac\x11^\xdfo\xb3\xb3\x7fN\r\x19\x9e+0'</t>
  </si>
  <si>
    <t>b'\xf2J5Zb\t\x1a\xf6\x87\xfe\xc2\x8f\xfb\xf9yf\xc2\x85\xa6\x0c\xb6/B\xca\x161\xa5\x95\x18\x91\xf6e'</t>
  </si>
  <si>
    <t>b'\xe2\xb7H\xe7\xedwP\xe8\x18\x96\xe9\x0f\xef3\xcc.\xd4\xa1I&gt;\x89\xb2,a\xceL\xdb\x99\x9ba&amp;e'</t>
  </si>
  <si>
    <t>b'W\x80I\x88\xc1\x08k\xde,\xa1(.\x1b7\xe3\x86P\xb4\xdeW:\x8eS\xd2\x9f\xd2Zp*\xb9\x12\xa0'</t>
  </si>
  <si>
    <t>b'bM\x19\xf7d6&gt;"4\xac\\O\x83\xc2m\x9e\xbd\x0bP\\\x1a!\xcbp\xb9|\x1c\x83\x9d\xc7\xc7\x99'</t>
  </si>
  <si>
    <t>b'\xe3\xed\x9c\xd8\xbbC\xe4\xad\xd9\xaaaB\xc1R:\xf3\x7f\x17\x13\xd6q|\x99\xdb\x00\x18\xfb&lt;2\xb5A\xe8'</t>
  </si>
  <si>
    <t>b'\x10E\xf4\x06\xa6)\xa1\xa3\x93\xf5\xe5\x9f\xf6\x02z!\x87\x03;\x8c\x04\xb0\xc4c\x13\xa8\x88\xf3\xd3\xed\xc5\xdf'</t>
  </si>
  <si>
    <t>b's\xcb\\\xdc6A\xaax\x0c\xc4\xc1\x17m\xe6"\x14F13\x9a\x9c\x10\xb2\xc4#\x0bY\xf6\xc0d\xb1\x19'</t>
  </si>
  <si>
    <t>b"\x94\xdc\x91\xc8\xcf\x01N\xb1\xcc\x92\xf2\x879\xff!\x98\xe7\xd6\x84\x95\x1b\xd9\x87\x12u_\xec\xed\x04'p)"</t>
  </si>
  <si>
    <t>b'\xdc}\xdb*_\xc3\xdd\xd3\xeek\xa6H\xcea\xfa\xda\x94D.\xa3\x8bD\x1ep\xbef2\xed\xdd\xbb.\x82'</t>
  </si>
  <si>
    <t>b'x&lt;\x18\xae\x99\x13\x1b\xba\x81\xc6c\x96\xfd\x02\xd1\xf0q@,\xb5~\x15\xbb|2\xf8\xf4\x82L{\x0bC'</t>
  </si>
  <si>
    <t>b'\xc1\xe5}\xc5\x12\xf1F\xc9\xdb`u\xf2\x85\xf6`\x9cgV\xf3\xd2\x14\'2\x1b"\x16\xb9N\x00$\xf6\xb7'</t>
  </si>
  <si>
    <t>b'\x0e\x87\x92X\xd8\xfc\xcf4\x85*k\\\xa8\x1cD\xfcA\xa8:A\xf2\xb8\x8cB\xa15\xcd%\xc4G\xd0\xf2'</t>
  </si>
  <si>
    <t>b'q\xde,\x11X\xef9O\x83\x91\x92\xf9B"\xd9\xe7\xb0\xc1\xba\x8dS\xc5D\xe4\xefy\xba\xf9\x9b\xbb\xe1\xa6'</t>
  </si>
  <si>
    <t>b'\x0eTB\x84\xd4\x97\xe2\xcd\xf8\x07\x96\x181_\x1f{\xf5E\x87lix\xdda\x9a\xa7\xd4\x8b\x00Y\xa3\x9f'</t>
  </si>
  <si>
    <t>b'\xc3\xab\xfc\x06\x88)\xcb\x9e\xc1&lt;\xf5a\x83\xb5\xf2\xe5\xc3\x0ecz.\xaf\x05\xb40&amp;\x83\x1ep\xd2\xa1\xfe'</t>
  </si>
  <si>
    <t>b'\x96\xde\x7f\xca}\xa6 \xbf\xae\xeb\xa4\x18\xdf\xe0\x89\xeeC\xc9u\xd9\x1c\xc3\xd7\x8e\xa0\xadBg\xda\xb3\x16.'</t>
  </si>
  <si>
    <t>b'@%\xce\r_~`\xd6\xa7A&lt;\xff\xe5\x98\x7f\x81\x14\x95w\xc7\xad\x82\xe8\xba!7\xf7\x08?\xb8\x1cN'</t>
  </si>
  <si>
    <t>b'g\n\xc8\xba\x869pS\xa4\x90\xe1\x15.\xb4l&lt;\xcd\xa5\x08\xae\xc5ZD\xa0zexb\xe3\x01:\xd5'</t>
  </si>
  <si>
    <t>b'=\xc2\xdbV\xe1\x90\xe3\xa3\xca|\x10$\xae\xfaK\x85W~&amp;\x05w^\x94\xee\xcd[\x8e\x1e\xbdU"\x87'</t>
  </si>
  <si>
    <t>b'r\x98\xf1\xaf\x96\xe7\x1a\xb7\x1cmx\x86w\xea\xb3{\x01\xe3\xbf\xbd\xef\xa2\xa2\xe4D\xc2m7m;\x80\xbe'</t>
  </si>
  <si>
    <t>b'%\xeb\xaaX\x85\xf3\x06b\xb6dq\xa3\xea}\x13q\\\xff\x8f\xceF\xba\x17\xa1\xe4W&gt;)\x9a\x91\x19;'</t>
  </si>
  <si>
    <t>b'\xee\xb0\xdc\xbfS\xf8\xc5\x00\x81^\xa5:Hg\xd5\x86\xed*\x8f\xc4$\xdc\x1c\xd3\xd4@&amp;\xd4TO\xe4\xa3'</t>
  </si>
  <si>
    <t>b'\xa5\xf0\x8a\x10dIDX\xa3+J\xaeHRdU\x80\x9a\x9b|*\xbeM\xd5\xc3\x87LaW8\xc5q'</t>
  </si>
  <si>
    <t>b'\xe9\xa663\x1ae|\x86\xf9%\x04kn\xa0\xbf\x0cm(\xa5\xd0\xc6\x047\xea\xeeu\x9b\x17xJx\x10'</t>
  </si>
  <si>
    <t>Joint App</t>
  </si>
  <si>
    <t>b'yV\xe4\xcf\xda,\xcd\x98\xe7\xe4/\x0e\x8c4\xac\xd5\xb54\x0fB\x95J\x92\xf3\xd6\x83m\xc7\xc3T\x8c\x01'</t>
  </si>
  <si>
    <t>b'\x8d\xc4#K\xa9\xb56\xcd\xcdv\x1dEl\x15\x13\x15\x86&amp;\x9e[\xad\xa5\x15-\xdahF\x19{\x8b#\xcc'</t>
  </si>
  <si>
    <t>b"\xabm\x0c\x9b\x11\xc7\xcc6'\x91pGr\xd9\x83)/{=`\xb5\xd4\xd0\x9cVGg\xb1\xbe\xc1\x8cm"</t>
  </si>
  <si>
    <t>b'Yci9.U\xc6N\xaco\xff\x10\xa8&gt;\x92\xb0Q\x1d\xc0\xb3oXO\xc5&amp;\xfe\xbc\x02A\xc7Q\x1f'</t>
  </si>
  <si>
    <t>b'#\x12\xa0\xe9J\rn\xed\x84a$.E\x1aK)\x83`\\Qe\xe5#\x14\xf6\xcd\xf1\xec\xc0G~g'</t>
  </si>
  <si>
    <t>b'\x80\xc6G\xac,s\x91\xb7\x13\xc0\xaaJ"F\xdb\xf1^\xa0\xc1\xb6\x9aCi@0r\x07\x05x\xa5`\xb0'</t>
  </si>
  <si>
    <t>b'\xd5\xf8\xc7[\x13 &lt;\xe45\xe0\xe6\x05(\x98\xf0L9,@\x07\x8f\xb2q+\x97\xd7\xcdr\xbc/+\xeb'</t>
  </si>
  <si>
    <t>b"B\xb96C\xccH\x86\xf7\xe6\xca?\xf4\xa8O?\x04\xabq\xc2wk\x88\x1eN#'l,V\xb5\x80;"</t>
  </si>
  <si>
    <t>b'\xd8\xab\xdb\xbeV\xfa]"H]\xac\xb1\xc2\x16\x13\xe2L\xd7\x1ai\xf8 \xcd\x96;\x01F\x0e\xea\x18\x01q'</t>
  </si>
  <si>
    <t>b'qX;X\xc5\x9a\xcf\xefQV\xf3\x0fB\xeb\x04\xef\x1f\xd99\xd0SJ5\xeaW\xa1\xd7\xe7\xe0S/\x15'</t>
  </si>
  <si>
    <t>b"\xc5.\xc1\xb2\xdc\xab\x95|*\x19\xfa\r['\xfb\x8c\x06\xb7m\x8dk`\xedXcf\x8a\x87\xb8\xe1#f"</t>
  </si>
  <si>
    <t>b'\xef\xe3\x93\x83\xffB\x95rl\xde\x1f\xbd.r\x90\xde\x01\xf2\x89\xde\xe9\x86\xfe&amp;,\xae\x916\xcd\xfcu\xb6'</t>
  </si>
  <si>
    <t>b'\xe7CL\xa9\x97\xd1\xe2\x93\x0e\x90W\xb8?y\xe3\xc5ska\x96E\xa6\x16\x14\xcb\xe7\x97{\x0f\xb4D\xbd'</t>
  </si>
  <si>
    <t>b'\xec8\xaf\xc8\xea}\xfaj%gh\x1bA\xd6M\xb2%x\x97\x1d\x05\x1f?\xd6\xab\xf0e\xe0\x18\x864\xc8'</t>
  </si>
  <si>
    <t>b'N,]\xad\x12^\xd8\xfcb\x0f\xe7W\xbc\xb7\xcc\xb8\xc0\x0bA\xac\x1c\xc6\x7fX\xfe\xfc\xbf\x1e\xc6\xf1\xaa\x86'</t>
  </si>
  <si>
    <t>b'r0\xdbm\xc5\x86}]\xfa\xb4\x95\xb6\xb7c\xb9\xa8h7&amp;l\xc4\x97..\x18\rz\xd6\xf8o\x1b\xa2'</t>
  </si>
  <si>
    <t>b'4\xf7\x93\x95:33\xad\xabL/A:\x7f\xb3&lt;=U\xef\xe8\xd4"\xc5h\x17\x0f\xc6n`\x81\xe7&amp;'</t>
  </si>
  <si>
    <t>b'R\xc6h\xc07d\xb3$\x08\xa10\xa0BIxc2PM*\xdf\xcb\x0bD\xee\x06)`\xfa\xa6\xf6f'</t>
  </si>
  <si>
    <t>b'U0A\xd9\xf2\xd5u\xf0~\xa1\x01q\xbc\xc5(\\\x1d\xafS\x15^\x11IkV\xda\xaf\x84\x82~\x1dv'</t>
  </si>
  <si>
    <t>b'w[\xca\xcd=\xc4^\xf4\xaee\xe9\x910\x07\xce\x90\xeag\xb8u\\%Z6\xe2\xa3\xa9a\xcf\x1f\x91\xe0'</t>
  </si>
  <si>
    <t>b'\xb9\x0c\xd1w\xb2g\xec\x11\xfb\xdc\x8dI\x1d\xb3\x1bH\xc5\x82d\xe5\xff\xeb\xe1-\xd2\xf0\xd0\x93\xfa?\x04\xbb'</t>
  </si>
  <si>
    <t>b'\xd2nmr\rF\xf1\x96\x16\xd9\x87\x8b\xff\xcb\x950\xf5,\xc5\xbfd\xb24\x84ZW\x04W_\x0ey\\'</t>
  </si>
  <si>
    <t>b'\xaewB\xfd\x05\xbe\xd9@\xaa3\xceZ\xed4 _5\xfdN}\x04:\xbf\xa3\xed{\x9a\x1d3%\xe6|'</t>
  </si>
  <si>
    <t>b'\xcf\xf7\xdb\xfb\xee\x84\xdc\xc0FNK\xf8\xd2|F\x83u\xe7^\xbe\x88K^\xe0\x95\xfc\x15]\xcc\xd5\xf4/'</t>
  </si>
  <si>
    <t>b'\xe5\xcefx\xadl\xa7?\x17\x94J\x81\x95B\xc5\xa7\xb3\xee\x1b1$4\xf6U[\x12\xdf\xcd\xc1\x18eK'</t>
  </si>
  <si>
    <t>b'\xa3\x16]@\xbb\xb9\x1f\xbe\xaa\xe3\xb6s\xddg:\x96U\xb8 \x99\x14\x93\xa6\x83\xb7\x0b\x00\x98\xda\x9e0\xa6'</t>
  </si>
  <si>
    <t>b'\xef\xd0_\xf3AW\x8d\x9b"2R\xa9%\xe3[\x028!\xb6\x91\x1b\x80\xccn\xbd\xaf\x1b\xf3\xa9BJd'</t>
  </si>
  <si>
    <t>b'\xdf\xebf\x9b\xf1\x13P\xfd\rX\x18\x8f\xaa\x89\x93\xa7\xd2/rY%\xa2\xd4v\xb6\x90\x11\x0b\xa54c\xc5'</t>
  </si>
  <si>
    <t>b'w\x08\xf0\xa0?a\xe2\xeb\xb8\x13^`&gt;B[\x96Tq\x96~\x91{\x04iB/.\xfb:\x95\xb1\xf8'</t>
  </si>
  <si>
    <t>b'\xf8\xb7\xf2\xd9&lt;\x92\xdfz75i]\t\xb2\xf3\x18\xbdZ\xf4\x97\xbc\xb0\x94S\xb6\x16\x1d5\n\x8c1\xb0'</t>
  </si>
  <si>
    <t>b"\xe3\x9c\x82*\x02@%^\xb1jg\x7f\xce\xff\x04r~\xb2Ch.\xf8Q\xd1'3q4\x95o\x9f5"</t>
  </si>
  <si>
    <t>b'&gt;\xd9\xd5\x91\x92\x10(,+\x915\x83I\x82\x06\xef\xd8\x86(\n\xcb\n\x7f\x84\x00j\xe8-\xdd\xe5\xa6\x1d'</t>
  </si>
  <si>
    <t>b'\xa3\xb9\x01\xf1O\xc4\x9e\x02\xbf\x81\xbbC\x06\t\xbb\xe0SH!a$\xc8$\x88}\xf9\x8e\x0e\t\xd0\x0e\xf0'</t>
  </si>
  <si>
    <t>b'\x84\xa5\xaa\xf9\x1e\xa9\xae\x95PA\xa3\xef \xa9\xf2z\r1\xc7\x8350DM\xad\x89`\x80\x01NKQ'</t>
  </si>
  <si>
    <t>b'\x8eb_\x02{o\x17\x9bj\x1bTx\xd2XZ\xda\xaf\xfd\x99\xa2hT\xdb\x97\xd8&lt;$P\xfa}\xe1I'</t>
  </si>
  <si>
    <t>b'.\xc9A*,\xa7qi"\xed&lt;k\x9c\xca\xf0C\xec\x81\xec\xfa\xd7\xa9q\xcb\xf6D\x08\xbc\xc7]\xded'</t>
  </si>
  <si>
    <t>b'\xea\x98_72E\xa11\xdf\x13;5\x12\xcb\x9c47\x16g\x98\x14\x12G\xe7p:\x95\x9c\xae\xf9\xf3\xbb'</t>
  </si>
  <si>
    <t>b' wG\xeblG\xe7&gt;_\xcd\xedZFH\xf8\xb2\xf6k T\xf9\xf0\xa6\x1cJ\xcd\xb3\xda-\x04`\x83'</t>
  </si>
  <si>
    <t>b"\xa46\xb4^\x1f\x91\xf4\xa6`S\xad\x95\x08\xafk\xe1\t\xd3'\xba\x12\x01\xdb\x83\x94[\xc3T\xb0\x9b/\xfe"</t>
  </si>
  <si>
    <t>b'\x1b3\xcc\xeb\x80\xbb\xc1\xeb\xe4~\xa9ZP\x96\x9f\x12\xf27\x7f\xa6\xbb=E\xd8\x8f\x14\xd92\xa7\x95\xeem'</t>
  </si>
  <si>
    <t>b'A\xe1\xc2\xc73V\xf6~\xf6=\xea\x1fQ\xd2nf%\xbdqM}\x94"B\xd6\xd1\xfb*\xa3\xa6\xac\x87'</t>
  </si>
  <si>
    <t>b'\xeb\x95\x8fg6\x97b\xba\x8a\xe4\x9d\xaeb\x96\xdb\xd3r\xd8b\x86\xf4\x9c\xb5&lt;\xfda\xcb\x8f\x0f)\xe1\x83'</t>
  </si>
  <si>
    <t>b'\xd0\xb9\xf3\x19lP\x131\x04\x8d\xd1\xe7\x89\xf43k9l\x12g0\x8d9t=\xcdl\xd6\x9a\x82\xf0\x80'</t>
  </si>
  <si>
    <t>b'\x7f\x11\xf4\xc4\xfb\xf8\x0f3~1bC\xd8g2\x8aAi\xb1\xa0\xdf\x9b\xa3M\x13(?\xc1\x0cIP3'</t>
  </si>
  <si>
    <t>b'|D\xa4\xee\xd70\xe8G\xd6\xc5\x97V\xd3M\xba^\xbbnr"\xc5&lt;\xbd\x1a=\xbd.\x1fw\x81\xc8\xcb'</t>
  </si>
  <si>
    <t>b'Q\x8a/3\xc4\x00\x15\r\xef\xf0D\x83\xb1\x01|= \xda\x9c\xd5\xed\xaaB\xf9\x0c\xe6\xa6\xf0\x8c\x8e\xfd\xd7'</t>
  </si>
  <si>
    <t>b'\x03\xd6\xd5L\xd0-\x87\xc9\xd2\x1a&amp;\xf5#\xbf\xd4\x13]\x87&lt;\x9d\xb2n.\xbb\x1b"\x1e\t\xa5\xd5\xcc\xf4'</t>
  </si>
  <si>
    <t>b'\x99\x95\x192\xe0\xcaX\xcd\xde\xc8:\x11\xb3\xec\x07\xbau\xb6s\xed\xf7BU[\xc8\x1e\x15w\xefD\xdcp'</t>
  </si>
  <si>
    <t>b'\xd1\xc4\xfb\xc0d\xe3^.\xec\x0f\xe0}\x9bD\xe8t\x8c\xe1\x1e\x13\xc4\x1dx\xd0\xaaBU\xa1\x90\xc3Q\xac'</t>
  </si>
  <si>
    <t>b'T\xfc\t\xbe\xe2wA?\xfeq(\xd0\x8a,~\xc3\xce\xf90\xf9\xea\xe8\xd0ROL\x93\xf8\x93{&lt;.'</t>
  </si>
  <si>
    <t>b"e\xac\xfe\x861\xe0'\xb7\xad&gt;I,\xdd\xa6xi\xc1\xd5\xf3\x7f\x15\xd3U\xec\x7f\xabD\xc1\x0cv\xdc\x94"</t>
  </si>
  <si>
    <t>b'\xb6u8W6\xc6\x1dw\xd0\xf0*\x1c\xce\x8c\xf3\x1c\xd2\xa9\xf8\x94ZWsg\x8a\x049:\x1c`9e'</t>
  </si>
  <si>
    <t>b'P\xdfn\x91\xda{~V\x05Uj\xc6\x0e\xf5\xea-\xedW\x9bO\n\x91\xd3\xf6\xf1\xabQ2\xde\xfb\xa4\x93'</t>
  </si>
  <si>
    <t>b'\x0c\xab\xe7\xd6F{\xf08{\xf6\xc0w{\x16]\xfd\xdbG\xea\xa1\x16\xe3y\x14\xff\xcf\xab\x0f[q\x9a\xfe'</t>
  </si>
  <si>
    <t>b'\x0bW,%\xf3:\x8f3k\xe4N\x8b=\x1c\xdd\x8f`\xd7a\xf6\xa2\xdf\x8c\xf9(=e?\x93\xa0\x94#'</t>
  </si>
  <si>
    <t>b'K\x88b.w#:{\xd3Zc\x8d\x92\xed\x7f\x7f\xf2\xd0Y\xaaK\t\xb6^\x7f5f\xafh\xf6\xed\x83'</t>
  </si>
  <si>
    <t>b'_\xb6\x07-\x98\xc2\xe7\x04\x0c\x84\xdb&amp;y\x1f\x90\xab\xa3\xf0\x8f\xa4\x8c\x9a[A@9\xf8\x08\x01n\xedn'</t>
  </si>
  <si>
    <t>b'\xab\xcbG\xca\xcd;\xfe\x0eeQ\x07\x85\x005\xb0LZ.\xf7\x1b|\xe6\xc4J\xde\xda\xfa+\xd1\x93\\\xcb'</t>
  </si>
  <si>
    <t>b'fwZ\x8e\x00\x825e\x91\xb5\xfe\x1fM9O5x\xddZ\x08\x1a\xad\x95\x9a\x0f\xd1v\x03P\xa5\x06\xe1'</t>
  </si>
  <si>
    <t>b'\x92\xbd\xdb\x0fvrW\xb7\x82\xe6\xbf\xe4\x10Erm\xb0\x95\xec?b\xffC\xb2\x93{\xcfM\x9c\x8aG\xb1'</t>
  </si>
  <si>
    <t>b'\n4*\xbf\xadH}\x08\xfd\xd8\x15\xa3}$\xe3\xc2\x87j\x1e#s\x00\xbc}gF&gt;\xaaB\xb9\xde\x1c'</t>
  </si>
  <si>
    <t>b'\x05\xc7J\x96\x15q\xab\xb0$)\x9a\x91W\x1d\xc3\xdc\x0c\xbf\x8b:\xdbx\xbf\x90\xce\xf1\xfa\x8c|\x99m\xf5'</t>
  </si>
  <si>
    <t>b'\x9b0-,\x8dY\x83&amp;\xad\x1d#\xa3\x90\xacc\xbd\x84\xd4\xbb\xb0\x8a$j\xf0\xfa\x9d\x10\xee\xfd)\xab4'</t>
  </si>
  <si>
    <t>b'u\x04*\xa7^\x17\xe5\xe7/s(\xf9c\xfa\x92G\n\x0e\x86\xca\xff\xf0\x80$\x01\xa9K\xff\xcc\xb1\xfcQ'</t>
  </si>
  <si>
    <t>b"\x8a\xe3G_*\xc5\xee\x0f\x7fL\xb7\xb3$\xe5T\xbf\x80s\xff=Q\xdf\x19\xe7\xe4\xaf\x81')\x07\xca4"</t>
  </si>
  <si>
    <t>b'\xad\x80\xadj0y\x06\xec\xd9y\xab"f\xd8\xc3&amp;\xed\xcag\xd2\x8c\x911\xb8\xe8\xcc\xf6e\x08\xcd\xfb\x85'</t>
  </si>
  <si>
    <t>b'\xac\x9f\x95\x87\xb9\x11-,\x87\xb8\xff\xf0qd\xd0\xe5\xba\xd9Q.\x07\x85\xd2\xd3~\xdfP\xa1v\xac\xca\x94'</t>
  </si>
  <si>
    <t>b'u\x8b:#\x9ep\xd9\x7f-Hx}=\xc8\x0c\xa5\x99\xd6Z\xd2\xb5\xa8"\xac2\xf2\xe548L\x92='</t>
  </si>
  <si>
    <t>b'\xe3{\xcf%\xf8\xdb\xab\xca\xa7f\xf1\xce&gt;y\x07\xb3\x02\xb8\xa9\xda\x13\x7f\xc6v&amp;M\x0c\xf2\xaf\x8c\x96\xc4'</t>
  </si>
  <si>
    <t>b'%\x0b\xb1\xe7N\xf4\xd9-&gt;f\xad\xcd\xb4~\x8c\x12r]\x85\xcb\xf7+\x93\x9a\xf7\xf0\x9f\xce\x96\xbc$\xf9'</t>
  </si>
  <si>
    <t>b'%\xe5\xac\x9bU\xa7h\x97\xeb\x99\x94\xe9\x0e\xedw\xbau\x9e\x95\x1e\xfa\x860q\x9f\x8b\xfb\xdf\xcf\xbe4\x05'</t>
  </si>
  <si>
    <t>b"\x10\xfa}W_R\xe4\xd4\xee\xf8'x#\xf8S9~\xc7\xa7\xd0\xdf\xb2g\xe5&lt;[\xac\xd9\x11\xdf&amp;\xcd"</t>
  </si>
  <si>
    <t>b'\x14\xde\x1c\xe4v\xb5\xb16\x83-\x99\x0c]\xdcg_\xf5y\xeb\x08\x01|\xfc\x95\x85\xd2O\xda\xa5o\xf6i'</t>
  </si>
  <si>
    <t>b'T(\x93\xda\x07=\xa3!\x94\xcb\x13*\x7f\xf3\xc7\x12\x84\x01\xc4\x0eW\xe8\xb6%16\xf3\x8c\xd6v\x04\xf4'</t>
  </si>
  <si>
    <t>b'\xba\xda\xa9^\x8e\x81@\x10|\xb2\x83\xfb\xb9\x91Y\x17\x9c\xa4\x07:}[|\x96yi\x10\xcfZ\xffJ9'</t>
  </si>
  <si>
    <t>b'\xa0V\xef\xa0\x84\xa5\xb55$7\x180\xcesKq$\x98o\xf9\x02\xbc\r\xe5w\x01\xb1#\x12\r&lt;~'</t>
  </si>
  <si>
    <t>b'\xd6G\xaf\xab\xe2\xcd\xd7\x8d\x86\x0f\xbaY\xd9t\n7\xd2\x06\x94\x10\x07\xe5\x13kmG\xb0+r \xa1\xad'</t>
  </si>
  <si>
    <t>b'\x97\xb5\xff\x96\x10n\xe5\xd7JN\xa5\xb6\x0c\xcdZ\xfe\xa0r\x15x\xab\xa9Zf\xab2\xac\x10\xcc5\xa5\x13'</t>
  </si>
  <si>
    <t>b'\xac\xa7?=\xfc\x0c\xfb\xcc&gt;\xe9|2\xe5\xa8\x1c-\xfb!pq\x83q\xf55\x91o\x9a\x87?2*\xe6'</t>
  </si>
  <si>
    <t>b'W\x18\x8d\xac\x81X\xe3\x0e\xf9H\xd1\xebe\xa6q\xcb\xfa\xf4\x98]o\xb4f\x14\xd0=\\\x11\xb8h\xe9\n'</t>
  </si>
  <si>
    <t>b'\xd5\x91\x84\xb8\xf4\x04s]\x10\xa6\t\xfai\xc6\x88\x0c%\xb5uh\xc3\x03A\xb2\x82\xe9\xa6\xc9_\x8f\xaf\x1e'</t>
  </si>
  <si>
    <t>b'\x8a\xbe\xa66Ri\xc44\xbb\xda&gt;\xdd\x083}\xcf\xa9\x18\\\x16\x10\x11\x8d\xf9\x14}\\\x07\xd2\x7f\xaa\xe8'</t>
  </si>
  <si>
    <t>b'\x92\xae\x87\x9e\xe8\x04V r&lt;\xb0\xf1\xb3\xc6p6B&amp;\xcd\xdf\x83\x92A\xa2\xe4\x9b \xa5\xe4?\xb4\xa9'</t>
  </si>
  <si>
    <t>b"\x9f\xcf\xc2\xe9p\x95y\xab\xc5\xdcW\x8cF\xa0NE\xad\xfa\xff\xaa.\xdbL.'\x06N\xe2\xf2\xd09p"</t>
  </si>
  <si>
    <t>b'\xb1\xc4\xa3\xb5\xa1D5V\x18z\xf1&gt;"\x1bF\xfd4\xe9\x8e\xb6\xfc\x05\xd5\x94\xbff,\xaf\x12\xd4\x88s'</t>
  </si>
  <si>
    <t>b'\xd8Y\xbd\xecM\x08\x8fD|\'\xdc\x17\x05\xdd\xa8\x0e\x90ZG"\xe7\xbdcs \xe2\x89S\xb74m\x0b'</t>
  </si>
  <si>
    <t>b'|\xdd\x98`\xe2\xc6 \xba\x0f\xc3\xd1\x85(\x06\xf6\x11\x8f\x7f\x98\x08\x88\xeabX\x90\x0e\xe4\t\xa0\xda\xbc\x9d'</t>
  </si>
  <si>
    <t>b'\xc5q\xd92\xe7i}F\xb0\x84!"\xe5\xf4m\xf83X\xc6ua\xae\x82\x8e\xdf\xc9\x82zL\xf2\x90\x0b'</t>
  </si>
  <si>
    <t>b'n\x9eH\x88\xe3P\nzbB\x01\x10\xc1c\xc3\xbb\xebT\xd9\xb1\n}OD\x04?\x11\x9c!\x86\x1f`'</t>
  </si>
  <si>
    <t>b'?\xbd\xfd\x85}\xc5\xc0\xf6\xf2\xd0\xc7\xb0\xd2\x1c\x84y\x1cNza\xe0I\x81\xcf7=\xdf\x08\x13v\xaf\xaf'</t>
  </si>
  <si>
    <t>b'\x02L\xb2M\xe0M\xff}\xe1\xae\x88*\xd5\xff~mfi\r\xb0\xf2\xf0\xdafI\xa6\xa5\xd2\x90\r\xc7&lt;'</t>
  </si>
  <si>
    <t>b'yx\xfa17\xbc\xbd\xf802L\xf83\x9b\x06\x0c\xc8\xca/\x9d\xf0\xd9\xb4\xae\x1aW\xaf\xa7\x92\xe8?\xf6'</t>
  </si>
  <si>
    <t>b'\x93\xe9\xbbb~\xa5\x9a\xc2j\xb1!Hy8\x96\xda\xf8\xd1UsY\xbf\xa9\x7f\xf9\x16\x91\xe9~\x02\xb2\x1b'</t>
  </si>
  <si>
    <t>b'\xbaW\xc8\xc8\xc5V\xbb\xa1\xd3\xc7\xcf0#\x9av\xd6\xa5d\xb37\x0f\xf1^\xf3\x8e\x08\xe1&lt;\xc0\xff\xb5\xec'</t>
  </si>
  <si>
    <t>b'*\xbc\xba\xa91\xa4t\xeb\xc5?.\x8d\xe1\xbd\x85&gt;\x86\xe6\xf0\xf5\x8e\xc6Cj\xf2\xdc\x08\x87\x1fOMC'</t>
  </si>
  <si>
    <t>b"\x87\xd9V\xe0\xecfO\xcc\x8e\xcbpv\xdb@B@\xdbt+\xc2\xf1]\xf0wQ'\x8a\xc3\xf6\x18\x81^"</t>
  </si>
  <si>
    <t>b"\xfe\xb9\x9a\xda\xa5\r\x04\x13dc(\x9e .'n\xb0\x99\x13\xb7\x11\x8b\n&amp;\xa2\x9d\x85\xbc\x00\x8f\xb7\xa6"</t>
  </si>
  <si>
    <t>b'}S\xfe\n@^,\xb4\xf9pJ\xd0B\tL[T\x97\xbf\x87%\xce+\x05\x17z\xf4\x81g:c.'</t>
  </si>
  <si>
    <t>b'\xcb\xe3\xbc\x04\xed=\xd1\xf0U\xe4\xda\xeaTl\x14\xb28\x8b\x86L\x05\x03&amp;\x11N\xd0\x82\x9a\xadf\xde\xda'</t>
  </si>
  <si>
    <t>b'\x12\xfa\xca\xf5\x8f^\xd0\xde\xe2,m\xbe\x92"\xb3\x17\x07\xa9\xf3\xba\x8b\xcfT\xa8\xb8\x12\x0c\x12m\xba\xd2\x9f'</t>
  </si>
  <si>
    <t>b'\x81\xae\xb2\x89\xbe\xa1\xb2\xf7:\x90!]\xe6\xd0I\xa9\xe4CP\xb9\xd2e\x9f\xc3\xa5\x89u,\x9ey\xc5\xdb'</t>
  </si>
  <si>
    <t>b'\xabE\xad\xc1\x9b\xe1\xa7=\x97\xc7\xb3\xbd=Y2\x08P\x9e\xedK\xd6\xb4\x12.\\T\xbe\n\xfb\xd7$c'</t>
  </si>
  <si>
    <t>b'\xc0\xb3\xa8\x0c$\xd6\xfe\x8fP\xf3\x95\x00\xb3\xb7\x875\xab\x1d,}\xe1^2\xf0\xc4\xedo\x88\xb0\x02\xba\x11'</t>
  </si>
  <si>
    <t>b"\xbe3\xbaa\x10\xc2\x8d\x1fn1q\xdf\xae\x03\xc0X\xbb&amp;\x88{'\x9e;\xb8\xbe\x81\xe2I\x95\xea&lt;x"</t>
  </si>
  <si>
    <t>b'r8\x85\x93\x83\xd5G\xdf\xe2\xd4,d1k\xb1\xd5\x87\x0f*\x90\xf3?7n\xff(]\xf1;\xd0\xd6\x81'</t>
  </si>
  <si>
    <t>b"\xd2\xe9\x03\x18\xe4\x90\xa6\t8\x15\x90\xb2\xdf\xc3\x11n\xc0\x8b\xc79\x99\x83\xfd@\xd2\xfa\x82S\xe1'\xe38"</t>
  </si>
  <si>
    <t>b'H\xfb\x19p`\x81b\xf7\xbd\xd3_\x01\xa4X\xa2\xe2\xa2\x96\xf0A\xc5\xf5\xa8\x99\xe8\xeb&lt;IR/\xe2\xff'</t>
  </si>
  <si>
    <t>b'\xd7Q\x08\xa6}\xbfa\xef\xe4\xfe\xffS\xba\nM\x13K\x8b\xb1\xec\x8a\r\x1e\x82O\xa7\xe5H\xb4p#\xee'</t>
  </si>
  <si>
    <t>b'MJ\xec&gt;=g\xb6\xb0\x84o\xd8\xe0\xa8\xbd\xe5\t\xdecd\xba?\x97\x8e\xe8\x90&amp;\n\x9fg&gt;\xaf\xeb'</t>
  </si>
  <si>
    <t>b'0:aG\xcb\x02\x8a\x8a\x01Z?\x84JNa\xdd|\xb7\x03\x80)\xb2\xb1\xa6\x1b\x1eS\x16&amp;\xbcZU'</t>
  </si>
  <si>
    <t>b'\xb7\x7ff,\xa7\x0b\xc5\x82bC\x12\xb1?\xb6z\x8d\xfb\x04\xe7\xa6\xa9\xe0w\x1f\x19\xfc{M\x9e%\xd5\xa9'</t>
  </si>
  <si>
    <t>b'"\xc0\x8bd\x14\xd9)\xb0U;\xa2\x15\xbe\x8f)8\xeb2\xb1\xb8w\x1cD\x11,ju\xec}=\xb6\xd3'</t>
  </si>
  <si>
    <t>b'\xdbm\xeb9\xda\x1c\x8fR\xe6\xfd\xaf\x9eo\xf4\xf9B\x9b\xc5\xd2E\x81\xd0J\xb5Z\xbdX\x90x\xa4/_'</t>
  </si>
  <si>
    <t>b'T\xa2\xca)j\xf1\xba\xb49%5\xa26\xd6\xfc\xcb\xe9\xd0\xe3\x16$a\xd4\xe08\xc3\xe6\xf0\xeb\xec \xed'</t>
  </si>
  <si>
    <t>b'\x84\xe5J\x03\x0c]P;:\xe7\x90|7\x1b\x10\x99]|\x00\x14\xde\xe7?w\x02\x89V\x85\xa4U\xa5\x86'</t>
  </si>
  <si>
    <t>b'",\xc6\x1e\xeb\x91Ui&gt;Y\xd2\xa9\'\xfa\xa2\xa9\x8a\x03(}\x19\x06R\xc8\x92`M\x1a\x88\xa1\xe2\xd4'</t>
  </si>
  <si>
    <t>b'\xb4\xbf7\xaa\xce\xfe\x18r\xe2\xb1\x19\x04N\x9b\xd7\xe9H1?\x0f\xf8\x83\xfa/\x071\x85T_\\\xaeW'</t>
  </si>
  <si>
    <t>b'\xcd,\x80\x95\'$\x81O\x8b\xbc\xa9[\x96\xad I\t\xa1\xf5\xed\x04\x1f\xf2\xc4\xd5\x1c"\xbc|c\xc9]'</t>
  </si>
  <si>
    <t>b'\x88\x03\xec\xfb\t\x1aec0\xc8sd\t\xa8 p\x19\xc1\x8cY\xd0\xc4\x13r\xb47\xaf\xa4j\xe4E`'</t>
  </si>
  <si>
    <t>b'\xe2\x15_\xbb\x94 &lt;x\x9cNd\x8eS#\xa7\xa4\x0c\x04\xdcA\xddf\xc3\xb6LeG\x80j\x16\x1c\xd1'</t>
  </si>
  <si>
    <t>b"^mM\x05\x8a\xe4T\x84\x0f\x91\x8d\x1bgR]'\xe8\xec\xa4j\xe8\x03\xcf!5\xd6\x0e\x17\xaaWrk"</t>
  </si>
  <si>
    <t>b'\xdc\xe3wjH\xb3n\xac\x97K\xb4\x83t\xd3\x14\xcfH\xe5\xceDA7\xb44\n1}\x85\x96\xac\xbes'</t>
  </si>
  <si>
    <t>b'\xfc\x01x0\xfdG*\xa9\xf1R\x8d\x81\x15c\xdc=\x84R{\xa5\n\xb1Qr?n\x1e\xde\x18\x05|4'</t>
  </si>
  <si>
    <t>b'\xffy\xde\xdeU\xf9\x0ct\xa5\xac*\xc0B;\xeb\x8fph\x9f\xabp\x9b5\xb9B5]J\xa2N]\x17'</t>
  </si>
  <si>
    <t>b"\xd0\x89!m'\x96\xe9\xf3\x1f\x06\x08\x9d\x8e\xa8\x1cL$\x96\x826\x8b:\xfc#\xa1$\xfeN\xd2\xf2\xdes"</t>
  </si>
  <si>
    <t>b'\x0f\xf2zge\xacC\xd20\xc3)\xbbcXWON\xd2\x03`O\x1a\x1c0\xd7\xbc.n\xacRk?'</t>
  </si>
  <si>
    <t>b'\\V.\xe4=\xd1\x9at4Bn\xeb\xf9\x9d\xf8\xce\xc1\xec\x95\xd1\xb6F\xbb\xcf9(\x8e\xe6I6\x13\xf7'</t>
  </si>
  <si>
    <t>b'\xa7\x15\xe54\xf1z\x03\xcc\xd9\x13-\xad\x94l\xf6d`\x02\x89u\xa9\xf1i\xc4\xc7\r\x07I\xd9\xe0J\xb6'</t>
  </si>
  <si>
    <t>b'\xdd\xa7X\xc0b\x9a\x90\xfe\xf06/1\x8f\xa2\xc8&amp;\x81\xd6\xabqwA\x08U\xa4\x9b\xe2\xb47\x15 \x80'</t>
  </si>
  <si>
    <t>b'T\xb0\xa7\x89x.T\x9d\x13\x05\x18\xe6\x91\xa1H\x88\xd0*Xg\xd6\\\x8c{s@*\xe5-R\xd4\x82'</t>
  </si>
  <si>
    <t>b'\x8e\xa4\xa9\x9d\x08U\x86\x9b?$\xa3)\xed\xd1\xc6fd\xbe\x0f&lt;&lt;\x03_\x94\x1f\x9d\xfaKpE68'</t>
  </si>
  <si>
    <t>b'\x85\x0f\x8a\xaf\xd4\x94\xf9\xf4ox\x88\x03h\xaf\xaa\xfe\xb6\xc2\xb1\xb4\x96t\x96 \xd3\xdf\xa5-L\x88\xc6\xee'</t>
  </si>
  <si>
    <t>b'#\x98\xc7\xb1\x11\x94\x9c\x04\xf5\x83\xc4C\x9f|L\x1a)\xb7\x9a\x04\xe8\xe2YR\xb4\xd1i\xb6\x880U\x0c'</t>
  </si>
  <si>
    <t>b'\xda\x95\x06D\xccr\xad\x99\xbd\xf4\x81a\xdcq\xb1\xef(=_\xd5~e\xd0\x93}\xc6\x9c\xbfO\xc4b\xd7'</t>
  </si>
  <si>
    <t>b'&gt;Y\xe9\x06\x8aTU\xfc\x15\x14\x17\xca\xbe\xf3\xbeX\xf2\x1f\x1b"\xa0gD\x9d\x9a\xb1u\x835!\x08\t'</t>
  </si>
  <si>
    <t>b"\xf2a\xb1\x1a\xcf)\x14I\xfa\xaa\xcb\xb7I\x95.-B\x9b+\\\xaa\x19o\x1a \x0b\x1b\xa0\x89\xb6'\x1e"</t>
  </si>
  <si>
    <t>b'`\xcc\x08\x10\x98I_\xa1O\xe0q\xff\x04\xf6\xc4%\xa6{\x90j\x92\xf4#X\x83u\x06\xd7\xa7\x1f\x8d\xb7'</t>
  </si>
  <si>
    <t>b'j\xc7\x98R2\xe8\x18{\x8ec\\E\x04&gt;\xef\xbeA#\xc7\xce\x97ES\xdd\xbc9\xca\x99@\xaf\xc6\x01'</t>
  </si>
  <si>
    <t>b'\xa1Nh;\xa1x\x18\xd6\xe91]\xcct\xe9\x7f\xdd\x17\xfa\x7f\x12\xebI4\xbf\xd3\xe1U\xd8~\xd7}\xa0'</t>
  </si>
  <si>
    <t>b"\xb6#\xdc\x85\x99\x9e('bc,\x018\xa9r\xaa\x08\xe6\x9b\x15\xf7\xd3\xd6=\xb38\x9d\xd8\xda\xec\xaf\xed"</t>
  </si>
  <si>
    <t>b'@M\x80\x9dCG\xe8\x0bj\xa00\xc4\xe2l\nb#\x97\xbb\xa6q\xfev;"\x01\x8aQ\xbf\xa5\x18\x0b'</t>
  </si>
  <si>
    <t>b'D\x81\x19\x92H\xa4\x92\x9d\x85\x07\x9e\\\xea\xa5\xcf\xa0Yy\x8d\xa7\x9a\x10\x0e\x9f\x0b\xd8\xb6H\x1b\x81p\xb9'</t>
  </si>
  <si>
    <t>b'\xb8\x9f9n\xa2\xa7\xaa{\xae\n\xfb\xcewq1\x9c\x1f\xf8\xd5\x80\x1f\xc38\x9dm\x9fy\xfb\xb9n\xa9\xdc'</t>
  </si>
  <si>
    <t>b'\x85\xae:\xca\x9cA\x88\xc1\x1f\x80\x1e\xf5\xe5\x99\xaf\xc10P\xf1\xf5\xc4j\x95Cc\x08\xd9;3^\xed\xfd'</t>
  </si>
  <si>
    <t>b'-\x02\xb3\x83\x90\x05\x81\xb6\x88\xea\xbb\xcc=/\xfc\x1ds\x81\xd3\xa2\xb6\x03NMe#Z\xa4\xa3\x0e\xa4_'</t>
  </si>
  <si>
    <t>b'\x10\xcd\xc1\x15\xe1;\xe5f\xc5\xf3l"\xf8fr\xbb\xca3\xf7!S\xfa\xaaZ\xe5\x81\x02\xc0\x00I\xb4o'</t>
  </si>
  <si>
    <t>b'\xf0_\xc5\x16\xab\x82lT\xc6\x12\xcfT2\t\xfa\xcc#c\x95\xf6\xd7\xe8=r\x12=\x07=\xaf\x886\x1b'</t>
  </si>
  <si>
    <t>b'\x7f\x006\xc4Sqq\xc7\xc0\xff\xe9\xd6&gt;\x88 \xe1\xc5~&gt;\x89Xo\x14$\x8f\xff\x00\xdc\xa0\xa1\xef-'</t>
  </si>
  <si>
    <t>685xx</t>
  </si>
  <si>
    <t>b'y\x9a\xabJ\xc6IC\x174$l\xef~\xe2\x0cl\xb9\x8f\xe2\xc4oWXeUh6\xa7\xf2\xff=P'</t>
  </si>
  <si>
    <t>b'+\x94\xceg\xd1\x88\xbf\x05\xd7\xdd\x9e\x05\xd9\xe4\n*\xb8[]\xdc\x9ev\xf5\xacBk\x97\xf8\xbe\x05\xece'</t>
  </si>
  <si>
    <t>b'\xe5J$.!\x81=\x91\xa0\xe1\xc2\x8c\xbd\xa3$\xd4\x13\xb2"\xb1@\x0f\xc7F\x80\xa4\x13#\xa0\x1f\xf09'</t>
  </si>
  <si>
    <t>b'\x1a?\x7fa\xe7\x10\x12\xd4t\x07\xb4\xd3N\xd9\x95-\x17\x96\x0f\x8d"E\xf2\x06\xea\xae\xab\x9a\xac\xf2\xcfb'</t>
  </si>
  <si>
    <t>b'\xa1\xfd\xc8d\x7f\xa7\x04&amp;{W \xe1\xc7\x98\xa8~=5h\x96G\xfe\xbd\xd1N\xc3?GV\xa3\x84\x04'</t>
  </si>
  <si>
    <t>b'\x94D\x12 \x96\x8a\x95\xd5\xe5X\x9c\xf7/G\xa1\xf1\xbd2\xb7dsp%\xe5?\x98\xf2\x0c,v\x13^'</t>
  </si>
  <si>
    <t>b'\x8a\xc8T]X#8\x86\n&gt;\x0c.|z,\x17]l\xb1\xed\xfe$\xc7\xed\x9b6\xfcX\x9b&amp;\xeb|'</t>
  </si>
  <si>
    <t>b'Xj\x8d\xbb\xea\xdf\x8f\xa2\xe7\xe3\x85\x98\x87\x822\xa0\x11\xe0\xe8;\xb6\t-\xebx\xb8#Q(D\xca\xb1'</t>
  </si>
  <si>
    <t>b'{F;\xfdO\xd2\x11\x06t~\xb2d\xddV\xaf\x87\x07J\xf4\xc5\t\x91!\xd0\xf6\x87r^\xb9\xec\x01\xab'</t>
  </si>
  <si>
    <t>b'\xc3\x8dTB\x0e\x98\xe4\x8c0\xa1\xadu\xb0AQ\xdb8w#&lt;\xa61\xdd\x12\xac\x8d|r\xfd\xd9\xdf\xf0'</t>
  </si>
  <si>
    <t>b'\xae\x8a&lt;\x9f\xd8:\xcf\x98\x8a.\xc0[W\x00\xf6\x13\xa8H\x19\xf9(\x1b"\x9e\xf0\xa9R\t \xa0\xbe+'</t>
  </si>
  <si>
    <t>b'\xd7@\xea\x1c\n\xf2\xc4b\x9e\xae\xb3\xfd;!\xf0\xf8\xea\xa2#\x1a\xf4v\x0c,\x98\xe0H\x89?D\xe7\x83'</t>
  </si>
  <si>
    <t>b'\x1e`\\;\xe0\x03h\xc1\xe9\xdaud\xfc\r"[\xbeX\xec\x8f\xbc\xe2\xe0o\xb7\x1bg\x91c\x06\x8aF'</t>
  </si>
  <si>
    <t>b'q\x8e\x1b3uy\xe3\xa0\xa4\xe3\x11.\xb8\x9cG\x1a\x17c\x17n\x8d9\xe7IG\xf3Z\xb3i/\xdf\xa6'</t>
  </si>
  <si>
    <t>b'\xee@vQ\x99R\xf9\xdehQH$\xfb\xd8\nY\x0c\xb6bO\xcd\x98/\xfczO_\x1f\xc2J$\x8c'</t>
  </si>
  <si>
    <t>b'\x10\xba\x8b7+\x98\x01+\xc8\x83Sd\x03nIhBA\x9f\xa6\xbfb\x87\xbc\x9d\x83,1\xefhy\xed'</t>
  </si>
  <si>
    <t>b'\xbd\x1c\x0e\xf3c \r\xc0\xd3|\x9c\x16\xb5_\x9fgS/\xae\xea\x81n\n\xa6\x11\xf9\xd7\x90H\x96\xacW'</t>
  </si>
  <si>
    <t>b'\x19\xae\x9e4F\x0b\xfb\x12T\xc9eO]u\x98:\\\xc8|\xfd\x08\x97)\xba\x8d\x94\xb6N\x91\xccMy'</t>
  </si>
  <si>
    <t>b'jX \xfe\xe0\x051^\x85\x17\xf8\xf4\x12\xf0\x13\xe2\x06\x19\x01\xee\x08\x90\xe9\xcf\n\x8d\x08\xfa\xbc\x84\x90\xee'</t>
  </si>
  <si>
    <t>b"!\xb0\x9f1\x87\xd0;\x0e(\xc3R\xf2\xb6J\x16\x9d\xed\x1e\xfbn'\xeb\xa310\xf4\xe4A\xdd\x99P\xe0"</t>
  </si>
  <si>
    <t>b'\xa99i\xf4/\xef/\xed:\xc2N\x18!\xbf\x96\x16\xcf\x95\xada\x11\x1e\x9c|z\xb9\xaaV1\x90\x9ed'</t>
  </si>
  <si>
    <t>b"\xa0\xf6\x12\x02\xc5Lj\xd4'\xe6\x86y\x7fyjQ\xec#\x94\rI\xea6@5#\xe0\n+\xdf\x15\xfc"</t>
  </si>
  <si>
    <t>b'\x1c\x9e\x06\xa9\xdb\x98\xbf5\xf1:Pr\xe3\xb3\xd9X&amp;s\xc0s D9S\xf4ZHB\x98N%*'</t>
  </si>
  <si>
    <t>b'\xca\x93Eod\xb78Y\xe5\x06cd\x8c\xae\xabd\xb7`\xb0\x00\xedU\x12\x18\x01\xcc\xecqd_\xac\x8e'</t>
  </si>
  <si>
    <t>b'\xa5jE\x18!\xf9\xdfjh\x93?\x19.\xb7j\xc9\x98n\xf0*f\x06\x0c\xa0\xde\xbb\x1fTc\x91x\x15'</t>
  </si>
  <si>
    <t>b'\xc5@UyE\x1d\xdc\x8av\x84\xca\r\xa0v1\xa71o\xd4R\xf7\xd7\xc3\x997\x1e\xa6\xc2\xbbA\x16?'</t>
  </si>
  <si>
    <t>b'&lt;M&lt;\xd0\xbfo\x93\xacOO\xeb\xeeFwJ\x84k\rI0u\x0f\x00\x13\r\xf2,^\x8c\xd4\xe6\xdf'</t>
  </si>
  <si>
    <t>b'\x10a\xba\xfa\xcf\xb5\xe4\xea&gt;s\xf9\xf8y\xbdh\xe2O\xe21\xe2A\xc8*\xc2\xeb\xcf\x91\x9b\xee\xdbP\xa0'</t>
  </si>
  <si>
    <t>b'5#\xd3:ZB\xe7\xa6I\x0f(^\xe9j4\x0b\x99I\x069_\xd2\xb9\x9e\xa0\xd2\xa9\xd5\xb1k\x88\xb3'</t>
  </si>
  <si>
    <t>b'\xcfV\x94%x\xfev\xfd\xf8\xda|\x07D\xb8\x1e\x1b\x90\xb4t\xfd\xf4 /\xcc\x9d\x19\x92Q\xaf\xc8\x9em'</t>
  </si>
  <si>
    <t>b'p@r\xe6\x82\x88\xa0wR\xb1\xc8\xc8\x8e\xc4&lt;"6-d\x1b\xd9\x97\x98\xeb\xdeU\xbez\xf2R\xaa\xde'</t>
  </si>
  <si>
    <t>b'f\x8c\xaa\xc3a\x9an\xc7N\xb5,\xed\xe8\xe9\xf3\x86\x82\xe9\xe0\x86R\xce?\x04\xab\xcb8A\xaf\xb55O'</t>
  </si>
  <si>
    <t>b'\x87jG\xab\xfa\xa9\xec\x1c\xd7\x08&lt;\xfb\xe8\xfe@D\xe7\xbf\xc3\xab\xd2Y\x81\x93\xcc@0\xc4\x9a\x19\xf9\xb8'</t>
  </si>
  <si>
    <t>b'\xd1^\tlg@2|\x9e\xd0\x16Y\x80/\xb4K\xee1\xf8\x0b2 \xa8\xaf\xee\xe7b\xbb\x0ef\xf7\t'</t>
  </si>
  <si>
    <t>b'R\xd8*\x1e9\xaf\xfb\x0b\xf8I\xed\xbdC\xc4i\xe3W\xbbI\x94\x03\xfcr\x8f\xee\x8eEh\x13H\x1cm'</t>
  </si>
  <si>
    <t>b'\x00\xb8\xfcM\xcfe\xa7/s\xa2Md\x1b\x90\xf7&lt;\xd5\xf5\xe5l6\xb2\x7f4\x9b\xd5\x9f"\x08\x85\xd7t'</t>
  </si>
  <si>
    <t>b'&amp;^Ug!\x97\xe5do\xc2\x97i\xd9\\\xfb\x9e@G\x9dx\x84\xe5pA\xa8B\x11\xc23n\xe8V'</t>
  </si>
  <si>
    <t>b'Z\x85\x8b\x8f\xc3\xdfp\xd7\x10a\x7f%\x7f\xf2\x02V\xee\x8ecla\xab@F@\xd8\x8e\xe8e\xd9\x83@'</t>
  </si>
  <si>
    <t>b'a\t\xfa\xee\x8b\xf8\xb9\x8b7\xa26\x0b\xff\x1e\x0cy\x14\x977=\x01\xb1\xa0\x1e\xa9\xedd\x18\x81\xfc\x19\x9d'</t>
  </si>
  <si>
    <t>b'S\x90-\xd1&amp;A\xdfdD\t\xcb\x85\x81\xb4)?Z\xa7o\x06\xfa^\xb4E\xd7fI\xd4\x07&amp;g\x91'</t>
  </si>
  <si>
    <t>b'\x17N\x00$\xb7]\xd4B\x95\t\x8f]\xb0=L\xc9\xa4\xb9k\xbb\x89\x91\xe4F;\xb0\xa3\xc6\xe6\x96{\xdc'</t>
  </si>
  <si>
    <t>b"\xe9^\xd20v\x13\xb4\x90\xb4Z\x99E\xa9\\\x97\x18\xb6\xf2'D\xa3\xf7\x8f\x9acG\xe7\xa3\xd8\xadQ\xa4"</t>
  </si>
  <si>
    <t>b'\x98A\xc4\x805\xf9\xcc\x94Dq\xd7\x95^\x97\xf4\x1f\x84\xc3\xfc\xa9\xd9\xb0\xf0\x8dl\x17_\xcdM\xb0}Y'</t>
  </si>
  <si>
    <t>b'Z\xa1\x1b\x85\x05\x1e\xd5\xd7\x847R\xf6\xb0\xf2\x17\x82\xf7\x9c\x9c\tA\xf3\x88\xd3\x82\xe0\xfb`%{Hb'</t>
  </si>
  <si>
    <t>b'\x1d\xb4!\xe8\xa1v\x0bpy}t-\x870\x89\xcbd\x1c\xbb\x8c\xb6\xed\xf4\x1f\xc2\xbb\xd5L\xeb\xeaD\xb9'</t>
  </si>
  <si>
    <t>b'\x1ce\xea\x95\xd8\xde\x80\xc6\x8e\xac\xc1\xbd\xae\x8a\xa8PmgL\xd0N\xf7\x8b\xf2\xd1q}\xb0\x14Y\xe2\x95'</t>
  </si>
  <si>
    <t>b'\xf274\xeb\x8d*\xbd\n\xe8\xf4\x1f\xc1\xb0\xacw#\x8b"L\x8b:\x0f\xe3q\xa2d1U;\xd3\\\x93'</t>
  </si>
  <si>
    <t>b'\xf0?\xba\xed\xf5g\xb3\xb3\x82.u\xe3b\xd4\xa5iVR \xea\xbb\x02\x1b\x7f\xabv\xc4\xc7\x97\xcd\x18\x86'</t>
  </si>
  <si>
    <t>b'N\xd7\xea\x0c\xd7\x12\xaa\x85\xf3\xf3\x81n9r\x80\xa2^+I\xe14\x84\xdd\x9d\x8d\xa7\xb8\xc6R\xba&lt;V'</t>
  </si>
  <si>
    <t>b'\xb81\xc8\xf9\xacm\xebe\x1d\x80\x16T\xe1\xf9@\xe1\x05\x87\xc2\xde\xb9\xe1\xc8F\x10Rj\x83\x7fzr\x8c'</t>
  </si>
  <si>
    <t>b'\xe0\x18\xe7a\x8fA\xec\xf8jBup(\x99^\xd1\x10\xf1\xc9\x9bhx\x1c\xc6*&amp;\xbe&amp;z\xbe\xd9\x8d'</t>
  </si>
  <si>
    <t>b'\xa3\xf9\xd2W5\x08K\xbaEP\xed\x80\x0fC\xc6\xb5L\x15yqQ\xf9\xcf\xae\xc1\xc2]CL\xcdmX'</t>
  </si>
  <si>
    <t>b'\x1bm\xa1j \xa7\x8aY6\x80\xc4:\x11xV\x1d2\x8c\x85\x10J\x87\xd9+fM\x80\x0fx`\xd7\xb6'</t>
  </si>
  <si>
    <t>b"e'\x10\xb9\x11e\xe4\xdc\x98\xaec\xcf\xf6-\xca\x93\x1c!\xd6`rf\xb7\xd6\xec\x82&lt;?z\xde\xaaa"</t>
  </si>
  <si>
    <t>b'\x05\xa3d~v\x10\xca/\x9c\x86\xb1\x02\x84\xf4\xc179\x9f\xf8\xf0\xa2\xe3\xc8x&amp;H\xa1Mm\xf5\xf3\xf9'</t>
  </si>
  <si>
    <t>b'3\x1d&lt;~\x1416a\xf6\xbf\xd1\xac\x05\x01\xc0!P\x01\x9b\xbe\xb8&gt;}v\x168\x14\xb6\x90\x86=\x88'</t>
  </si>
  <si>
    <t>b'w\xd1XR\xdc\x0es\x82\x92\x03\xb4\xc3q\xa1V\x12\xd6\x82l@\xd6\x17\xcdy\xc9\x8a\\"\xf2\xd2\xc1\xf4'</t>
  </si>
  <si>
    <t>b'\xa0DA}\xc2\xa3C\x88\x1d8\x05\xf3^\x9c\x07\xa4\xc8\x8bx;\xda\x05\xc7\x8f\x99\x9dJ%\x15R7\xf1'</t>
  </si>
  <si>
    <t>b'\xcd\xcdy[6Z\xef\x7fq\x88Dd\x1e\xdd\x1evz\xc4\xdbYf&amp;-H\xe0\xb9e\xeaYa\x12y'</t>
  </si>
  <si>
    <t>b'\x86\xf5-Q\xb1\xb1\xd2\xf4CO\xd70\tp\x9c\x82\xa3\xbf\xbe\x1d[\x0c?5Z\xf9\xbb0\x85\x00\x1en'</t>
  </si>
  <si>
    <t>b'\xa3V\xc7*\x98e\x15\xb1\xd5\x82\xc0zfrL\xde\xf6{/\x91P\xc9`\xd2\xe4-]`\x99\xb8\x94\xee'</t>
  </si>
  <si>
    <t>b'\x8c \x80D\x81\xe2\xd8$u\x040\xc0\xa8\xa8IJ\xa3t\xfb\x12\xc8%\xa4\x996\x86\xa2Bi\x15j\x03'</t>
  </si>
  <si>
    <t>b';F\x1d\xfb\x8c\xf2M;&gt;.0\x9b\xa6]\x86\xf8\xaa8\xb5\xf6\xfaU-\xf0\x1a\x9d\x9c\x01\xc2FC\x9f'</t>
  </si>
  <si>
    <t>b"q\xe2\x07\x11\xb3\xa8^\x0e\ry\xf4\x87\xcc\x98v%\xf9#+\xfd\x1c\xa2m\xde#\xd7T\x9c\xef$s'"</t>
  </si>
  <si>
    <t>b'ivn\xa8&amp;\xca-\x82\xcf\xaf\x1e\x1f\x16?-&amp;d\xb2\xce\xe5]\xf9\xe7\xc8+\xc1\xd8;04R\xe1'</t>
  </si>
  <si>
    <t>b'Wh\xb6\x88\xe7\xe3\xa5\x80\xc7\xd9\x8e\x13\x80\xa6\x92\xe9\xaf"\xc9\xe2Pu\x02\x1bGJH\x96zu\xc6:'</t>
  </si>
  <si>
    <t>b'\x84\xb5\x9eS1_W\x01*z(\x9f/\x95\xb7U\xce\x19\xc7\xd4\x1bT\xc6\x19\xde\xf3\x12CN\x90\x19\x12'</t>
  </si>
  <si>
    <t>b'\xe6\x0f\xf8\xbf\x19\xe0\xbb?\x99^B\xadB1\x02\x9fU\xc2S\x01?%\xfe 7\x82\xf2!\x9b\xfd&amp;\x1c'</t>
  </si>
  <si>
    <t>b'\xf2\xd2\x8ca\xe0p0(C\x84\xca\xce\xa9\x18%\x9f\xcas\xf7]\xe4\x08hO\x16&lt;\r\x17\x94\x9f?\xb2'</t>
  </si>
  <si>
    <t>b'*O\x07\x98$w\x8a\xd4\xa4\xfd\xbbx\x8c\x9e\x90\t\xe7\xfe\xbe=\xfd\x94\xe6vZ52\xf6l\x15Tu'</t>
  </si>
  <si>
    <t>b'H\x9f\xa0\x99\x0e\x10\xaf\xf9\xca`b\x99-\x92\x9f\x9f\x97\x1e\xdc\xb6C\xca\x87(\xea\xdbA\xeba_\x9b0'</t>
  </si>
  <si>
    <t>b'\xc5\x13\xc0\t\x06d\xdb[\x00J?\x03)\x96,_\x1bH\x13\xd2l~\x0e\x1d\xd2\xc2\x05!yxxK'</t>
  </si>
  <si>
    <t>b'\x88\xe1\x9a\xc4\x0bz\xa1On\x12\xf0)\x1b^\xbd3g/\x13\x96\x1c\xef\x1bS\x90_\x85\xde\xa91\x9c='</t>
  </si>
  <si>
    <t>b'&lt;]Q\xda\xfa\xfe0g\xf1\x1a\xbe\x8bg\x94\x18\xf0\xa3\x83\xfbkn\xaa\x82\xe5\x1c\n\xafa\xf8\x10|\xe5'</t>
  </si>
  <si>
    <t>b')/\x8dx`H\xfbx\x03\x9f\x08\x00\xee\x9c\xd8\x1e\xb1@\x91G\x98\x06\x054m\x95\x870\x17\xebe\x8c'</t>
  </si>
  <si>
    <t>b'\xf4\x01^\ny\xdf\xde\x00\x03\x19\x0b\xf4,~\xd8\xdc2\xfb\x00p\xa9\x81\xa8\x8f\xb0\x19\xd8n\xa41!\\'</t>
  </si>
  <si>
    <t>b'\xa9\x8c\xfc\x03jq\x9a\xf2t\x98\xfd\xc4\x90\x06\x99h\xcd${\xb7r\xd7\x95\x1ea41\xe3?\xa1M\x9b'</t>
  </si>
  <si>
    <t>b'\xca\xfc6\r\x82/s@\x9dB\x9b,\xa3\t\xfc\x84\xfa\xd9\xeb\xb5\x182\xc292p"\x90Q#p\x14'</t>
  </si>
  <si>
    <t>b'\xafC\xb3\xe7GP\xef\xcdA\xae\xfd\x06\x0f\x1a\xa8\xe8\x94\ty\xf2\x84\xf2\xca\xf0\xaf\xc3\xfc\xf9n\xacD\xc1'</t>
  </si>
  <si>
    <t>b"\xd5\x94n#\xb1\x7f\xefo'\xa5M\xcd\xc0\x82 qO\xbe}\xd3r\xa4xR\xd2y\x96\x14\xcb\x17\xa5\x85"</t>
  </si>
  <si>
    <t>b'\x8bUK\xf8\xda\xde\xb7\xe0\xdboz-\xb3Kh\xe9\xbb\xb4MOh\x02p\xe4\x0bvN\xe0:T\x14\xbd'</t>
  </si>
  <si>
    <t>b'\x9f\xc5\x02\xbc:!\x1c\xee\xec\xa6\x9c\xd8\x9a\x0f\x98\x99\x01xb\x18\xa8f\x04\x97\x05I\xd9\xc5WX\xeb\xf2'</t>
  </si>
  <si>
    <t>b'\xfbf\x19]\x91[\xf7\x07\x9c\xb9I\x87\x95\x0c\xf2\xc9\xd9C\x87\xb3U\x97\xc3k=\x1d\xebu\x0e\xe2\xa0('</t>
  </si>
  <si>
    <t>b'\x80\xd0\x05j\x91a\x8d\x85)\x7f\x9dr\x00+\x19h\x97\xefL\x94\x84 ]\x16\x1f\xa2\xb9\x82\x81\x0c\xf8\x12'</t>
  </si>
  <si>
    <t>b"\xbd\xe9C#\xf89\xdd\x92aN`\xa4\x16Y\x7f\xdd\x0f\xbf-v{3(c\x19\xd9\xb2G\xec\x8e\xb4'"</t>
  </si>
  <si>
    <t>b'+\xe7,\xd9iM\xdfwx\x86R\x87e\xe8x\x16HefI\x0b\xdd\x0eZ\xc1&lt;\x0b\xe2\xaaY\xea\xc5'</t>
  </si>
  <si>
    <t>b'\xfe\xb0\x98\xc6\x94J\xd7"\x99\xd6\xe70\x95pNZ/\xebbUT\xf64\xb1\x83\x1eb\xef;o\xca\xae'</t>
  </si>
  <si>
    <t>b'\xb5\x80T\xff\xd5\xeaL\xc5\x87\xca\xe6\xcd;h\xbb\xa4$\xdf\xee\x0f&lt;\xabN\xfe\xea1\xa7\xe6n"\xf5\''</t>
  </si>
  <si>
    <t>b'\x15\xe7\x14\xcfJR\x85\xd8\xb6\x07=\xe9\xf0\x10E\x99\xb4\xcb?4\xc2\xbb\xfe\x98uG\xa2\x9a9\xa9}\x17'</t>
  </si>
  <si>
    <t>b'\xb6*&amp;\xf75\xfe\x04 8\xebO\x02\xb5\xc9\xc0\xf3\xd5\r\x17(Q\xf7\x12\x89\x95\x10\x1b*\xf0[\x1e:'</t>
  </si>
  <si>
    <t>b'\xc6\x87\x12/\xb3\xce\x8fEWI\xeb\xae\x02*\xe4\xf3\x9dL6\x83\xba\x849\\\x193\xec8 \xf07\xe4'</t>
  </si>
  <si>
    <t>b'\xc6\xf0\xbf\xcc\xd2\xfbf\x07\xb9\xf7\x03\xc7\xde0\xd13\x8c\xfd\x90\xec\xdc\xf1i\xb8[\x9aq\rj\xe7\xae"'</t>
  </si>
  <si>
    <t>b'\r\x8e\xa5\xc5N\xc1l_\xd67\x84)4\xc3\xd9&amp;\xff\x80\xd7/\xe5\xa5\xfea\xdf#4}\xe4\xea\xf1\x8d'</t>
  </si>
  <si>
    <t>b'\xcf\x11%\x16\x82cOY\x10v\x00l(\xcb\xa0\xf5\x13\xa0\xfd&lt;\x10M\xe9\x90\xb6\x1e\xa6\x1e\xaa[\x9c\x00'</t>
  </si>
  <si>
    <t>b'\x94Y\xc3\xe4\x94\x12\xf3qc[\xa0@6\xabPR\x0c\x80\xe2\x13\xf73\xa1\x98\xd0\xf2\x00\xd7f\x82A}'</t>
  </si>
  <si>
    <t>b'M\xe9\x13i\x908\xd4\x0f/I\xe8\xe1\x08\x8d\xb7_\xfb\xf1\xe1\xa4\xb1\x06\xba\x94\xc1\xbe\x96&lt;S/\xbd\xf8'</t>
  </si>
  <si>
    <t>b'V@x\x18\x88\x81\xc1\xd4\xe6\xf4\x86\x1fS6t:h5(I9m/\x15\xecIu\x17\xc7\xe7\xd4\xc6'</t>
  </si>
  <si>
    <t>b'\xbb\xa8-\xees\xb8\xf0N\xa9\x8a\xa3\x83H\\f\xfc\x9d\x17\xd5\xd4\x0eb\x06\x0fI4\xd9\x80\xe5\xb9\xa7_'</t>
  </si>
  <si>
    <t>b'\xc4\xce\xae\x1d0\r&gt;\x078\x14u\x16\x0cI\x8f\xd4\x80I/\x0f1\x070\x13\x92-\xa2G\xe9&lt;\xc0\xef'</t>
  </si>
  <si>
    <t>b'\xcey{\xe3jX\xd2t\x93+t;\x9a\x9ds\xbcA\x0f\\\x93,8\x9f\xf7\xa9?\xfc\x1e\x9c\xc9\xee\xfc'</t>
  </si>
  <si>
    <t>b'\x0e\xee\xb3\xc56\x8f\xae-"\xbf\xfa\\\xf7\xf7h\xab\x87\x9d\xc9\xb4\xb6\xbb\x08\xae\x86~\nB&lt;o9j'</t>
  </si>
  <si>
    <t>b'5\xbc\x95\xbc\xe4\xabox\xed\xb9B\xfe\xa6\x8b^\x87B\xb7r\xd5\xc5\x8fz\x02$\xb2\xa1%T\xb3\x888'</t>
  </si>
  <si>
    <t>b"\xb0'F\xcf\xaaa\x05\xb9\xb8\xcc$\xf8K\x04\x0c\x02Q}&lt;\t\xbd\xc2\x0bmI\x05Y\xf3\xfe\xf8\xcdK"</t>
  </si>
  <si>
    <t>b'\xcbm\x01\xfa0W\xdb\x82\xe6V\x99*\x07s\x14\x11Y\x8bO\x1e\x9fz2\\\xf9\xcc\xe06@\xfbOD'</t>
  </si>
  <si>
    <t>b'\xb4J\x9d\xcd\xf4\x99u\x93fg\x90\xac\x15\x84\xd7\xf5\xad\t\xf1y\xd8:!0\xcagx\xf7\\3*\xc6'</t>
  </si>
  <si>
    <t>b'\x94\xa5\xc6\xe6\xd9\xf2\xb4?~\xb2\xf3\xaf4\x14\x86\xf5\x82\xee|\x1c&gt;\x85\xd3\xae\x82c\xb4u\xeb?\x1f\xdf'</t>
  </si>
  <si>
    <t>b'\x95&amp;$\x8b\xf5n\x9al\x8eR~\xc6up\x0c\xd1\xb0\x86\xa4\xd8\x9b\x8c\x90p\x81+\x8aV\xbc?`\xb5'</t>
  </si>
  <si>
    <t>b"\x18\x08LX\xba\x97'\xc8\x93\xc5\xfa\xa8\xa7\x80\x90P\xb6\xb7s\xb8\xe3\xf1\t\x88\xb4Y\xff2\x03Q\xc3\xe2"</t>
  </si>
  <si>
    <t>b'\xc5\xc1h,\x9b\xb6\xfb\x02C\xc1\xeeL||JO#\xcc\x17?\x0c\x03ex.&gt;!|X\xe8&gt;N'</t>
  </si>
  <si>
    <t>b'|\x1c\x02\x86\xef\x82\xa9\xf4\xa1\x14}\xb5\x14\xd0`q\xccd\xa7\xb2\x18\xa2U50\xbc]"\xee\x98wv'</t>
  </si>
  <si>
    <t>b'zB\x1a\xc2\x9dM\xdc@\xd8QQJ\xd4M\xffX\xcd\xd0\xb9\xac\xab\xd3\xb5(}\x9aKV\x00\xb8\x9f\xb4'</t>
  </si>
  <si>
    <t>b'ZNrU\xa5\xb86\xfe\xd1W\xcb_\xbe\xeb\xf4\xa5\xc1}\x93n\xca\x0fy\x9b\xdd]_\xf3\x1b\xe3\xa0\xde'</t>
  </si>
  <si>
    <t>b'GE\xc2\xefB\x87C\x1er\x8byW\xd5o\x03&lt;\x1a\x81\x92\xbb\xc3\xb2L\x80\xb1"&lt;\xa1\xbe\xd1*\xad'</t>
  </si>
  <si>
    <t>b'\x9e@\xb5\xa8\x86\xa6\xbah\xdc\x87\x90\x87\xc6\x83\xa9\xcdE\x86p\xf4/\xbf\x94\x86\xcfg&amp;\x0e\xda\x94\x19\x80'</t>
  </si>
  <si>
    <t>b']9\xed\x94sX\xc2n\xffNp\xaa\xdf\xe1\xeb\x11Yf\x8d\xcd\xec\xaf\xd5\x1b\xc5\xe9\xa9D\x1f}\xc9\xc9'</t>
  </si>
  <si>
    <t>b'a)vh\xa7U\x1fz\xbf\x18Wa\xf7\x0e\xe0\xd2\xdf\x9f\xae\xc4\xf1\rtVn\x8c~\x9d\xc2\x1e\x9f\xf0'</t>
  </si>
  <si>
    <t>b'%\x86V\xea\xad\xaa=\xb48\x1dc\xa2\x89\xab\xdd\x8cH\xb8mb\xae\x1eUn\x92\xea\n\x05\xb2\x15-\xe4'</t>
  </si>
  <si>
    <t>b'\x88\xf6\xe7!\x15\x99ta(\xdb\xb1\x85\x8f\x83\xe4=\x89\x16\xb1\x1c\x08\xba\x99\x97\x99\xc7y\xb0K\xff\x8dS'</t>
  </si>
  <si>
    <t>b'\x14&lt;\x8b\xa0\x0c\xff\x91g\xf0\x98\x03\xbf#G_\xbe\x82J\xbd\xad4\xbe\xba=\x94\xec\xc4\x01\x14Zb\x83'</t>
  </si>
  <si>
    <t>b'\xbaU\xa1\x94{\x16\x83\xc6\xcba\x1a\x0f\x00\xfe\xfc\x1b\x1f!\x1a\xbb\x03;\xc2g#&amp;\xb7{\xb3\xe3\x94\x14'</t>
  </si>
  <si>
    <t>b'\xe7\xf4\xb85%p\x7f\x9a\xc0\x9d\xaa\x0f\xf9\x03\x84\x92\x9c:W\x87\xf9P\xff\xbc.\x16\x13\xa7\xdd\xebI\x92'</t>
  </si>
  <si>
    <t>b"\xfb\x13[\x9a\np\xae\xd2af\xde\xc5\x93P\xb1'3&lt;\x13\x1d(\x8e\xa1`\xb3wb\t\x1f\x11o\xdb"</t>
  </si>
  <si>
    <t>b'L4\xb1Hj\x18\x86\x1cT\x14\xc6\xf9\xcev\x1c\x92N\t\x86S(v_\x7f#\xa7\xc6\xa1R\xeags'</t>
  </si>
  <si>
    <t>b'\xe6_\xaba\x1d\xd0\xf8y/i \xc3\x82t\xd1x\xdf\x0bx\xb2N6\xbe\xc38\x92\xffa5\xfb\x11\xd9'</t>
  </si>
  <si>
    <t>b'\xc4\x1ee\xb6\x0c\x88?g\xe0`\x8em\xec\xf8\xc85N)z\xba[H\x12\xc5\x1b\x00\xc0\xb1\xa18\x1b\xc1'</t>
  </si>
  <si>
    <t>b"\t\x9bj\x1a\x82\xe2;\xb2':\xdak7\xf9\xfe\xa1a/\x9d\x1bD5\x86'\x1eG\xb3MA\xdac\xb8"</t>
  </si>
  <si>
    <t>b'\xe2\xf6\xf8vr\xd8\xdeli\xdc\n\x8cV\xcb\xd0,\xe1".\x1f\xca\x96\xa5\xeb@\x06\xa3\xba\xff=+\xbc'</t>
  </si>
  <si>
    <t>b"\xc8\x0c7\xce\x9cY\xcai\n\x9b\xd0\xa86\x8e\xc5?\xf2\xd7\xad\xa3A\x85\x01[&amp;:'\xf8&gt;\xd9`\x8f"</t>
  </si>
  <si>
    <t>ID</t>
  </si>
  <si>
    <t>835xx</t>
  </si>
  <si>
    <t>b'\xa1\xe3\xe7\x04\x04\x88\xd4\xf8\xd1\x02\x11\xc0\x85\xd0\xc8\x94\xb0\xe8\xc3\x15Uh\xbc2\x18^\x86\xce\xb1\xf4\xa9\xb1'</t>
  </si>
  <si>
    <t>b'b.\xba\x05H;%\x9f\xce\x80\xef\x97*WS\xe3g\xefQ\\d\xe6\x86\xd2\x14\xde5%\x93t\xb0\x10'</t>
  </si>
  <si>
    <t>b'&lt;\xb6\x8b*\xe34j\x99S\xffm\x1b\xa89\x16_\xb6\xa6\x95\xb5\xe242\x8ff~\xeb\x16\x1d\x96\\\xe3'</t>
  </si>
  <si>
    <t>b'?\xf4\x1c\xb5\xc1&amp;5\xbaC\xf0\x1b\x15q\xe3\xf4Ci\xceO\xc1\x8cC\x88\xd3\x99\xd3\xe1\xbf\x17\xd2\xad\xbf'</t>
  </si>
  <si>
    <t>b' \xae\x159:\xa4\xe3I\xebR@\x16m=f?\x96\xab\xfa\xb3\x1a,`\x86Il\xe7\x10\xf2%\xb0{'</t>
  </si>
  <si>
    <t>b"\xb19}\x97\x1a\xdc\x1eje'\x97 g`\x10\xaf\x884\x90\x07\xec\x7fQ\x07^\xe7\x0c\x80osv\x07"</t>
  </si>
  <si>
    <t>b']J\x1c\xa6&amp;\xa9\xbe\x89]|\x05I\xb8\x83R\xf6\xa8\xf6\xd8\xfer\xbc\xaf\xf9\x1a\x98#\x88\xc5(qs'</t>
  </si>
  <si>
    <t>b'\xa1\xf6lEt\x81I!j\x13\x18\xaa\xcdf\xe6\xb0\x0e \x93cA\xe6\xb7K\xe7(\x7f\x11D\x1c\x82\xaa'</t>
  </si>
  <si>
    <t>b'\xb4\xaf\xf9\xefT\x1f\xe8\xe4\xcf\x1b\x82\x8b\xc8d\xdd\x1dr.\x16\xc7\x1a3!\xe0Ed\x06}\xcf\xca\x1d\xa8'</t>
  </si>
  <si>
    <t>b'\xdd\x08\xc5\xdd14kN\xb6h\xc3&amp;i\x8b\xca\x18-\xe7\x11\xa2\xfd\xb4\xe0\xe0\xa7\xec\xd8yFWCP'</t>
  </si>
  <si>
    <t>b'5\xd4Q\xcb\xd9\xa8\x1e\xe4\xef\x8f\xd8*\x1aFI1\xbbx\xde\xa3"V\\\x08?x\x12\x17W\x0b\x82\xac'</t>
  </si>
  <si>
    <t>b'\xa6\x19\x0f\xcf\xbamz\xcc!\x044=\xd9\x9c\t\\\x7f\x80o\x9c8 ^wtRUb\xd2P\xeeW'</t>
  </si>
  <si>
    <t>b'\x1c\x83\xe8R&gt;\x07\xe8H\xf1\x7f\x11\x1d\x02\xa5a(\xbafx\x10\x16\xe0A\xa5Kx}X\xf4\xa0\xccF'</t>
  </si>
  <si>
    <t>b'FU\xdb&amp;\xf8~#I\xcd\xd5\x83Ut\xef\x14L\x8b\xbe|bH\x02\xa5r\xa5!\x17V\xed\x1bM_'</t>
  </si>
  <si>
    <t>b'\xe2V\xf7\x9c.WW\xe8\x173\xbe\xad&lt;x\x11u\x11\xc1\x01\xb8\x06\xfe\xbdr_.\xc5\xa7\xda\xd2\xab\x02'</t>
  </si>
  <si>
    <t>b"&gt;\xabI`Y\x1f\xe4\xa8Z\xd0\xcb-u.Ay\xe2\xcc\xa3\x8d\x90T\xe9l9B\x8c\xf2'\xf4J~"</t>
  </si>
  <si>
    <t>b"E\x9b8\xdcu\xc8\x84\x06yJh\xe3\xee\x88\xc5'\x1c0\x16J~\x8b\x15\xadk\xae\xfa$\xd4\xeb\xd9a"</t>
  </si>
  <si>
    <t>b'\xf4\x15\x18`\xcbu\xa8s\x1e\xe9\xc6\x93\xf0\x1e\xae,\x1e\xd5\xeb\x82\xa9;\xedq\xa9TaB\xec\xbb\xa8\xce'</t>
  </si>
  <si>
    <t>b'0\xb5~\xae\xc7\x17\xe7$\xfafnx5\xfb\x03\x1c\xbb\xcaH\x88\xa8\xe2\\\xcb#\xeai\x9dS\xde\xd5\xb2'</t>
  </si>
  <si>
    <t>b'\x94Qc\x1d\x99r{j2\xae\xda}\x9d\xf4\xe5g\x18+\xc7\x0e\x8ap\x0e1\x1d\xbe\xfd\xf5\x8e\xb6\xc9\xe0'</t>
  </si>
  <si>
    <t>836xx</t>
  </si>
  <si>
    <t>b'r\xa7M\xffT&amp;\xe0\xa5\xa1\xd5\x05\x17\xe5\x91\x19\xb9\xb3\x8e\xa3FvOA\x92\xed\xd7~\xce\xc8/\xce\x7f'</t>
  </si>
  <si>
    <t>b'\x05R\r\xab6\xbec\xd0\r*G\x19\xb2u\x08N\x97&lt;6b\x91\xf5A\x80[\x97\x08+\xa2e\xc7\x1f'</t>
  </si>
  <si>
    <t>b's }h\x19P\\\xe2\x9c\xa4\xfe\x7f@L\x1afm`7&lt;\xcec\x82\x88\xc8M\xa2\x90\xf8\xa5\xbe\x01'</t>
  </si>
  <si>
    <t>b'\x81\x88\x1f\x8f\x9cIj\x8cQ\xfa\xa2\xa3f\x80V\x0bq\x15TIo\xc67\xd9\xec\xd1\xb8\xb1&amp;n\x88a'</t>
  </si>
  <si>
    <t>b'\xdc\xb45\x18+\xe76T\xc6\xec\x0c\xc3\xcf&gt;\xe9\xd10\x8cP\x19\x1a\xf0\xeeQ\xa6\xc1\x85\xdd\xd8;\x1c{'</t>
  </si>
  <si>
    <t>b'\x8b[\x80\x0b\x86\xc9\x97N\x919\x88i1\x8c\r\xd8\x07i\x92\xe5]\x08\x9f66\xbb\x01\xd8F\xe0\x16%'</t>
  </si>
  <si>
    <t>b'\xf8J88\xb0\x85O\xb9\xe5\x8c\xd5\x83\xe9\x16\xeb\xd6v\xe1c\x9a\x8eA\x9e\xc8\xeb\x9a\xec\n\xf3\xdc\x88\x92'</t>
  </si>
  <si>
    <t>b"\x8c\xcf\xe4'\xf32\xea\xe8U\xc4R\t\x91\x07\xbbGk\xc7X:\xecD\xa7u\xc4S\xaej\xc5\xcd\xb4\xb6"</t>
  </si>
  <si>
    <t>b'\xc1\x8c\xfa{\xee\\"ACR\xac\xdd\xc3*P\xa8\x05fu\xf30\xc6qX\x8a\x94\xf1&lt;\xc4\x1aSZ'</t>
  </si>
  <si>
    <t>b'z\x89\'&amp;a\n9@\xb2.\xe2\x84\xcab\xd8\xe1t!\x00\xf0"\x80m\x96\x90\x0c\xaa\xcd\x02h\xebY'</t>
  </si>
  <si>
    <t>b'\xb8i\xc1PwG\xf1\x0f0\x99vl\x184R\xb2\xef@\x8b\\q\xefg\xfev\xfa\xe7q\xffa\xe1\xe8'</t>
  </si>
  <si>
    <t>b'\x8d\xc3\x9f\xfa\xa2.\x18\xaa\xbd\xe6*\xbd\xf8\x97\x8c \\2\xa6\x98\x98`u\x07\x88CZp\x1b\x9a\x90\x12'</t>
  </si>
  <si>
    <t>b'\x11\x94\x0bf&lt;\xf7\x8c\xc21ds5\xe0\xf4~b\x08\xfdbN\x11\xdb\x9b\xe5\xae\xb2\x94\x90{\x84\xcc\x8e'</t>
  </si>
  <si>
    <t>b'\x082\x03\x99 \x9d\x87\x975\xf46p\x19\xa8n\x1aG\x1c\x19+w\x84Q\xb3$y\xea\t\x186j\xc1'</t>
  </si>
  <si>
    <t>b'\xea\xc7\n7\x06\x0e.\xb0\x05\x7f4\xa9\xc5n\x08H/\xe6\x11\xe1\x98\xa8\xe8\xba\xcd\x91\xd7#\x81\x02\x0f\xe0'</t>
  </si>
  <si>
    <t>b'l\xb2@\x1a\xa6\xc6\xf8\xf9\xcbj\xbb.\xd0\x05\xda\xf0s \x8f\x9d!\x06V7\x15\x1ak\x9c\xbb\xab\\X'</t>
  </si>
  <si>
    <t>b'\xf9\xe2\x1c,I\x1d\xdc\xfdQ~\x17\xb4-L\x1bA\xe1\xccs(G)\xe0%\x12\xe7X\xcf\xc0\xd7B\x96'</t>
  </si>
  <si>
    <t>b'S!\xe45I\xfa\xcf\xcd\xe0\x8eEO\xed\xa3\xfaVz938\xbd\x11\x07\xb3]\x88\xd1\x94\x075\xb8\x10'</t>
  </si>
  <si>
    <t>b'\xfaj\xad49\xa5\x98\x05\xa2\x85Wa0wJ\xbbA\x08\xb4\x99G(\x19\x94\xce0\xa7H\xb8UoT'</t>
  </si>
  <si>
    <t>b'\x80\xd0H\xb0y\xbc\x92\xea\x98\xd7\xedD\xa8g!n\x00k\xce\xf4\xc3\x0f\xce\x06\xe1&gt;\\\x1c+D\xb6:'</t>
  </si>
  <si>
    <t>b'\xae4%$\xe5\x12+05\x83\xdd1)\x96{*?4\r9U\xd4\x8e\x051\x9eI\x87\xb1j\xca\x8a'</t>
  </si>
  <si>
    <t>b'\xcc\xf5\r\xb8\x8c\xbd\xc7\xb2f~\xa5s^(G57&gt;{\x13\xf9}\x8f@u3,`\xde\x85\xc5U'</t>
  </si>
  <si>
    <t>b'x|\x08M\x0c\xc3\xcfl\tY\xad\xe3\x9e\xd3=e\xa8\xae1\x05\n"\x05%\xbe\x13\xe5\x1b\xe5\x85o\xc7'</t>
  </si>
  <si>
    <t>b'\x83d\x1cz\xaa\xaeA\xcd\xf4\xd5\x1aE\x83\x0c\xca-\xf3\xe0e\xbf:\x1f\xf1\x08\x93\x12{!e\xa6@\xdd'</t>
  </si>
  <si>
    <t>b'\x1a\xc3\xf7\xc7\x89EA\xff\xd0[P\x9c,\xd8\xe0\xc6}\xf2w\xb7\t/\xaf\xff\x85l\xd8\xa2\xed%\x98\xd0'</t>
  </si>
  <si>
    <t>b'\x1dYo&lt;\x91\xed\xd5?\xf3}\x8bI\x90`\x91)](k\xd9\xb5,\x034\xaa\xc5\xff\xde T\xd1B'</t>
  </si>
  <si>
    <t>b'\xfc[\t\xc1\x15\x97m\xcc\xbf\xa7^\x01\xe3\x8b\x10\xa7\x7fv\xd2\xd2\xa2\x1a\xfbM\x1a&gt;\xe1\x8b\xed\xb9\xfb\x91'</t>
  </si>
  <si>
    <t>b'\xf0\xb4\xdb\xa8\x13kb\x8a\xecD\xbbXB\x1d\xec"\xc4J\x00b\t\xd9\x89A{D\x90\x8b&amp;\x90\x80\x8b'</t>
  </si>
  <si>
    <t>b'\x9e[\xae\x90\xccv\xfa\xbek6\xd4\xc0\xaf-\x9f\xeaUYig\x1b/\x16\x10Gu\x95\x95\xa2\x10\xe3('</t>
  </si>
  <si>
    <t>b'\xfb\x9a\x7fP\xfb\xd7\x07r\x1e}\x8b&gt;l\x07\xa1\xf6K\x14\x0c\xe5Wr4\x87\x9b\xb0\xf1&lt;\x94\xa1\xb3g'</t>
  </si>
  <si>
    <t>b'\xc5\xd8\xfb\xb9\xd3\xfbk\xcf\x87M\xf8?\xda\x15H\xfe\x0b\xb8\x91\xae"\x88&gt;q\x84&gt;\xddz\xd5\n\xc5\xcb'</t>
  </si>
  <si>
    <t>b'4^\x84\x06\x94\x81\xb89$Zg\xf3\xa3?\xd9z\x04e\x91d\xaf\xc2\xc2&amp;2\x07\xebp\x1b\xd0\xb7\x9f'</t>
  </si>
  <si>
    <t>b'\xfd\x95\x87\xb5\x8a\xa0\xef\xc4\xe0\x01VV\xb6\xb2Y+m&gt;\xe6o\xb3\x82q\x06\xf3\xd4\xe3\x88=\xe4\xdb\xcc'</t>
  </si>
  <si>
    <t>b'\xe3\xfa\x85\xc3\x10\xd5\x8a\x9a \xe50Y\xc4\xe0\xe5\xf0\xcd\x18\\N\xe9?\xbc\xae\x19\x18\xa6\x0bg\xcb:\x1d'</t>
  </si>
  <si>
    <t>b'{\xd3\x93\xf3\x90\xe2\x8d\xc5\xbf\xf3\xb5\xd3\x0c\xd7\x82\xda\x18%P\xaf\x93\x087a\xf5\xb4pG\x9ez\xb5|'</t>
  </si>
  <si>
    <t>b'\xc2\x89\xca\xf56 ;\xa9u\x11\x0cZ\xa8I\xf5u\x92n[\x853[\x1f#\xd6[\x87%\xde\xa8\x89\xef'</t>
  </si>
  <si>
    <t>b'\x029d1\xbav\x8f7\xcd\x0f\xfc6\xf0X\xd1\x9c\xe8\x83\x00\xfd\x03\x04\x0e\x03\x88\x96\x99"\xfe!\xde\xb0'</t>
  </si>
  <si>
    <t>b'\xbd\xecI\xf3Q\x1f\xb0\x01\xe8M\xa9\x10\xfe\x01v\x1eP\x93\x9cLC}Q\x94\xa9\xe4\xefZ\xce\xaa\xf5:'</t>
  </si>
  <si>
    <t>b'\x01"!Jz\xdfYto\x9b\xb9\xcag\x03?;\xe68cl\x8c|\xf2}\xe9\xd8\xf5\rc\xcd\xebl'</t>
  </si>
  <si>
    <t>b'\xd0 ?\x88\xd0\x81\x81Q^$i\x84\xad7\x87\xc5\x04~\xa2L\xb3\x02\xd3\t\x9fK\xef\xd5\x82VM\x05'</t>
  </si>
  <si>
    <t>b'\xfcg\xcc\xe0\xd3B\x11\xac\x82\xd6&amp;\xf7\xa7$\x06F`2\x8a\x8e\x8f\xebR\xf0|\x93e\x08v\x7fRb'</t>
  </si>
  <si>
    <t>b's\xf1Rk\xf05\x89E\x9d\xd1\xf4\xd1&gt;F\xfe\xad\x0b\xce\xe2A\xce\x88\xb4\xd4\x06\xd5\x01\x03\xbe6j\x15'</t>
  </si>
  <si>
    <t>b'\xec.\x1c\x02\x18C\xbb\xc6\xbbo#\xdclz\xe4T\xd6\xf1\xdc\xcf\x15d\x07\x19+\xbd\xeb2T\x9dy\xff'</t>
  </si>
  <si>
    <t>b'\xd9G?\x8f\xb0l\x16\x06\xb6s\xbb\xe9U\x9a\xdbT\x10\xf1\xd7k\xd1\x12\xee{\x9e\xa8\xc2\x87\xcan\xfd7'</t>
  </si>
  <si>
    <t>b'\xde\xf9\x02\x08`\xf1&gt;\xdf\xa0\xc2^\xc2\xf4J\xfb;\xba\xf59+\x06\x94\xda\x88\xe3\x84\x16\x81\xbc)\xb48'</t>
  </si>
  <si>
    <t>b'\x10Fo\x16\xa8\x9deP\\\x83\xc1\xef\xda_Xw\xfa~\n4\x0b\x04\x0f=\x9cH8B\xb7Y\xb9\xbb'</t>
  </si>
  <si>
    <t>b'bu\xa4\x05\xbe\xfejfUDi\x08\r\x83:Z\xd5\xae\xf3hH\xb2\x86%9\xc8\x99,\xc9\xbc\xbbx'</t>
  </si>
  <si>
    <t>b'\x7f0\xf4\xc1\xc2\xa5\xf2\xf1\x1fn\x1ba\xebdR\xa5\xff\xf4\xfcu\x93LV\xcd1\xdbd\x0e\xaf\xa8u\xb1'</t>
  </si>
  <si>
    <t>b'\x96J\xdf\xc5\x01\x98H\x1c\xb1W\x81\xf4\xe1\xaf\x87\xfbs\xc6\xdd\xcb\xab\xcf\xda,\xea:%\x11\xdc\x9b\x99\x92'</t>
  </si>
  <si>
    <t>b'\xe5 \xa45(vb\xd5Bcp}\xa0\x90\x17,\x15\xefoR du\xc6\x16\x83\x1ct\xaac\xe7\x98'</t>
  </si>
  <si>
    <t>b"?\xde\xfc8\xd9\xa8\xa2\x9d\x85\x1e\xea\xff\xf6\xc6\x8b\xa8%X6\xcasj\xc0=\xfd\x14'\n\x11E\xe6\xe9"</t>
  </si>
  <si>
    <t>b'\x1b.\xf22\xefg[\xcb\x1f\xb18\x9df\xa2\x15\x9d\xa1\xff\x13e\x87\xb62\x8fM@9\x0bG2\xeb\x1f'</t>
  </si>
  <si>
    <t>b'2\x0c\xd5"\x17\xc7\nagz&amp;S,(\xaf\x80J\xa7d\x1e\x95\x1al\xb7Q\xb7)\xa1\x1fC\x80\x13'</t>
  </si>
  <si>
    <t>b"\xd7E\x0c\xde\xd0\xd2\xba\xef\xf1b\x04}']\xaa\x8b\xdb\xbf\xeeT1\x80O\xeb\xf4\x9ax&amp;q&lt;\x9d-"</t>
  </si>
  <si>
    <t>b"C\xc9?\xe5\x82\xf1K\x90A\tYX\xcf\xa8'0^\r\xf6\x06\xc6q\xc8P]r\x9c\xa0g\x8c\xcbA"</t>
  </si>
  <si>
    <t>b"'\x82\xd6`!\xbe\x15\xe9-A\xbb\x8ep\xcf&lt;\x96v.nwJ\x8fP\xafG\xf8\xb3\x89wq\xa4n"</t>
  </si>
  <si>
    <t>b'\x19\xad\x92\x9b\xf0\xb5\x895OiQ\xad\xb9\xc0\x0c\xf2\xe5\x93\xe4\xbe\xb5_\x13\xa1d\xb8\xb9\xcb\x04\xad\x10\x15'</t>
  </si>
  <si>
    <t>b'\x06\xca\x81\xac\x88\xbf9\xbd\x07\x164\xa2\xd2\xf7T\xd1;v\xdc\xe9\xfb\xc8&lt;\x91\x0eo\xe0\n\x8ao\x80\x10'</t>
  </si>
  <si>
    <t>b'\x1fK9\xfc\xd7\xde\x85\xff\x7f\x1bx\x14)\xd0\x9a\x1d\x97\xca\x86\xd5\xc896]\xc4\x87\x1dM\x87\xc4}2'</t>
  </si>
  <si>
    <t>b'$\x93#\xd0\xd8\x9b2\xd1^S\x9c[\xc8_\xea\xea\x14\xc1\xcd\xd5\xe3\x0f\xf1\x8a\xbf{\x8c\xaa\xa6&lt;\xc4s'</t>
  </si>
  <si>
    <t>b'!~W\x13|\x88\xa6t/\xe1\xfc\x18\x8e\x17#V#\x8a\xd5Q\x1c\x9d7q\xae;U\xe0\xb1X&amp;e'</t>
  </si>
  <si>
    <t>b'\xaf\xd1\xa7\x88\xcbI*_\xd2\xf9R\xfe\xbf\xad\xf6A\xf6\xad;\xcc\x16D\x91\xcbY}\xd0\xb5\xb3KB4'</t>
  </si>
  <si>
    <t>b"\x8cSr\xa4\xaf'\xfb\xd0&amp;\xf5Z~}\x87\x0f\xe3\x87B\xc2\x1bX\x00\x04\xf19\xd4o`*;\xce1"</t>
  </si>
  <si>
    <t>b')\xd8a\x9a\x9e\xf2\xb9\x0b\x97x&gt;t\xc5\xac\xd8\xa2Z\x84\x9b\x8d\x0f\xc6M\xa1\xf8p+z\x19\xe0\x04\xfb'</t>
  </si>
  <si>
    <t>b'\x8c\x89\x061{\x8c\xf5\x7f\x91\xb5\x8b\xa3rQ\x9d%B\xbeO\xf3\\\xfd|\x18\xfa\xc1\x9f\xff\xc8[K\xaf'</t>
  </si>
  <si>
    <t>b'\xcf\rd\xe8\xda\x124\x83\xb8\x14j\x88\xdd\xb6\xacp\x17&amp;\xaa\x8eG=[\xaa{A}\x8e\xee\xb0\x024'</t>
  </si>
  <si>
    <t>b'(\xf3\xeb\xb2 \xa3[D\xbdm\xd6\xd3\xb4\xd2\xf6\x94\x9c$\xe0\x11N/\xe2\x88\xbd\xf0\x1dc\xef2\xe6\xd9'</t>
  </si>
  <si>
    <t>b'\xd6}R\x04\x80\x85\xa5\x00\x1c!\xbes\xc3S\xfcj\x92`_\x1b\x0c\xe3\xe9\xee\xf03\xf2\x8d\xde\xb0\xdf\xa3'</t>
  </si>
  <si>
    <t>b'\x18\xc2\xba\xfd/\x08\xfcL\xf8Z3IF\x82J\x0f\xfb\x14\xa9\x03\xcbMW7\x0f\xaf\x15%\xb77\xda\x1b'</t>
  </si>
  <si>
    <t>b'\x89\xa2\x9f\x1e\x15u*\xb9\x98\x94\x85L \xe51d\xcf\xfc@\x16\xc8\xee}GxM\xbe\xc7\xd2q&gt;\x8d'</t>
  </si>
  <si>
    <t>b'!4F\xba\x95+kG\xfd0\xfa\xece\x8a$*\x90r\x066\xcc\xa4D\xce\xa6\xad\xd1\x16\xae\x9f\xdcI'</t>
  </si>
  <si>
    <t>b"N\x92\x8c'\x06\x85\xd0\xde&amp;\n\xc0*]\xbb\xc9j\x9c\xc3\x97\x97\tTl\x08\xf4C\xc5\x1c3\x86\x93\xd9"</t>
  </si>
  <si>
    <t>b'G\xcd5q\xe6 \x0c\xa3]\xe2\x81\x83\x81\xb7x\xea\xf6\x10sJ\xe8\xbb\xfd\xf9\xfc\x9c\x95\xbd\xc2O5('</t>
  </si>
  <si>
    <t>b"\x1c\xc3H\x91\x99\xe13q\xf6\x99\xe1\x86\x01\x98\xde\xcd5\xc9\xea\xadiE\xcdc.\x96'\x1ez\x1d\xb1A"</t>
  </si>
  <si>
    <t>b'\xacQ\x02\x12\xba\xcbp\x9d\xe8d\x8b\xd3_\xc4)\xe6\x9c\x8b\xde\xf2A&lt;z&gt;!\xb4\xf9\x9f\x1e\x01\x80\x9a'</t>
  </si>
  <si>
    <t>b"\xdeK\x99\x0c\xeb\xf6\x82\x9a'\x91\xd4)5\xc5\x96a\xe2\xcd\x82\xa3\x14s\xb7\xa1\xab\x02\x8b\xffJ\x01\xa1M"</t>
  </si>
  <si>
    <t>b'g\x8c\xd6L\x08\x19\xbb\x0f\xb2\xb1(\x86\xefnW\x0bz\xf2\x10\x8f\x13\x88\xd7\x8aN\xccv\x92\x8eq\xf9\x82'</t>
  </si>
  <si>
    <t>b'\xaa#\xa0\x18\xf1\xbe]\n.}\xb0\x00\xf2\xaf\x8bs\xe6Ix\x13\n\xc8\x14&lt;\xed:\xe6\x16\xfdv^\x15'</t>
  </si>
  <si>
    <t>b'\x99\xf7\xd1\x86\xbb\xab\xee\xc8\xaee\x8dlI=\x9f\x0e\x9e\xf0%G\xb6$Sa\xd7p\x93\x8d\xf5\x96V\xdb'</t>
  </si>
  <si>
    <t>b'\xf9\xc7\xa4\xcb\xc4,\xc1\xc2d\xac\x9c\x8f\x17xI\xcet\xa3g\x96\xdfM\xf92-\x860\x18o\x07\x8c\xec'</t>
  </si>
  <si>
    <t>b'q}\xe2\x0fD\xcfm\xd6\xf0\xda9\xd4G\xbd_\x15"\x98\x14[2\x9dp\xe8\xaaYug\xd0\xeep\x04'</t>
  </si>
  <si>
    <t>b'\xc5\x1e\x8d\xd9\x13\xe8\x83\x83W/E\xf0M\x92+C\x8eS\x0bj\xf4v\x90uQ\x98h[\xcbe\xf0\x92'</t>
  </si>
  <si>
    <t>b'.\xb6\x8f\x91}l\xe4\xc0\x9fS\x97\xd2\x18\x9b\xf7v\x1c\x03\xe3\x80fu\xd67"\x1dmm\xb7&lt;"\x8d'</t>
  </si>
  <si>
    <t>b'\x9d\x98]m\xf5k\xb3}\xedr\xba\xa4\xe9\xda\x0e\x05i\x86\x99\x8b\x94(\xa1i\x95z\x93(\xaf\x02\xd7\x92'</t>
  </si>
  <si>
    <t>b'\xa41\xe2e\xb7\x85\xdd\xc5\x82\x10\xf6\xc7\xd3\x8d\xe3\x07\x04t\x01:\xb4\x0c\x9e\x85\xac\xf4\xf7\xd1\xe8\x81\x95\x8f'</t>
  </si>
  <si>
    <t>b"\xab\xaf\xb4\xe9&amp;\xfd\xc3n\x96\xbb\x19\xa2\x03\xf1\xcc\xae\xc9\x81\xea7w\xa4'\xf0\xff\xe26\x07\x9d\x91\x8f\xee"</t>
  </si>
  <si>
    <t>b'\x06\xff6z\x96\xca\xc0h\x0bG\xc9|\xd0\x9ez\xbb\x1bNC&gt;X&amp;\xa9X\xc0.ba\xd1o\x03\r'</t>
  </si>
  <si>
    <t>b"\xb7\x90\x19\xc6K'T\xf7(\xa0\xde\xef\xb4\x15\xa4\xa0F\x0b\xfb\\\xa6,\xff\x0b&lt;(\xfa\xe9\x87\xe4*\x08"</t>
  </si>
  <si>
    <t>b'\xd6A!BVR\xf2\xfd\xef\x8eXW]G\n\xf2T$\x9f\xb9\xc8yd\xa7\xb2c\x95\xf71\x8b#\x8f'</t>
  </si>
  <si>
    <t>b'{Vjw\xadO2z%\x9d$\x94\x8by\xbe+Z&lt;\rK\xa9Z\x16~\xd9=a\xd7&lt;\xd6\t\xcb'</t>
  </si>
  <si>
    <t>b'|\x98\x86i\xd0\x1a\xe0\x96\xbd\xbb}\x1b^L\x17\x84\xd3\x0b\x16\x02\xaa*\xc5&lt;\xf3a\x81\xfd\x9aT\x1a\xc5'</t>
  </si>
  <si>
    <t>b'(]l\xf2P\xca\x84\x9f\xd2\x17.\xd0\x83*\xe7\x11\x1a\xf5n\xe4]!u\xd2\x86U}\x06\xbf4\x85H'</t>
  </si>
  <si>
    <t>b'\x8e\x93\xb9_\x0b\xa9\xfcO\xe2\x8c*\xb5\xf3\x1b\xda\xfd\xeb\xc0o\xdb\xea\xf6F8\xce\x97\x92\xfb\xdc\x9aC!'</t>
  </si>
  <si>
    <t>b'\xfd&amp;\xe2\xf2\xdb[\xf9\x9c8\xa3b\x0fy\x13\x89\x82\x15\x998g\xd2\xc0+zxJ\xfb+?\x95\xf6]'</t>
  </si>
  <si>
    <t>b'\xf3\x91\xc5\xda\x0c\xa6tr\x8f\xfd\x0er\xe4\xf3]\xb2\x1a\xf54\xc0b\x11\x84\x13\xc4H8Vn\xc0\x0f\xe0'</t>
  </si>
  <si>
    <t>b'\xef\xeb-0\xd8\x96\xc3\xba\x00\tf\r\xac\x1b\xd1\xcd)\xfa\x05\xfe\xdb\xeb\xf3\xd9\xb7V8\x976\xee!\x1c'</t>
  </si>
  <si>
    <t>b'j\xd6Pq\xed\x00A\xb8QS\xfc\xb6]&amp;\x90\x9d\xb3k\x16\xa5aP|$[\xbd\xcf\xc4\x08\xef\x03a'</t>
  </si>
  <si>
    <t>b'+\x06\x0c\xea\x01\x12C\xda\x91\xbdX=\xd9Y\xe8v\x0c\x1c\xc1\x8e \xfb\xf4\x80\xb1\xeeM[\x0cS\x9c\xa9'</t>
  </si>
  <si>
    <t>b'\x7f\xbfgT\xabx\x12foz\xe8\x05\x86\xf6\xe5p !\x1f\xbe\ni\xdd\xddv\xf2\x93{\x05B\xe1-'</t>
  </si>
  <si>
    <t>b'\xb1b\x14\x0b[\x13\x9e3\xc8&amp;;\x17&lt;\n\xe3\xc7\xfb\x07%\x8c\xc0\xeb\xf0$\xae\x93\xe8\x87\xf8\xf7O\x90'</t>
  </si>
  <si>
    <t>b'\x0f\x03GE0\xb8\x8a\xf0w\x19u\r\xd4\xacL\x92k\xd4y\x01\xb4;\x89\xea\x80\x89#\xeb\xf4\xb4\x15l'</t>
  </si>
  <si>
    <t>b'W\xf7\x0b\x82\xf7\x1d\xba^\xe200k\xce\xf9$/\xe7\xc2\xaf\x83.\xc2\xe3\xb3_2\xfd\x92I\xc5T\xde'</t>
  </si>
  <si>
    <t>b'\x9b\x95\xc5\x02\xbc\xfe\xbaB0\x8b\x01\x9c9=\x90\xfb\xd5\xd6|\xc8wKT\xbd\\\xbf\xb3E\xe5n\x0b@'</t>
  </si>
  <si>
    <t>b'a"\xa3\xf02\xd7\x14\xdf.\xff\x93\x08\x1c\xe5\xcf\x1ae\xe4\x8c\xbd\xdc\xec\x98\x9a\x88AL\xc0_&lt;\xd3\xa0'</t>
  </si>
  <si>
    <t>b"\x18\x03h\xde\xf9\xbb'\xbf\xe6\x9f\x91\xf2\xefhD\r\xee\xdf\xc8\x7f\xc3\xab\xaf\xe4\xc4/?&amp;\xb9\x7f\xf8\x05"</t>
  </si>
  <si>
    <t>b'\xf7uPU\xe0&amp;\xb4\x07\x94-\x16\xea\xb9\x9f\xb6\xcfb\xda\xd0\xc8Cn\x90\x06;\x93ZZP\xab\xa7\xa1'</t>
  </si>
  <si>
    <t>b'"\xea\xc1\xe0kH.\x19\xbf\x00\x16p\x93\xac\'\x8f\xdb\xd1\xcf\x82\xa4It\xbf5\xd4\xbf\x04\xd8\xc4\xc9u'</t>
  </si>
  <si>
    <t>b'\x9d\xcc\xf6\xb2\xcf\xdb:\x07\x14\xdc\x95\xb9 \x08\x94 \xdc\xdf\xd1\xd5\xb2(\x0e\xc83*\\\xe0SG\xe9\x0f'</t>
  </si>
  <si>
    <t>b'\xc7~\xa9\x91\x040u\x0e\xdeu\x13&amp;\x80@t\xd6\xc7\xca\xd5\x9cU\xc9\xfaI\xc0\x875\xc7S8\x12 '</t>
  </si>
  <si>
    <t>b'\xe0\x83E&lt;\x97\xb4\xb8\xa8\xf3S\xa430\x80\xdb&gt;\x0b\xbe[\xa4\t\xaa\xc2K~g\x1ds\xc7\xfa\xfd\xd1'</t>
  </si>
  <si>
    <t>b'|rL\xc9\x0b\x1e\xb1\xf5v\xd9\xfe\xb0\xcc\x08X\x03J\x83\xfc\xb6\xf9\x05tu|?l\xe3\xac\xb6\xee\xba'</t>
  </si>
  <si>
    <t>b"\xbf\x87u\xc3j\xb5\xc5\t\x98?\x1e\x13}\xd8\xa3y'\x96\xc1\xff\xd5\x0b\xa6\x92LkO\xd8\x10\xd7&amp;m"</t>
  </si>
  <si>
    <t>b'\x02\xa7T\xe8|X\xffG;V\xe3a\x93\xb6\xcb\xde\xabye\xd5\xe7\xab\xaa\x8f*_Q1\xf0x\x98/'</t>
  </si>
  <si>
    <t>b'\xda\xc5\x89;B\xb3\x04\x13\x89\xfd\xf0\x14\xd1G\xcf\xdd\x96\xe13L\xa0\xd0-\xbao\xe2\x94\x0b\x92w/\xdf'</t>
  </si>
  <si>
    <t>b'\xa7j\x8d\xa6\xfa\x91,\xe5\x04-\x16\x01N\xc5\xd6\xa5mE\xa5\xb60\xb1E\xb5\xfc\x1aWQD~\xca\x08'</t>
  </si>
  <si>
    <t>b'\xe8w\xaf\xfe\xc1\x07-\x14\x89N]gD\x95\xb9\nh\x81\xbd\xbez\xd2\xc7\xb9\x99\xf7\xd1\xcb\x9f\xf3.\xe1'</t>
  </si>
  <si>
    <t>b'\xb58v4\xca}h5-\x8b\xe3\xa6\xd9\xad\xd8\x97\x94\x0e\x82\x1aL\x9e\x16\xb1\xa4\x07\x0e&lt;\xcd\xa7\xba\xae'</t>
  </si>
  <si>
    <t>b'\xa9j\xabGPa\xe1\x17\xa1?_\xb7ku\xde\x11\xb9\xf2\x84\x9cF\x80\xcek\xe4\xe9jn\xf6$\xe1\x9f'</t>
  </si>
  <si>
    <t>b'\x1f]\x9e\xba32\xcba\xae\xa8s\t\xd5\xc2\x132%\xecv\xb5\x08\x7f\xab\xb9I\xebKt\x02\x93v\x11'</t>
  </si>
  <si>
    <t>b'\xc09\x16_c\xc4s\xfcJ\x81l\x14\x85%\xd00l\x83\xa5\x8bx)A\xdf\x06MX\xd5\xc7\x15\xda\x9b'</t>
  </si>
  <si>
    <t>b'\x9d\xe1\x9a\xad\x01\xb8\x81h\xdb\x0c\x19\xe4\x13\\\x02\xb94\xa8\xf5j\xad\xea\xdd\xed\xeb\xcc\xe0*\\\xaa\xfa\x11'</t>
  </si>
  <si>
    <t>b'\xd48\xb8\xb0\xaaL\xf0d\x89\x89\xef_H\xe1&lt;\xc1\x93M\x86\x1bE\x9daj}\x99\x05,G\xedq6'</t>
  </si>
  <si>
    <t>b'\x9c\xc2\x04\xaf&amp;\x15\x8d(R\x84\xb9\x9e\xea\x0f\x80sFL\xc2\x97"\xe4\x97=\xa5\xfaW\xe1/\xcbs\xbd'</t>
  </si>
  <si>
    <t>b'\x12\xec\x0f_\x14\x10\xd3`K\x17\xa3\xf4#\x14\x1cLx\x81F\xd5\xfe\xd3@\xbfz\xb6\xc1\xd8X\x83V6'</t>
  </si>
  <si>
    <t>b'o4\xbc\x81d\xf9\xd7\xd6v\xc3\x90\xe6C\n\xc7Z_0O\x89\xc63\xfa\x97\xee\x7f\xec\\K\xc8\x04n'</t>
  </si>
  <si>
    <t>b"\xdb\xd7\xaa\xe9\xb1\x1a)r\x87\xc2TJ\xc6\x10\xa9\xa0\n\x02\xc7D\x83\xb0\xd9{J\x9a\t'E9\xa3\xfa"</t>
  </si>
  <si>
    <t>b'\x9eB\xbd\xb2\x10\xdc\xc2\xf2]\xfcR.Kz\xc1\xc9\xd0\x83\xcd\xc8\xb1\x00\xe0C"D\x84\xe8@\xfa\x8cF'</t>
  </si>
  <si>
    <t>b'!\xa5\x1e\x11\xe1j:\xf8\xc7\xb2.\xc5\xb6\x9c\xac9\xfe\xf4\x1f\x1dT/vY\xe4\x0f\xca\x834\xf6\xb9\xd4'</t>
  </si>
  <si>
    <t>688xx</t>
  </si>
  <si>
    <t>b'Y\\\x18C\xd7;\x8c\x92\xf4(\xa1\x02\xeb\x0bL\xf9\xf2\xdf\xdc\x95\xae\xfcY\x16$@\x91n@\xdc\xba5'</t>
  </si>
  <si>
    <t>b'7\xf3`}T~!\x95\xba\xbb\x1c\n\x07\xe5t\x96\x9e:%)/1\x9c\xfb\xd1\x836\xc4~O\xe1\xb8'</t>
  </si>
  <si>
    <t>b'\x8cW\xf9,\xf7\x14\xa7\xb9cn\xd8\x1e\xc8$u\x91\xfdH\xed\x90\x90q\xea$\xec\xfe$\x05k\x00\xc1\xca'</t>
  </si>
  <si>
    <t>b'\xc3\x93bs\x00x\xd1(T\xc1\xf2n]i\xaf\x1d\xe1\xe2\\\xd6\xd0A\xe9t\xcb\xacI\x81*\xdeC\x10'</t>
  </si>
  <si>
    <t>b'\\\xab\x03\x83\xe8\x7f}\x9b\x0c\xa2l\xdf\x91 4.\x87m\xfb\xd1\x8a.\xd8\xe1\xecI\xb8G]\x04\xc0b'</t>
  </si>
  <si>
    <t>b'j\xa3\x0c\xd5P\xc7\xe1\x14,*\xe5\xe7\xe5\xc7jCm\xea\x1a\xd4\x90J\xd4\x04\xcf\xaf8\x1c[\x9d\x00H'</t>
  </si>
  <si>
    <t>b'\xe6\xa0\x8c\x07K\x0c\xeb8D\xd6\xe6Y\xccm\xc6\x0c\x8f}\xc1\xba\x8a\x94F4\x85\xe5\x8fi\xdc[\xa7D'</t>
  </si>
  <si>
    <t>b'i`5\xffE|\xe5\x98\xfaX\x03m\xd5\x85\xf0\xafL\x1c&gt;+FJP\xe2Mn\xfc&amp;\xf2&gt;\x1bR'</t>
  </si>
  <si>
    <t>b'\xd8E\x92\x92\xfc"\xa2\x16U\x10\xb5\xf5&gt;\x06\xe2\x84\x8elJ\x8c\xc0\xc0Ah\xfd\x8e8\xff\xfbk?\x17'</t>
  </si>
  <si>
    <t>b'\xebK7@\t\x9a\xf3Ac\xbc}\x86\xdb\xb7\xec\xfbt3\x04\x94D\xbf\x84[3p\x90\xbf\x02H7\xf2'</t>
  </si>
  <si>
    <t>b'\x95p\x86c%Y~\x8f;b\x91\xd5\xd5\xa01\x11\xc8\\\xb6\xa0\xe5\x14\x82zk\x0f\x01\xbaLZ\x8c;'</t>
  </si>
  <si>
    <t>b'\xf4\x99\xd1M\xa9\xd3JM\xac\xf5\x86\x8ec\xfc\xa9B\x0b\xe9\x95{\xde\xef\xaf\xe2\xa1x\xf0\xca\xf4_\xb0\x1d'</t>
  </si>
  <si>
    <t>b'\x9aJ\xac\xa7\xf5\x13"\xdc\xb8s\xa3,s&amp;\x9e\x93\x80\xb2\x05?\xf7\'\xc0A\xa0\xb6\x00\xe18\xfb~\xbc'</t>
  </si>
  <si>
    <t>b'\x96\x16{&gt;\xcb\xb3\xc5n\x02\x10O\xe9\x9c\xe3\x9a\xad\xf5#\x8chz\x0f\x0f\xb2Z\xf0\x15\xce\x9c\xcf\xb8\xd3'</t>
  </si>
  <si>
    <t>837xx</t>
  </si>
  <si>
    <t>b'\xa6\x13\xd7FI\xfd\xda\xc0\xc9\x04\x8f&amp;\xa3\xe6\xe6\xb5\x9c\xf0y(T/9\xf68\xd6x@8\x80\x7fF'</t>
  </si>
  <si>
    <t>b'\x93\xe1\xd4n\xe6_\xd2\x01i\x07O3\xfa2\xb6V\x01\xf28W\xc8\xc1i[7\xd5nc\x17\x8d \x1a'</t>
  </si>
  <si>
    <t>b'\xba\xac{\xb6E\xa5}\xe0\x1a\x92\xee\x0cv\xc2n\xbe=\xd8\xd7\xfd4)r\x9d\x88\x13\xd4P4\xc9b\xd4'</t>
  </si>
  <si>
    <t>b'\xf6\x97K\x9e\xa1\x1b\xb5\x94;\xdf2\x87\xddezF\x1c\xaf\xa5y\x9cs\x8c\x17\x1c\xdaR"+sz\xdd'</t>
  </si>
  <si>
    <t>b'x\x9a\x10\x98\xfev\xfe\xc4qz\x15\x9149\x01\x9cU\x16 \xcb{u\xcd\xe1PI\xc4fS{\xe3`'</t>
  </si>
  <si>
    <t>b'\xfc\xd4h\x15\x05\xc3(q\xfc\xa3\x04\xd5"&gt;\xa9\x0e\xf6\x17 \xe2\xed\x8cC\x81N\x9c\x14\xf7\xa2\x12\x8b\xcd'</t>
  </si>
  <si>
    <t>b'S\xd3\xcc\xc4\x13\x05\x00)\xf3\x82ev\x0bo\xcfnLh\x92X\n\xbb\xe0;d\xb2y\xb9R\xd9\x1a\xd7'</t>
  </si>
  <si>
    <t>b'Z\xd4\x1b\xbf)\x04\xadVAS\x14HJ\xa4\xc3\xd0\xedY:\x80=\x93\x03D\xac\x9bp\xceA#\x9d\xe1'</t>
  </si>
  <si>
    <t>b"\xf6p\xc9m\x95')\x1c\x1e\xca\xa5\xbb\x14u)eR s\xbcP\x1e\x83\x04*\x19*L\xffTx\x19"</t>
  </si>
  <si>
    <t>b'\x08[\xa8\xbb\x8b&gt;I\xe0Z\xa1\xce9\xed\xce\xb6\xf7\x1bJl\n3@\xa9r\x03\x97\x94I\x04\x0b\x97\xa9'</t>
  </si>
  <si>
    <t>b'dx/?=\xafx.\xc1\xc4\xa4r@\xa4#\xea\x9a\xd0b\x1dc\xcf\xc4\x00\x17\xb5\x93G\x97-\xc7n'</t>
  </si>
  <si>
    <t>b'-\xa8\xcd\xa3\xd5\xe0\xb3_\x84.\xb7\x0fK\xb5\xf2\x10\x86\x91\x1d\x9e\x1eB\xbf\xc7,\xac\t\x1b\x91\x17\x83\x08'</t>
  </si>
  <si>
    <t>b'\xd1/\xc0gyZ6\x8c\xd8\x16\xe09b\x8c\x01;&gt;\\\xff\xad\x0e\x84\xe5\xa6\x9aqAh\x19\x87\xf9\x82'</t>
  </si>
  <si>
    <t>b"\x05\xf62\xe6'\xff\x06i\x10\xf1=\xf7\xa2&gt;\xa4$\xb30\x02j\xd2\x7f\\\xae\xe1\x14\x97\xdf\x8f%\xba\xb3"</t>
  </si>
  <si>
    <t>b'\x84T\x00\xfb\x14\xf8\xa7@\xb1\xb2&gt;%X\x1c\xde\x8f%A\x0b\xa5},\x0b\x96W\xa6\xb3\xdds\x15\xfbO'</t>
  </si>
  <si>
    <t>b'B\xcb\xfbY\x8e\xbei&amp;=\xaek\xa1\x167\x91\x87o\xd3\x866Kdd\x1b\xc9{$k&amp;o\x13U'</t>
  </si>
  <si>
    <t>b'\xdd\x98\xf9\x9e\xab|\xae\x03\xc9X\xf2\xae\xdc\xa4\xae\x7f\xd6a\xa8\x9a\xe6\x1e\xac\xad`,\xba\x03\xfd\xfas\xf0'</t>
  </si>
  <si>
    <t>b"\x13${L\xed\xf4\x8c\xe9\xc9\xb7\xcd\x83;'\xe7\x8b\xdf\xc7\xc6\xf3\xdcsE\x80M\x0e8aFJ\xd2\x9f"</t>
  </si>
  <si>
    <t>b'\xfb\xe8\xc8\x85\x95v9\xe0\xdeH\xa8\xc9g\x13b&gt;\x7f\xfe\xcd\xde\xd9z0{\x9d\\\xefYb\xaf\x9b\xb5'</t>
  </si>
  <si>
    <t>b'\x02\xdb\x11\xfd\x95\x85q\xa9\x8c\xb2y\x17\xa8\xea\xb0i\xb7S\xe1R\xb5pD\xaa-\xc2l\xd8\xdf#0\xd6'</t>
  </si>
  <si>
    <t>b'P\x97\nY.\xa2\x15w\x9e\xec}\x1aC\xef\xe8\xf1F?F\xd9\x88.\xeb\x11b\x91\x98zE\xc5"i'</t>
  </si>
  <si>
    <t>b'\x08\xa37^\xacA\x17\x04j\xd9M\xdf\xcb\xa9\xfb&gt;X1\xe0\xb9\xaa&gt;\xfe\xa5\x8d\x1b\xa3}\xc8,\xf6\xfa'</t>
  </si>
  <si>
    <t>b'&amp;\xd1\xb4T\x91p\x15@\x02\xce\xe4b3\x13iki~\x12~\x89\xec\x8f\xc6D\xff\xdf\x9f\xa7\xe3\x1d\xd4'</t>
  </si>
  <si>
    <t>b'\x85}o-\xfb\xaf\xeb\xcbi\xfb)3OR\xa1"\xba\xf7\xee\xc9\xbb\x038`-"\xa7\xa3\xba#\x84R'</t>
  </si>
  <si>
    <t>b'\x8b\xbc:[\xb2\xaf\xd1\xd5\x08\r\x04\xd0?\xb6\xe2\xff\xc9\xb0c\xc9\x9c\xb7\x0b\x10\xe6\x19\x19I\x0c\x12B\xaa'</t>
  </si>
  <si>
    <t>b'\x86 \xc3\xd5\xac\x8a4\xd4\xbe\x00k\xd3\x96!\x02\xfbA\xab\x08~G\xff\x08\xf8\xd6z\xe1\xac\x82\xc7\xb7\x17'</t>
  </si>
  <si>
    <t>b'\xffy\xad\xd4#\xde.\x17\xc4\x8aO\x9a\xcdI\xbcR\x0e~\x9bT\xb38\x10=U\xb7\xf8b\xf9\x15X\xc3'</t>
  </si>
  <si>
    <t>b'\xbc\x9f\xb1\xc6^\xe6\xdf\xaf\x85V\xbe\x9bY\xc7\xff7\xd8\xe3fd \x84v1\xbbX\xd48\x03?K\x04'</t>
  </si>
  <si>
    <t>b'?\xe2\xaa\xb3\xb84?\xa8\xeb\x80\xa9\x8c\xb80\xc2\x9c\x8a\xdd?c\xc9\xe6\xdc\x0f\x94\x1c\xe2Z.5\x7f\xe2'</t>
  </si>
  <si>
    <t>b'\x91\x03\xd6\xd8b\xdf\xb2D\xe3!P\x1b\xc8`D_\xebWs\x984\x97\xbc\x11\t\xf3u+\xce\x9a_!'</t>
  </si>
  <si>
    <t>b"^\xd0\x00\x8b\xaeI\x8bj\x7f\xf8O\xe7)\xda\xb4\x12\xa0\x12\xe3QD\xb5'\x10\x88\xd8\x9d^\x83\x1eXX"</t>
  </si>
  <si>
    <t>b'\xd8_h\xd7\xbcw\xa3\xebF\xb4\xea\xc3\xc9\xd4\xba5\x7fM\xa3}\x1f94/\x9d\xf9\xea\x04\x9b\x19\x89\xce'</t>
  </si>
  <si>
    <t>b'\xdb\xa8\x89g)L;\xc3]\xdc\xcb!\x0e\xd0\xedYS4\x8ck)0*,\x85\x99+\xfbr\x10\xde~'</t>
  </si>
  <si>
    <t>b'\xac\xca\x04v\x9b0(vK\x9aT\xbd\x19\x06e\x8b\xe3\x97\xad\xaf/\x8aM\xe4f\x91\x98\xebR\xbe\xe5\xa0'</t>
  </si>
  <si>
    <t>b'4\x85\xe7\xb5\xb8\x9e\xee_j\xd6EC\xbcZ\xfb\xef\xff\x9e\x0e\xbaX{O=\x98\x80\xb1\x1f\xfe\xdf\xf0\x14'</t>
  </si>
  <si>
    <t>b'\x8b\xed\xf1\xc3\x05\x84\x0caN\x18\xe9\xc5\xbc\x85\xfd\xef\xef\xf3\x1f\x17\xd4!\x08W"\x9do\xff6;\x8d\xda'</t>
  </si>
  <si>
    <t>b'\x96\xab\xea#t\xa5T\xab\xaa\xd4\x8c\xad\xac\xb5\x8fEXeo\x9a\x06\x9b\x95\xf0\xfc\x06\x96\xa6v\x161\xc4'</t>
  </si>
  <si>
    <t>b"\x9a\xf1(\xc4m\xb2\x0e\x9f]\xc8\x82\xa6\xd4\xde\xc3\xa0@M'\xd1\x08\xd7M\xeb\x06[S\n\x16\xd8Xl"</t>
  </si>
  <si>
    <t>b'\xb6qN\xc4\xcf\x86}\xb9\x1e\xdd\x96~\x11v\xb8Wi\xb8\x12V&gt;\xdd\xf8@_\xa8\xe3\xad9\xab\x9f\xfc'</t>
  </si>
  <si>
    <t>b'\xbaM\x89P\x7f\xc1\xb9\xcf\x8f\xdc\x9dZ(\x1ef\x8bUD\x82\xa0\xedk\x8dOc+\xf0n\xe4f\xa2$'</t>
  </si>
  <si>
    <t>b'\x9dT\xca\xd9m8\x18\x87\x9bGrw\x8ce\x9814\xb2V,\xcd\x8bq\x93o\x8f\x05\\$_\xac\x8d'</t>
  </si>
  <si>
    <t>b'\xd2\x82=\x1c?FP\xeb\xeb\x820\xf8\x98d\x19\xdd\xda\xd4m\xc2#\x12K\xc5O\xe0\xef^&amp;\xccwh'</t>
  </si>
  <si>
    <t>b'\x1a\xcc\xc7\x80~j\x81\xd2(\x8b\xbc\x9e\x9a\xe5\xd2\xd6b\xd1\xcc\xad\xe4\xa9\x98D\xcapQe\xfe\xcb\x9f\x00'</t>
  </si>
  <si>
    <t>b'\x18\xce\xeb\xcf\xcb\xac\xd7\xca|\xe7\xbf3c3\xefF/\x12\xcf\xd4Q\x80\xd0&lt;I\xfev\xf4[X\xe3l'</t>
  </si>
  <si>
    <t>b'p\xe7o&gt;\x0cU\x1b;$g\xc7\x0b\xbb\xe6\xac\x93\xd2\x9cD\x82\xa2\xa1\x80T.m\xf3\xb5-\x19\x92\x8f'</t>
  </si>
  <si>
    <t>b'\x86VDk\xb9v5\x050\xeaW\xeb\xae\x06=\xcbi2.8y;Z\x0c]\xf46\x92;/\x8bj'</t>
  </si>
  <si>
    <t>b'\xff&amp;\xb7\xefp\x0fp\xd2\xb2T\xf3\x83\xc1o\\\xd86\xac\xe4a\x1cK(\xff\x06g\x8a\x03\x05\xff\x1d\x00'</t>
  </si>
  <si>
    <t>b'\xb0\xe7t\x82\xba\x19:\x0fm\x13\xe5\xceFmY\xfe\xdb\x83nm\xed\xfa\x9bs\xde\x9b\xcaNo&lt;\xea@'</t>
  </si>
  <si>
    <t>b'=9\xea{\x0c"\x91\xea\xc0\xea\xbdv_\x91\xed\xc3\xc0\xad\xc6\x9a\xed\xa936\xa2\xbb\xb7\xdf\x86h\t\x1d'</t>
  </si>
  <si>
    <t>b'\xcc\x11s\x10\xd1\xc5\xe0?kQGwX\x12E\xcc0\x80T?\x81\x83Z=\xc1\xcc\x98p\xfd\xd9\xcd\xf1'</t>
  </si>
  <si>
    <t>b"*\x01),\\\xb8*\x9d\xa5R\xe6&gt;\x04PFg\x86\xc4\xef9'\xbbq\xe6\xb5\xfc\xf1\xe7\xe0\x13\xcfJ"</t>
  </si>
  <si>
    <t>b'\xaeXL\xb9\xca\xc6\xf2\x9d\x8a(+\xda\xf6\xe7;\x98AmV\xf0\xe1\xe8+\xa2\xf8\x1c\xd8\xba5\xc3w\x92'</t>
  </si>
  <si>
    <t>b'Tv\xbb\xf7\x1dJ\x1b\xb2\xed.\x11\xdd\xb0\x08B\xe4\xe2\x1b~\\\xe4\r\x91\xed\xa6U\xfb\xbe\xc98\x15\xfe'</t>
  </si>
  <si>
    <t>b'(\xf2\xa4(M\\\xc130d&amp;\xd1\xe2\xb5\xb0\x91\xb1\x01X\xc2\xd4"EG+\xb2\xd7\xfd\xee\xf4\x924'</t>
  </si>
  <si>
    <t>b'\x1a\xb9\x1eW\xb3;\xb3\xa0#d\xbaq\x16foa\xcd\xf79\xc7@\x85\x9d|\x16\xf1.\xb9%,?\xed'</t>
  </si>
  <si>
    <t>b"^,%w\xfd_\xde \xa6\xed\x02\xad\x18\xcd/7\xb2*\xa6I\xba\x12\x99\x0e\xa5C\xca'Xh\x19\x05"</t>
  </si>
  <si>
    <t>b'8ca\x97\xbeT%\x0b~\xd8\xc8\x9e\x08x\xae\xc9@\xa3[\x13;\xf3\xb6y\x198e\xac\xacL\xe0o'</t>
  </si>
  <si>
    <t>b'\n\xa4\x94\xdc-\xe9\xe6C\xde\xb8\xbd\x82\xe6\xbd\xa5\x16\x1fH\xed/\xff\xf7\xe5{\x89\xb1\xb9\x12\xaa:{\xb5'</t>
  </si>
  <si>
    <t>b'#\x962\xba\xd4\xd6\x8c\x9b\xb8M\x86\x94|GYL\x88\xb01\x0e\xfb\xdcO\xe6\x0c\x93\x8b\xb9\xb9;\xac\x00'</t>
  </si>
  <si>
    <t>b'\x1d\xda|q\xf6\xaf\xf4\x97K\xf7\xae\x1c\x9aS\xe6\x9e\xa5\xfe\xe6pBS\xca\x86\xac&amp;O\x91&lt;;\xb5/'</t>
  </si>
  <si>
    <t>b"\xf6\xfa\x9fo\x18\xa0\xad\x8e(u\xef+'\\\xfay\x13\xb5\xd8#\xfe\x13\x827\xe68h\x81J\xd4\x0b\x9b"</t>
  </si>
  <si>
    <t>b'\x14\xe6\xb6\xa0\xb8\xef.\xb7;n\xb3\xe5\x16\x1e\xdc\x1f\xf4\x9f\xbb-Rc\x1f\xd4\xbb\xab9\xc8\x9bm\xa8Y'</t>
  </si>
  <si>
    <t>b'\xb7\x16\xda\xb2\n\n\x9f\xa5\xa3\xbb\xf1W\xa4\x07\x9b\x8aK\xfaG\xad?[\xc0\xd0\xee\x0f\xfe\xbeP\x1ba\x8a'</t>
  </si>
  <si>
    <t>b'`\x0fJ\xe7\xeb/\xed4^3\x9f\x00\xe2\xe9\xfb\x9d\xff[!\x14\xe6\x18\xa4\xdc|5\xbaBK\xe6\xa5\xdf'</t>
  </si>
  <si>
    <t>b'B5w^\xf8\xa7\xfe\xfe\xc4 \xafr;\xf7E\x18\xea\xac\x16ve\xcd\xfb\xa9\xc7\nA\xdeE\xee\xc0\x17'</t>
  </si>
  <si>
    <t>b'\xd0\xde\xe6mS\x87\x86\xaf)\xabf7\xf6\x01Z\xa3\x00\xa2\xe8\xb8\x87T%_\xcf\xc3bC3\x92\xe9\xd2'</t>
  </si>
  <si>
    <t>b'j\x9f\xd0R\x8d\x111\x1ac~\xdbw\xd8K\xac\xd3\x7fCmiZ\xa2Z\xcdY\xbb\x97\x94\x1d\xd4\xfc\xa7'</t>
  </si>
  <si>
    <t>b'6]\x14u\xd9@\x87\xca\xd03\x8c|\xd0&lt;\xa7\xaa+\xa1\x80*\xe1\xb5\xa5\xf7\x13T\xacqN\xbc\x07\xdd'</t>
  </si>
  <si>
    <t>b'\x14\x94\xf74\x83\xb6l\x14\x1a=\x8a\xb85\x8c\x08\xffY\xc5\x92\xe3\xbcJ\t\xe6\xb5\xe4O}V\xd0\xeb\xd0'</t>
  </si>
  <si>
    <t>b"'\x1fL\xc6\xd8\xfd*QC\x14\x83\xfd\x17\x8a\xaa\xa2!\xdbAg\xcbk\xb8\x92\x9b.K\xf5\x1d\xe9\xf5\x08"</t>
  </si>
  <si>
    <t>b'\xef\x97\x9a\xa4i\x0f\xef\x8b\xa3\x91\xe8\x98X\x96]\xc3\x01CX\xe0O\xbb8\xaa\x1e|"\x13o\xf5\xbc\x8a'</t>
  </si>
  <si>
    <t>b"8\xc67W\xa3CU\xe5\x9b/\x06\x88\xb9\x0b\xd0\xf0\x00\xee\xa0\x1f)\xe3\xf4\r'\xe0v\x08t\xc3,\x1a"</t>
  </si>
  <si>
    <t>b'N\x01(\xe3!P\x12PI\xfe\x1c\x98\x06\xfc\xe4\x89\xb5n\xfc\xfai\xc1\xcf\xaeFW/X0ru\x08'</t>
  </si>
  <si>
    <t>b'\x08\x18\xf8*\xa91R\xed9\xeb\xd9P\xd3\x9bP\\:$3\xa1\xa9\xado\xfa\xba4"\xc4\xfcX\x9a\xcc'</t>
  </si>
  <si>
    <t>b'qS\xf0k\xeb_\x8c\x90\xcc^~P{a\x13\xdb\xb7\xde\x83\x02\xed\x03\xd3r\xb2.\x05\x87\xdd\xdabj'</t>
  </si>
  <si>
    <t>b'rM\xbdn\xd9&gt;\r\x1bo\xf1\xc6\x82\x9c\x0b\xa8\x7f`\xc1$\xee\x15=D\xca\xe2\x88`.\x82D\xfeh'</t>
  </si>
  <si>
    <t>b'\x8d\xc8\xab\xd8\xe1:\xce\x9f\\\xa3\xb0\xb5+\xb7\xd2\x92/\x0f=~~8\x9a\xba\xc8\xfc\x06A\x98\xd5B\xc6'</t>
  </si>
  <si>
    <t>b'\xd5\xd9\xf2\x92,9=\x85x\xadlw\xfb-\xa0\x97W\x0bE\x0c&amp;\x0b~4@\x82Z\xe5\x97\x1c\x07$'</t>
  </si>
  <si>
    <t>b'\x89{\xf1\x07\x0eAs(\x9b.\xe3\xf4\x9b\xa5&lt;\xcf\x07\xeb\xb9\x0e+\xe4R\xdb\x11$\xa33,\xa7\xe4\x88'</t>
  </si>
  <si>
    <t>b'\xac\x10r2\xce$\x9b7\x07,p\xf0aV#\x17\x9b\xe6q[\xfcU@Uc\x86\x89eiOG\xc2'</t>
  </si>
  <si>
    <t>b'\xe3\x0e\rZ\xdd-\x04\x9c\xff&amp;&gt;I7\x19Z\xb7e\xb9"A\xc2\x18\xde^xP\xa6\xb1_\xc56\x9d'</t>
  </si>
  <si>
    <t>b'\xc24\xe1\xcdk\xb6\xff!\xd2\xee\xf6&amp;F/\xa3\x98~\xf3\xa3\x96/u\x10\xe8\x08\xbf\xd16n\x10*6'</t>
  </si>
  <si>
    <t>b'\x8bg\xa8\x92\xcf=\x05X\xd4e\x9a\x99\x05m\xd3\xa9\xd9\xafG\xfb\xdb\xe8a\xb1\x19\x89\x8e\xd7d\xbf\x01\xb7'</t>
  </si>
  <si>
    <t>b"\xb1\r\xee\xf7\xbdS55\t'\xf5\x9a\xcbr\xb0wm|\x0bl\xdd\x1c~\xed&lt;e\x95v=\xc5\x1a."</t>
  </si>
  <si>
    <t>b'\x9b6\x10\xe3\x18l\xe0\xa2\xa2AG\x1b9L\xfc$K\x0e\x0b\xabI\xf0M\x92\x0f\x0e\xca\x1eb\xae\xf8\x8b'</t>
  </si>
  <si>
    <t>b'\xfc\xa2~\xaf\xab\xf6\x8e\xf3o1j\xdeR\xa6N\xccq\xba\x0bR\xb0\x03p;\x83\xa2\xd3\xda${\x12\x0b'</t>
  </si>
  <si>
    <t>b'\x86LE\xe9\xb3\x8f\xd2r\\\xdf\xec^Q\xc2\xd4\x1c\xaeAe*)\xa3K\xdc\xf2\xa7g\xfd9N&lt;\xd4'</t>
  </si>
  <si>
    <t>b'\x01;Y\xbb\xbc\xff\x9a:k\x19\xc1$\xabi\xbfD\xa0v\n\xcf\x8b\x0ct\xe7g\x94\xfa^\x85*q\x05'</t>
  </si>
  <si>
    <t>b'\xcfc\xf2_\xfd&amp;\x88\x87H9\x88\x05\xc4\xd6\xfe\x83\xbe\x06\x02\xb5:\xc7\x13\xcf&gt;\xd4\xb0\xd3M\x9a3A'</t>
  </si>
  <si>
    <t>b'@\xb5\x83\x84wT\x89\x19\xd6\xafuW\xb1\x1e\xbe\x90\xcbV\x9d\x88~\xdc\xdb\xc8\x8a\xdc\xf3r\xb0\xfb\xe6,'</t>
  </si>
  <si>
    <t>b'M=W\xddTC\x91\x0cqZ\x86@\x80O\x85Lv\x16\t\x96\xebu\xd3\np\xae8\xab3\x1b\xe5b'</t>
  </si>
  <si>
    <t>b'\xccm\x1a\xca\xdb\x07\x80\xb6Q\xab\xf6wcpp\xedG\xd2\xed\x17jX\xbco\xac4\x1b\n\x89P\x9f\xbb'</t>
  </si>
  <si>
    <t>b'\x06\xfa\x9b\t\x06\r#"\x7f\xe1$R6u+\x88\xfc\xa9sr3c-\x90\xa5\xb5\xbeN\x88\xaae_'</t>
  </si>
  <si>
    <t>b'\xd2\xd3E1}n}\xc7cX\xc6\x8a\xde\xb0\x7f\xe5\x84\x85\x1a,\xb6\xf2W\x9b\xf1\x97Ou\xd8|\x13\xc1'</t>
  </si>
  <si>
    <t>b'\xbd\xc9\x0c\xc5)\xec^\x8a\xf0\xaa\xaa\x16Je#I\xdc\xf8\xe2\xc8Xm6\x80\xef\t\x00\xd0\x8c^\x8d\xf7'</t>
  </si>
  <si>
    <t>b'\x1d\xab$\x98b|\xa1\xfd\xf7\x89\x8e\xe1\xf6$\x8d\xd8\xfc\xaa\x9b\x87/vq\xb0Jrpy\xa1\xc9\xb6.'</t>
  </si>
  <si>
    <t>b'\x9eH6\xab$\xb56\xad\xfc\xe9\x9a\x7f/\x16\x81\xbc\xd8l\xdd~\xed\x85\xe2uj\x1d\xc3\x1c\x1bUX\x8b'</t>
  </si>
  <si>
    <t>b'\x1e2\x83\xe3NeNA\x9b\x9b\xd6\x958\xa8&amp;Z\xe6\x00e\x94/\x83\xcbR\xbe\x98\x98&lt;\xf7\x81\x96L'</t>
  </si>
  <si>
    <t>b'\xffy\xc4\xfe0\xd0za|\x7fE\xa8\xcf^\xf0\xe4\x9c\x80z\'U\xed"0\xb4\x8b.\xed"\x1ai\xe5'</t>
  </si>
  <si>
    <t>b'\xe7\x91\x19e\xc6\x0b9\x08\xd9\x0b\xa1\t\xd2\xa2\x04A\x1d\xa5J"0\x07\x94\x19d@\xab\xa0\x95`\x07"'</t>
  </si>
  <si>
    <t>b'\xea\xd4\x8e7\xfbV\xb4\x00\x18\xd3\xac\xf2|\xa4\x98\xb9\xdfs\xca\xb9\xd0v\xa6\x8b\xfa\xe0{\x12\xce\x7f%\x1b'</t>
  </si>
  <si>
    <t>b'9\xf8P\xb5H\xd4g\x11\x03}\x026_\x19\xa1 \xa5\xab\x026A\n\xc5\xab`j\x82:\xf4\xa6\x1b)'</t>
  </si>
  <si>
    <t>b"E\x97\x07.\x97\x1d\xf2\xc5\xb7\x87WY\x05\xaa\xa8Y\xe8\xb3\x9en;\xad\xe1\xa7\x95\x81]\x8c~\x02\xe6'"</t>
  </si>
  <si>
    <t>b'\xdb\xe9=\xb3\xa3\xe4\xaact\xeeX\xa3\xfd\x0fd\xeb$\r_A\x8d3\x13\xa2~\x938Cz\xd3,\x8f'</t>
  </si>
  <si>
    <t>b'\xaeR\xe0\x07oY@\x81\x85\xbe\x9b|\xa3\xf5\x93\xac|,\xfe5R\x7f\xe8\xe6\xff\xd5\x9f\x17\xc5\x13S\xa6'</t>
  </si>
  <si>
    <t>b'r\x81\x03\x9cS\xf1\x94\x8d\xa8\x9bp\x92vEvr\xd7\xcd\xf4\xa7\x83\xc9\xbb|n\x18\xc6;\xd8^}\xc8'</t>
  </si>
  <si>
    <t>b'\rC\xeb\x91n\xae\xb3\xc18D\xd3\x04#\x8f\xa9\x9c\xe7p\xabHb\x00\xf0y\x9e\x17\xf3\x0c5\x05\xb6\xff'</t>
  </si>
  <si>
    <t>b"\x8cD\xbc\xea\n\x9d[\x1cz\xcdk@!y\x1eo\x9ey\x08\xd4\x81\xed\xec\xa7\x80 \xdb\x96y9r'"</t>
  </si>
  <si>
    <t>b'%7gI3b\xb6\xe5\xdf\x8c\xee\x88?\x13\xbd\x8f\x1cYN\x9a\xf3\x01\xd7WhkEM\xf1\xd7\x94('</t>
  </si>
  <si>
    <t>b'\x98\x89\xeakQ\x87\\\xc4N\xc7\x0b+\xd4\xd4\x84H\xe6\x889\x11\x82Z\xe0"5P\xc3\x83!\xa5\x0b\xe3'</t>
  </si>
  <si>
    <t>b'\xc8\xf1\xa2\xe2\x00.w\xe6\xa2+k\\\x1c\x01\x11Q\xef\xdc\x8a\xa2+\x03eF\x8fB\x8f9\xeblO\x13'</t>
  </si>
  <si>
    <t>b',?\x8aY\xb9\xe3\xeb\x0e\x18\x99=\x1c@Q\x7f\x82h\n\\\xea\x1e\xae\xb3\xca1+z\xd7\x18\x8f\x10:'</t>
  </si>
  <si>
    <t>b'\n\xf8\x9e\xce\x1b\xaam\x88\xd5\xd9\xa9.W\x02\x1f\x92\xf9\x94\xed\x04\x1f\xdc^\xc0i\xbe\x08\xd9\xb9\x9d\x97y'</t>
  </si>
  <si>
    <t>b'(\xd0\x7f\x1f\x06\x08\x96\xd9\xdb\xe7{\xbe\x8f\x05\xf3(\xfbA\x1d\xb0\x89W&lt;\xae;7B\xfc\x93R\xee\xb8'</t>
  </si>
  <si>
    <t>b'xt\x8b\x12+\xddR\xce+"\x1dx\n\xab\xd56Ki\x7f\xca\x05\xf5\x9a1\xc9\xf0\xfa91M9\x99'</t>
  </si>
  <si>
    <t>b'\xaa\x01\xb9T3\xe2N.\x86P\x14W\xb97\x86\xb2\xdaw\xd9(\xe9\xc7\x90Q\xdaftL\xb6j\xc3Q'</t>
  </si>
  <si>
    <t>b'\xcc\xde\x87\x0eGs\xa2e\x91\x11\xd2\x05J\x99qe/\xe8\xf3\xff\x9aXL/)\x1c"3\x9c\xdeT9'</t>
  </si>
  <si>
    <t>b'\xd3\xc5\x9bf\xadA\x05\xe9\xbc%\xb7\x8bc\xd1|\x86 /\x18w\xbed\xc9\xeeS\xba\x04\xad^\xc3[D'</t>
  </si>
  <si>
    <t>b'I\x00o\xd2\xe1\x0b}\xcf\xb0\xcd\xc2R,\xafg6\x8e\xef\xc2\xe4\x92l\x11qn\xc7\x0ci\x82\x97\xb9\x89'</t>
  </si>
  <si>
    <t>b')\x06\xc3\x98\xf7\x8d=w\xb6\x14?(qdI\x17\xe0\xab\x0bJ\x8a\x97\xb2\x1b\xa0\xbd1uZf\xc2\xf5'</t>
  </si>
  <si>
    <t>b'\xa2\xc9\xb3\x98\x1e\x19Z\xe9\x8d\x93\x16(\xc5=\xbd\x91\xc2\xc2^\x0fJ(\xc5v\xce*R\x13&lt;\x13\x1a\x87'</t>
  </si>
  <si>
    <t>b"2\x14\xc6\t{\x17\\\xb4\xa3\x91N+J\x1f\x91\xae\x0er^7'U\x135\x96\x1fNs&lt;\xd4\x97\xc5"</t>
  </si>
  <si>
    <t>b'X\xf1\xfe\x99\x1e\xa8_\xf0\x9e\xd6\xa3\t\xc4\x16c\xfeE\xbb\xa8w"r\xac\xb4\\\x068\x1av\xf7\xa7\xe9'</t>
  </si>
  <si>
    <t>b'D\xd2Y\xbb\xe5\xbc\xee\xd3m\xaa\xa6wS\xed\xac\xf4\xcdo\x19\xa3\x93\xb1\xf5H\xfd\x88\xae\xa6}\xa3\x1d\xc4'</t>
  </si>
  <si>
    <t>b'\xe7\x1d;h&amp;Y\x91\xa8z&gt;{5i\xc7\xc9\x9c2\x02\xf5\xe7\xee\x8c\xb7\xd6\xee\xdc\x0e\ny\xc1\x8f\x80'</t>
  </si>
  <si>
    <t>b'\x0e"\x91P\xa0\xae\x86I\xd8\x9d\xbe\xcc\xf4#\xff2;\x15LP\xf7@\xbd\xabE\x11\\\xfd/iE\xd6'</t>
  </si>
  <si>
    <t>b'\tX;\n\xa4\xc5A&amp;~\xaf\xc1\xa3\xff\xccciv\xa0v\x05\x8f8\xcc\x86\x8f\x9ck\xdc\x9c\x94\xa5`'</t>
  </si>
  <si>
    <t>b'\xc8\x82&lt;-\x93\x0c\xd8\x18\xb3\xcd\x15*\x17Ttgj\x16[$\xf0\x02\xb8\x9e\xf0\x12-4#1\x90\x01'</t>
  </si>
  <si>
    <t>821xx</t>
  </si>
  <si>
    <t>b'*\xa0e\x92T\xb9\xa9:06.k\xc3U?E\xd7w"\x01Z\xec&lt;\x14\x05\xbc"\xd6\xf7\xb4q\xb4'</t>
  </si>
  <si>
    <t>b"0\xa4Gh\x87?w\xd0\x82y\xf0)\xe9\xfd'\x8c\xe7\x04bX\x88\xec;\x879\x81!'h*(\xe8"</t>
  </si>
  <si>
    <t>b'\xb4[Q\x90s\xc2\xeeRB=$C)\xa1b\xe7\xa0\xb9\xc3\x87\xda\x05\x87\x13\x8ep\xa1 %nh\x1e'</t>
  </si>
  <si>
    <t>b'\xa0\xe6\x1a\xc8H\xbd/(T]\x13[\xf5\x0fK\xd9\xc1Q\x9aMg\x9c?_\x06\xc7\x9c1\xcd\xbd\xe4j'</t>
  </si>
  <si>
    <t>b'\x94\xd9\x1d\xc43El5V#\xb9o\xa2l|\x1c$YM\x80\x8e\xfc\xd3J\xa3\xdc\xff\x97)W\x91\x9c'</t>
  </si>
  <si>
    <t>b'a\xbb\x98Z*q\xab\x08~\x03\xa2\x10\x0b\xf0\xc53N\x00\x97\xfa.\xa0\xd2\xd8[\x05\x15}f\tV\xdc'</t>
  </si>
  <si>
    <t>b'OV\xe7\x907+:\xc8\xdb\xdao\xd0t\nHx?\x08\x8a\xea\xff\xe5\x88k\r\t\r\x84\xc05\x07\x9b'</t>
  </si>
  <si>
    <t>b'\xc6\xc1\xc3\x193N\x14W\xebV@g\xa2\xc3F\x8a|\xe3\xf8\xcdG&gt;\x01\x08uvn\x13\x01\x0e\x01v'</t>
  </si>
  <si>
    <t>b"\n#mY\xf1\x1c'T\x92~\x8b\xd3\x14Q\xe1@\xfa\xc0\xda7\xaa\xc5Km\x8br\x98!&amp;\xa3^g"</t>
  </si>
  <si>
    <t>b'\xa4zbh\xce\xd4\xc0\xb5\xd9\xb9\xb5M\x97\x98\xe4No\xe1\xb4\x98\xe7\x015\xff\xd8\x0ec\xfbC\x82(\x7f'</t>
  </si>
  <si>
    <t>b'\x9c;\xc9;\x13\x10\xf8nJ\xf8\xfe\xc0\xf2\xe8\xf6\xb6\x0e\x1d\x9d\xe2B\x84&amp;\x1df\x1dzjgk\xfdp'</t>
  </si>
  <si>
    <t>b"\x8b%G\xf9\xb4b\x98\xabsAR\r\xb6\xaagA}Y\xf8\xd3\xf6\xf4\xd1\xce\x9a\xfb\xeb'Mp\xa2^"</t>
  </si>
  <si>
    <t>b'\xd0\x1ct\x7fe\xf1$\x80\xa8\xfd?\xd8\xc2\xb6\xdb}\x95\x83=L\x08\x0b;\t\xc9\x19t}\xc4\x16\xd6u'</t>
  </si>
  <si>
    <t>b')u\xa5i\x99S\xe6[0\xf8\r\xbbL\xd9\x8e\x98\x8a\xce\xcb$\x94\xfc}(\xa7-\x9d\x80\xc1\xe9\xeb\xf4'</t>
  </si>
  <si>
    <t>b'\xab\x1d,6\x8a\x02ti\x90-\x04\x8b\t\x01\xbd}\xd6\n\x1a\xd4\xe95\x99\xe1\x86\xeb\xb8\x9a\xd3\xd5ZK'</t>
  </si>
  <si>
    <t>b'T\x8d\xd4\xd2`\x00\xe6d=D\xb1\x8c\x95\t"\xc8\xb1.1\xee\xe1\x83\xe4!\xf7\xba\x7f0\xa1\xceI\xd7'</t>
  </si>
  <si>
    <t>b'n\xfd\x96!\xa9\x13\xe9\x16\xbd\x94F\x14\x10\x87\xc1,}$\xa5iW1\xb4R\xdf\x8f)\xef\xf3\xaf~\xe6'</t>
  </si>
  <si>
    <t>b'\xdd\xd2\x93]\x92\x80\xa4\x9b\x80\\\xbe\xb9^}\xf1!~\xdb\xd2)\x92\xbe\xbe\x1b\xed\xa7\xb3\xcc\xba\xc2Y\xde'</t>
  </si>
  <si>
    <t>b'\xef\xf9[\x8f\xf1\x85\x8bz\xf6M;4\x8fH\xf7&lt;\x7f&amp;s\x99\xccB\xb42y\x84\xb7\xb7\tA\xca\x1b'</t>
  </si>
  <si>
    <t>b'S\x13\xc6o\x0e{\xc0\xdd\xcdQ;\x11\xbdo\xe7p\xa9\xc7pR*\xb0\x8d\xa8\xf9z\x13\xda\x1am$\xff'</t>
  </si>
  <si>
    <t>b'\xa7A\xb9\xe1\x16\x04\no\x9d\xee/e\xf9\xb6\x0cORkjc\x9fV\xcc\x1e\x9dG\x01\x9bRN&gt;w'</t>
  </si>
  <si>
    <t>b'\xa2\x930p\x93\xba\x16\xca\x8e\x1e@\xbb\xfd\r\xcb\xfd\xe0\xe5\xc4\xc2\xb1\xc1\x13\xe9\x1b\xdaB]\x9d\x00&lt;\xfa'</t>
  </si>
  <si>
    <t>b'v\xaa\x83\x94\xfd7&lt;&amp;\xbb\xca,\xebN\x91\x94\xa7\x03p*\xe5\x80\xc1\xb7\x9dW&gt;$B\xfb\xcf7\x04'</t>
  </si>
  <si>
    <t>b'\xbdeB\x81z\xb4\xf8\xad\x16\xe7\x13\x17\xb2\xe1\xda\xf45\xb6W\x17\xd8\xfa\xef\x04\x8aUQm\x13t\xc6\xc9'</t>
  </si>
  <si>
    <t>b'/O\x01\xd9\xcbm\x04\xf2m\x8d\xf2\x93\xec+f\x0e\xddb_\xbb\xe1\xbcm\x0e&amp;\xa2\xf9%%=R\xa5'</t>
  </si>
  <si>
    <t>b'\x8c!\xb3\xf0.\x05+K=\x89\xfcU?\x85b^\x1e.V.Y\xfa\xda\xb1r\x97\xac\xf5X^\x1be'</t>
  </si>
  <si>
    <t>b'C\x97\xb4\x9c\x9c\xeaDg2\xce\x19\xe3\x91\x0e\xd0\x12VU\x82\xec\xdf\x1c\xa2\x91\xe7\x86\xa5\xbe\xf4j\xd2\xb1'</t>
  </si>
  <si>
    <t>b'\x8a&amp;\x81bt/\n\xd7\x15\xb3\xa9\x10\xc3\x9c;xC\xff\xae\x8bw\xddd\x10\x9d\xab\xf8\xf8\xe8"g\x01'</t>
  </si>
  <si>
    <t>b'\x87\x9e\x81\xc4\x16\x07/\xe2\x8f\x87]S\x1e\xdc\x02D\xb6\xd0A\xe9\xce\xe7\x9f\x8e\x96\xabsT\xff\xcb\x07\x9d'</t>
  </si>
  <si>
    <t>b'M\x9d\xa9\xa28e\x87\xcdr\xbbZ\xb7J\x18\xb4?\x02C\xb5%\x80\xd1\xab\xfd\x92%&amp;\xec\xcfn\xd5\xcc'</t>
  </si>
  <si>
    <t>b'\xe6\xcc7\xeaB\x92P/\tg\x89\xcbd\x85\xe4\xe1\xd2\xc0\x8e\xe3\x066c\xb6\xbfNj\xd9\xae]\x08D'</t>
  </si>
  <si>
    <t>b'\x17?\xdc\xcd\xb1\x9d@\x9a\xfa\xa8W\x84UG\xfe\xa9;\xc8\x81\x13\xf9\xc4eD\x16\xfc\xd1\x9d C\xd2\xa0'</t>
  </si>
  <si>
    <t>b'\x91\x1d\xf3&lt;\xf5K\xcb\x18h"=\x87\xd4\x84\x8d\xa4bo\xd8\xcd\xbaPL\xa0\x1f\x83\xba=\x9c@Px'</t>
  </si>
  <si>
    <t>b'\xd1\xae\x80\xf0)\xef\x8b\xfc\xc3\xad\x19UW\x05_\r}i\xdcmlp5\x12\xf6\xa6y\xaf&amp;F\xa8\x8b'</t>
  </si>
  <si>
    <t>b'j\xd0O\xb0\xf6\xf1\xb0:\xbf9CE\xa0b\x00\x1f\x1b\xe2\xb5F\xd2\x1f\n\xfc\xad&amp;\x0c\x0b\xdc\x04\x80\xba'</t>
  </si>
  <si>
    <t>b'\xad\x15C:\xf5L\x1e\xbb0y96m\xef\r\x8d\x1c\xc5W\xbaq]\xb0:\x8e\xd68#\x1a${X'</t>
  </si>
  <si>
    <t>b'\xfc\x1f.\xd5\xab\xaa\x98\x11\x17\xa5\x15\xd3E\xea\x0e\xa0\xb0\x17\xab\xd4\x02f\xee\x7f\xda\x0f\xe9\xf0f\x8e\xed\xcf'</t>
  </si>
  <si>
    <t>b'Gb\xaaV!\xe0r\xca,\xfb\x07\xa3\xa4\xf9\xe9%7\x0f\xa1\xbf-;k\x8d\xbf\xecp!\xc7j\x05&amp;'</t>
  </si>
  <si>
    <t>b"'\xfc\xe5m\xc4\xbe\xf1N\x1c\xd9\x19\xd8\x90\x89\x1b\xf5H\xfa\x05\x0b\x84\x17\x15$\x0c\xd3\x8aL\x83*\xdd]"</t>
  </si>
  <si>
    <t>b'\x8e\x03\x8b^.m\xd0\xf0\x1c\x03\xe7\xf9\xd7@\xa1@Rn\x9d\xf4\xfb,\xf8Y\xe6\x93\xca\x13\x1e\xa4\x03\xfd'</t>
  </si>
  <si>
    <t>b"\xad\xeb\xad&gt;\xc9+e3\xa75&lt;'h\x88\xce\xfb\n\x01\x97\x18\x8d\xb6\x11:,&amp;\xb1L\x01\x94\xfd\n"</t>
  </si>
  <si>
    <t>b'\x98\xb5J\x03\xf3.\xbc(\x8f.\x0f?\x0cX\r&lt;\xe3]&lt;S\xcc\xb5\xa6\x1e\xa0r\x7f\xb8A\xaf\xb4\xee'</t>
  </si>
  <si>
    <t>b'\xf6\xc8G\x9f\x95A`\xd3q\xe8B\x86\xbc\xfc\x1fNX\x95xz\xaa\x0e\xcd\x8a&amp;\xba\xd3UdW\xd3\xfe'</t>
  </si>
  <si>
    <t>b'\xf8)E\xa1\x07\xc9J\xac\x8a0\xbf\x9a\xf2\xa5\x13G:\xb6\xa5\xf4\x12\x06c\xfa\xdc\xc4-\x17\xbdC\xf0\xd6'</t>
  </si>
  <si>
    <t>b"?{\x91\xce\xcd\xe0\xc8\xcb\xcd\x99\x91:J\xb3x\x08\xd6\xa6\x97\x0f\xd6\xf2\xf8\xa6\xbb'K\x1b\xde0\xe5\xd9"</t>
  </si>
  <si>
    <t>b'5\x11~A\xfe\xd2\\\x9a\xb7\x12\xa2\x95\xec.Oi\xde\x99F\x90L\x96\x91\xf9\x0b\x13\xb6\xf1\xf7\x05\xf1\xad'</t>
  </si>
  <si>
    <t>b'\xea\xd2\xfa\xb5\xdb\xd1SOK\xca\x8ey;\xec)f\x0b 3p\xa4\xbd\xeb\xf5D\xf1\xad\xc6i\x92~V'</t>
  </si>
  <si>
    <t>b'6 \x88\xfeg\xca\x8a~`\x0e\xe5\xa9\x9c\xaa\xe1\xe6&amp;D\xddwO\xf0]\xf2}\x1d\x83\xb9\x12\xcb\xff\xca'</t>
  </si>
  <si>
    <t>b'\x1e\x9b\\\xe9\xd1\xb8\x85\x1db\x00\x00\xc4\x7f\xb7A0\x9a*\x91\xeba\xbbpa\xd4\xf5\x9d\xd9h\xec\xccf'</t>
  </si>
  <si>
    <t>b'\x04\x13\xc5\x83\r\x9d\x98\xc6\\z\xcb@\x1d\xc0\xd8\xb1:g\x87\x9d\x9b\x0c^hPez\xa2\xdb3\xfb\x1a'</t>
  </si>
  <si>
    <t>b'\x17\x8e\x12\xadZ\xd7\xe2\xa8\xc5\xd9\x7fA~\x9dt\xf7\xddj\x95\xbb\x19C\x81M\x85\x9a,=\xce\xf5\xcc\xf2'</t>
  </si>
  <si>
    <t>b'\xed\xf6K\x0c\x7f(\xbe\xa0\xb7\xd8\xb3$\x98xU\x12\x85u\x12w\x07\xb0\xb6\x12\x82\xa6N\x19S\xd4\x0e\xd1'</t>
  </si>
  <si>
    <t>b'\xd3\x8c\x00*\xfc \xcd\xce\xd1u\xcb\x9d\x05\x89g\x11\xb2m+ &gt;\xc5\xc6\x04\xbf\t\x8bLje)\xf8'</t>
  </si>
  <si>
    <t>b'\xa8\xbf9B@\xccR\x9b\x17\xd2v3\xf1\x8c\xb4\x11N\xf2]\x12\xfd\xe4\xc1\x1d\x7f\xa4\x82j\xe5p\xcce'</t>
  </si>
  <si>
    <t>b'@\xcb9\x9cu\xb7\x18d\x1f\x87\x82jj4\xa7\xf8\xf5\xad\x08K&amp;1\x1a\xdc[\xe6\xbbiYsM\x08'</t>
  </si>
  <si>
    <t>b'\x19\xc9 \xed\x0b6\x1e\xd6OmVA\x98\xe8=\x9e\x1e\x83\xf7\xb5\x04\x84Q\x02\x0brk1\x90\xa33\x98'</t>
  </si>
  <si>
    <t>b'U\xd7,\x88+\t\x17J\xac]\x10\xee\x1d9\x8c\x13\xaa8\xa1\xf329R[\xb6\x00\xca\x1dB\xfd\xd4\xb0'</t>
  </si>
  <si>
    <t>b']\xea\xbd\xee\xea\xca\xe2\xb9\x9c\xfeiJL\x81\xf1\xcb\xcce\xb06\x1bUjIm\\\xb5\xd0\x05\x83%\xf9'</t>
  </si>
  <si>
    <t>b'0\x9fY\xdf&gt;QC\xab\x80\xad\x9aR\x93\xce&gt;\xe9e\xccd\x10+r\xa2\xf1[\xd3\xfab\xc5\xf9\xc4m'</t>
  </si>
  <si>
    <t>b'\xf1H\x95\xc5\xa6\xd1[b\xd4\xb6k\x91eY\xc9\xfd\xc2[\xe7 Z\xcb\xf9\xa9\xb4\x8a \xd3\xea\x88\xfc!'</t>
  </si>
  <si>
    <t>b'\n\xf57\xf5\x83\x85\rsirR\xb7(\x82\x1c,\xc5\x14\xe0&gt;\xff\x98\x9c\xe5\xae\x7f7\x1a\x93\xaeT9'</t>
  </si>
  <si>
    <t>b'\xfa-e&gt;/\x87\x13x!U\x83\xfa\x96\xd5\xf6t\x82\xc9Z\x0e\xc0\x1e\x8a\x9dG\x1a\xac\x936N\x05n'</t>
  </si>
  <si>
    <t>b'\x1a3\xc1\xa7\x96\xd1\xfa\xbe\x81\xf7\xfd\x14n\xddB\xbd\xd6{\xdd)~\x96\x85\x96G\xe3*\xb2f\x0c\xd9q'</t>
  </si>
  <si>
    <t>b'\x1e\xa5\xee\xd39~@\x96\x014m0\x82\x0f\x87\x16\x17\t\xd4\xbcO\xb9\x1cVo\xb7\xae\xf3\xb2\xe7\xa8\xf4'</t>
  </si>
  <si>
    <t>b"}\xd5\xb3\xb9B\x8a;\x94'l\xd1\xcdmg\xf9\xc3\xe1\xe3k\xef\xa8\xb7\xaf\x8ax9}\xb8p\xae\x87\x9d"</t>
  </si>
  <si>
    <t>b'6D\x1c&gt;\xe8\xb0*p\xddm`K\xdd\x9d\xba\xd0\xf0\x1b\xda\xa6w\xfa\xb5\x89\xc3\x01\xcd=\x8d\xab\x81\x16'</t>
  </si>
  <si>
    <t>b"\xd1\xf0\x93\xde\xf1~'\tr|(\x8c\xf2Xp\x1aT\x04f!\x97\xae5cJ\x9b\xd1\xcc\xbb\x84\xaf\x9c"</t>
  </si>
  <si>
    <t>b'\xa7\x89&lt;56\xbd\xe4\xbd\x8eC\x9f\xd5\xfaS\x86\xdb;\xe4,\x11\xc9\xe6\x9a\xa3\x1c\x8fn\xe7\xf3\xd5\x86\xb1'</t>
  </si>
  <si>
    <t>b"\x91\x99\xff\x0e\xf7X\x05e\x11\xaf\xe9Q\xd0\x1a\xdb\xc8\x08\xeb'o\xdf/\x89\xa7!c\xb29\xf0\xeb\x90\xb9"</t>
  </si>
  <si>
    <t>b'\x12&lt;\xd8\xd3g\xc4}R\xef\xf5n\x04\xb5\xdf9\xa2N\xa8\x90\xdb\x95z!3\n\xfbk\x00,\x9f~C'</t>
  </si>
  <si>
    <t>b'\xd1&amp;\tef\xcc/#i\x05Y\'\xa2\xe8\x18\xe9\x1d\xae`_K\xd5\xaa\x9c"B\xc0\x80\x0b\xbb_%'</t>
  </si>
  <si>
    <t>b'\xf0\xfe^c\xd0\xcc\x80\xee.\x82=\x8b\xe2U\x8aE\xa5\x94\n"\x10\xe9\xfel`\x89\x19a\xb4uGu'</t>
  </si>
  <si>
    <t>b'\x01y\x05\n\xa3\xff{\\\x82q\x9d\xc4\xf1\xf7\xe2g\taQ\xb9{\xc0\xa4%}]}muj\xc4\x87'</t>
  </si>
  <si>
    <t>b"\xf0K\x07\xb9:\xd6\xc2\xaf\x9f*\x14]\x8f\x9e\xdcq\x99&gt;\xf1\x00'.?C\x90@{\xdf\xf3\xcd\x18\xa6"</t>
  </si>
  <si>
    <t>b'D\xcd(\xb5W\x04}\x7f\xed\x95\x1f\xddX\xba\x02\x19B=)\x9c~\xa0\xbe\xaa#\x85w\x83\x19\x1d\xc9\x93'</t>
  </si>
  <si>
    <t>b'7\xdb\xab\xfc\x00\x0f\xf7\x01\x87\xdb\xd5y\xc7&lt;\x1a\x84_\xbb\x03\x80\xa8gq~\x1b(\xf8\xdf\x87\xd0\xa4\x17'</t>
  </si>
  <si>
    <t>b'\x06\xca\xad2\xaf\x88\x12\x12\xa5\x1c\xfb\x88\xc3{_7\x9c\x04\xf0j\xf7\xe8#\xa9\xb8id\x96\x04\xda\xad\xfd'</t>
  </si>
  <si>
    <t>b"%v\xb0\x87IN('\xdd\x9b\xc5\xa6{3]\x81\x1b\xb1v\x88sA\x893\x06\\\x90wns\xa1\x8f"</t>
  </si>
  <si>
    <t>b'\xb0\xcc\xd5\x0cR\x02\xaf\xbf\xfa\x97\xef\xc2\xb6\x9e\xd0k\x8d\xe5\x1ft\xb5\xfe\xd3\xde-Qx\xd95\xdePg'</t>
  </si>
  <si>
    <t>b'\xe1g\xa0\xf1t\xd8\x19l\x10i2\xcc\x07\x05\xfe\x84\xebn\xa1\x9c\x08\x1c\xe6=.\xa3\x9b\xd3\xablO\xbc'</t>
  </si>
  <si>
    <t>b'\xc7B\xde\xcb\x01\\\xc8l\x06\x9a[Q\xcbB4\x87\xfb\xeb\xfcu\x0e\x11\xdbD\xf5\x8b\xe7\xec#\x9a)\xef'</t>
  </si>
  <si>
    <t>b'\xee\x9cW\xb9F\n\xa3^B\xedW\xe3\x15\xc1\xbe^\xd5\x99\x8b#&gt;T\xfe}\xee3!\xe9&amp;\xc4*\x1a'</t>
  </si>
  <si>
    <t>b'\xe9\xdbw5a\xd6\x19\xabW\xea5\x9e\x93a\xbf\xc7\x13\x01T?3\x00\x83\x7fT1\xaa&gt;\x8f\xca\x13\x82'</t>
  </si>
  <si>
    <t>b'w\x06\xb5\x9eU\x80\x1f\x85\xf1\xa0E\xf9\xb5l\xa9\xcb{\xa9\x18\x87\x9c\x94\xf2\x1d\x81\x9f\xf4\x9fH\x96\xed.'</t>
  </si>
  <si>
    <t>b'\xaeL&gt;_M/\x9a\xd3z~?\xa0\xeb$\x84/{\xb6\xec\xa801\x1aM\x9f\xc3_^k\x81\xefF'</t>
  </si>
  <si>
    <t>b'\x02O\xa7\xa6\xed\xdf\x9e\xf9]S]\xb0"\xbb\x8eN\xa5\xdcG\xb1[\xaf\xecN1\xee\xe4\xd2\xbbR\xdd\x07'</t>
  </si>
  <si>
    <t>b't$\xb7\xb6D\xce\x92\xa0\xeb8\x8e\x83f\x01\xac43\x98\x8b\xb8\x0e\x9c\xdd\xec\xc8\x8b \xdf.\x02\xfa\x19'</t>
  </si>
  <si>
    <t>b'\xab\xf6\xf4&lt;\x88\x98=\x19\x85x\t\x0e\x1b\xb6O\x03\xaf\xe5z$\x98\xea1#\xfe\xca\xe3\x06\x19\xf3.&gt;'</t>
  </si>
  <si>
    <t>b'\xcf\xa3\x06\xe6\xaa6\xc0}f\x83\x9f\x8e\xd6\xc6u\t\xd5\xd6B\xef\xd7\x1d~\xcfn\xc3\xbe\x9b@/8d'</t>
  </si>
  <si>
    <t>b'%\x84S\xba(\xd8\x9c\xdcjs5\xdb\x9f\xbc\xb0u\x82b\xc6\xfc\xd4\xee`\xe55\x8a\xef+\x08\\3\xce'</t>
  </si>
  <si>
    <t>b'\x94\xaf\x9f\xd4\xb1\xcfY\x89\x00\xed\xae!\x8d\xb5\xf6\xdaD\xb5\xe2E\xc2`:PF\x17C\rl\xa2#6'</t>
  </si>
  <si>
    <t>b'\xdc\xe8\x97\xab\xa7\x9eS\xe2\x00\x83Q\x99\x05\x13$|e\x17\x84b \r\xaa\xc8\x9a\xfa\xbdP\xc0+&amp;D'</t>
  </si>
  <si>
    <t>b'\x87o9A\xb6\xd8PgS\x1f"\'\xe0\x17\xd4\xf82Cc\xde`\xe7\x18y\x8aGS\x92&lt;\x878\x95'</t>
  </si>
  <si>
    <t>b'y\x18\x03\x95\xc5G\x0e-\xf1;\x18\xd9WC\xc0\x142\x0c-\xdd\x86\xdd\xa6C\x973\xf7\xc2\xea\xb8^\xb8'</t>
  </si>
  <si>
    <t>b'\xa3\xa0{\x10\x80x;\xae\xa6\xeb\x8c\x1f\xf8\xb4\x1a\x87\x11\x825\x0e\x90\x9a^{\x13\xcd\xb3\xfc\x88\xf5\x17\xad'</t>
  </si>
  <si>
    <t>b"9.\x955[?\xe5\x93\t\x14a7]\xd3\xbc,)z\x865\xaeg\xa2&amp;\xd8\x16d2N'U\x94"</t>
  </si>
  <si>
    <t>b'X(\xc1\xc0Z\x80\xcd\xa0o\x85z\xc3z\xd1\xabN\xbeA3\xd5\xbe@\xf6\x9e\x83\xc9,\x1f\xb7\x06\xa7\xaf'</t>
  </si>
  <si>
    <t>b'\x93\xd2\x81\x7fd\xaa\xfb\xee$\xe6\xd8LER~v\x18\xa4+\x83\x9ee\xdf\xdeh\xb5\xdb\x9bkj\xa7c'</t>
  </si>
  <si>
    <t>b'\xae+\x9e\xa0\\\x1a\xe4\xdb\xfcK\xc5"&lt;q&lt;&lt;\x1b\x0f\xd9\x91\x18\xbf\xae\r/\xbcR\x99F\x9f\xee\x8d'</t>
  </si>
  <si>
    <t>b'\xb2\xc7\xfc/\xfa\xbab\xece\xa0\xf938\xc8\x02+V\xcc{\x97u\xddB\xe9vt\xe7\xb2\xecF\xff\x88'</t>
  </si>
  <si>
    <t>b'i\xf7Fa\xe6\xc96\xed&amp;\xc6\xafy\x7fY\x92\x95\x92\x07\xf9\x14\xcd\x06j\xf8\x85\xfa\xafm\x1c\xea,\xb9'</t>
  </si>
  <si>
    <t>b'\r\xa4\xdc\xfc\xb6\xda\xc5\x08\xe5\xf0\xeb\x0fu\xadM\xeb\x1f\x8em\xd8\x1c[59K\xb7$\xe6\x91\\\xfer'</t>
  </si>
  <si>
    <t>b'\x7f\xfb\xd90\x85\xc0UrY\xf0\xc4rj\xe4\x9d\xebk\xedmKZO\x18\x94\xf9\xaf\xd8\xac\xdf\xc9\xb0\xd2'</t>
  </si>
  <si>
    <t>b':&lt;\xc14p\x06\xa4\xa9\xda[\xd1O&lt;\xdb\xe6\xc1:\xaa\xe6\x81\x84\xf9\x85\x14z\xfa\x00\xdc\x046\xb0\xcc'</t>
  </si>
  <si>
    <t>b"\x9b\xff\xa4S\xef\x19\xf6Q\xbc\x10@\xceO\x04\x03'$\x1aIe\x9dqF$H\xd9`P\x03\x96\xa8\xbb"</t>
  </si>
  <si>
    <t>b"\xe3@\x0f*a\xf2\xee+)b&amp;^\x7f\xef\x17=\xba|\x83\xff9R\xf8\xbd\xd7L\xde\x9a^If'"</t>
  </si>
  <si>
    <t>b'\x0fl_\xaf3\xf0H \xc7\xd5\x18\x8c\x9d+k\x00{\xb4Lj\x9a*\xe5\xee\x1fx\x01\xcd\x01\x19d\x97'</t>
  </si>
  <si>
    <t>b'\t!\x0c\xfe&amp;`%\xfb9\xc5\xb1V?\x13&amp;\xb7\x9d\xef=\xef\x01\xcb\x13\\!\xd9\xe0\xb6\xb6\x11 l'</t>
  </si>
  <si>
    <t>587xx</t>
  </si>
  <si>
    <t>b"l\xe5\xf7'\xff\x8bo'\xfbZ=\xbd\xbb#\x0b\xe5\x17\x12s}\xaa\xf8\x8bco\x1a\xc6\xe7x\x88\x01\xa1"</t>
  </si>
  <si>
    <t>b'\xa6\xf2y\x0c\x1b\xa1\xbe@\x1c7\x98R(\xe6\xc3\xc2\x0c\x91JO\x10\x97\xc7\x8d\xf8\xe3&amp;\xa5J\x02\x10\x04'</t>
  </si>
  <si>
    <t>b'*\xe1V\xceG\xf6\xd2\xc2\xb27\x11U\xe4\x0f\x00\xf0\xa3\x05\xa9\xe0J\xfd\xc2*\xcf\xb9G\xc43nQ\xbe'</t>
  </si>
  <si>
    <t>b'\x87\xa1O\x16\xaf?Hh\x86S\x98\x9d\xb3\xf8\x8b\x14\xa1\x9c6P}l\xfc\xdeu\x94N\xa3\x1e\xc0\x80\x16'</t>
  </si>
  <si>
    <t>b'vM;\xa1\x88B\xec\\\xf9\x19{\xd8[&gt;\xd4\x13\xa2\xd3\xe6\xdd)\x7fk-\xcd-\xcd\xf2]\xe6vt'</t>
  </si>
  <si>
    <t>b'\xc4\xee\x8aii\xaab3J\x9f!vVTRj_\xd8\xd3\xb9\x04\x8f\x18\xb1 \x1eE\xed5\xdc\x04\x11'</t>
  </si>
  <si>
    <t>b'fH\xcd\x1eKt\x0bEj\x1d\x80R\xae\x03p\xa2([\x01\x15\x001\xba\xb4R\x10?-\xd8\x88\x1b?'</t>
  </si>
  <si>
    <t>b"\x0fU\xda\x11\x0e\xef\x18\x15m\xee^\x82C\x12-q\x81&gt;\xf0\xafO\x8c\x96\xad&lt;\xfb\nm'\x9e\xea\x16"</t>
  </si>
  <si>
    <t>b'j.\x9e-RB\x8a8\xb7|\xdbv\t\xe4\x84\x9e\x10\x86f\xc0\xde\x15V\x86aGF:\x879u\x89'</t>
  </si>
  <si>
    <t>b'\x9d\xb3Z\x844g]\xa2\'\x10\xfd\xf3yj\n\x9f\xa5"bY\xcaO\xb4\xd8oV/\xba\xea@\xac\x12'</t>
  </si>
  <si>
    <t>b'\xea\xd9&amp;6\x1a\xc8\xe4b\xc5\xcd\xb8\xe4\xfcth\x0c-\x02\xef2Co\xb6\x16/\x05\x94W\xfcG\x00\xcd'</t>
  </si>
  <si>
    <t>b'\xf7\xf9\xb8\xac\xa4\x97\x05/ q04\xe0\xd2\xe4\xbfA?pE\x80\x9d\xeb\x82}L\x1en\x80\xb6 \xfc'</t>
  </si>
  <si>
    <t>b'\xe2\xc2\x15\x17?~\xecY\xa4v|&lt;%\x05\xae9I3\x8d\xda_\x1d\xa8\xcc\x07\xf5\x03\x11\x1b)o\xcc'</t>
  </si>
  <si>
    <t>b'\xd4ff\xc7\xc8p\xee\xa9-\x15\xa7l\xe3\xdfa3*v\xb1\xa87t\xb4\xc0\xefs\xec\xcbI\xed\xfd?'</t>
  </si>
  <si>
    <t>b'\xb0\x89Y\xbf\xbcB\x87\xf5\xce\x0b\xe342\xd1\x99\x06\xf9\x9b\x80\x82\xf9{\xa0=\x83\x8d\x83\x0f\xa4\xdf\xf5m'</t>
  </si>
  <si>
    <t>b'\x10F&gt;\x01\xee\xe3\xdbM\xeb`\xcca\xb3\xe3\xa4\xcd,\xb0\x14tbj\x87p,\x0b\\X\xcep\xe4M'</t>
  </si>
  <si>
    <t>b'\xeb|,\x8a\xeb7\xb1\x1e\x1c^0\x1a\xc1\x0c\xf9\xc33\x0e\x13\xc4$\xf8\xba\x9a\xe3bX\xed\x83E\xb4Q'</t>
  </si>
  <si>
    <t>b'\x045\x80\x17\xeb\xf6\x89^\xb6\x94\x83\xe9wTg\t\xb8\xf3\x0e\xb0\x10\xb0\x1f\xa6\xdf\x8c\xf4\x18\x8a\xa7\xf6s'</t>
  </si>
  <si>
    <t>b'\x17*\x03\x9e\xbc\xc0\x16\xa1\xf8\xeb\x9a/\xdc\x1ac\xff#/\xc3\x0c\xdex\xd1g\xd9\xe2P\xf1*\xc0J\\'</t>
  </si>
  <si>
    <t>b'X\x9f\xc9\x85\x19\xf7\xfb\xf6\xc8\x9a$\x15We\x05zKr\xe5;PP\x86\xb0&amp;\x99\x84\xc9\xa2\x04/\xec'</t>
  </si>
  <si>
    <t>b"\xb0^h/\xa9\x8dr`\xc2}X-\xbbLw\x99/nn\xe0\xd8|\xe5nY'b\xff\xfd\xdeg\xb7"</t>
  </si>
  <si>
    <t>b'6\xef\x13H\xb4\xcc\xa5\xac\xdb|\xf0\xe7%8*ap\x8dV\x9bSW\xac\x84EX\xd8=\n\xfe\x92\xee'</t>
  </si>
  <si>
    <t>b'J\x8a\xe3\xba\xfb\x13;\x06\xf6\xdc\xc7F\xb1\xe5\xde\xa8\xfe\x88@s\xa1)\x17\xb8\xbe\xa2\xda\xdd\x87\xe04B'</t>
  </si>
  <si>
    <t>b'\xcc\x96\x92\x12XF\xad\x96N\x0e\x12\xebz0\xcdLm\x0e|\x91d\x0e\xca\xf0ui\xd3\xcb\xd0\xc8r\xaa'</t>
  </si>
  <si>
    <t>b'\r5\xcc\xaeDk\xfb\xf0\x83\x03\x00\xdc\xb7\x02+}AC\xf2\x05\x93\xf6\xf5\xae\x93\\\xcb\xd1z\xb7\x13\x10'</t>
  </si>
  <si>
    <t>b'5_\xd8\x8dS#E\xf4\xea\x95pp"(\x0b~d\xbc\xde\x03\xd6\x1a\xb7\xce\x92&gt;mC\x90\x0e$j'</t>
  </si>
  <si>
    <t>b':\xe6\x1b}\x92\xd1\xd63\x13,\x9c\x17.\xd9E\xd6L\x1cf\xb8\xf7\xae&gt;\xe1W\x14\x91\x94\x87v\xc2\x85'</t>
  </si>
  <si>
    <t>b'c\xd98\xa3q\xb4M\x19\x00\xae$\xb7z\x83C\xddBk\xb8.v\xe5\xd5\xb5\x7f\x13%;C\x87l\x86'</t>
  </si>
  <si>
    <t>b"\x06~\x1cm\x8f\x18\xcf'\xd7\x8e,&amp;\x83\xc8\x0f{6W\x046\xcd\xaa~\x7f\r~\x16(\x85Sd\xf6"</t>
  </si>
  <si>
    <t>364xx</t>
  </si>
  <si>
    <t>b'\xa1\xe8u\\\xdbb\x9e\x91\xd4\x19\x08*\xd1"\xcf)\xc3\x84\xc8\xce\xe1\xa9\xba\x80\xf3\x85\x8b\xdb\xe9Id\x04'</t>
  </si>
  <si>
    <t>b",qAo-\x90\x1a\xcd\xe9\xc5\x8c\xcd\xc3'i-h=su\xecot\xb1jO#\xb8\x86~\xc2{"</t>
  </si>
  <si>
    <t>b'\xfd\x9ft\xa3\xd8S\x95\x0eu\xd9\xe8q\x0e\x97\x88)~\xb9\x17\xdaKW\x1bg\xf0&gt;\x13\x00L\xd3(N'</t>
  </si>
  <si>
    <t>b'k\r\xd3\xa8k\xc9\xb4T][;\xf85\xf1\xd0\xbf\xa6\x88\xd5\xddQ\xcbS=\xd7\x9d%\xad\x86\xffF\x12'</t>
  </si>
  <si>
    <t>b'\x92\x98\x81\x1d\x9fB\xa4\xd5E\x01Z\x93fMT9\xb1qD_\xe0\x0b\x0b\xb7{\xfaV\xed\xae\xcf.\x8a'</t>
  </si>
  <si>
    <t>b'\xfb$\xe1Wp\x11\xff\x13\xe3\x02\x1b\xc7^w\xb2=\xdc\x13\x8a\x18\xc9bN\x17\x1bg/\xb08H\x1dd'</t>
  </si>
  <si>
    <t>b'\xa2\xe6\xad\x022\xffi\r\x11?{\x00io\x0f\x00\x83\xb5\xc6\xd7\xa0\x85\x85\xbbk\t\x1a\xf9\x83u}!'</t>
  </si>
  <si>
    <t>b'\x18\xb6\x16\xdf&lt;\x7f\x12[\xbf\xb3\xc5\xcc\x14\xc8v\xa9\x1cX\t\xbcX1EgNI\xe7ck\xbb\xa6\r'</t>
  </si>
  <si>
    <t>b'\xbb\xdb\xdd\xd0\xf7\x06*K)\x1e/A\x11\x87\x0cw\xa4l9!\xc5\x06\x1c\xf3I\xe0\x8a\xd3\xe5\x8f{\xa3'</t>
  </si>
  <si>
    <t>b'=\xaa\xca\xfd)2\xf2qw\xad\x8f\xe0\x04\xad:\xd0\xe0\xe8/\x91\xcb\xae\x90{\t\x93\x05\xf8m\xb7\x18q'</t>
  </si>
  <si>
    <t>b'\xde\xd0\xcf\xeb\xf1\xbf\xcc^\xf9\x95f\x95X\x18\xe4\xcc\x89"\xf9}Cr\xe0\x1d\xed\xa8l\x19\xed\x91\xd4\xf9'</t>
  </si>
  <si>
    <t>b'&lt;\xabz5\x08i\xcd.\x17\xe6=y$\xcc\xb8;\x88_\xe7,\xc1\x94\xe1\xf5\x1a]g\x84\xb7\xf2n\xcf'</t>
  </si>
  <si>
    <t>b'\xc5J\x8d\xfd\xea\x8d\xd6&gt;\x14h\xd2&amp;:\xb71\x1d\xa9\xf4\x11\xb5A\xbeI2\xc1/$\x1d\x9b+vh'</t>
  </si>
  <si>
    <t>b',x\t\xe0:\x83\xe5\xf8\xbe?\x01\x84\x94\x19\x08h/%)\xf4\x0eX\x03{\xb2\x81\x94\xa1\xe1#ac'</t>
  </si>
  <si>
    <t>b'+o\xa2/:4\x9b\x06\x03\\\x9c\xf8,]\x83H\x93\x1c\x1a\xca\x91j\xccKP#\xafm\x91\xf0"\xb8'</t>
  </si>
  <si>
    <t>b'\x8b\xc7Z2\xe0\x95\xcb\xd1\xf2]\x1e\xa0T\xb5\x98\x10\xcaH_\x07E\xee\xf5\xa8\xf9\xf4\x11M\x84\x00\xfa\x94'</t>
  </si>
  <si>
    <t>b'\xe4\xbe^M\xd6\xc2l\xac\xfeh\x00\x0f\xca\xb1\x07}\n\x1f\xd4+\x08)\x08aSTxJ\xd1\xe1\xbf\x8a'</t>
  </si>
  <si>
    <t>b'\xbfB\xe8\x8c\x81W\xdd\xd4T\x11+[\xf6\xd0\xa04\xe6H\x0c0(\x10\xeb\xf8W\xa8\x10\x9ad\x8f\xeb\xfa'</t>
  </si>
  <si>
    <t>b'#\xd0z\xdbK}\x18\x8e\xd5b\xd6\x1bl1\xfeA\xf4P\xa5g\x88\x05\xe0\xd8=\x7f{\xaf\xbfC\xd6\xb0'</t>
  </si>
  <si>
    <t>b'\xecS_c\xf0Fx2:k\xa6}\xf9\x93\x0f\xb8\r\xf5V\xd9\xdc\x9e\x8f\x8a\xe9C\xfe{S\xdf\xa0\xcb'</t>
  </si>
  <si>
    <t>b'\x8b\xa5\x1cQ\xdd.I\x03\x86\xb8\xa3\xfa\x7fx\xe6\xab\n\xb6C\xc1\x16h\xaa!\xc3\xd7\x95\x9e\xddyY\xe3'</t>
  </si>
  <si>
    <t>b'0\xb7\xb6I\xc94\xd4\xa2\x11/\x9e\x10Y\xaeX\xd6\x19~}[DV\xda\xa4\xb8\x8c\xe3~\xbbRu\x16'</t>
  </si>
  <si>
    <t>b'W\xe6e\xe4FqR&lt;\xe2&amp;`\x0b\x19\xe7_\xfe\xd0S\xdd\xc2\x13\xecb\xb1\xd7\x8fi}\xdf\xc6\xa6\x8c'</t>
  </si>
  <si>
    <t>b"K\xd88\xc8w\xfc\x9c\xc8\xb1C\x99-\xf9\xbe5\xdb\xff\xd1\x82|'d\xb4\x07\x14\x1a\x06B\xbc\xdd\x98\x0e"</t>
  </si>
  <si>
    <t>b'\x9d\xa2\x8a\'\x89?`c\xcd\'\xc6\xdc)\xcer\xfc\x9e\x0f"\x01\xec\xf9\x89\xeb\xd6z\x91\xff\xe75\xce\x15'</t>
  </si>
  <si>
    <t>b"e\xdc&amp;\x9a\xc4!&lt;l\xe4\xc0R~\xbb\xd1\x9dr3\x83\x8bcT\x94\xb5\xd1\x19'e\x1d\xd2\x0cZ\xa5"</t>
  </si>
  <si>
    <t>b"D{\xab\xe8\xd4A'c\xe4_J\x97s\xdbU5\xd4H\xed\x85\x05\xd8Q\x82\x94i\xd0\x81\x04h\xd3\x06"</t>
  </si>
  <si>
    <t>b'\xa6\xb7L\xaf\x8cX\x80G\nX\xa2iZ\x1aK\x9a\xac\x83\xe9\xae\x91\x86\xbc\xb0aCD\x07k-\xb9\xa8'</t>
  </si>
  <si>
    <t>b'\x90E\x13\xcf\xd1N\xfb\xc4\x0eQ\xf3\x92KG\xe7\x8d@\x132\x06\xb9:\x85Y\x9bS\xaa\x97y\xf6\xbe\x8c'</t>
  </si>
  <si>
    <t>b'ry\xf9x\x9eN{\x9c\xac\x0cRI\x86\x14\xac\x90ha\xfa\xd9\xd0(\xc7\x13\x9f\x02n\xd6b\x07\xab"'</t>
  </si>
  <si>
    <t>b"\xc8\xa9\xd1\xa1\xbe\xa8\x05\xcf\x82*\xd9\xfb'\xa7\xb6'0\x9d\xa1A\xbb9\\\xa7C\xb31\xb1\xf3\xca\r\x1c"</t>
  </si>
  <si>
    <t>b'\xfc\xca:\x0f _E\x98\xb4j\x95\xa7\xeb\x00\x84\x91^r\x08d\x19\x00\x9c\xcb\x02\x17\xc9 fU\t\x05'</t>
  </si>
  <si>
    <t>b'\r\xcb\xacA\xe7\x8b\x1d\xb5]ei\x17\xff\xec\x9b(A\xe9\xb2\xc8\xe4b\x18\xack\xe1\xb5\xcfW"0\x80'</t>
  </si>
  <si>
    <t>b"^\x01g=\x8e\xa9&lt;\xba\xbf'\x8a\x86z\x01\x86\xa1Y\xba\xb0\xe2\xc6\x1avM,\xc3\xee\xfa%w\x97\xd4"</t>
  </si>
  <si>
    <t>b'Q\xb8I\xa4B.\xb7`\xaa\x07L\xf9\xf4\xfd\xf7\xea\xa8Q\xf7`\x03\xd3\x15\xc2|7!!\xd4\x15\x80;'</t>
  </si>
  <si>
    <t>b'\x14\x8e\x0b\x19\xc6\xaa\x13\xe0\xd1\xc8\xa2~5N+d\x00\x8aH$\xa1\x11\xe1h%^\xb4&amp;\x1be\x95\xfa'</t>
  </si>
  <si>
    <t>b')\x18\xd6\xdc\xf1\xd5\xdb\xed\xd8\xdd\x12\xf5\xfdn\x1d\x8d\x89\xe5\xa6\xf6\x83z\x84\xe7\xf8\x98\x99\xe6\xd2\x086m'</t>
  </si>
  <si>
    <t>b'\xe461&lt;\x7f\x9eb\xe0\xe8\xe6\xab\xc2z\x0c\xd7\xbe\xa72\xb3\x06+%\x125\x16\x0f0\xc9P}\x03f'</t>
  </si>
  <si>
    <t>b"a\x1a'{\x81t\x02\xf3 \x06;V\xae4\xe7\xd8z\xa6\xa0\x9f\xd2\r\x87\x8e\x92\xd8\xcb\xf4L\xf0\xf1O"</t>
  </si>
  <si>
    <t>b'6\xf3\x8c\x9b\x10\xe6\x87\x89\x96\xd4\xc2,lZ\x1e\xc9\x82T\x99\xb1&amp;g\xf6\x9b\xbc\xa0\xe5\xe9\n\xa0\x97B'</t>
  </si>
  <si>
    <t>b"\x01A\xb1\xb8*k\xdd\xc7\xb5\xec\xfc`\xae1\x0b\x12\xe8'\x15\x7f\xa6\xb3\xbeK\xe6\x1a\x97_\xde#A\xc2"</t>
  </si>
  <si>
    <t>b'F\xcbN\x90t\xac\x81\x80\xb4\xee\xd2\x89r\xb6!\x1c\xd6\xfe\xbbQ\x80Voz\x86\xe0#\xe8N\x83v\xc3'</t>
  </si>
  <si>
    <t>b'\xd4\x81G\x92\xaccg\x0c\xd6\xe3\xa2f\xbd\xbe\xe2\xa1-\xab\x9f2\xb1fV\xb8\xab\xcb\xf9\xbf\x8a\x85\x17\xa2'</t>
  </si>
  <si>
    <t>b'\xd4\x88\x8a\xb0$\xc8\x7f\xdd\xd3\x96\xbc\x8b\xe6\xff\xffy;\xb5c&lt;2\x1e\xd9\xd3\xb5\xdb\xa4\xadnN\x92\\'</t>
  </si>
  <si>
    <t>b'Vw7\xd3\x9d\xaf\x83\x92_\xa7\x8f\xcfE\xc2:J\x935\x86\x0e\xcek\x16*\x9e\x15U\xb5Od\xba\xd1'</t>
  </si>
  <si>
    <t>b'\xfa\xfa\x08\x9c\xb8\xea\x90\xa3y\xba\xb0\x0b\xb4\xae\xcd{\x02\xf7a\xad\xb0\xa2\x89\x82\x02\xfa\xef\x8f\x8e\x1c\x03X'</t>
  </si>
  <si>
    <t>b'\xc1\xac\xfcY7}\xf5\xf7aT"H\xa4^\x1c\x8bKR\xb00\x9e\xee\xde\x00\xf5K9\x8d&amp;f\x91\x9a'</t>
  </si>
  <si>
    <t>b' \x18\x08\x06H\x85\xeb\xe3\xd0\xc5&gt;\xd0\x83\xb9\x17_\xaa\x0f%\xfa\x9b"m-o\xb4\x06,\xc7\x83[\x0b'</t>
  </si>
  <si>
    <t>b'\xd9\xe0\x1a\x06C\xfbNwW?\x18\xaa\xa9\xac\xf9\xc4\xdd\xb8)~\xeb\x07\x9a\x0b\x0fKo^A\x17\xb9j'</t>
  </si>
  <si>
    <t>b"\x11\xa0\xa5\xb3\x9e\xa8\xaf\xfew\xc5\x89\x17}_\x99a'\xe0|Z{4i\x0c~\x88\xb2\xe4\xef\xe2\xd5("</t>
  </si>
  <si>
    <t>b'6\x11\x18\xfc\xc4\xbf\xd7:\n\xe1\xed\x04i\x7f\xee\xf5\x08\n\xc9\x91\xa4\xcf\xdb\xe4\xd9\x15\x07\xf7u\x00\x10\xd2'</t>
  </si>
  <si>
    <t>b'\x04z\xb0m\xabA\x06g\x94\xd8\xd4\x8e\x9cc\xafYv\x03w\x90\x91\xcc\x15\x9cz\xd4D\xb0X&gt;G\xe8'</t>
  </si>
  <si>
    <t>b'0\xc9p0\xae\xe7\xf4\x8a\xf2\x00\xc0\x82"\xee\x9a\x03\xf9bk~$\xc3@*\'\x12\xdd\xea\xe8\xd0\x0bN'</t>
  </si>
  <si>
    <t>b'\xed\xc0\xe8,^\xf8S|\x02\x02\xc9\xc7\xa0\x87\xad\xdb\xcd+\xf3\x94\xb6\x1b\xf9[\x06\xacF\x17\xce?* '</t>
  </si>
  <si>
    <t>b"\xac\x16[7\xd8gLt\xeb\xb4\xf9DWj\xaeD]0\xe6*h\xda\xe2:\x119&amp;m\xc2\xf0\x92'"</t>
  </si>
  <si>
    <t>b'\xd1;\xfb\xfc&amp;\xaa\x0b\xed?\xa5j\x1f\xdf^RX\x0fs\xff"M\x96\x10\x16\xa1xU\xa67C\xe9\t'</t>
  </si>
  <si>
    <t>b'\xd1\x9f\x965\xc2\x8e\xad\x14\xa3\xfe\x9bo\xff\xb5\xf7\xa8+\xdaW\xaa1h\xd6@\xc6\xed4\xd8\xf5K\xb7\xeb'</t>
  </si>
  <si>
    <t>b'\xc7$\xb2\xdb\xee&amp;\x19\xbftn\x0b\xb4m\xbf\xea\nZ\x13\xb9\xf5\x076 \xc0a\x9aMTH\xb1\xa3X'</t>
  </si>
  <si>
    <t>b'h&lt;\xfc\xa5\xb6\x91d\n\xa62dm\x17\xce\x08t\xf6]K\xcb\xb2\xfc;&lt;\xe3\xaa\x01y:\x05B\xcd'</t>
  </si>
  <si>
    <t>b'aM\xba}Q\x8cA%\xb0W\xeeG\x9c\xde\x077\xc8Z\xdaQ\x03M0&lt;\x85\x1a\xee\xf7\xa29\x1a\xa0'</t>
  </si>
  <si>
    <t>b'FO&lt;\x86\x8bQ\xab7\xce\x94\x81\xe1\xa5\x82\xd5\xd8&amp;\\\xcd\x7f\x15f\xb4L\xe9\xb8\xdd\n\x96|x\xb1'</t>
  </si>
  <si>
    <t>b'\xbc\x99\x9fp\x17v_\xa0\xadN\xdf\xe4W\xafE\xf3(\xc3YXjH\xc0hq\xc0\x1b\xb8\xb97\xbb\xbe'</t>
  </si>
  <si>
    <t>b'\xd9\xf9\xe7\xc5\x14h]r\xf2\x03!P\x1f\xd1\x1c`\xb9g\x05lS\xd3\xc2\x80\x9b\x0cu\xd9\x14\x0c\x05\xdc'</t>
  </si>
  <si>
    <t>b'\x95\x97b.\x85\x00\xa2\x1ce\x81E\xb8\xa3\xeb\x13w\xce\x92\xfd\xfa2\x1c\x1bm\xdf\x8e\xbaY\xc2q\x12\xb9'</t>
  </si>
  <si>
    <t>b'\xad\xc9\x16\xa7X&amp;i\xfd\xaa\x19\x1e\xf7\x1b\xde\x84\x7f\x89K\x11\x80\x9a\xa4G\xa1(\xd6\xad\xb8+\x81\xc0\xeb'</t>
  </si>
  <si>
    <t>b'\x1a\x968\x14\xea\x1d\x1d\x8e\x05:\xbd\xa2\xcc\xb2\xd3`\xdf\x8a\x9e\xce\xcf\xef\x80\x1b\xfe\xe0\x80\x8d\xc08r\x10'</t>
  </si>
  <si>
    <t>b'\xf2\xe4B\xba0\xd2\xf8-\xcbW$\x80\xd0\xd6\xea\xdbI\x14\x86u\x12\xb1a\xe1\x17\xf5\x04\xd6\x12q\x90R'</t>
  </si>
  <si>
    <t>b'\xff/\xb2-fJ\x1a\xf4\xf7\x9b\xc0N\x99\x12Q\xd9\x1cb\xcds\xa46\x18\xff B\x06\xd5\xa9q\xdc\xcd'</t>
  </si>
  <si>
    <t>b'\xb7U\x90\x06\t\xdb\xc3h\x8d\xff2\xec\xf6\xf9u8\x88,\x83\xe7\x08\xe6m\x83\xef\xbb\x98\x15\xbc\xbfC\x81'</t>
  </si>
  <si>
    <t>b'\xb5A\xb2\xe6\x06\x05\x03\x96\x9e\x7fB\x8d\x96\xd3\x8c\x89\x1d\xfb\r\xba\\\xc2\xcd\xeeygO\xb0\x94\x8bJE'</t>
  </si>
  <si>
    <t>b'\x0c\xb5\xc9\xa8\x98\x12\xcb\xd0\xe3\xcc\xc1\xb8\x8d\xba9e{\x98t\xd2\xca)\x89#\x07\xa2\xa1\xb07`N\x1f'</t>
  </si>
  <si>
    <t>b'\x10\xb4\xdd1\xff\x0fU\x9e\xb1\xb2\xc3\x001\xb8\xfb\xeb\x1a\x85\xc6\xc76\x93\x9e\x88\xf3UMJ\xb2\x1d- '</t>
  </si>
  <si>
    <t>b'|\x9b\xb4.\xf9R\xa6\xc7\x95y\xe5\xe3/\xea\xb6ND\x0c\xc5L\x19\xc7\xb8"a\xc0\xed\xf3\xd5\x84\x87\xe3'</t>
  </si>
  <si>
    <t>b'\xf2\x95\x82\x91\x1e4\xee2\\U\x12l\x10B\xf2\xbd\x83 \x1dd!\x97Rc\x9bf\xc9O\xfc5\x17\xcb'</t>
  </si>
  <si>
    <t>b'\x1c8\x90\x0e\xc6U}O\x81\xe2\x9d\xfcvo\xca\xef\xe4_W\xd9)\xff\xfbO\xbc71\xaf\xb9\x82\xefT'</t>
  </si>
  <si>
    <t>b"HbaD\xe5.\xad\xaf\x1as\xed&lt;&gt;8?\x15\xa1'=\xf8\xc4\xc1\xa9\xe5\xf8\x8c\xb9\xc0q\x9a\x1f "</t>
  </si>
  <si>
    <t>b'm\t\x97\x86/d\xfa\x10B\xa8\xdb\xee\xaa-\xf4\x1b\xda\x7fLTA\x12\xbau6\xa0&amp;\xff\xb7\tL\xd4'</t>
  </si>
  <si>
    <t>b'\r\x97\x0b\xe3M\xadl\x9b{[\xe9\tx\x0e\xe3\xd0\x84\xb7\xcd\x82\xadm kg\xd6Y\xab.@^\x0b'</t>
  </si>
  <si>
    <t>b'\xe27LK\xc6\x9b\xfb\xd3y\xc2h\x93\x92;D\xc6\x9c\x81E\\^\xba\x0b\x03\x19\xc9\x8c\xdd+F\xc0\x80'</t>
  </si>
  <si>
    <t>b'\xa0\x05/\x12\xe6r\x8d\xf5l\r\xb4ZXq\xa1\xc5\xe2"?\xd7\xae\x89\xea)/x_\x0f\xe15\xe6A'</t>
  </si>
  <si>
    <t>b'`\x90\x92\x8f\xf0z\xfc[z\xb9\xf0y\xd3\xe9\xf7\x06X6\xca\xa7\xc7\x8a\x9d\xb5$\xe6h\xf6u9\xe6\xcd'</t>
  </si>
  <si>
    <t>b'.^\x0c\xaf\xbb\xb6\x86Q\xec\xfe\x7f\xa8^\xd7\xfc\x10H\xc1\xf8\xe2\xe4 \xd8\xce\x10\xee$\x7f\xdb\x86\xd6K'</t>
  </si>
  <si>
    <t>b'\x1b{\xad7\xdd\xef\xb7\xaa`z\x06\xe3\xce\xea\x1bW\xa2\xf8\x88H\xcc\xb1\x839}j\xf5Xe\xb5m\xa3'</t>
  </si>
  <si>
    <t>b'Kk}\x85\xb6&amp;w\x1e89\xc9oB\x14\x985\xaeP\xda\x9a\xc26\x91\x10sKT\xa8\x14O\xc2z'</t>
  </si>
  <si>
    <t>b'\x81\xa5}\xfdmg\x15L\x0f\xcb\xc1\xe5k\xab\x84\x7f\xc4\xe5\xe2\xb2\xdf\xa4T\x06\xb9j\xa1\xb0{u\x05n'</t>
  </si>
  <si>
    <t>b'D\x92\xe7\xd5+\\o\x9cM\x07\xdaef(\xf9\xde5d\x84\xcd\x91y\xe4\xb11d4vE\x06\xb6X'</t>
  </si>
  <si>
    <t>b'\xb9\xd9(\x9fz\xcf\xb0e\xc2Q:(+\x12\xf9x\xe2\xc0\x1ent\xe1xQ\xa7\xb5\x06\xd9\x15\xc2/H'</t>
  </si>
  <si>
    <t>b'\xde\xe0\x1d\xbdeW\xf0\x83\xee\xc3\xfeL{\x16\x88/\x9e\x924\x03?j4H\x12{\x19K=\x00\xc0\xd5'</t>
  </si>
  <si>
    <t>b'Bx\xf1\xe8!\x9e\xe6SC\x04\xdfm\x80Z\xca\x9f?\xed\x93\xc7\xd9q|\xd3\xc0lU\x03!r(\x17'</t>
  </si>
  <si>
    <t>b'\x1d\xb2p\xc8N\xae-\xf8\xec\x83\x08w\xeeg\x97\x00\xdd\xc4b\xfe\x05\xd7y\xa5!9\xdd\xe8\xe4.K\xd8'</t>
  </si>
  <si>
    <t>b'\x97\x8f\xe6\xa9\xae\x9b\xb0t\xdd+c\xc4^\x13_.\x17K\xb4\x93S\xd0\xb4S5\xd4e=69*\xf9'</t>
  </si>
  <si>
    <t>b'\x18\xaag1\x19\xee\xc6Ev\xc8\xcb#\xd7\xf3\xaak*\x1e\x10V\xd6\x8e?I\x13\xe8]^!\xb9\xaf!'</t>
  </si>
  <si>
    <t>b'\xa8B:\x16e+\xb2\xc9C\xd1\xad \xd5\x03\\\x85\xd0\x84$\xe1j_\x0eJ\x8e=\xd9~W&gt;\xfa%'</t>
  </si>
  <si>
    <t>b'\x8f\x08\x9e\xfdZ\x94\xc2\x1c\xa4\xda\x8bI\x10\xa3O0\x00\x05\x9e\xd0\xbf\xb5\xc0\xcd%qS\x97!Eu/'</t>
  </si>
  <si>
    <t>b'^\x9a\xe4\r\x03\x0b\x14\xb0\xa9p\x9e\x86\xb0N\xc4\xd2\xd81\x1b\xb4\xa6p\xc8\xb4\xab\xa1x\xc7_\xd1\xf8\xc5'</t>
  </si>
  <si>
    <t>b'~\x14\rQ]\x8a\x81\xb5\x10:\x01\xf41\x9b\xae\x83a\x9bJ\xf6W\x82Byg\xb83\x19p\x9c\xb2Y'</t>
  </si>
  <si>
    <t>b':F\xe5\xf5\x95L\xb1l\x1f\x8e\xa1\x85\x84S\x8d\xfbm_\xd8Z,\xa2\xaa\x83\x05\xa7\xe3\xbbUez\xbd'</t>
  </si>
  <si>
    <t>b'\x1f\xcfB6\xdah\x91\x95\xfd/\xdcx;(|Fxw\x8er\xe6\x8e\xc6\xd6\xf3\x12o\xd7U^\xa7\xc9'</t>
  </si>
  <si>
    <t>b'\xf9\xd8WT]\x0e)\xcc\xe9\x0e\x06\xf2\xf1\x85[\xf7.\x0f\x86\x17\xba\xfe\xb7\x19W\xcb9F o\xdc\n'</t>
  </si>
  <si>
    <t>b'v:\xdc\x1b\xe1**\xf5\x9e\x10_="\x06\xdb5\xc5)\x1a\x1c|\xf3\xf0R\xa0U&gt;\x80-\xe8\xb8\xd2'</t>
  </si>
  <si>
    <t>b'] \x17O3;\xde*\xc8\x89\x83y\n\xebX_\xe77\xe1B\xc1\xeak\xea\x88\x9e+R\xe4\xd1\x96\x85'</t>
  </si>
  <si>
    <t>b"o\x05\x84\xd8P\xdb\xcf%\xa9&lt;\x16\xa7\xec\x1e'\xc0U\x8f]\xd6W\xfd\xf9\xcb\x8f\xa3Q\xe4R\x154\x8b"</t>
  </si>
  <si>
    <t>b'\xd1\xb5\xa9\nLfm&amp;\xf5\xb0\xc8p\x9f\'\xf0P"\xbeY|E\xa9\xcfL\xfb\x8e\xfb\xb7\xa6\x0e\x81\xc2'</t>
  </si>
  <si>
    <t>b'\x13\xed\xe3\xab\xbd\xca\x04\xc8\xf1]\xb9\x8e\x00\xf1t\xc7\xa6\xbb\xcb\x8dE\xee\xab0]V\xee\x0f\x9f\xd9\xda\xcb'</t>
  </si>
  <si>
    <t>b'\xf3r\xbc\x86\x1eM\xcb*\x12T# w\x93\xe5\x89aAq\xaa\xad/4\rJz\x88q\xe2\xc8I\x9f'</t>
  </si>
  <si>
    <t>b'\x04SJ\xbaTp\x0f\x07w\xc2\xf5\t\xc0\x0f\xfe\x00\x16\xf4\x18\xb5\x93\xa7Ed7\xdc?2\x852\x13\xf9'</t>
  </si>
  <si>
    <t>b'\xea7r&amp;,\xa6\nB\xfb\xb4I\xdf\xa6\xc8\xea\xf1&amp;3\xd2\xb5\xaf\xcd,\x10\x9b\xdd6\xbd\xbe\xfe\xeb\xc3'</t>
  </si>
  <si>
    <t>b'\x92#\xe8\x86"\xe4\xcet9\xb6[\x05\x8d\x7fR\xc3\xad\x9b0]\xe5\xbf\x08\x19\xef\x8f\xb6\x11\xe3\xc2\x8bi'</t>
  </si>
  <si>
    <t>b'G\xa2iL3\xedXy\xcaR?\xb3\xc5\xa8/)\xd0\r\xdc`\xbaT)qu\xe4H\xfbT\xf0^\xb1'</t>
  </si>
  <si>
    <t>b'\x8f_zb\xad\\L\x0e\xd9t\x91\xce\xb2P\x17i\x8d \x14CA&amp;\xd0\xc7\x0c\x04\xed\x17\xa9p\xbc^'</t>
  </si>
  <si>
    <t>b'&gt;\xb28\xe4@\xe7\xdf\xfd\x02\x01J\xdd?1\xab\x1d\x03\x91\xaa.\x83-\x88\x1ez\xe3B\xbcDI+7'</t>
  </si>
  <si>
    <t>b'\xb6\xda\x06;\xa1\xd8\xd5\xf5\xb4nk\xa3O\x16\xc4%\x80\x1b\xe5_h\xea\xe7\xec\x19\xe1r%S\x17\xec\xb0'</t>
  </si>
  <si>
    <t>b"\xb1\x9b'\x1f\xba\xa7\xef\xbd[\xcf*\x1b`P44\tSK\xba\xd4\xab\xd3\xc7\x19\xa3&lt;0\xf4nh\x80"</t>
  </si>
  <si>
    <t>b"F\xf8\xb9\x06\xdb\xea$\xae3'+\x7f\xc4\x9e)\x04?\x10\nd\xce\xddb\x0b\xf7wTz\xa9\x1aq\xb6"</t>
  </si>
  <si>
    <t>b'\x84\x16\x99\x1a\xc9\xc1;X\xa4\x1c\xfc\xbbx\x9a\x0c\x1f\xc4\x07q\x1b\xd5\x9do\xd4\xa4(A%Pm\x98\xf1'</t>
  </si>
  <si>
    <t>b"k\x00\x0f\xcf\xc8\x8e\xc9l\x07\x1dF'[\x10\xbb\x91\xfe\xa7gp\xf3\xa1\x0f2\x93?\xc1(\xfch\x83U"</t>
  </si>
  <si>
    <t>b'\x8arQ\xc7\xf0\xa1j+?M\x19=\x12\xdd\xd50&gt;\xc90T\xdc\xfcG4U@\x82\xc5l9rv'</t>
  </si>
  <si>
    <t>b'\xf4|P~*\x9bO\x85\xc10\x85\xe1\xbe\xd1\xd2\xc8R\xea\xb0\xa1\x1f=\xd1\xf9S\xe4\xe3\xbb\x8b\xbcn\xc0'</t>
  </si>
  <si>
    <t>b'_M\xfc\xb2\x08\xfbZ\xed-\xecA~\x1f\x90\xcc=\xa1\x9d\xd4\x83\xcd\x9ba\xd1\x13\x01nz\\\xd2\xa1g'</t>
  </si>
  <si>
    <t>b'\\\xaa\x1c\xd5\xbasy\xe0\xd0o\x16\xb5\xb5\xd7\x01\x86\xb8\x81\xc0O\xf1[\x81\x1cwMu\x8b\xe5\xe1y&gt;'</t>
  </si>
  <si>
    <t>b'\rd \x0c\x028md\x80\xce\xd4"G\xf0\xf1_\xc0\xaax\xf0\x1d\x11\xa5\x95\x1e\xde\xfb\x04po\xff\xee'</t>
  </si>
  <si>
    <t>b";\xc9_\xc5\x83\xca\xd3'i\xbc~?\x134Keb\xce\x04 \xeeN\xa0\x08\x13\xf0\xbf\xc6`\xba\xca\xd2"</t>
  </si>
  <si>
    <t>b'\xe9\xb7\x95\x9e\x93\xc4*\x00*\xf6\xb0S\x7f\x0bV*a\x02z\xc0\xdb\x8fg*\xdb\xf1}dJ\x8d\xe8\xea'</t>
  </si>
  <si>
    <t>b'R\x90b\xff\xd6\x1b\xed\x8d"JP\x9d\xa0\xd6;\xc2a\xc7\xae"\x91\xa1\xe2\x19\xc6]&amp;\x92\xf3q;\xa2'</t>
  </si>
  <si>
    <t>b'\xed3L\xdc\x89\xefza\xa9\xef\x9e\x12^1\xff\xf7\xeb\x1ef\xbb\xd7\x99\xfe\xf5\x13iW\xa1m\x8bOb'</t>
  </si>
  <si>
    <t>b" 30'WD*~\x8df\x9a\x9a\x06\xe4\xd9\xdf\x11)\xf0~p@h\xc0E\x1c\xa6\x87\x18Uvr"</t>
  </si>
  <si>
    <t>b'+\x81\xeeh\t\xba17\x05\x8417\xb2\xe3\x05\xe4w\x1b\x14)\xb4\x9a\xbe\x06\n\xb3\xaf\x08\xca97?'</t>
  </si>
  <si>
    <t>b'\xbf\x99\xe1\x16\xab\xc9\xac\x06\x04\xadTD\xe0jm_\xff3\x9b\xf04\xaa\x89\xda\x05\x04\x0fd\xb6{\xfb\xa8'</t>
  </si>
  <si>
    <t>b"\xefr\xa3\n\xd9\x0c\x9cU\x1e\x1d-\xb6\x8a\x01\xb5Y\xb9'\xbahmT\xf9\x93\xb2R\x19\xb5\x0b\xfdU\x02"</t>
  </si>
  <si>
    <t>b'3|\xe2EUy\x84Y\xc8\x88E\x8f^\xeb\xbf\xf7_\xbe\x08\t\xa4\xe4\xa5\x80\xcbw\xb6\xd6\x83\xc4J\xf9'</t>
  </si>
  <si>
    <t>b'q\xe7\x9b\xf1\x98\xfcP\x1fy\xd7\x0f\xc3Ghq\xdb\xc7\xa5{u4^\x82(\xf8Z\xac0\xe3\xbb\xbf]'</t>
  </si>
  <si>
    <t>b"\x15a\x13\x92\xb6\xea=\x98.6\xe5P7\xf7\xbe\xe6Bf-84Y\xa5\xf0'+iq\xf5J\xfe\xe6"</t>
  </si>
  <si>
    <t>b"\xdb\xfd\xae'\x8f\xb5\x05K\xcfw\x9c\xca\xf7\xc6\xd0\x1f\xdd^\xb6\x81\xc7\xcd\xac\x99\xf3\x00\xe2\t\x92\x80e\xc6"</t>
  </si>
  <si>
    <t>b'2\x8ak\xe9U\x99"n\xc1\xb0Tk\xc5\xb7[\x8fj4\x1e\xc8\xf2,\xa6\x1by!\xdbdnO\xf3S'</t>
  </si>
  <si>
    <t>b'\xb2DU{T: M\xa7\t\x19\x9d8\xa0\xf1]\x98X\x187\xbah\xb3(~\xbe6b\xb5\xf2\xb6\xb3'</t>
  </si>
  <si>
    <t>b'\xab5\xbbT\xcf\x8b\xb8\xd5\xa3\x913X\xc3\xbe\xe3D\xa2\xff\xd5\xc0\xa5\x14\xb1\xd6\xa8\xfd\xfb=T\xff\xf9\xd0'</t>
  </si>
  <si>
    <t>b'\x94\x9cW\xe8sQ4{\x13\xc5\x0f\xf9S}\xbf1&gt;2t\'\xa4\xe2Ic\xb56\xe4\xbde"\xe7\xd5'</t>
  </si>
  <si>
    <t>b'\x03\xb1\x8e$\xeb\xe5+4\xe3\xb2\xe6\xba\xf2\x9c\xdc\x7fC;\xca\x90r\\\xc8A\xe1\xa7\n\xbe\xc6!\x86\x93'</t>
  </si>
  <si>
    <t>b'\x88\xfaw\x9e\xec\x96\xe6\xf7.,\xa2Cq(\n:&amp;\xcb&amp;\xb5\xfa\xa6\xd6\x1a\xa3j\x94\x95\x11\x96\xe1\xd0'</t>
  </si>
  <si>
    <t>b'2\xe2\xff\x9e\xec\xfa\x02\xec\x90f\xaf7\x91\\\\U\x88\xa0!!F\xb4R^\x7f^\x80\xfbg\x92\xab\xc8'</t>
  </si>
  <si>
    <t>b'a \xd3\x1a\xb9\xf6t\xe2\xdd0\xb0MP7\xfae\x00\xadzm\x86P\xff\xb1\x00\x9c\x03qa\x1fq\\'</t>
  </si>
  <si>
    <t>b'\xe1N\xb6\xd4\xf9\xf1O\xcd\x8e\n\xceR\xf2\xcc\xe7\xc9\xcd\x07\xba\xc7\xedD\xfc?l\x90\x12\x93\xc3\x88[\xf7'</t>
  </si>
  <si>
    <t>b'\xadO&lt;\xb8\xdb\xeeq\x86?\x9e\xcc:\xfb\xa7\xc6L8\xd2,\xc5\xbb6\xdf\xae~\x0cO\xa3:\xff\x08h'</t>
  </si>
  <si>
    <t>b'\xdcv4o\xd3\x04T\x91\xf6Kl\xbc)VR\xb0\xb8jb\x0e\x86\xbc\xec\xfc^\x8e\x9d\xae\xa2\xda\xa2S'</t>
  </si>
  <si>
    <t>b'@\xc7e\x95l\x93\xd9\x87\x8fs\xaa\\\x1e\xb5\x87)\xa49\xa9\xa9\xab_\xdd\xe0j\x16\xecd\x18\t\x13G'</t>
  </si>
  <si>
    <t>b"\x99\xbd\x02uT\x90I\xc9z\x15\xea\xf6*\xb3Q\xc0&gt;\xe9Z\x93\xf7w\xbf}\xb1\xc1'\x98\x9d\x9e}\xc9"</t>
  </si>
  <si>
    <t>b'Do\rO\x1cy\x9bg\xed\x80\x89w~\xd7s\x8a\xdd\xe5+*r\xd5\xb9\rT\xcb\x0bL%\xfc\xbc\x9a'</t>
  </si>
  <si>
    <t>b'g\xe4\xad=\xd5u\xa4\xfb\xe1\x96\x0fni\xf1t=\xc3\xb4h8\xb3\xe6\x0c%\xa7\xfe5\xa9"\xe2\xb0\xe2'</t>
  </si>
  <si>
    <t>b'\xda\x07n\xe1\xbd\xebf\x9d\xb0\xab\xee7|&amp;\xf2\x82]\x9d\x91\xe1\xe7\xcb=\n\xb8\xf0\xe5\x89\xbd\x117\xd6'</t>
  </si>
  <si>
    <t>b'\x8d\xfe\xfb\xa1\x05\xec\xfc\x7f\xb1\xefv\xba\xaa\x17C-\x88\xb3ze#M\xbf\xab\xe1\x19\xae\x86%\xef\xdeY'</t>
  </si>
  <si>
    <t>b'\x90\x00\xd3j*\x0f\x8b\xd6\x90\x9c`\xbfI1\xeb&lt;;_\nk)Vi~\xb5=\x19&lt;\xf6\xe9\x0f\x00'</t>
  </si>
  <si>
    <t>b'\xb4K\x88\xe6\xf7[\x16\xa1\xe1s\x17\xfa\xf7~\xd1\xf8=!\xf9?,\xb6e\x82\xb7T\xb5\xc4\x8b\x05#\xf0'</t>
  </si>
  <si>
    <t>b'\x18\x1a\xcb\x92\xffz\xf0{\x81\x9d?\xa2\xd9\x8bW\x06a\xd4\x8f+\xe9q\xa7%\xd3r\xbdqC/l4'</t>
  </si>
  <si>
    <t>b'\xc7\x8bJb\x7f,\xe0\xe3,\xe99\x90\xc7$\x0e\xb9\xb4\xb7\xdbS\xea\\P\x13\x89$\xa0\xb4\xd6A)\x18'</t>
  </si>
  <si>
    <t>b'\xb7\xc3\xab\xed\xe0\x7f5\xdcPt\x00\xa9\x93B\x0b)&lt;\xa1\x83G\x04\x86\xc4r\xc2\xc8\x8e\xe9\xd6^\xf2\xa3'</t>
  </si>
  <si>
    <t>b'\xfa\x9au\xa5\xe7\xd3\x15sa_\x86\x93\x16\x80\x92\xe9\x90\x02t\xa2\xdd/\x19\xd3t\xc9\xfd\x10\xff{\x12o'</t>
  </si>
  <si>
    <t>b'\xc7k7R\x92UL\xd4\xf9\xd0\xe2q\xbd@\xa3\x92\xc0\xf7\x8e\x80\x06(r\x12\x9d\x0e\x9b\x9c\x0c|\xf4\xd9'</t>
  </si>
  <si>
    <t>b"\xc8\xbd\xec\xf2\xf4'L5gE \xb8\x89G\xa4g`OL\x1b{\xcc\xaa\xb1\xab\x15\x83\xe7\xac\xffq\x1b"</t>
  </si>
  <si>
    <t>b"d\xc72n\xab\x7fnW\xa0\xcb\x05\x9c\x84m\xa9\x0f;\xf2\xfa N|\x88Y\xe4\xe9\xce'6\xc4.r"</t>
  </si>
  <si>
    <t>b'.j;y\x19-\x1aH\x9b?\t\x03\xfe\xe2KQ\x19\xab\xc0p\xcf0\xeb\x82t2 \xae\xa3&lt;\x0f!'</t>
  </si>
  <si>
    <t>b'd\xd8\xb0\x9f\x05\xd5\x9eb\xb2\xdbC\x85\xc7\x19UUIq\x0b\xea\x97\t/\xdc$\x99\xda&lt;\x1ddI\x1f'</t>
  </si>
  <si>
    <t>b'k\x01\x18\xed+\xc6\'\x17\x15\xdb"\xd6\x10dP\xa9\xda\x13d\xad\xc9\x1d\x98\tI\xd1,&gt;p\xef\xa6\x1a'</t>
  </si>
  <si>
    <t>b'\x14Q3~\xa0\xaf\xaa,y\x01ua\x99;+\xb0`\xa0^B7\xce\xa3\x17\xe4\xbe\x99\x93E\xe6L\\'</t>
  </si>
  <si>
    <t>b'r\x03^\xd9\x1f\xb7\xdaE\xb6\x87\xb0GGK\x00\xd6a2$g\x890\xb3\xb9_&lt;\xc4\xa7[&lt;\x9d6'</t>
  </si>
  <si>
    <t>b'@\xda\xe6\x1a\xd6v\xa6\x8e\xa8\xde\x99G\xc1u\xd5Nl\x98S=\x9f\x14\xbc\x9e\x94\xf8Kv\xf5\xb8Z\x11'</t>
  </si>
  <si>
    <t>b']i\x99\xe6\xb0\xf5Fbs\xde\x0e\xc7\xe9l\xf6\xbeE\xea\xcc+\xa6\xc8\xc2\x93\xdf\x80\x86+^\x0eI\x94'</t>
  </si>
  <si>
    <t>b"H\xa7\xd9\xa74\xfb\xe4=^[\xdb'\x86\x1bCY\xf359rt\xaa9\x89\xa2\x1b\xf4b\xce\xb0\x11m"</t>
  </si>
  <si>
    <t>b'\xba1\xb5\xd0W\xaf\xe1\xce\xb2\xf5o\xdcV\x11\xe8j\x01\xa7\x93\xa6@\xd4l;\x0c\x1d_~\xebl\xe2\xba'</t>
  </si>
  <si>
    <t>b'\x1fK2k&lt;\xe2\xf3U&amp;1\xf4(Fig\xae\x85\x05d\xed\xa2\x00\x01p\x8e9\x0b\xc5\n\x04\x14\xb4'</t>
  </si>
  <si>
    <t>b'\x8e\xc6V\xc2\xc3S\x08\xf9P\x9e_]v\xa8\xd3QB\xaa\xb8\xbf*\xcd\xe7\xe7\x7fs\x10\x01\xcf\x90\x0cl'</t>
  </si>
  <si>
    <t>b'\xa1X\xdb\xf7\x05\xf0\x08\x00\xaei3\xac\xe0lC\xffG\xba:\xb8\xa6\xed\x02\xbb\xa0\x87B\xef\xf1\xd6\x15\xd7'</t>
  </si>
  <si>
    <t>b'+\xd7\xfc\x1d\xfd_\xf5\xcd.\xe7FR\xef`\xde\xed(,6YQ\xd1\x03\xd8\x1c\xe1.\xcc\x02F\xdd\xda'</t>
  </si>
  <si>
    <t>b'`\xd2\x9f~\x92\x1eP\xdf\x8b\x82\xc3\x178mBf\xed\xbf)\xa0\x00\x9d\x836\x00\x10;m6\xbc1\xf3'</t>
  </si>
  <si>
    <t>b'*\x96\\\xf1\xec\xabn\xce\xac\xbb\x95\xd2W\xba?M\xf5\xd5B\xab\xc6\x87c\x8f\xa1\xc6\x07\xaa\xf8^\x05\x12'</t>
  </si>
  <si>
    <t>b'\x0f\x98+\xa0\x10\xb6\'u\xbe\xc9h\x8f\xbe\xe5\xf7\x1e\xc6`}\'\xdc\xc5\xc9\xacP\x89\x98"oaR\x0f'</t>
  </si>
  <si>
    <t>b'\x8ff\x81\x1b\xb2\x19\xd2\x1b\xd7a=\x8b\xe5\x06\x16z\xb2\x88\xbd\x12\x128\xdc\x98\xe2%\xf5e\x8c\x8e\xfb.'</t>
  </si>
  <si>
    <t>b')`\xa3\x83\xfe,t\x06\xc0\x00\xf7\x7fE@\x02\x1a\x9bP\xa4\x02:`\x15\x92\x1bs&gt;\x0e\xea\x98\xfa\xd5'</t>
  </si>
  <si>
    <t>b'\xc3\xc2\xd6A+52\xe1\xd2\xc3\xa7\xfb0\x10\xbd\xe5\xbeoF(.\xd6\x11\xefa\x80N\xd3\xb2\x8bf\xa7'</t>
  </si>
  <si>
    <t>b'\xc7\x1a\x13\xee\x13\xad2W\x05&amp;\x90\xe0\xdeK{\xdd\xdd\xcdz"\xfe\xb2=\x0b\xcd\xda\xb0vJ.\xa8@'</t>
  </si>
  <si>
    <t>b'\rA\x0eo\x87j\x1f\x87\xcaA}\xc7j[\x8d\xc2\x8f\xc4%@0\x06\xd5\t\xc8\x88Q\xae]\r,\xfe'</t>
  </si>
  <si>
    <t>b'j\xa3\x82\xd5m\xdf\x85\xb6\x19\xe0\x7f\x0c\xab\xd3o|Cy\x8d\xa5\xa8\x07\x0eG\xf3\x03\x0e\x00G\xd0\x82\x97'</t>
  </si>
  <si>
    <t>b'xk\xea]\rK\x8e\xa6+\xa9\xeb\x16\x96\xc7\xdf\xb9\xe5\xad\x9e\x89EpD\xa9\xe8-\xdfa`"\x8b^'</t>
  </si>
  <si>
    <t>b'\xf43\xdf+:a\xf4^\x1fR\xca\xd4r\xe2Z%\xf9l\xd5\x83\xac\x80c\xc2UT\x15\xe1\t\xa3l\xaf'</t>
  </si>
  <si>
    <t>b"\x1d%b\xb5x|\xcd\x9b\xc8&amp;\xe2\xf1\x8f\xf7\x06\x97\x10s\x05\x8dM'\x19]\x19\x12x~#I\x81\xfe"</t>
  </si>
  <si>
    <t>b'\xaa\x91\xe0W\xfe\xc1&lt;\xd3T\x80.S\xe6\xf5\xa0\xfb\xd5Q%(\x96\xa8M\xacv\x02b\x16r(As'</t>
  </si>
  <si>
    <t>b'\xf1\xd6W\xb8\x0c?\xa2\x1c.\x92\xa1\xa0+N*\x00uU&amp;\xf3Z\xe6\xb0\xecpN\xc2|\x98`5j'</t>
  </si>
  <si>
    <t>b'\x87\xc7g\xb8\x90\xed\x96\xdd\xca\xc0\xe0\xad\x1c\x0fW\x9avF\x1e\x12j\x95&gt;\x8b\x05\x99\xd9\x89wA\x8cO'</t>
  </si>
  <si>
    <t>b"w\xa8h\t\xbb\xa6'E9\x194\x860\x16\x8d\x8f\x15\x95\x85\xfb\x93\xc9m\x83\xf9X?\xcd\xba\xd5\xa9\\"</t>
  </si>
  <si>
    <t>b'rSI\xb4\x14\x8a\x067\x0f\\S\xcb6\x05C?W\xa9\x10\xba\xdf\x9b\x1f\xfa\xc3\xc1go{\x15\x81q'</t>
  </si>
  <si>
    <t>b'F\xda\xb1\xddw\x7f\xc6u\x8e\r\xea\xe5\xa7\x8d5,\x8ck\xd1\x07\x03\xd0\x96\x8d\x88\x15\xd1\xea\x17\xbd\xc6\xb0'</t>
  </si>
  <si>
    <t>b'\xa5\xa3\xa9\x14.DXP\xebm\xc5\xba\xe9l\xd9`\x0c\xa5\xba`\x03*?(\xdd\xd9\xcc,\xc5d\xdd\x88'</t>
  </si>
  <si>
    <t>b'\x05\xd0\x82\x0e96\xcf\'\ny\xfc(\xad\xcdc\xa2\xb1\xca\xaa\r\xeb\xb8\xcf\xc1\x91=\xdegG\x14|"'</t>
  </si>
  <si>
    <t>b'\xdd`\x1em\x99?%m\xdc5\x94I\x03-\xeb\xe5@]\xb7yu\xa4\x86\xa2l\x02\xcf\xfb\xa0\x97\x8e\xf7'</t>
  </si>
  <si>
    <t>b'\xea\xdcs\xa6\xa7\x06\x0f\x87m\x18:e\xcc\xd6\r\xe6\x03\x86\xe3e\xcb\xc3\x0cm\xd3;\xee\xb0y\x9bg\xf6'</t>
  </si>
  <si>
    <t>b'P\xf7_Z[T\x1f\x18,\xf5BJ\x19\x99OJwv\xd9\xa5#\x8c\x0ft\x9d\xbfxn\xfdo\xb8\x7f'</t>
  </si>
  <si>
    <t>b'\x1a\xac\xde\x12\xc6b=\xf6\x1fd\xdc\xe2\xb4\xbeH\xc3\xc7\xcap"\xdaC7\xdcQ8\x8b\xd4\x8e\xfar\xf3'</t>
  </si>
  <si>
    <t>b'\x86\xb5L\xfby\x87\x96\x87\xc3\xcb6\xa0&lt;^\xf2\x80X\x05#\xdbmu\xfe?\xc3V\x805Xf\x8bw'</t>
  </si>
  <si>
    <t>b'\xba\x0c\x7f\x04M|fg-\x0f\x15&gt;ni\xea \xbfj\xbdrp~\x89\xcc\x17W\x91\xda\x05\x87\xbdK'</t>
  </si>
  <si>
    <t>b'\xaa\xae\xc2wP/D\x14\x157\xa4&lt;\x9cqz\xe9\xc2\xa7@\x83\xab\x96x\xe3\xd7\xc6\x87t\xb1\xb3\x1dR'</t>
  </si>
  <si>
    <t>b'pe\xcaJ{f;\xe7z0\xf1j]I\x1d\xb5L\xab\xa4r\xd6\xb1:\xb6\x9b\xbch\x1d\x85S\x8a\xab'</t>
  </si>
  <si>
    <t>b'\xf9\xd8\xbbD\xf9\x8c\x08\xf4{\x18\x99\xd8F\xc2\x0c\x98\x0b\xba\xf7\x900F\xd1\xc2\x14\xdcr\xa9g@\x8e\xc6'</t>
  </si>
  <si>
    <t>b'\x18\xfd\xc4l\x11\x9e\xe7\t\xb8\x14\xccW\xbf\x18\xf8\x08\xd1\x06\xfb\x01\xc6\xb8}W\x9d\x06\x16\xde\xa8h/?'</t>
  </si>
  <si>
    <t>834xx</t>
  </si>
  <si>
    <t>b'(?\x076L\xe8s\xa8\x94\xd7qE\xd3\x90\x02\x12\xcc\xb5MT\xcf\xc5HN\xc7Y\x14\xc2=\x08o\xee'</t>
  </si>
  <si>
    <t>b'\xbc\xd8\xa5B@\xcdh\xc6\xd6q\x19\xe2\xf9E/X6\xb9I\xabQ\xbc\xe05\xe9\x15\x86\xddo\x84v\xc6'</t>
  </si>
  <si>
    <t>b'\xb5h\rH\xa6X+L-\xb9\xb0\xfb\xa8\x8f\xd6\x03\xfd\xa0\x1a[\\\x94\\\x9e\x82\xa3\x8f\tk~mc'</t>
  </si>
  <si>
    <t>b'\x94\x92\x93\x89\x11n\xb3\x0f\xe4\xd6\xa9\xac\xffk\xa2&lt;\xb4\xd8\xfco\xa6\x9d)\x13\xd97\xac\x85\x11\x9ckG'</t>
  </si>
  <si>
    <t>b'\x92Si0C\xe6\xc84\xd3\x90w\xccs\xd5\xaa*\xb6\x177j\xf7\x9d\xb8\xd8\x16K\x8eNb\x05@\xbe'</t>
  </si>
  <si>
    <t>b'\xad\x8c\xbbQ\xee\xb8\xb0\xda\xcbZ\xccr\xb7\xae\xd0\x9b\x9e\xd7\xc3\xaf\xdcS\x90\x90\x90\xc5\t\xba\x0fu\xd7\x1c'</t>
  </si>
  <si>
    <t>b'\xc2\x88}\xdb9\x10F\x8eA\xdd\xe0\xb8\xdc\x81\xc7\xf3t\x9f\xc5\xc8\xd9\x1d\xfb\x85\x84\xa42eF\xe7\xcd\xd1'</t>
  </si>
  <si>
    <t>b'\xa7aR\xfe\x7f\xa4kl]\x15r\xeb\xf7\xcc\xb5\xc5I\x013\xf4\xd1;\xab\xc4l\xa1y\xccq\xf9\xdf4'</t>
  </si>
  <si>
    <t>b'\x11~\x11G\xc0 \xa8\xb2O\xea\xa4\x98j\x92{\xd8\xcf#\x9dkP\x9f\x9b4.\xaf\xc3\xd9f$\xeb7'</t>
  </si>
  <si>
    <t>b'\xdef\x11s\x9cx\xde\xcd\xce\x89\x86B\x98v9)P&amp;Ro3\x02\xe8{kuJ\xd6\xabdK\x06'</t>
  </si>
  <si>
    <t>b'\xffS[\x14\x0b\xe6\xaews\x80\x04\x98\x03\\\xd1lg\n\x92\xfc\xb0BC\xe6d\xd1\x8f\x8c\x06\x98\x95\xbf'</t>
  </si>
  <si>
    <t>b'H\xb1\xc0j\xc4\xdaB\x1b\xb1\x1c\xb4]\x8b\x9aW\n\x0c\xe3\x13\xda\xe7\x0f\xd9\xdf\x9620\x1c\xb7\xe6?\xa4'</t>
  </si>
  <si>
    <t>b'\xfd\xc9\x98\xc6 \xbfA\xbf\x03\x8cvA\xc5\x0e7T?\x12s\x94\xa6\x04\xef\xf5\xed7\x97\xdc\xdf\r-x'</t>
  </si>
  <si>
    <t>b"\xb2'A\xb0\x95\xbdg\xc9\xd4t\x98XH\xd6\xb30Cm\x17\\\xae\xf7\xe7\xca\x01~y\xff\r_\x86\xa3"</t>
  </si>
  <si>
    <t>b'6\xc2G\x80\x18M\\\x08\xdf\x9d\xb2\xf8J\xac\x9a\xbd\x85&amp;Cv\x85u&lt;\xd1O-\x1d\x08k7\xce\xd4'</t>
  </si>
  <si>
    <t>b'\xb3\x12CL\x91r\xc6\x93\xc0\x80J\xc5\xeb\xd8\xe55\x8dA[\x8ec5\x99\xb7E\xb6\xdd\xc5\n\xb9\xc4\x1a'</t>
  </si>
  <si>
    <t>b'\xa4\xb2\xab-2K/WR\x88\x90\xd0\xc9\xc6&gt;\x1c\xb0\xbb\xc9A\xb2bM U\xcdB\xcf\xd7\xb8]\xd7'</t>
  </si>
  <si>
    <t>b'\xa7&amp;\xa3\x9c\xd0p\x93\x9f%\xd8RQ\xbc"@\xc4\xa5\xb2\xd2\xfb\xcc\xaat5\xa4\xc3\xf6\x92\x94\xbb#Y'</t>
  </si>
  <si>
    <t>b'4\xfc\xedO\x88\xad\xc3u\xbc9&amp;\xdd\x8d\xf49o\x96\xa9/95\xfej[\xe97\xb1\xa9i\x17\xcf\xb4'</t>
  </si>
  <si>
    <t>b'\xe02\xe6\xa1\x13\x15\x9c\xaa,)\xb7\x13\xde\xf1\xf6\x80\xb7/&gt;UE\x92f:c\xf6\x94\xbd\xf5,\xbeB'</t>
  </si>
  <si>
    <t>b'q\xba\xaeua\x1aE\x08d\x11\xde\xf3\xa1\xfa\x97\xe3rK\x83f\x13=\xf4\xddF\xa0\x03b8\xf7\xd1\xe8'</t>
  </si>
  <si>
    <t>b'\xb5\x11\xa5D\x88\x1e\xc2it\xab\xf8\x03-\x89\x88s\x7fV\xca\x07G\x05s\n\x1a|,\xb0p\xe4\n\x1a'</t>
  </si>
  <si>
    <t>b'4\xa0\xb6CY\xeb\x80s\x06^;\xa5"\xe9\x19\xa7\x0c\x07\xd2&amp;|&lt;L*\xd3\x7f1\x87\xe7\xc4\xe3c'</t>
  </si>
  <si>
    <t>b'hk\xd1&lt;BaA\\PP\x152\xf3\xd4+0\xbe=\x117jkG69\x1apLs\xb4\xaf\xeb'</t>
  </si>
  <si>
    <t>b'u\xaa\xa4\xd6\r\x8b\xa1\xceF\xde\xf1\x19\xb9"W\x95\xb4\xb7\x08Y,\xccXI\x0c\x82?\r\xb5\x8c&gt;\x9f'</t>
  </si>
  <si>
    <t>b'T\x81\xeaX\xcc\x95\xa39\x1a\n\xa4i\x9f\xe3\xe1\n=\x8d(\xfa^\xe0p\xa1\xfa\x00\xd7\x1f\xed\xa5&lt;l'</t>
  </si>
  <si>
    <t>b'\x87\x16\x93C\xaa&amp;\xc9V\x06d\xca\x179\xdb\xbae\x067\xaa\xf9\x00]\xd0\x13\xbf\xd30)\xe2\x85\xdb\xd3'</t>
  </si>
  <si>
    <t>b'.c\xc4\x03\x94\\x\x1f\xf2i*{\x8cE\xf3\xa7jRI\x084\x94\xa7A\xac\xb4gK+&lt;p\xac'</t>
  </si>
  <si>
    <t>b'f\xa6\x028q\xf6\xc3\xc2\xc5~r\xb7\x9c\xe6\x93\x08\xce\xe0\xb4\xa8m\xbf\x85\xfa~\xbb&lt;\xe2frj\xcd'</t>
  </si>
  <si>
    <t>b'\xceNyf@D\xa2!\r\xd0V\x85\x9e\x9f\x0ep\x00\xe44,\xd0\xbe=\x15~\x8f\xa6\xee\xd7B\xbc\xf5'</t>
  </si>
  <si>
    <t>b'\x02\r\xca\xdc\x06B\xaa\rO\xebn\xdd\xbc\r&lt;\x9e\x01\xc1\x17\xe8\xd5"\xd7\x7f\x18x~\xdb\xc9\xd5\xf3\x1c'</t>
  </si>
  <si>
    <t>b'\x1f\x0e\x19\x94\xb8\xee\xf8H\x07:\x19m\x03\xa3\x9aU\x00g\xfa`\xb8\x12:\x9e\xda\xed\x03d\xf5\xc8\x8b\x02'</t>
  </si>
  <si>
    <t>b'1\xf3D\x88\xb5\x15\xd2\xafy\x7f\xb6\x1e\xf4\x08\x9e\x8e|\x9e\xb8\xd7\xf8\xba\x84\xa7\xe5\x89{\xc3\x0ezqD'</t>
  </si>
  <si>
    <t>b'\xb2t@\xfb\xaa\xd5\x8e\x9b\x8b\xf6O\xce\xcaA/|\x19\xe0\x8dc\xcf\xd2\x8cy\x05kHHJ\x08d/'</t>
  </si>
  <si>
    <t>b'0B?\xa2X\xdaB\xe9\xce\x9a\xd4\xa0\xf4\x1b\xe5\xe0\x89\x8e\x8e\xad\xc6\x12\x89\xf0\xeb\x90\xc3\x8f^i\xc5\xb7'</t>
  </si>
  <si>
    <t>b'\xad\xa0\n\xa7\xc7%\xd3$du\x13vS\xa6K"\xa0[\x02Ty\x15\xd6\xe7WfBR\xf9*\xd5\xb0'</t>
  </si>
  <si>
    <t>b'A#\xd5\xcd\xabW\x16;xN\x925\xb7;\x8aa;\x9ei\xfeD&gt;T\xa2\xa4\x9e\x11\x0b\xc3\x96\x1aF'</t>
  </si>
  <si>
    <t>b'84}\x11W\xbc= 8M\xd0\xef|N\xe8d*qt\xde&amp;\x8fe\xb0\x01JM\x8a\\\x05\xab{'</t>
  </si>
  <si>
    <t>b'\x93\xcb\x1c-\x15\xdccg7+\x7f\xf5\xbam\xc6\x10a\xcfR\x9a\x84\xff\xa7&lt;N5\x99\xb8\n\xce\x06N'</t>
  </si>
  <si>
    <t>b'\xb9.R\x99\xcd\xf1;Yr\xb4\xcbc\xb7\xe6\xa9\xc2]\xb0t\xb5\x90\xca\xa5wv\xb1\x07Q6\xb2\x9dm'</t>
  </si>
  <si>
    <t>b'Q\x11\xc7\xf3\xa7B\xe1\x8f5\x03v\xf5\xe8\x1f6Q\x90\xb7\xedU\xe3\r\xe6\x1c\xfe\xf4i\x89\xe3z8\x81'</t>
  </si>
  <si>
    <t>b'a\xdd\xb5\x19N\xdd\xe1L\xa6x]\x12\xf4G\x97g\xd5\x9f&gt;\xea\xff^5?U3\xf2\x9b\x01\xdc4@'</t>
  </si>
  <si>
    <t>b'rD\x0f\x8c\x01i\x8f\x87\x9fh\xf3)#q\\`|j\xf4\xf4x\xde\xacgE\xf0:\x16\xf7R\x91\x87'</t>
  </si>
  <si>
    <t>b'/\x85\xdb\xb9.z.c}\xc7%Ul\x8a\x8d\xa2\xfcE\x05`&lt;\x9b\xc2-p[\x01\x87\xc4\xcd\xb6\xaf'</t>
  </si>
  <si>
    <t>b'\xbd\xa1]\xb61\xa3b\x9b\xab3_\xd1\xbdw\xe6\xf1\x1b\xe5\xd8\x9a\xe7s\xb1\x9c!(\xcd\xca\xf1\xa9\x98\xaf'</t>
  </si>
  <si>
    <t>b'2\xb3\x05\xa7o&lt;@\xcag\x90@2B\xd6\xb8\x8d\xb7\xe2k\x873t\x05\xac\x83\xfauH"!\xd1\xf2'</t>
  </si>
  <si>
    <t>b'\x1a\x17\x04\xac&amp;\x19\x04\x0b\x15I\x84g\x14Sb d/J\xe6\x9a4\xec\x8e\xbb\x80\x9f\xf2\xef\xd6\x17\x1d'</t>
  </si>
  <si>
    <t>b'\xd0Fj35-\xa7\xc6\xa7\xfaZ\xbcpH\xd0\x93:\na\x9b+\xcdY\xae3\xe1a\nc\xeb\xd7\x9a'</t>
  </si>
  <si>
    <t>b'\xf5P\xef\x17\xb0&gt;\xf2b\xe6\xeb\xc2S\x90h\x88\xe8GRr\xd1\x8du\xdab#\x90+\xf1I$\x8e\xfe'</t>
  </si>
  <si>
    <t>b"\xe0ho\x1e~\xb8\x88\x85\xb2cZ\xe7r\xbd\x16T\x82\xf4\x80\n\x89\xbe1\xc2\r\x7f'\t\xb5\x8d\xfan"</t>
  </si>
  <si>
    <t>b"'F\xd0EqO\x91\x9e\xc1\xd0#\x85?\x84;\x99\xcb\x1e\rh\xbe\xcc\x9c\xff\xb1\xc4\x07\xab\xf1[\x88I"</t>
  </si>
  <si>
    <t>b'\xed,~"\x96\x80\xbc\x13\x90MfO\xdb\x1f\x9bh)\x0en"m\xc0R\x7f\x0e\x1a\xe9jm\xeb\x98\xff'</t>
  </si>
  <si>
    <t>b'f\xeb\xd6\x05\xb2?\xf5\x91\xc5-2D\xa4\xc1`\xa9Z\x03Z\xa0~\xd1\xf5\x14eNUW\xa8\xc6]\xbd'</t>
  </si>
  <si>
    <t>b'\xeb\x84]\x07\xc1\xb2zy9\x99\xe6\xdaE\xf3\xfbL\x84\xcc\xd4Vd0?\x98\xfb\xdbqc\xac\t\xdf"'</t>
  </si>
  <si>
    <t>b'`\xb8\xa8\xde\x05\x18+\x9c\xdd\xf3\x850\xb0\x95A\xc3\xb3v%A\\t\xe9M2\x17&amp;j#x\xef\xf1'</t>
  </si>
  <si>
    <t>b'\xd1\xdd\x08\x8b\x04\xbbn\xe2\xccJI\xe8\xac.\xc9~\x8a\xcbf\x96\x1a\xb5\xe1\x98\x08\xeb\xb6\xb3V\x04\x06\xf0'</t>
  </si>
  <si>
    <t>b'\x1b\x1b\xea\x9a\xdf\xaa\xbbP\x96C1Nj\xbcjp\x86\xdc\xcc*\xf6\xbdEe\xed\x1f\xb2n0\x89\xaaG'</t>
  </si>
  <si>
    <t>b'\x94$\x8b\xd1\x1b\x91\x06\xa0;\x80\xa0\xb3\xd5+\x83\xb9&gt;\xee2V\xd9\xd0t\x88\x19\xe8s\xc5\xbay=d'</t>
  </si>
  <si>
    <t>b"\x84\x11'1\xa2LG\xcd\xac\xa5\xf43;\xe4\xbe\x86\x10x\t\xce~\xa3B\xa5h\xd7\xfc\xb7\x06\xbe\xf6z"</t>
  </si>
  <si>
    <t>b'!\xf0f\xa2\xc4\xa7\xec\xd2\xfc\x8c\xf65\xcd\xf5:\xcf\x14T\x99-nl\xd66+&gt;\xd3\xeazB{\xac'</t>
  </si>
  <si>
    <t>b'C\x01\xaepDG\x8c\xf7L\xf4\xb1x\xb2\x1b=\xe9T\xb9\xb9\x98FM\xf1c\xf8\x80C\n\x0f\xfak\xfa'</t>
  </si>
  <si>
    <t>b'\x8c\x01\xe4\x1c\x1dK\x89UH\xc9\xb8\x8c\xbd:\xeb\xf7\xbb\x0c\xbb\\\x02\xf9\x92L\xaa\x84\xb0\x84_&amp;/T'</t>
  </si>
  <si>
    <t>b'\n\xc4\xa6\x9b\xf2AK\x0c\x86\xe2\x12\xf2F9\xee9\xbd\xdf(\x93\xaee\xdf\xa4\xa6\x13dV\xb8\xc8He'</t>
  </si>
  <si>
    <t>b"\x00\xc1\xc4H\xf2\xc8\xc4\x8e{\xae\xe6\xe3\xde\xe4\xc0\xd8h}^\xb8\x85\xf9 \x9aR'\x1fh5 \xbd\x87"</t>
  </si>
  <si>
    <t>b'B$\xd76\xedo\x8d\x02\xee\xe3Lts\xc3\xfcI\xc7\xb7$F\x94\xe7\xf3B~i\xe1a\xc0\x96\xd4S'</t>
  </si>
  <si>
    <t>b'\x1bnu\xef\x00\x8d\n\x97\x87\x02A\x88\xc8\xaeg\xcb}\xd5J\x94b\xb2\xc1\xce~\x00\xf40+D\x08\x91'</t>
  </si>
  <si>
    <t>b':bN\x80\xb0\x8a\xf3\xd1\xe7\x8dnV_\x0c&lt;v\x8e\x9d-F\x00\x1b\x17\x05[\xdc\xa2\xce\xa1\xb8&lt;\xfe'</t>
  </si>
  <si>
    <t>b'GV\xd2\xcd\x8f\xf2Jw\xf3\x1aK\x93j\xf2\xa4oe\x96\xd0\xd6\xed\xa9\xfeq\x0f\xf0hfw\xca\xb4H'</t>
  </si>
  <si>
    <t>b'\x85\xd5[8h\x15P\xc10\x83\xc3\x8f1\xb0\xa5\x9f\x03\xe9&gt;\xf0o&amp;x\x17r\x07\xbfN\xa2\xff\xc0\x1e'</t>
  </si>
  <si>
    <t>b'&lt;\xf7T\x98\xd8_\x8a\xe2\x97\xd2\x08\x91\xda\x18z\x07\xcb\x99a\xcc\xbf\x99,\xd9\x19$\x99yY\xd0y\x0e'</t>
  </si>
  <si>
    <t>b'j0\xffc\xf4\x14\x8a\xaeu\xe0\xe1J\xff,\xfd\xa0\x02\xb06u\x9e\x1e\xb6E\xe4a\x80g\xbaF\xc5\x1d'</t>
  </si>
  <si>
    <t>b'\x02\xc7U\xe3\x03\r\xa1$`.#\xace\xac2w\xd5\xa0e\xf2\xc8\x11\xa3\x9f\x90\x12\x98\xb8\xcd\\\xcex'</t>
  </si>
  <si>
    <t>b"\x0cjG\xc5=x\xa0\t\x1aW&amp;\xdf,\x82\xcc2m5x\x8f\x06\xef\x91\xe6\xb8-'[\x0b\xee\x84f"</t>
  </si>
  <si>
    <t>b'D\x1d\xac\xff\xd9\x81\xce@pb\x7f\xda7\xda\xddw\xfb\xc1\x16\xe9q\xe4\x95g\xcc\xee;\x1by\xac\x16\xd2'</t>
  </si>
  <si>
    <t>b'\xe0j\xc9\xbdJ\xca\xbd#)^\x9f*(\xd4f\xd6\xdf\xb6E"&gt;&gt;\xdc&gt;8]\x8d\x82\x10Z\xb4\x94'</t>
  </si>
  <si>
    <t>b'\x90?\x06J\xca\x11\x14\x9a\x0eTsee\x86\x1a\xaf\xa3%\x8d\x11\xbdf"/\x02x\xda\xd7\x88\xe9ih'</t>
  </si>
  <si>
    <t>b'\xa3Y\x98\x0c\xfb!9\x1f\xa9&lt;m\x94\xf2\x8d\xe6W\xac\nu\xf0\xbe\x82\xdf\xc0\xce\x99|\xf5\x1c\x9a\x03&amp;'</t>
  </si>
  <si>
    <t>b'2\xdb\x88\xc0\xcfl\xf9\x8e\xfd\xea1\x06\x92k\x13\xb6\xd0T\xa2H\xb3\xc6\xba\xbe\xbf\x01\xa5\xb5\x83\xe0\x9a\xa3'</t>
  </si>
  <si>
    <t>b'A\x0e\xa6"/\xbb\x9f\xdd\x160\xc6\xbd!\xb7mf?hC&lt;\xa5.\x1f\xcc\x88\xfe\xab\\#\xfc\xce\x89'</t>
  </si>
  <si>
    <t>b'\xf8.C,\xb9\x1d\x8fyF\xd6U\x89\x81(\x07i\xe2\x9b\xf6!r\x17\xe7?4\xd6\xfa\x13&gt;`\xe1\xa1'</t>
  </si>
  <si>
    <t>b'\xed\x15\xd0\x80b\x85\x84\xbc\x9a\x01|\x1e\xe0\xe2\xe3M\xa3\xcc\xc4]\xf5i?\xa1\xbbY\xf4\x00KHv\x98'</t>
  </si>
  <si>
    <t>b'\xaf\x84#-\x19P\xabQ\xb9\xcd\x87e\xbc6\xa4)\xca\x07\xce}\xd4[\x1f\x1e.\x05&lt;\x8bZ\xc4\x1a\xb5'</t>
  </si>
  <si>
    <t>b'a\x8ay\x85\x14\x0f\xb7\xa2\x13w&gt;U\xb2\r\xdd^9\x89*\x89\xd7g\x8f\x9f\xd8\xc79a\x19-\xd2\xa6'</t>
  </si>
  <si>
    <t>b'\xf7\xca\x92\x90%\xcc\xe1\x8c\x98\xf41N\x95\x7f\xc9\xf9\x8b\x12\x0f\x84C\xac\xd8\xd0\x0b\x8aV\xe9\x1bSG\xc3'</t>
  </si>
  <si>
    <t>b"\xc1\xa2\xd5mv\xf9\x81z\x96!*-p\xef\xdb\x7fc\xfc\x8a\xea'8\x1e\x94\x7f\x8b\xb0\xae.q\x85\xcc"</t>
  </si>
  <si>
    <t>b'\xdb\xb25C#\xc2\x1c\xea&gt;\x0b^\xe9y\xf2\x95&gt;M \x9c+#\xc7\xf4\x01\xd71\xec\x8c\xf5\x8bWF'</t>
  </si>
  <si>
    <t>b'\x8f\x87\xc7m&lt;\x89\x86}f\x97\tw\xeeF\xc6\xb1\xbd\xcf\xf5`\xfb\xd3\x04B\xd8\x99\xa7&amp;\x86\xabe+'</t>
  </si>
  <si>
    <t>b'\x93\xda\xf9|K\xdc \x8c\x01o\x0e&lt;m\xa3E\xd8\xfe&lt;\xe9\xbe\xfa\xa6\xc1\x8eM\x8b\xd9\x1f\xd4N`\xd4'</t>
  </si>
  <si>
    <t>b'E?\xf72y\xed\xa0Hi\xde\xa6\xd9\x93\xad\xe6\xf3\xd3\xe5[`\xd3\xac\xf2\x1a\x12\xfe\x9eT3&lt;\x16\xa5'</t>
  </si>
  <si>
    <t>687xx</t>
  </si>
  <si>
    <t>b'\xcb\xefm\xb5\xc7\x90\xc7\xea\x8cU\x14\x87F7\xdf\x0e\xcb\xa1\x11i=\xb8\x04\xab\xd5\x8f\xc5\x0c\xa7\xa5K\x14'</t>
  </si>
  <si>
    <t>b'\xeb\xa4\xfb\x9f\x9b:}\x8c\x90|\x06K\xa8\x08\xd9\x9c\xe1\xbcrD\x9d\x1c\x06\x9bQ\x15ZHi\xd4\x18\xe5'</t>
  </si>
  <si>
    <t>b"&amp;E;\x16\xb9\xe3\xdbF\x0fM\xcd\xc4\xf0Ud\xc6\t\x91\xeeg/\x04\x9c'?\xa8\xa6`y|\xce\x99"</t>
  </si>
  <si>
    <t>b'\x13\x88\xcf\xcc\x9a1\xe4l\x0f"oN@\xf5\x0b\xb8\xc1\xaf\xaf:Lc\x95U\xd1Wy\xa1T[8{'</t>
  </si>
  <si>
    <t>b"\xaf9\xa1\xe0\x80\x9e\x84\xd2)\xb1\xac\xe6\x1a?1\x91'\xd8\x16\x80\xd4\x9a\x9fu+%\x0f\xe1\n\xe4D\xfe"</t>
  </si>
  <si>
    <t>b'&amp;\x83\xe9\x8a\x8d\x1e\xafF\xe0A\x87\xc8\xf6\xe8\xc6]\xc6\xfaTO\x13D\xf9\x15\xb2\xee\x14\x07\xff\xae\xe2\xb0'</t>
  </si>
  <si>
    <t>b'\x8fN\x1e\xe7\x00e\x1d\xfa\\\x109,\xa9@[b\xa1\x9d\x14\xf8\x0bE\xe5y\x08\xbb)\xce\xae\x81;\xf6'</t>
  </si>
  <si>
    <t>b'Dv@\x96\x8c\xb4;;\x1f\x89\xa8+\xe5\xb67\x10H\x81\xe6\xa9\xbdgAb\xe8\xfd\xbbpXb\x12\xcd'</t>
  </si>
  <si>
    <t>b'4\xce1\x0cP.)\x8f\x12;\xd8\x15\x87\xfd\xee\xfca\x1bHo\xee\x88\xa8\xd4R\xa9}\x82\x9e\xea?\xd4'</t>
  </si>
  <si>
    <t>b'0\xd9dl\xdd\x83\x86\xc2\x96;JI\x12\x7f*\x97&gt;9d\xf3\xd13\xc8\xa1\x95\x8e\x0fe\x8dl\xa0&gt;'</t>
  </si>
  <si>
    <t>b'|\xf9\xedz,\xec\xfaL/\x97\xd8p&lt;f\x8e9\x14\x15B\x05\x1a\xa7\xb6\xab\x8f\xdc\xe6\xd14\xb4v\xd8'</t>
  </si>
  <si>
    <t>b'\xa7\xcf\xcf\xe84M\xc6\x94\x84\xeb\xb5\x0f3\x93/\xfb\xf2A\x90\x88@xxq7\xc0Z\xe4\xb8U\xcd/'</t>
  </si>
  <si>
    <t>b'\xd0F\xec\x17\x0e\x03g\x00\xe8$\xd2\x80\xa4?\x19#\x16T\x94\xc6\x07\xd7\xf3k\xae_\xc3\xf2\xf4\x00\xa07'</t>
  </si>
  <si>
    <t>b'O+\xee\x90\xaa\x82PZ"a\xce\xdc\xdd\xff8,\xac\xbf\x91\x13\xdf\xf1b\xbfxj\x8c\xa9Y\xc00"'</t>
  </si>
  <si>
    <t>b'\xf7X\x07\xf5\xac\x10\x9f\xcaz+\xb0w\x03\xa5/\ri\x11\xf9\xfa\x99\xfb@\x90\x8b\xe7\x1b\xa4\xd9\x1d\x966'</t>
  </si>
  <si>
    <t>b'\xa4\x1b\x0e\xe3]G\xff\xfb"\x1at\xd9O\xb0\xf1\xb9#=\x0c\xb1k\xc5\x14ROA.\x91\x11N-t'</t>
  </si>
  <si>
    <t>b'8\x1b\xd0s\xd8M\xc5\xb8\xc1\xca\x14v\xb8\x9e\x85\xedQ_\xe24\x0e\r\xfeM\x17\xd4M7;m\x08\xb7'</t>
  </si>
  <si>
    <t>b'`\x93\xad\xd0\x9bM\xde\\b\xba(\xe0cA\x97\x05\xbbx\x11\xa5\xedF\x10N\x99\x89\xbb\x15pn\xe5\xce'</t>
  </si>
  <si>
    <t>b'40\xcb\xfb"~\x93\x8a\xd2o\xae\x8e\x1d\x10I\xed\xd6\xf7UT\x99S\xb6\x10\xc9\xd0R\xd1\xb3\xabK\x8a'</t>
  </si>
  <si>
    <t>b'\r\x03\xb8\xfc\xac\xb9\xc3\xbc\xfa\xfb\xd8\xc2\xb63I\xe5X\xb7L\xdb\xfb\x92\x02\xf7\xd7e\xff_d\xfc\x1bv'</t>
  </si>
  <si>
    <t>b'M[z&lt;\xa7\xfb\x85\x9c\xf2\xcd\x0cb_\xa0\x92\x91t\xec\xc0WO\xf0U\xf0\x82X\x8c\xe2\x99\xdbB+'</t>
  </si>
  <si>
    <t>b'\xecR\xc1\xcf\xd5\xf1\xdb\x902\x13\x1f\x83t/\xe8R\xb8v\x82\x04\xb9\xce\xb4\xd3\xab\xb4\x8cF\xe1\x84R\x07'</t>
  </si>
  <si>
    <t>b'\xba\x18J\xcfP\x17e\x05\x17\x89\xfb\xf3\x93\xca5\x0e\x08\xb7m\x8bi\xe1\x0c8\x85#R\x9b\xb3\xf6\xcd\xaf'</t>
  </si>
  <si>
    <t>b'~H@i\xf7\x19\x88\xc7\xf9\xd1S\xb8\xc9\xbd\xe3\xb6O\x0b\xf1\x03\xd1\xf2%\xd3\xd1%L\x19\xcd\xde\xa9T'</t>
  </si>
  <si>
    <t>b'\x14\xbd\x8a\xbc\x9f?k\xdf\x90z\xfa\x81\xe7E"\x9b\xe2\x85\xa9P\xcc\xa2\xdcn\x86.\x9e\xe5\xce\xa7\x01\xea'</t>
  </si>
  <si>
    <t>b'\x17K\xc6&lt;Z\xc2\xbf&gt;kB\xc9k\xdd\x92\xdd\xb4\xe9\x9e\xe2\xbcD\xb7\x03M\xff\x0f\xdf*\xa1f\xa6\x9a'</t>
  </si>
  <si>
    <t>ANY</t>
  </si>
  <si>
    <t>b'z\xa7d_\xb4e\xbb\xcf\x7f\x89\xc4\xfd\x8c\x1a,\xa9s\x065\x13\xecWZox\xba\x8a\xafu\xb9\xcb1'</t>
  </si>
  <si>
    <t>b'~j8\xd0\x84=i\xfe\xf1J\x9d:\xa2\x00\x9aji\xce\xe1\xc0\xf3\xd2\xfe\xcb\xe6s\xb6\x84`ET\x9e'</t>
  </si>
  <si>
    <t>b'g\x9e[\xe6-\n?K\x96\xa2\xe7#\x08A\x1a\x82a9/zq\x89s\xcc*\x13,.@O\xa2\x9f'</t>
  </si>
  <si>
    <t>b" Y\xb7\xe8\xd60\x07A; h\xb3\xb8\x03#\x1dqf\xb5\xd1\xfa-LD+\xaf'\xde\xf7oF\xfa"</t>
  </si>
  <si>
    <t>b'\xd3@Q\n\xfb\x8c\x1c\xf7\xb5z{\xaad\x95)\x85\xca\xb2{\x81&lt;\xb2_x\xe0\xd2\xbe\xe4\x99\x8d\x93\x98'</t>
  </si>
  <si>
    <t>b'jfNZ\x88\xd1|/\xf8\xa3vw\x11\x9f\x8b\x0c~\x16\xdc\xcd\xe2B\xae\x87\xa9!\x16\xab\xb0\x9dk\xcd'</t>
  </si>
  <si>
    <t>b'\xa8s\xd1h\xf7\xd5w,\x1euD\x84\xba8\xd2\xda\xb1\x900\r;\xce\xc5\xd6\xf4^u\xb9\xc91iO'</t>
  </si>
  <si>
    <t>b'l\xd5\xdc=\xc8]\xe2\x00\x19\x1eB\xe6vg\xad\xba\x0f\xf3\x8d\x8f\x18\xa5\x8d\x18X\xd1\xf9\x85I\x1a\x1b\xd0'</t>
  </si>
  <si>
    <t>b'\x9f|\xf2\xa8\x87a\xf0\xbf\x970\xa3\xd6\xebF\xcb\x07\xcalp\xd8?\xf6\xbcb)[A\xa2%\xd9sw'</t>
  </si>
  <si>
    <t>b'\x84r\xaa\xf7\xfe\x14.\xa4D\xa7\xf5\xad\xd1y\xa1F\x16v\xdby\xd7\x94J{|\xa4\x01C\x11p\rK'</t>
  </si>
  <si>
    <t>b'*\x93\x85\x9a\x90\x8d\xa6\x19\xe2\x85\xd0\xa9mn&gt;\x08J\xc1\xd7\xc7\xad*\xd1\x8a\xe1\x83\xdc\x02\xd0\xf4\xc7\x9a'</t>
  </si>
  <si>
    <t>b'\x14=\xa1\x0e5\xa2+~\x85\xc4\xb550|\xd2\xb4\xfcq\x9277k\x86\xf2\x8c\xf2\x82\x9f\xab\x10\x99\xd2'</t>
  </si>
  <si>
    <t>b"n'O\xe5\x9d\xbc\x88)P\x1aI\x89|\xe2\xce\xc9L1z\xadG\x1e\xedF\xdf\xd5\x9b\x8b\\\x8a\x13;"</t>
  </si>
  <si>
    <t>b'-\x16\x0fW\xd9\xae\xe9\xe9\xe2\xac1#"cT\xbd\x04\x91Q\xfb\x9fg038\xf46w\xe7D\xa8h'</t>
  </si>
  <si>
    <t>b'\x8f\x16\x8d\xfbK\x9e\xb3\xc2Q\xa6b\xec\xd2\x01\xe7`\x88K\xf2\x13(?\x8d\xa3\xd6b\x8f\xd9\x10\xd5\x04A'</t>
  </si>
  <si>
    <t>b'\xd6\x98g\x95&gt;M\xf7\xe0\xee\xff\x9b\xb8\xb1s\xb3\xe3:l\xfa.7\xddy\x9eD\xb9\x8ek\xa2\xfc"\xfe'</t>
  </si>
  <si>
    <t>b'\x03\xadh\x9dz\x9e\x9d.Y\xdbF\xffiT\n\x9d\xd1\x08)7\x14\x14\xad\xb0\xf5\x1a\xf0A\x89\x81\xc8Y'</t>
  </si>
  <si>
    <t>b'\xd0J\x8b\x9e\xa3D\x8a[\xb2\x80Vj\x9b\xbf\xf0\xb7eT\xf83\xfb|\x1a\x06^\x12@\x04\xca\x0b \xf3'</t>
  </si>
  <si>
    <t>b'\x90\x85\xb3E6\xa4\x06\xfa\xb6\xf8\xad$n(`r\xbd\xfe\\a\x04\xa8s\xf3\xb5\x1f\x05h\xf7\x93n\xea'</t>
  </si>
  <si>
    <t>b'rI*F\xf7\x19\xaeKI@}\xa1\xf7@\x0c-\xc81\xd6B\x95!\xc8\xf3w\xf7\xd5%\xf7\x97\xb2\xf0'</t>
  </si>
  <si>
    <t>b'\xf9\x92\xc3\xe5\xc2\xc1\x15\x88&amp;9\xdf\xbd\xbey\xc2\xa0\xf2\xb8j\xe2 \xbef\xb8\xd3ZK"\xce(\x87\n'</t>
  </si>
  <si>
    <t>b"3I\xde(\xbd\xca*'aa\xf33\xafK\x7fh\x8b\x00\x9c\xcb\xf8\xc9\xc3\x11\xc7\xfe&lt;NQ\xe2\xffu"</t>
  </si>
  <si>
    <t>b"\x07D\x9fB\x8eDG\x88\xa0\x16\xc7&gt;\t\xa2\xac\x07\x81L\xe3l}(\xac\xac\xc7'd\xff}\xc9;\x01"</t>
  </si>
  <si>
    <t>b'E\xc1\xe8\x06\xf9Sy]\x8a\xfa\xdb\xeeN\xe92\x95;&gt;\xbe\xe2t\xa2,JE\x00\xafK\xfc;\x82\x1c'</t>
  </si>
  <si>
    <t>b'b\xbc\xb4TH\xd7\x8b\xacH\x9aB\xd8\x00\xbdg\x12\x13\xe7\x10B\xa9p!\xf8\xb7{\xc4\xc7\xbd$\xf9\xfc'</t>
  </si>
  <si>
    <t>b'\x7fN\xd3\xdb\xc5\xb9\x88\xa9l\xb8j=\xab\xc2\xaf\x8a\x84\xa7\x85\xbfDo\xb8"U\x1d\xff\xec\xf0`\xa8t'</t>
  </si>
  <si>
    <t>b'i\xfd\xd1Q\x8a\xd3~\xc94\xe7\xc9\xc8$\xd0\xf4\t\\_?l\xe7\xb6F\xd2\x91\x86#\xcbC\xd5@\xcc'</t>
  </si>
  <si>
    <t>b'Ev2e\xc1\xfd\x81\x10\xa4\xd2\xea\x83\xbe-P[\xd9(\xc7\n.a\xb9\x8c\xd9\x8e\x83\x9f\x9c.\x93_'</t>
  </si>
  <si>
    <t>b'\xc0\x86^\xa7\xda1\x1d0\x91\xb7p\x99"W\xdam\xa4\xf8\x0e\x89\xe7-\x05\xb9\xe5p;A04\xde\xb3'</t>
  </si>
  <si>
    <t>b'\x83\xaf\xf5\xbb\xca+\x89\xe0Nk&lt;\x0f\xe7\xb4\xe6\xbf\xca\xe6g\x82T\xd1q\xb4\\B\x84\x1d\x01\xca\x94\x0c'</t>
  </si>
  <si>
    <t>b"\x12\x1e\xf5\xfd\xe77hI\xc3Z\xa29\x18\xf02\xb2`\x99\x83\x82\xc09\xf0|\xbfS\x8e\xdb\xd9'\xea\r"</t>
  </si>
  <si>
    <t>b'\x18\xff!\xc4*\xcc\xa9\xa5SE3\xc7m\xc4\xfc\xc7\x9c\xe5Tg\x96\xe2;\xd9;W;d\xde\xb57Y'</t>
  </si>
  <si>
    <t>b'\xf3=g!\x05_\xa1s\x0f\xb9\xd9,\x1b\xd0E\n\x90%\xb7\xb0\xb4\xce6\x17Q4\xce\xaf\x01\xb7\xb5\xa8'</t>
  </si>
  <si>
    <t>b'\xcbm\x8d\xef\x8b!c\x00x\x04}\x17L\x80!W\xae\xea\r\xber&gt;\xd6\xcd\xe4\xbe\x80\x01}\x9f\xd8*'</t>
  </si>
  <si>
    <t>b'\\W\xa2\xb8J{\xff\xe2,\xf4\x15w\xb1\xf61\xe2)%\x0c\xe7{\xf3U\xb3L\n\xd6&amp;\xba9L\xb0'</t>
  </si>
  <si>
    <t>b'\xff8\xd2\xebn(\x8d6j\xf2\xb4\xb8\x9cm\xd3\xdeU\xf9e\xbb\x1f\x88u\xfbG\xe1\x86\x92\x9c\xf7\xf9\xc9'</t>
  </si>
  <si>
    <t>b'Tn\xb97\xf1\xff\xc2\xac\\\x02\xba`^f-\x08\xe29\xa5`\xb1\x9f\xf1\n8\xd2\x17\x1e@\x0f\xccX'</t>
  </si>
  <si>
    <t>b'G\x1a=\xd8\x85+-\xc1\xd9\x89\xb4\xe4\x0e\xdbo\xf7\xc1@V\xa2a\x15:a\xfe}\xdc[t&lt;V\xf5'</t>
  </si>
  <si>
    <t>b'\xeb\xe9\x0e\xd6\x01\xc8\x13,\xe5\xd28\x80\x04\xae\xeee\x16\x08\x90\x10\xa7\xfc\xfa\xf8k:\x96\xea\xc2\xfe\x9fx'</t>
  </si>
  <si>
    <t>b'w\x0c"\xd9\xba\xe2\xead\xe5\x86\xa3\xaeh_\x98Z\x03f%\x19 \xe6\xe6/\xdd\xe6P\xba\xc45\xf3\xc4'</t>
  </si>
  <si>
    <t>b'(\xfc\x02\xd0W\xb5\xdfS\xba\x83\xf3y\xeft\x81\x8f\xb1\x81\xfa \xa5U\xe3\x03\x15e\x08\x9c\x89,\xd0,'</t>
  </si>
  <si>
    <t>b'L\xb5\xca#\xad\x03\x1fK\x18\xfb\x95\xa8\x06\xf3\x13\x12\xc1\xfbn\x15W\xe8S\xd4\t\xfc\xd9\x07F\xf9\xaas'</t>
  </si>
  <si>
    <t>b'\x9c\xfcm\xfa\xb8(\xf76 \xff\x9c\x9f\x89\xce\xabHk\xfb\xc9]3`\x18\xe7\x97\x14W\xbeeW\xac\x8f'</t>
  </si>
  <si>
    <t>b'\xf3\xa9\x9e\xa8;J\tP\xca\xcf\xe3\xe2\x1c,\xce\xcb#\x96Za;\xea\x93\xe0\xebU L\x8fG\xe1\xe7'</t>
  </si>
  <si>
    <t>b'+\xec\xaf\x8d\x94w\x8e\x83\x93\xd6\x82\xd8\x08\xd7h\xcc\xe8\x92\x12\ty\xf3\xa4\xca\x96%\xb1"\xa3\n\x02\x11'</t>
  </si>
  <si>
    <t>b'\x93\xa6\x15Y\xfc\t\x1d\x98\xbff\xf8\xd5\x91Lx\x1b\xa9\xc7\xeauK\xcc\x83\xd2\xd6?\xf0!\xf3BRI'</t>
  </si>
  <si>
    <t>b':\xba-"\xd0\xf1W\x05uT\xf7q\xd2\xb5\x18.\xf3\x17x\x05\xe3]q1\xd1\'\x98\xe0l\xf4\xa7j'</t>
  </si>
  <si>
    <t>b"&gt;!\xb8]\xb3\xc3\x94}\xf3w\xe50\x00\x1cz\x19\xe4\x94He'\xd5\xe4d\x82\xb7\x14\xf3\xf5\xefy\xba"</t>
  </si>
  <si>
    <t>b'?F`\xfc\xd99j\xa8D\x0b4\x93\xa0UY\x1a\x03\xed\xb1\xb80Ww\xd8\x94j\xb3\x8c^\xcdKh'</t>
  </si>
  <si>
    <t>b'.\x0e\x03\xec\xf8\x86\xeeV\x9e}\xe4\xc8\x14\xff\xb19\xb0FGG\xd7\x96G\xa7Z\x87\x9eq\x02p\xcc\xf9'</t>
  </si>
  <si>
    <t>b"s\xdd4\xb1]j\x96\xe6\xdb\xf3\xc2\xbf\xd7ZAZ!\xc3'\x9ac\x8f\x0cK\x13B\x1a\x8ed$w)"</t>
  </si>
  <si>
    <t>b'\xa7\xec\x10.\x15\x0bUl\x03\xc6Xe\x99o\xca\x9b\x8c6\xd9\x07\xc7\xd2\xc0K\xab\x1c\xf2\xa9c\xd0\x85\xb4'</t>
  </si>
  <si>
    <t>b'\xdaX\xe5\x13z\x9b\x9f5x=m\xafD \x90\xfe\\\xeb\xb2\x1a\xf5\xfbJQ\x99\xd0\x8cF\x92m\x16C'</t>
  </si>
  <si>
    <t>b'z$p\xfa\xba\x14="\xf6\xffe\xe8\xcf\xb4\n\x01\xc0\xdf\xe1\xfc\xe4\xdd\xa2\xb0\xf5\x0eP\x08\xder\xb7\xf8'</t>
  </si>
  <si>
    <t>b'u\xe7&gt;z{\xc2\xb0\x1f\xbd\xe1X\x15\xd1\x80\xf2\x19\xae)\x8c&gt;\\c\xa6"@\x0ff\xb5\x16\x1f\xd6\xdc'</t>
  </si>
  <si>
    <t>b'\xe0\\\x90\xe0\xfb\xcd\xf7\xa0Ov#/\x13\xc6\x03\xaa\xef\xcd|\xa1Y\x14]9\xaaL\x1b\xaa\xcf\xc6m\x1a'</t>
  </si>
  <si>
    <t>b'\xfb\x1d\x97\r\xa8\r:\xf7\xb2s\xdf\xcf\xbaEO\xda\xbc)\xc1m\xc2T-\xae\x90\x06\xa6r\x1f\x8c\xfdR'</t>
  </si>
  <si>
    <t>b'3B~?Ct\xb8\xb2\x1d\x0f\xd3 ;%!\x9c\x84\x81\xce\x83c3\xb3K\x8eM\xe8\x1a\x92\x97\xfd#'</t>
  </si>
  <si>
    <t>b'\t\xdc\x1f;\xf5^h\xa7\xb2\x7f\xab\x1fETy\x96\xd3\x86K\x7f\x8f\xf1\xec\xcf3\xe6y\xe6\x9ab\xc4Q'</t>
  </si>
  <si>
    <t>b'X\xb5\x0f\xed\xcf\x1a\xfd\xfd\xa2\xb4\xee\xbb\xc1\xaa\t0\xb6\x14q\x85\x04\x98f@_\x17\xa2\xae[\xfe@l'</t>
  </si>
  <si>
    <t>b'\xed\x14%\x96\xd6k\xe3-\xde\\\xb8\x82\xb1M\xa1uu\xda\x1c\x96\xb1\xf7\x9c 5\x1a\x99\xa4\x8ak\x1b@'</t>
  </si>
  <si>
    <t>b'\xaa\xb0g\x10\xd7DZ}\xad\x9at\x97\xa0B2\xce&lt;\xb8o.\xae\x8b\x92 7\x8aJt^_]&amp;'</t>
  </si>
  <si>
    <t>b"'\x00\xa7\xfd\xb2\xa9\xee\xc1'\xf6\xb8\xa9SJ\xf5\x03\x82\xfe\x9a\xf8k\x13#\x8e{\x87\x91h|\x9c\xac+"</t>
  </si>
  <si>
    <t>b'\xec\xcbYv\xdd\xb2\r`\x81^I\x127\x16\x0fX\x1c\x99\x8c\x0bD@\xff}=$\xb3\xd6:\x8c\x99\x04'</t>
  </si>
  <si>
    <t>b'\x1d\x89\xbd \x12,\x8f\xc5*}AVY\xa2\xfc\xf51\x92\xd4\xc7\xc3?\x8b\xa2\x17j\x85\xbb\x95\xeeY\xa2'</t>
  </si>
  <si>
    <t>b'\xfc;\x01\xb7$bw\x85J\x16\xa5\x17\x87\xecOM\n\xb2c\xb2\xf2O\xfb\xcb!$:\xeb\xd1[\xb0h'</t>
  </si>
  <si>
    <t>b'\x15a\x87\xf3\x9c\xf6\xd4\xd77\xe0\x10\xc7\xb7\xec\xff\xef\xb2@E\x19\x07yP\xa5\n\xb5\x8b\xe9\x94\x1f\xb9P'</t>
  </si>
  <si>
    <t>b'p\xd0\xa3\xb3_)\xe1\xe6\x97b=`\xbes\x8fM\xd4\x8a\xfc\x1f\xde\xe1\xbb\xf7\xdc\xban\x81\xae,\xfd\xd5'</t>
  </si>
  <si>
    <t>b'T\'\x9et\xa4Q\xbd,ng5\x07\\\x13\x1b\x8e\xfc\xb6\x95\x99&lt;7\x96\x06,"\xe3\x86h\x9d\xe2\xec'</t>
  </si>
  <si>
    <t>b'\xcf\xc6\x97\x87\x17\xc2Itj?\xe8a\x1f\x17w\x98\xfd\xd9\xfb\x10\xaf7\x8f\xf5\xdf\x11\xc4P\x93*Ep'</t>
  </si>
  <si>
    <t>b'\x87\x14\xf9\xeb\xc4\xa2\xda\xb7kw\xc5i\x9b\xec7\x1a \x9b&lt;WL\x19\xd12f @\xe7\xab\xde\xc1\x0c'</t>
  </si>
  <si>
    <t>b'\xd6\x99t\xc2A Y\xfc\xefQ\x9a@\x81^\xdaG\x7f\x9c)@tN\x8d\x81\x1ct\x1eTI\xcb\xea\x9a'</t>
  </si>
  <si>
    <t>b'P\xe2A\x05+\x08q\x8dx\xf2.-\xcf\xcd\x9c\xab_\xda\xa6\xf8N\xfaA\xaft@\xe6\x81\x17.\x06\xd5'</t>
  </si>
  <si>
    <t>b'\xc9\xc0u\rP\xd3\x14\xca\xb7\xb2\xe5\x150\xbao-\xaa^\xb4\xdb\xa4gP\x86\xc2\xaf\xa9{\xbe\xd4\xd2*'</t>
  </si>
  <si>
    <t>b'\x17+\x02K\x0b\x1a\x8a6\xbf\x93\x19%\x8a\xfa\xc0\xaf\x11\x06E\xee\xacI\xc8\x86\xa9\xf3N!q\x8eYO'</t>
  </si>
  <si>
    <t>b'\xea\xf3%\xbak\xd2\x14\x1e\x8a\xe8o:\x95\xd3&lt;-x\x0e\xfc\x80\x89q\xce\xfe\xef\xa2\xad\x1d\xd0\x9ej\xd9'</t>
  </si>
  <si>
    <t>b"\x9fJ\xd4G\xfe\xf2\xab\xa5\xfe-|O\xc7\xf0]\xc2\x05\xfd\x9b~'\xd6A\xa2k\xf5q\xa5L\xae2\xe5"</t>
  </si>
  <si>
    <t>b'\x04\xc4\xc7[M#\xd6\xf4`,\xc6\xd9\xa3\xe6\xdc\xaf,\xff\xca\xa5\x13=4auw\x107\xa7\xed\x17)'</t>
  </si>
  <si>
    <t>b'\xd9\n\xd5\xa7&amp;\x8b\'\xfa\xd7I\xa5RU"\x19\xf4.s\x10\x9bZ\xe4i\x95Y\x84xs\x0c\x9eF\xa6'</t>
  </si>
  <si>
    <t>b'\xd9=\xf5M\x8a\xc7\xf0\x06\xb1\xcc\xe6\xb7"?2&lt;\xbd\xc1L\xff\xce\x05z\x11\x93\x03{\x92;\r\xb8\xb6'</t>
  </si>
  <si>
    <t>b"\x0b=x-\xa7J{G\xa1\xca\x90.!\xb9\x9fd,\x03'\xd14(\xaa\xc7\x15\xf1B\xa4\x19kX\xad"</t>
  </si>
  <si>
    <t>b'C\xdc\xb0C\xbb\xb1\xea\x05\xc5\x9d\x9e\x85\xcc\xd55 \xe7\xcb\xb2\x97]zk!\x8a\x99\xbf)6\x1b\xffV'</t>
  </si>
  <si>
    <t>b',\xcd\xd3\xa5\x00R&amp;b\x00\xf5\x81\x92\x00ke.V\xa3\xba\xfb\xd2`\x9c:\xdc&lt;\xf3-\xe6\xaf7\x8f'</t>
  </si>
  <si>
    <t>b'\xcf\x04\x85Q\x9e\xfb\xbb\xac\x94\xd4\xdc1\xd9U\x91\xe6\xf4\xdb\x07\xb5\xdbZ\xf8\x19\xa4\xc0X~0T\xeah'</t>
  </si>
  <si>
    <t>b'\xc5\xafy\xc4\xce,DE\xb9\xcb\xbck\x08\xff!\xa5&gt;\xc6&amp;\x89\xed\xea\x17k\x89w\x15\x8bI\xebxu'</t>
  </si>
  <si>
    <t>b'\xd6\xa7\xc2\x03\xd3d\x19\x06\x83H\xf5\xc5}\xc1\xec\xbcD\xc7\x94q\xf3\xff\xc5\xde\xc3\xc5\xe5=\xa8E\x08}'</t>
  </si>
  <si>
    <t>b'\xa2\x0eM\xfd\xe3"\x18\x80\xd7\x07\xa2\x10M\xda\x11H \x8d\x19\x96\xa5\xfc\xe7\xbf\x1eV\xa5^\'P\x14\x1b'</t>
  </si>
  <si>
    <t>b'sg\xbc\x1d\x97/\xd9]j\xe0X\xda\x18\xbf\x12\xbdf"\xb40z\xae]\x9b\x19lk\x0c\x87\xb3D\x1a'</t>
  </si>
  <si>
    <t>b'\xbf\xc4/\xf3l\xe6e;\xb0\xedqs\xa8-2\xbaH\xebP\xdf,\xc1s\x12V\xe4Xt\xf2\x88\x99\x80'</t>
  </si>
  <si>
    <t>b"8\xba\xd6\x17\xcb]\xa4\xd3MF\xc6u\xd0'\x15~s\xfdb\x01\x8b\x94\xa0\x8b\xe3k\xf0t\xd0\x81`_"</t>
  </si>
  <si>
    <t>b'\x1a\x9aN\xef\xca:\x11\x89j\xfe\xb0j\xe0\xb0@\xe4\xee\xe7\xe8kV\\\xc0"\xb9\x89\xfd\xe6\xcd.\xb8C'</t>
  </si>
  <si>
    <t>b'9\x93C-=\x0e\xc3\xed\x1b\xf6Dvh6\xc3$\x95F\xf7G\xa5)\xe67p\x81\xd3\x96\xc4L\xd2L'</t>
  </si>
  <si>
    <t>b"\x17v\xebI\xc4)\x8f\xba\x12R\xbb\x05\x94'p\xb6B\x98\xa9\xbc\xe6;\xbc\x12\x83\xb4\xe3\xe3&lt;l\xd99"</t>
  </si>
  <si>
    <t>b'\x1aRH\x06\x1aL\xd1\xa6\xc4*\xd6\xbfR\x0b\xcc\xf3y\xae3\xa6\x81J\xb8\xd3\xde\xc1\x82\x88\x96O\xe0('</t>
  </si>
  <si>
    <t>b'\x8fJ`\xfc\x92\xf7,`4\xb8\xe2\xb3\x0b\x9f\xa9G\x96\x13M:\xcc\x97\xee\xd5%a\x89\t$h\x12\xc4'</t>
  </si>
  <si>
    <t>b'\xe9e\x03\x03\xf6\xdc\x88,U&gt;\xba\x1e\xcc\xa6\xc0a%2\xfcc\x1f\x1c\xe6\xbf\x11\x98S\xc4\xd79\x11\x18'</t>
  </si>
  <si>
    <t>b'\xe9\x8d_\x9c\xdb\xa5\xf0\x13$9E\xd8\\\xf3(`&gt;\x8dE\xd1\xc1\xd6\r\x0f\xcc\xda\x88\x96\x89\xe2+\xcb'</t>
  </si>
  <si>
    <t>b'\xf8\xee\xbe\x81\x19\x06i\x0fs\x03\x88[\x94\xe7\xae\x19\xfc\x81\xdd-\x99\xbd.P\x88 a\xf2\xe8@@B'</t>
  </si>
  <si>
    <t>b'-\x8dAk\xab0\xeb]\xc2)&amp;\xe4\x90OE\x9b\x96\xb3\x04$\xcc\xd5\xb9\xeb\xc0\xd9e\x04\x96~\xd7\x1c'</t>
  </si>
  <si>
    <t>b"\x00\xbb\x15\xffM'\xff\xca&gt;o\x02 ~\x0b(\xcbx\xfb\x1cqA\xb5\x83\x9e\xf4\xf6\x85\xd7+\x89`Q"</t>
  </si>
  <si>
    <t>b'\x0b\x9e\x99t*\t\x88\x8bW\xcd)\x9b_\x06\xf5\x1b\x1eN\xfb=h;\x9a\x9e\x08\xb2d\xeb)\x87\x0f\xf1'</t>
  </si>
  <si>
    <t>b'\x8a\xb8\xc51\\\x81t\x00\x86Z\x1e\x80\xeecCZ\xc8\x19\x9b\xde\x81\x9b@qU\x134\xe3\xbc\xd3\x8e\xbd'</t>
  </si>
  <si>
    <t>b'\xf2\x86\xcd\x1ds\x92v\xd6l\xb6W\x02\xa2:\xe2\xeae\xcd\xc2x\xb6C\xd3\x81\xdcJ\x96\x10\x1f\xf4S%'</t>
  </si>
  <si>
    <t>b"\xef,\x9b\x01\x032'\xfcv\xcbFn\xc04\x16M\xfe\xd2\xc8f\x8c\xb3e6\xdd\xac\x98!\xf7\xbaQ\xfb"</t>
  </si>
  <si>
    <t>b' \x07\xd9\x7f\xab}y\x15\xaf-\xe8%c\x92\xc4\xff;g\xceLg\xd2b\xe1\x10\xf3\xef\xe7\xf2\x83\x89J'</t>
  </si>
  <si>
    <t>b'LF\xa4\xabT\x18\x8az\x0f\x84\xeca\xf7\x81\xa7\xe0\x0f\xd4K\x1e\xcf\xfcG\x11B]\x83\xc6\xb61&amp;r'</t>
  </si>
  <si>
    <t>b'\xd1W\x9e\x93@\x0f\xff~\xdaXAY\xf0-\x82=\x07\x916\x1e\xb6\xa5\xba\x132\xc7\x80\xa24\xbeo\xd4'</t>
  </si>
  <si>
    <t>b'\xa4\x10\xde\x1a\xc7\xc1\xad\xed\xe6\x86]\xf5\xaad{R\xdc\xcdDw\x19\x8b\xa3\x0e`\x1c\xf3FGB\x11K'</t>
  </si>
  <si>
    <t>b'\xae0\xa9t\xa2\xa3\xb2\xe6x\xa4\xbb\xb8\xfb\xb9n\x89x\x94-P\x1e13H`\xd9\xd4\x81\xd3Vr\\'</t>
  </si>
  <si>
    <t>b'j\xbe\xc8\x9e3J9\x83\x1b\x98wj\x1fGf\x92\x01\xc4R\xff\xc0\xfa\xc19\xe3\xb8~\xf10\xcf\x9d\xc3'</t>
  </si>
  <si>
    <t>b'\xecUW\x07Z\xa4w\xdc\xb3\x9b%\xc1X\xd82\x8e\x00\x1aS\xcd#O\x12\x0b\xd1`\x82\x15P\xf7\x92N'</t>
  </si>
  <si>
    <t>b'\xe1\xad\x9f\xae\xa4\x0b,\x0e8\xa95z\x80}\xc8\xa5\x05_T\x97\x15\x7f\xb6\x02\x19g\xa2\xf8\x94\x17\xac;'</t>
  </si>
  <si>
    <t>b'\x87\xc8=s\x82m\x14\xeeY\xf3\x0cG\x82C\x83\x1c\xe3\xaa\x7f\x83?\x08|D\xbb\x06-\xf0)Uz\x03'</t>
  </si>
  <si>
    <t>b'\x0c\x1eS\t*%\xcc\xdaR\xab\xc5\x85/\xe6\x9e\xd4\xa5|\x04\xcdk\x95\xb0\xddF\x06\xef\xb0RZ\xba\xd1'</t>
  </si>
  <si>
    <t>b'\x1c\xc4/-E\xee&amp;\xa0\xd8$\x87\x91n\xa1\xc8\x03\xb7\xa6\xe9\x04\xc7i,\xb0b\xcf&lt;&lt;\xb8U\xf1\xc8'</t>
  </si>
  <si>
    <t>b'\xd1\xc0\xddwS:\xf2\x15\xcf\xae@\xd1\x11Bp\x1c\x82uV\xd4\xcd\xa5xg)\x13\x1a#\xc9\xd7l\xb2'</t>
  </si>
  <si>
    <t>b'@W\x1e\x08\x05\xa4\xbfz\xf6^\xb9g\x84D\x95\xc2\rf\xaba\xc1H\x9d\xb2\xaf\x88\xf61\x83"\xf7\xd4'</t>
  </si>
  <si>
    <t>b'\x1b\xd0U\xc6\xf8\x9a\xc4]\x1e(F\xecO!\t\x83\xadT\xf0\xfd\xbf\xee\xb4\xfc\x1704.\xa70km'</t>
  </si>
  <si>
    <t>b'3\xe1\xc7m\xf2\xcfk\xff\x14}1+)\xbaNP\xfd=\xf0\xaf\xe0\xabfz\x1aw\xd2Gn\xc5&lt;\xa1'</t>
  </si>
  <si>
    <t>b'\xd6\xaf\xe9\x8cim\xf3&lt;x#\xc7\xee\xdf\xeb\xc0C\xd0\xe8!T\xdaA\x12\xff\x19\xac \x8f\x81\xdf2\x19'</t>
  </si>
  <si>
    <t>b'\r\xbb\xd9\xd3\xbd#\x10\xd4M\x85\xfe`\xd4c\x97\x8dQ\xae\xbeY\x80\xd3\xab\\9r\xd4\xa7\xfb""Q'</t>
  </si>
  <si>
    <t>b"}j\xd9\x11\x024\x1c\x9f\xa8\x00s\xa5\xda;\x90^\xeeLD\xd8\xad\x87@'I\xe0\xfe=\x16\x96l\xc8"</t>
  </si>
  <si>
    <t>b'\xaa\x03\xd5\xa6\x8dV6\xe9\x8fCe\xb4\xd5\xd5\x83\xf8s\xe1\xbdVm\xfcs\xc5\xfa\xda)\xea\xe2c\x99\x80'</t>
  </si>
  <si>
    <t>b"V=Q|\xb8\xb2wk\xd0C\xdf[\xef\xd4T\x9bn\x83j\xf8\x11\x93\x89h\x9dn\xa4\x8a\xc4='J"</t>
  </si>
  <si>
    <t>b'\x9f\x9e\xee\x98v\xd1?@\rT\x08o\x12\xb5|\xbe\xbc\x12Ra&amp;\x9d\x16\xcb\xd6\xa1\xbbe\x88\xc9DR'</t>
  </si>
  <si>
    <t>b"\xaeN\xfb\x8d'\t\xcf\x16\x84\xb1P\x95\x80&lt;\xdc\xd6\x90\x92;-5z\xb5\x8dn^\xdd\xd3\xf3\x04\x96i"</t>
  </si>
  <si>
    <t>b':\xc0\xba\x93\xd25\xa5\xd0/)\x13"\xc2\xd9ld\x9d\x83\xa3I\x10\x06:\xd7\x1cg\x1d\x88y\x08\xc0$'</t>
  </si>
  <si>
    <t>b"\xdb\xda\xf4\r*\x18\xb7\x90\xfec%\xdddl\x88\xd4-\x1ey&amp;\x84!'R\x86\x82,$\x84\x9d:\xdd"</t>
  </si>
  <si>
    <t>b"!\xfdoX\xdd'\xea\xd3d\xb2\xd0P\x91\xb5+4\xe3\x8a\xd9U\x8d\x88\xcc\xa0\x9e\xfa\xc5\x10n\x1c\xa2Q"</t>
  </si>
  <si>
    <t>b'O\xa3\x98\x87\xe6O\x0b\xd8B\xfc\x06*\xf3\x1a{\xffj\xdd\x908\xca\x9ca\xe2\x00\x91#\xa8\x1e\xab\xf1\xfb'</t>
  </si>
  <si>
    <t>b'\xd3\x97Z\xf2\x8e5$@\xd0ok\xa2\x807G\xe6\xe6\xf5Fj\xb3t\xffBG\x08\x8eu\x889=s'</t>
  </si>
  <si>
    <t>b"\xe5\x19eIJ\xa3\xaa\x17\xe3\x9f\x0cOw\x11d\x1b\xd0=\xab\n\x98\xde\x80\xd9\xa1\xe25?\x8cdE'"</t>
  </si>
  <si>
    <t>b'~\x94e.\xe8\x17\xe7"\xbauT\xe2\x92\xa9&amp;%l\x7f\xb4\xcd\xb4\xf1\x1d\x81B\x11\x80J\x0c\\\x9a\x9f'</t>
  </si>
  <si>
    <t>b'\x17\x8d\xab\xd0\xc0\r~\xd4K\n_jW\x0c\x00\x0b\xe8\x93\x1c}\xa5\x89\xc15y1\xc6\xe7\xfc\xdb\xff\xda'</t>
  </si>
  <si>
    <t>b'\xa2\xca1i\xfd\xeb\xdc\xb1\xa3\x835\xa6\x06Qu_&amp;\x9e\xf06\xc4{Ch\xc8\'"q\xbfsq\x12'</t>
  </si>
  <si>
    <t>b'~K\xe2&lt;NLqt\xb0\x9b\x9af\x16\x97]\x10\xb9\xf1X\x15\xabg\x9e?\xe4~JTF\xfc\x8dJ'</t>
  </si>
  <si>
    <t>b"],\x07\x0cvG\x8d\xbf\x80\x1cX\x9a\xd9\x19\xbb\xb0\x93\x12%E\xa4X\x0bZE'j\x12q\xe5&gt;\xe9"</t>
  </si>
  <si>
    <t>b'w\xc3\xe9\xff\x92\xfa\xfe\x0e\xa6\xbb?f\x0e\x8e\x9bLq\x9b\x89\xe5\xc2\xa6\x1a3L\x7f\x18]:\x9e\xe9H'</t>
  </si>
  <si>
    <t>b'\xd00Y\x0f1\xeb\xbd\xcc\xc7`\x955\xf0\xff\x95:y\x8eM\x18h&lt;^1\xefV\xe0\xae=\xa73\x81'</t>
  </si>
  <si>
    <t>b"\xf7d\x90\x17\xe0C'\xf9\xb7v&amp;\xeeBq\x95\x89\xc7\xde\xcd\xbd\xcbr2F(\xdd3\xfc\x87\x8a\x94;"</t>
  </si>
  <si>
    <t>b'\x01\x07\x11\x8fg\xc5\xf6t\xf8,\xec2yf[\xac\xc2\xfc=\x03z\x89b\xc2\xcd7MO\x83\x9eH#'</t>
  </si>
  <si>
    <t>b'\xb5N\xa6\x962\xa2\x1as\\\x84\xf8\x82\xb6\xcb\x1dQ\x82\xd6x\x99\xee\xcb\x82\x9c\xee\xe8&gt;\xca\xd9\xda\xae\x02'</t>
  </si>
  <si>
    <t>b'\x98z\x85\x88j\x9e\xd6\xbc\x9ek\x14d7\x99m\x1c\xba\x11\xbd\x1d\x16\n%\xa7u\xa8\xc81\xc7\xf8\xe2\xa1'</t>
  </si>
  <si>
    <t>b'q\x0e\x90\xfa\x8eK\xd1\x9cX\x03A\xdbAE\x8e/c\xed&lt;q\x1dEb#\xdb\xd1r\xa1v"\xfe\xd8'</t>
  </si>
  <si>
    <t>b"\xfdm\x07\xf7? \x87\xe3\xf0\x01\xbb7\x8a!i\x04\xd1'\x13\xffZ\x01\x17\xdf\x85^i\xae\xf43/L"</t>
  </si>
  <si>
    <t>b'\x89\x841y\x0bE\x02\xc7\xf6L$\xdb\xd2I\x8a.\x81\x85\xf6\x8cq\x8f\xedPD\xbe\x81mA\xa3L\xe6'</t>
  </si>
  <si>
    <t>b'\xdf\xe6r)P#c\x8a:\xf3i\xf13\x96~\xc4+\x0f\x98?I\xfe\x05NM\xa8\xc1XW&lt;\xf7M'</t>
  </si>
  <si>
    <t>b'\xcf7|\x89\x92\xa8\xb7z\xad\x89N\x02&lt;B\x92\x059F\x81uB(=\xd1\x05H\xeci\xd1\xde\x1d\x8c'</t>
  </si>
  <si>
    <t>b",\xca\x97\x05\x1a\xe1\xdc\rcE\xe9Q*\xd5\x8f\x84X\xbf\xbe9\xd0\x17\x0c\x05x37\x11\x9c\xc5\xb6'"</t>
  </si>
  <si>
    <t>b'\xd7\xff\x08\x0fz\x80\t\xbc\x1e\x10.X\x80\x0b0K\xc0\x15\x1f,\xa4\xbd!\xcby\x96\x8c\xbe_\x14\xfa\xd8'</t>
  </si>
  <si>
    <t>b'{\x05O\xdb\xdc\x92Ma\xa7"8\x91e\xe2W\xe1\xaf\xca\xf8v\xac\xea\x82\x87\xa4\xdan\xe1\xe6\xfeN\x82'</t>
  </si>
  <si>
    <t>b'\xbd\xbd\xd2!\xdc\x0e*Qq\x8e\xca\x86\x07E\x9d\xf6\xf5\xe9Z\xceF:\xbf\x08\xae\xb7\x16\x15\x1c\xe1\x97\xe1'</t>
  </si>
  <si>
    <t>b'+\x0eP#\xf4.\xdag\x14-\xbez\x065\xe9\xf5\xc3+\r\x8b\x89\xd7\x11\x08t`\x18f\x02\xa5\xe5\xa9'</t>
  </si>
  <si>
    <t>b'\x9e\xf7\x9b\xf6d\xed\xa9zN\x82\x1e\xaf\x98\xf8E\n\x14\x85La10\xf1\x94&lt;\x8a\x02\xb9\xb0\r\xab*'</t>
  </si>
  <si>
    <t>b'}K\xf9\x9a\xeeD\xe3,c\x08\x8b\xb24\xe3\x18\xd5\x90oiU_\x1e\x1b|\xa4?}\xb5\x0bZ_z'</t>
  </si>
  <si>
    <t>b'\x19\xa5\x91k6\xd37\x8a\x82\x8d\xb5u\xcb\x13o\x01\xd7\x1d\xe9\x1c@u9n\x1b&lt;s\x11p"\xb3]'</t>
  </si>
  <si>
    <t>b']}\xc1sbs\x1fz\x1cU\x02\xc3x\x0cs\xeeO\x83\xa0\xa8t+89\xcd\xc1\x0bP\xd5}\\\xd2'</t>
  </si>
  <si>
    <t>b'x\x0c\x8a\xd4;\xeb\xf4\xb4\x0fJ"\xe6m\xce\xa4e\xc4%\x1b\x05@A\xaa\x02\xbdIe4\x96J_\xbc'</t>
  </si>
  <si>
    <t>b'\xce\xbc\xee\x16\x01\x7fVx\xbf\xb4\x81^\xf1T\xa0"\xf88 &lt;p\x00\x1ag\xe4\x82\x00(\xe9\xc8do'</t>
  </si>
  <si>
    <t>b'\x93n\x1co\xce\xbd\xa4\xd9\x07&lt;\x8b+\xcc\xcc\xaf\x11yf\r\xcb|\xc4\xc9K\xe4\x92&gt;\xd1\xde\xa6W\xbe'</t>
  </si>
  <si>
    <t>b'\xa5\xf7\x8d\xc5zwC\x94fC\xee\xc7a\xf0\x12\x94\xc7\x8d\xfc@\x1f\xb6\x15.\xe5\x96\xd0x\x81:\x81\xdc'</t>
  </si>
  <si>
    <t>b'\xcfo\x98T\rA\x15\xd2\x98\x97\xc2/\xc3!\xab \x91\xce5\x8b\x05%\x19\xba\xb4\xf1\xdc\x15p\x91\xef\xd7'</t>
  </si>
  <si>
    <t>b'\xd4zC\xa8/\xfa\x90$/_-qR\x95\xea\x1a\xad\xcfe\x92\x12\xb1$\xe82\t\xbe\xfa\x90(\x90\x9f'</t>
  </si>
  <si>
    <t>b'\xec:$\xfe3+9\x15+\n\x9dQ\xdf\x05\x10yU-\xb1&amp;X\x83\xc8\xa6z/\xd6\xc6\x13j\x95\x89'</t>
  </si>
  <si>
    <t>b'\x91\rV\xf0\xbaE\x98\x7f-\x8d\xdaW\xa9?|a\xbaq\xc6\xca\xec\xd5\xc8\x8e?\x8f\x8frl\x81Qv'</t>
  </si>
  <si>
    <t>b"\xfa\x07\xe5x^\xd9\xfe-\xaf\xe0\x94\xa7=\xe1\x03\xcd\xd0\xc3J\x18\x98\xd1'\xe5\xfcY\xcc\xec\x18\xd8\xbc\xa0"</t>
  </si>
  <si>
    <t>b'\x0b\x88Z"\xa2M\xcaN\xa1\x95\x0c\xa5G\xfbYs\xa99"q@fS!8n\xa4\xc2?\x1f\xf1]'</t>
  </si>
  <si>
    <t>b'\x92\xd6\x16\x8d&lt;\x8dm\x86%\xd2\r\xb8!\xfa\xc4I\x15j\xdf\x81\xb3\x15\x854\xc4X\x19\xee\x1b\xa4\xe9\xce'</t>
  </si>
  <si>
    <t>b'\x8c0\xc7\x97\xbc\x07?\x1f\xbc\t\x95\xc1\xb4\xff\x9e\xcf\xe7g\xac\xd7\xb5\x18x\xff\x07\xe1\xda\x14\xe2x\xec\xbb'</t>
  </si>
  <si>
    <t>b'\xdf`=Da\xc3\xc0\xf1\xc5T.h~\xb0\x86\xd2\xcd\xc1yR\xa4\xaaa\x05[\xce.\x86\xaf\xd5?\r'</t>
  </si>
  <si>
    <t>b"&lt;\xe7\x97\xa2d'\xda\x8c\t\x83\x91\xce\x15\x91v\x82D\xd6C\xd6\xd3&lt;z\xf8\x00\xbf\xd4[\xef\xa8r\xb9"</t>
  </si>
  <si>
    <t>b'\xc0\x1c\xaa\xd7\xc9P%q\xc2c\xde3\xf2@\x96\xc7&lt;]_\x87\xbbe\xc3\xd4\xfd\xdb\x11G\xad\xa4H\xca'</t>
  </si>
  <si>
    <t>b'\xder\xf1\xe2Q\x9d\xe5\xfd\xfbj\xb3\x9e\xa7=@\xb8\xf64\x8eQ\xb6&lt;\xd1\xa1\xf3e\xf0-\t\x90_\xf9'</t>
  </si>
  <si>
    <t>b"p?K\xfc\xa1\x1a\xa0\xa1A\xc8\xae\xb6T\x1d\xcf{\xa1\xe5e\\\x93\xce\x13['4\xc3\x84 \x1c7\x94"</t>
  </si>
  <si>
    <t>b'\x8a&amp;\xdf\xa0\xac\xf4\xe8\x86\x8b\x96\x90\x13\x95\xbf\xdc\xa7]\x97\x13(H\x1clHAj\x1e\x89C\x05\x88R'</t>
  </si>
  <si>
    <t>b'\xcb\x88qy\xbd}*\xf2\xa0\x17\'\x0b\xddx\xb9\x08l\xa8\x96\x98\x06n"S\xb5\x08\x08z\xc2\xd5\x93\x9a'</t>
  </si>
  <si>
    <t>b'\xd6\x12J\xe2E\xaa\xbf\xee\xa7\xe6&amp;\xc1\xe4\x96\xaf\xe6\xf90\xd2\xc1\xd9&lt;U\xd6\x95N|L\xc6)\x12&lt;'</t>
  </si>
  <si>
    <t>b')\xfd\x86%{\xf5p~mNg1oS&amp;\xcd/\x8e\xcf\xde\x81\x04\xb1\xed\x81\x04\xe8\x90jK\xbc\x94'</t>
  </si>
  <si>
    <t>b"\x0f5\x97\xed5\xd8K9\xba\xfc\x849\n\xdf\x8cG\xe3s\xc5\xa4,\xb2\xd7\x83\xd3l\x8a'\xb4K\xde\xcf"</t>
  </si>
  <si>
    <t>b'd\xda=\xec\x0e\x8d\xf1l\xef\x0b9\x96\x96m\x1e\xb5\xa0\x04=\xe9+\n\xab\xa2H&lt;\xba\xa1\xd1\x99B\x88'</t>
  </si>
  <si>
    <t>b'\x19\x1a\xdab\xef}\x95\xe0t\xbd\x84\x8c\x08R:\xa4\xa3\x9b\x8e\xcb\x158a\xfdA\xd9\x8e\xbb^\xd7\xd0\x05'</t>
  </si>
  <si>
    <t>b'\xda\xf6\x05\xe6m\x89\x91w\xe6\x1bc\x95\xbc#i\x10bp\xbf\x9eY\x94\x9a\x9d\xf2\xe2\xc3e\xda\xceE\xc8'</t>
  </si>
  <si>
    <t>b'|2y\xe6\x8f\xf3k\xe9\x82\xc6\xbeH\xbc?\xab$\xa3L\xcbGc\xda\xdc\x03\\5pP\xed*\xc2j'</t>
  </si>
  <si>
    <t>b"'b\x00\x0b\xc8\x9b\x08\xef\x1d\x9cK\xb4\x97\x8by\xc4Nb{4\x0c\xed*\x9a\xba\x9b\xae\x02\xd0\x10\xd5\xf0"</t>
  </si>
  <si>
    <t>b'=\xaf\xc1\xceTp\xa8#&gt;k\xec/\xd6l;e2\x1f$;h$\x18Y\x92\xaf\xd6\xa1\x9c\x99\x08g'</t>
  </si>
  <si>
    <t>b'\xbf\x052\xab\\9"&lt;\xf6\xb3\xc3\x13\xb8\x02G\xdc\x15{\xe5 \xf5/\xdf\x88\x07}\xeco\xe2\xcc\xf73'</t>
  </si>
  <si>
    <t>b"K\xc4\xebw\x12\x95\x07Ey_\x03\xd0\xf6\xd1Pr\xc0'e\xa9\x8e\xeb\x1a\xf6\x91}\xc2AH\x91\xce\x8c"</t>
  </si>
  <si>
    <t>b"\xb1\xc0i\xae\xafj\x13\x8c\x18w\xe5\xa3\x8f\x10\x87\x95\xda\x17J\xc34X\xe4\xe9\xd1d\x15'\x93\x7f\x99m"</t>
  </si>
  <si>
    <t>b'\xff\x90\x10\x0eJn\xea4\xcb\xf1\xa4\r\xb1\xdc\xf8\xb7\xe4\x93\\\xb4\xe4\xcb1\xe8\xe0\x9e\xfb\x98\xdez,2'</t>
  </si>
  <si>
    <t>b'\x03j\x88\xcbo\x86\x10^\x9e(\xae\xf6\x12\x99(?|\xd5\xfas+wob\xaa\xdd\xda\xc2\xe5\x9e\x9dV'</t>
  </si>
  <si>
    <t>b'\x98\xff$\xfd\xd4(9\xabq\x03\x8d\x04E[KGo\x0e\xcaH\x7f\xdb\x93\xbc\x0f{\xbf\xa9\x80D\\\xff'</t>
  </si>
  <si>
    <t>b'\x01fAg\x0eC\xd3\xde+\x02\x1a\x07\x18\x12\xea?\xe6\xd6\x16\xb6\xe0,\xc8\x08\xa3\xe3\xfc\x9c\x06\xfb\xb7\xb2'</t>
  </si>
  <si>
    <t>b'\xba\x97\xf5\xe5R&lt;\x9f!h\x99\xc1.\xf6\xc7#q&amp;\x86V\xf5\x07\x94g%\xea\xadY\xe4\x16\xce\x12\x83'</t>
  </si>
  <si>
    <t>b'\x0f!X\x03\x07&gt;\x02\xa4\x03H\\\xb4\xfa\xef\xb5\xfa\xd6dx\xfe\xa4\x17@\x1f\x86\xa2T\xb2z\xbb&gt;\x14'</t>
  </si>
  <si>
    <t>b'\x82\x18\xe4\x17\x1d0\xee\xf5\x91P$\x1a\xd2Q\x847\xdbi\x7f\x1a\xd8\x99\x98\x8dVF1\xe7\xacH\x15X'</t>
  </si>
  <si>
    <t>b'\xb9\xb0\x9dA\xf5\x1f&gt;\xc3s\x0b\x9b0\xf1\xc9bEZ\xea\xdc\x9d/\x07\xca\xd3\xd5\x1f\xdcq\xe2j\xce\x1a'</t>
  </si>
  <si>
    <t>b'\xfb\x17\x00X\xec\x9e\x180\xf7V$-$t\x8c\x16Z\xedl\x9f\xad\xb0\x1c`C\xf4@U\xe3\x99\xad\xe4'</t>
  </si>
  <si>
    <t>b'_\xe2\xc0\xd3\x0f|wo\x94\xe2U_lldO\xbe\xd9,GTrx;-.\xf8!H\xbc\x15\xdc'</t>
  </si>
  <si>
    <t>b'\xa9\x9e\x8c\xa4\xd7\xc8\x1d\x898\xf1!PC\x98v\xc2d\x02\xca\xe7P\xd2AD\xfb\x10{\x96\xfa;\x056'</t>
  </si>
  <si>
    <t>b'W`\xd8A#n\x8emR\x18\x9d\xe1\x84(;\xc1\x1d\x83|\x02v\xa2\xfc\ry\xc1Pg\xc0U\x9c\xa3'</t>
  </si>
  <si>
    <t>b'\x0c&amp;\xcadg\x03G{(V\x19}}\x13`\xc0\x02?\xa6\x81Q\xca\xb6\x9b\x1bd\xf7\xe3\x1c\xa6\x13O'</t>
  </si>
  <si>
    <t>b'\x84\xccC\x9c\xba\xfb\xd9Pw1\x01\x17\xdbu\x80h \r\x8e\xd2\xbe\xbfh\x8e\xe5\xe1\\\xb2\xedM\x81v'</t>
  </si>
  <si>
    <t>b'\xfeF\xf2\xc2@\x9e\xe0\xc7`\x99\xad\xa3\xca\xbb+\x1e\\\xd6\x0c\x04\xe6y\xbe\xber\x11\xb6iz\xd8\x16\xbb'</t>
  </si>
  <si>
    <t>b'\x0f\xc7\xa9D\x10\x00G\xbe\xb7\xf6\t\x997\xea\xec\xaf\x19\xfd\x17\x8d:\xd3\xa2\x1b\x81\x0b\x06%Y8\xde\x7f'</t>
  </si>
  <si>
    <t>b'\x1c\x8d$&gt;n\xc5\xbb\xa0\xd4\xeb\x1et\x17}Ae\xaa&lt;\xcbF\x08\xf6b\xb3\x9a\xa1b\x03\x8c\xdc\x9c\x1a'</t>
  </si>
  <si>
    <t>b'\x9d\x06\xa8\x97\xe1\xd1\\--\xeeT\x0c,\x8e\x869\x8c\x91\xed\xe8Ii\x87,\xd2\xb9)QDHZ\x0c'</t>
  </si>
  <si>
    <t>b'\xee\xc3\xd2\xf4\x14TL\xfc\xa1\xbd@B\xa4\x08\x0f\x95f\xb3\xf7X\x9fw\xaa[\xf8#\xe09&lt;\xbd/o'</t>
  </si>
  <si>
    <t>b"\xa2\xbb\xe5\xad!&gt;t\xbe\x0f\xeb\xbb'~$\xbd@\xd1L\xe2j\xaf\xef\xc1\xabs\xea\x94\x08\xb4\x08\x19]"</t>
  </si>
  <si>
    <t>b'\xb9m\xee\x1530[o\xc3\x8d\xd4\x98)\xb5\xd8D\x08e\xe0\xe9n\xe6\x7fL\x9d\xc9\xa0p\xf0t\xca)'</t>
  </si>
  <si>
    <t>b'\xc3\xd8\x04]\x9a\x1f\xcb\x9d\xe9\xbc\xb2\x94B\xfe\xfcJx\xb3z+w]N\xa5\x0c\xb8\xb8\xf3\xa2\xb8\xa5\xca'</t>
  </si>
  <si>
    <t>b'\x8a\xa1\xcf\x15\x11\x04p\x986\xa4\x83\xb4&lt;iz\xa7#\x1b\x14\\$\x84\xa1\xa5\xe4=E\x97\x80G\xd5\xa7'</t>
  </si>
  <si>
    <t>b'\x96\xc8\xe8\x94\xbf`\x93\x8d\x06\xff\x14\x8a\xaf$\xfe\x8b\x85]ej\x05c\xf7&amp;\x01\x9bO^x|;P'</t>
  </si>
  <si>
    <t>b'\xcd\xf6\xf3\x16\x10\xcc\xb8p\x1c\x90\xc0\xbe\xba\x89\xccVPS\t\x01uE\x16D\x92,Ma|b\x97\x87'</t>
  </si>
  <si>
    <t>b'\xc5\xf3\x01\xf2k\\\x8f\xed\x9e\x98\xc5\xb2\xd9.\xa3\xdc\xa7#i\x1e\x93\xd4\xc2\xfc@\xcc\xb1!D9\xdb\xde'</t>
  </si>
  <si>
    <t>b"\xfe\xb3\x9b\xd8\xe8.'\xecN{\xf7fJd\xad5/\x0f\x19\x0e\xf1}jJ\x92\xa7i\xe8\xfc\xcd\x0c\n"</t>
  </si>
  <si>
    <t>b'\x01\x9a\x9d*\x1f\xbb\x03iq\x99\xa1\xc9(&lt;\xf2[C\x14\xfc0\xabu\xe36Q3\x9f2\xed\xad\xb5F'</t>
  </si>
  <si>
    <t>b'&amp;N-\xad\x05\xad0`1Q\x9a\x1dy\x97\xbb\xfb\xb2l\x9e\xaf\xec1\xdc\x12\x9d\xf3,]t\xe8\xd6\x0e'</t>
  </si>
  <si>
    <t>581xx</t>
  </si>
  <si>
    <t>b'\x1c}8\x1d\x97\xa6\xc8\xdf?0\xa8\xe8\x1f\xc5\xb0\x93\xfc\x17\x88\'\xea\xcf"\xb0\x15;\xfe\xaft\xfe\xed\x1b'</t>
  </si>
  <si>
    <t>b'\x82_\x02\xf1\xd5=;\x92[\xb1\x02\xdfl\xeb\x96_\x90\x95\x83"I\xd3J\x8e*\xd0\'^\x83\xb06\x96'</t>
  </si>
  <si>
    <t>b'^y\x94\xb7Q)\xee\xe4\xcfz\xc5\xbaK\x8c\x8a\x84\xe7U\xca\xdf\xbb\xbc\xfc\xad\xbe\xfag\x18\x03k\x86\xbf'</t>
  </si>
  <si>
    <t>b'\xcf\x10X\x0e\xbdc\xbd\x82\x16\x16s\xa2O\xf4\xc1\xe5\x01KC\xb7\x14\xd8\xe4J(\t\r`\xc1\xbdim'</t>
  </si>
  <si>
    <t>b'\xf5w\x08\x9f\xd6M&amp;0R&lt;\xbf4CW~\xe17\x16\xf9\x96y!\xbc\x7f=\x93\x93C\xb7\x11\xb1\xf3'</t>
  </si>
  <si>
    <t>b'\x84\xb1\x05\x1e\x12\x9e\x93U\x0c*f\xde\x08\x13\xddz2\r\xfbB\x0c/f\x99\x8e#\r\xf1\xcd\x93\xc6\xce'</t>
  </si>
  <si>
    <t>b"\x93-\x1a\x94Yg\xd7'\xab\x0c\xd9\xf87\xc3}\xd1%$\x96\xe0U\xcdJ\x94\xc9\x91b4N\xed\x97\xae"</t>
  </si>
  <si>
    <t>b'\xca\xc5\xe2\x19\xca+\xb8fi\x13\x84\xbb\x88\x88EP[\xad\xcc\x8d\xba[\xc93Y\x0cN\xc4F\xd2&amp;\xab'</t>
  </si>
  <si>
    <t>b'~p\x82\xfc\xe1A\xd8x"\xee\x06\xf0\xe2I\xc7\x12\x9a\xc5\x9d\xf0\xd5\x84#\xf5\xcf9F\xb7\xdf\x05\xe8\x00'</t>
  </si>
  <si>
    <t>b'\x07\x8f\xdeC\xec\x9b\xa8$\xe1iB\x89Cv\x01\x80\x82\xe9#&lt;\xaeT\xd1\x10\x05\xe89\xc5Y\x06wi'</t>
  </si>
  <si>
    <t>b'W\xea\x9e\x82X\xd8\xbe.+\xf5\r\\\r\x15\xf9\xffM\xfd6\xb3\xdag\x92\x0e\xa1)+\xdc`\x1b\xa2v'</t>
  </si>
  <si>
    <t>b',A\xadU\xdc\xd7&amp;\x11\xe6\x9a\xb5\xd1\xd63\xed\xab\\d\xd1\xe0\x02\xbf;w\xe3\x95Y\x16\xa8\xd1b\xdc'</t>
  </si>
  <si>
    <t>b'%\xe9\x8c\x00,\xe7aF\x8b\xe31![\x17A\x82:\xdd\xdd}\xe0\xd9\xca\x04&lt;\xf4qN:\xeb\xe8\x87'</t>
  </si>
  <si>
    <t>b'L\xbe\xc7\xa3\xd0\xf7\x14I\x87~\xce\xf6\x9dNa\x02\x19\xb2C\x05/\x0f\xed\x11$\x7fA&gt;\xc5\x0b\x1f5'</t>
  </si>
  <si>
    <t>b'\xf2\xf9%\x121\x14\xba\x89\x07RG\xce_\xc9b\xa8\xfe\x1c\xc9\xf9\xb2\x1cTV\xe7\x8dv\xdd)2\xc0\xe0'</t>
  </si>
  <si>
    <t>b'\xc9cP\xa2\xa0\x94\xc1\x17X\xb9t\x98^\x91\xcb\x05\x02\x8e\xe5\x03\x03\xbc{_\x043LElM,\x08'</t>
  </si>
  <si>
    <t>b'\xe9y\xb5Bb\x8b\x89@\xf7B\x0e`\xe9\x1bP\xdd\x89v|\xc3\x19\xd1\xb9\xf9R\x13~\x8e{\x85\xdc}'</t>
  </si>
  <si>
    <t>b'\xb2!\x1a/*\xec\xec\x04\xecc%r\xa0\x12}/\x08\x8ch,"\x98*\x89b\xe76\xc8\x8a\xed\xa2H'</t>
  </si>
  <si>
    <t>b'l"ppL\xeeXKl\xc7^\xaev}\xb0\xc1\xda,\xaf\xe4\x0bb\xae?\xa2F\xd7\x11\x07\xbe"b'</t>
  </si>
  <si>
    <t>b'\xc1\xd9\xc2\xc6\x9a\xda]\xa9\xdb|A3k\xa0\xfb=\x8btX\xc70&gt;m\x94\xeff\xb9\x8e\xabDs4'</t>
  </si>
  <si>
    <t>b'\xa20#&amp;\xd1N\xfa\x9b\x88\x88\xcdl*\x8f\xbdJnU\xa4\x19\xa0&gt;\xc9\x03Q\xe9\xc5z\x9e\xbe\xed\x07'</t>
  </si>
  <si>
    <t>b'\xb1\xce\x0c\x0b\xab\x16\x965yx\xadn\x88d\x9c\xde\xd6\xefh\x9e\xb3\x9f\x93\xd4\x89`6\x1f+@\x89a'</t>
  </si>
  <si>
    <t>b'\xb6L{\\\x0f^3\x18\xed,\xa9\x94\x04\xde\xe3\x04\xef(\xb6\xe2\xff\x1d\x8f\x0b\x80\xcf\xc9\xd3\xe1\x9a\x0b5'</t>
  </si>
  <si>
    <t>b'\x80\xaa\x19\x1e\x0b\xc6Fi\xfa\xaa\xb0\xb3Z\x0f\xf5),\xd3i\rE\xdc\xd0$i\xb3K\x1c/#x\x8b'</t>
  </si>
  <si>
    <t>b'\xc6\xd6\x7f\x85\x95_\x0b0\x85\xb3.\x86\xdc\xd5\x1c\x82\xcd\xc4\xfe\x9do\xae\x03\x1c\xfe\xd99\x86|\xb5\x8d\xd5'</t>
  </si>
  <si>
    <t>b'Oi\x03\xa5O\\\xc4\xb5\x92\x8e\x80d \xe0\xd3:S\xad\x1d\xf9\xb5\x8f\xe9\xc3\xb9\x9dM\r\xe0O%W'</t>
  </si>
  <si>
    <t>b'4\x81\xa4\xcc\x1f\xfc"eDC`\xb6\x8b\xac`\xb2\x05\x7f\xa3\x80\xfcR_L\xb2\xab\xf8h\xcf\xfc\xd4\xfe'</t>
  </si>
  <si>
    <t>b'3\xffcG\xac\xd0\xc3\xc1\x08\xf1"\xe8\xbc\x95\x9d\xcf\x17\xcf\x85\xee\x81\x9e\x9f\x1a\xff\xf4\x8d\xe5N/\x8b\x85'</t>
  </si>
  <si>
    <t>b'\xbd9\x0b\xb0zJu\xd8M\x98X\xe3\xfe\xccD\x8e\x94\xb4x\xb92,\xb7\xa9\xb3\xe4\x06\xa0\x00|\xb4\xa3'</t>
  </si>
  <si>
    <t>b"\xcc\xf4\xbeo.\x01\xe2}~\x10\x89g's,\xb2\x06\xfd\xd3\xcd\xe9\xbc?'\xf6\xfb\x7f\xed\xa2#\xf7\x07"</t>
  </si>
  <si>
    <t>b'g;\x1d\x87\x05\xa6\x98\xd2\x02K`\x84\x9aZ9+\x90\xef\xfd\xed{d\x02\x1f\x9a\xb0x\xcd\x84\x1bb\x19'</t>
  </si>
  <si>
    <t>b"v|9\xe1_\xce\x1a\xf8\x0c3\xcc\x1f\n\xaa\xec\xc5\x11\xe8\xf6\xb0L\x1b\x1c\rIC\xac\x8c\xd6\xd8'\xdc"</t>
  </si>
  <si>
    <t>b'\x87\xee1\xd4\xc8\xee\xd4"8\',\xa4\xdc\xb7\xb3\xa8_F\x014\xc5*\x17G^\x838\xed\xca[h2'</t>
  </si>
  <si>
    <t>b'\x14T^\xc6/\xd5\x86\xa6v*\xbe\xb0\r\xda\xe6j$\x1b\xee\xe3*Vt?\x82\xe7\x01E\xd4\xc8\xca\xe4'</t>
  </si>
  <si>
    <t>b'_@\xf3\xe9\xdc\xde\xf5\xc3\xc7\xe9\xec\x88\t\xd1\xb9\xc8\x03)\xed\x97\xa3,\xde\x0cV\xbf\xa4.\xeb\xb2\xc9\xc7'</t>
  </si>
  <si>
    <t>b"@\xf9T4\xe8\x7ft\x9b5\x0f\xbfG'\xe7&lt;]\xf1\x85\xa0_g0\x01\xc5\x10H\x07K\xfck0\xc6"</t>
  </si>
  <si>
    <t>b'\xad\xc5\x00\xacG\x07\xa5h\x90J!4*\\\xc7n\x0eg\xf5}m\xce\x1d\x02ss\xa4\xdf\xe4\x06\x12\x1a'</t>
  </si>
  <si>
    <t>b'\x17Ck!\x93\x18){T4\x9bm\xf4\xb9\xe7\x17\x10r}\x88\x11O9x\xbe\x15\xc5\xb4\xf8\x97Ly'</t>
  </si>
  <si>
    <t>b'\x1fz\xbd\x980\x1f\x1ft\x0b|\x8bPT\xb3\x1d*M\xa9\xa2\xa2\xf0&amp;\xc1\xb9(\xba\x15\x006\x8d\x82R'</t>
  </si>
  <si>
    <t>b'05\xfa\xcf\xc2\x86\x13A\xa4\x17\x19\x9fG{E\xfak&amp;\x1aj%y`\xfb:\x9av\xa8*\xa7\x9c\xe6'</t>
  </si>
  <si>
    <t>b'7\xea\x84\x00\xaa\xbc\x1dG\x81\x8f_R\xa0\x1cGk\xcf\xbd\xb1\x07\xf1\x86\xa2EC\x1f\\95\xed\xb7\xdf'</t>
  </si>
  <si>
    <t>b'\xf5\xd3n\xcb\xe23\xd9\xff\xa7\xf7\xaec|\xc3\xc0\xa1\xc1\xe3\x8b&lt;\xeae\x1f\x1dY=8\xd2\xe6\xc7\xe5M'</t>
  </si>
  <si>
    <t>b'\x11&amp;Hs\xe3{?\xb2\x1d\xed0\xa9&amp;\x08\x9dfJ/\xca\x03\xe8\x1a\xd5\x97D\xbet\xea\xa4\xff4\x00'</t>
  </si>
  <si>
    <t>b'v\n\xe3\x165\xf5$\xd4)1\xe6\x0b\xca\xc4_Xb\xca\xa8\x1cs\xad\xc6\x04YrQ\xe8\xf5\xe8^\x83'</t>
  </si>
  <si>
    <t>b'\x18\x1aw\xea\x17V\xd1\xf9\xda\x04\xea45g\xa9\x99\x9dxX\xaf-\xe0\xf9@Oj\xf9\xa8\xad\xc0\xb7E'</t>
  </si>
  <si>
    <t>b'\xcf~\x0e)\x81n\xbe\x91N\x01\x7ft\xb7\xdd\xea\xf4\xb0\xe4\xde\xa4a\xa3\xd7I\xceg\xa4;=\x0b\x01\x7f'</t>
  </si>
  <si>
    <t>b'nE0ei\x81\xe0b\xd7n}\xde\x83\xf1\x058\x96\xc9C\x05e\xc0A\\\xed\x9eo\x97\x19\x92\xf8\xba'</t>
  </si>
  <si>
    <t>b'\xea\xeb\xb1hf]#\x97|K\xede\xc3\x9c1\xe7\xc8\xe2\x99\xa9\xb8\xc4\xbdu\xe8r\x92\x91\x1d\xab\xe2\xd8'</t>
  </si>
  <si>
    <t>b'W\xa7Z\x186\x89\xc5~\xf14\xfc\x91\x18T\x07"\xcc!\xaa\xa7\xe7\xb9\\\x15\x9ad\xe8N\xbad\x9ds'</t>
  </si>
  <si>
    <t>b'\xb4\xcdWf\xd5f\xe8\xa5\x01O\x0bvc~\xe3\x17\x88@:\xe4\xb4l\x0f\xbf\xd5p\xf6\x96\xbe\xf3\x8c\x84'</t>
  </si>
  <si>
    <t>580xx</t>
  </si>
  <si>
    <t>b'c\xee;\x85\x02\xb0x\xad*o\x89h ;+\xe0\x86\xb2\xf3\xfc\xb0jA\x866\xdct"F)\x02\xc8'</t>
  </si>
  <si>
    <t>b"\xe0\xcci\xaf,6Ni^\xe9yl\x92\xa2\xa5\xee\xdd\x99\x06`\\\x8d\x0e\xfb'\xbb\x06W*!\xf5\xa5"</t>
  </si>
  <si>
    <t>b'\xf1\xe9\xb86#\x17hj\xcf\xff\xde\x908\x1c\xc4\xa5\xc9:\xf5&amp;\xc4\xb9\xb8h\xc5g\x98N\xaf\xf6\x8d\x7f'</t>
  </si>
  <si>
    <t>b'X\xcc\x14\x86\xea\x0e/\xe4L?\xcf\x98\r\xeb\xef\xc5\x93\xe4\x9f\xe5Y\xa7\xa5U\xc6\x9ce4\x0c\x10\xa0\x8e'</t>
  </si>
  <si>
    <t>b'o\xd6\x17\xab\x82\x83\xf0\xaa3\x1c\x8b\x95g\xa2\x1dV`K\xe4\xc1@\x1f\xba[\x1f\x93\xbeB\xa9{\xfd\xa4'</t>
  </si>
  <si>
    <t>b'\x96\xc5o\xb2\x85\x8e5\x8c74O\xcd*\x84+\xa02WQ\x88\xd0mw \x1d\xc9\x7f\xd1\x81P\xfe2'</t>
  </si>
  <si>
    <t>b'vJ\xeb\xad\x15\x83u\x80\xd9\xca\x0bQ\xbcw\xf9?{Fdo\xf35N\r%\x82\x96\xb4\x81\xf9lw'</t>
  </si>
  <si>
    <t>b'\xf3\xfa\xf4\x84\x8c*\xb4}k\x1e\xb6\xc7\xfc1p{\xea\xad\xdd\x8au\x86s\xf8\xb2\x1fYr\xc2\xa5K\x02'</t>
  </si>
  <si>
    <t>b'\xd8SR\xc3\xb4$\xceReju\xe1\xe3\x17\xa0^\xaf\xc8\xbd\xc4\x15n\xaf\r\x02\xbd\xe2@\x11d\xbc7'</t>
  </si>
  <si>
    <t>b'K#\xc9*\xdf@\x1b`\x9e\xce\xd2\xa4\xb1\x8bu\x88\xc7\x96\xf2\xed\xdd\xda\xf6\x9c\x12\xef\x8b\x8a\xd88fH'</t>
  </si>
  <si>
    <t>b'\x9e\xc4OT\xa5\xac0\xd5\xa6\xb0*0l\xfe\xdb\xc4\xb6\xa4\xee8\xbe\x9e\x99\xf8\xe7\x901\x8b \xce\xa2I'</t>
  </si>
  <si>
    <t>b"\xdd\xdcq4\xd6\xfd\x89\xa9A\xe8\xe1\xb4\xeav\xba\x8e\xdf\xbf\x9a\xe4\x97\x93:\xfd;'\x1b\x7f\x9e\xce^\xa5"</t>
  </si>
  <si>
    <t>b'\xe0\xa0\x88MI\x92\xde\x7f\xe9{\x17$\xc5w\xa1\t\xe4\xcd\xf2\x1bV\xf4_q\x8bn\x0c\x9a\x99\xc9H\x18'</t>
  </si>
  <si>
    <t>b'5\x80\x99\xb3\xfa\xa1\x0b,\x0f\xf3T\x0e*D\x8f1\xb6\xba\xe8\x1dx\xb8\xbb\xcbwt&amp;VdR\xbc\x0c'</t>
  </si>
  <si>
    <t>b'\x01\xec1)Q\xbc\xb6\xf5\xd4L\xf4Ex\xb7\xd1\x8d\xd8\xbf\xea\x87\xa6\xa0\xea\xd6\x92\x1al\xb8\x02J`p'</t>
  </si>
  <si>
    <t>b'\xc1\xad[\xe8\x82\xdfx\xe5\x01\x95\xf3\xaa\x90\xbf!\xd6\xc9\xceJ\xf9\x1a,\xdc\xc9\x92\xb3I\xaf\x14\x97\xda\x08'</t>
  </si>
  <si>
    <t>b'\xba\x93q0\xfa\x00\x10\x91F+\xc7\x870.\x88\x90a\xd2\xfb\xa1\x96-\x1a\xcbO`vG\xdcd\x94\xd9'</t>
  </si>
  <si>
    <t>b'\x88c\xcf\x90Ct/5E\xa4\x03WC\x96/\x19\xea\x95;*\xef\x17hCl!\x89m\x13m\xe2\x0f'</t>
  </si>
  <si>
    <t>b'\x0b\xc2\xe1\xcf\x8b\\\xb2\xb0\xbb\x10\x98G}\xc5\xa0\x02\xa8\xb4\x08\x0cok4;g\xb5\xe30\xb4\xfa\xca\x95'</t>
  </si>
  <si>
    <t>b'M\x86\xa2\xd6\x1eRZ\x05/&gt;3\xce\xeb\x10a\x11\xb3\x95\x98K3I\x1f\xeb\xbce\xfb\xdb\xd4\x8f\xfc\xbe'</t>
  </si>
  <si>
    <t>b'\xafRO\x1c=\x8a\xa01^(\xe0?\x83K_\x83\x15\xe2\x1a}+%\xc5Z\xfe\xf7\x14\xffL\x04\x16\xfa'</t>
  </si>
  <si>
    <t>b'\xbd\xe3p\x9e[\x92\xdd\xf27\xaf\x0c&amp;m\x08\xae/\x0f\xc1slQWU\x96\xe3\x18\x88R\xde\x85\x12Z'</t>
  </si>
  <si>
    <t>b'\x9b\xdb\x1a40\x94\xf2,\xd8\xcc\x96o#/\xbf\x07\xdb\x00\x14\xff\xb7\xac\x17G\xb1\xc3\xb1Wu\tG\xee'</t>
  </si>
  <si>
    <t>b'\r\xd0\xa6\xe7\xe9\xe9\xf61\x91\x19k-49\x01\x18\xe1\xe0\xce"i\xa7\xdf\xcb\xea\xa7\xbbUe\x00\xee\r'</t>
  </si>
  <si>
    <t>b'f,L\x9a\x96z\x1c\x04+\xec\x8a\xf0\x98/\xdf{\xca\x8d\x0b2\xd2\x07\xe3\xbc!*\x17\xdd\xf1~\xa03'</t>
  </si>
  <si>
    <t>b'\xf5\x85\xd7\xc8\xf3\xce\xedD \x97\xb8t\xec&amp;\x18\xdb\xf2\xb5\xb3\xef\x8a\x19\xa9\xc0^\xfc\xb8\xff:!\xb2\xa7'</t>
  </si>
  <si>
    <t>b'\xbd\x1c\xaf\xa9r\xda`!\xb5\x12\x9bo9\xce|{\xcf2`S\xaa e&gt;s\xe9\xcf^w/\xfc\xaf'</t>
  </si>
  <si>
    <t>b'=N\xd4\xe0\x8d\x7f\xdb\xc3A\x83_R\x1b\xdf\xbc\xdb\xcc\x9c\xaf09&lt;\x06\xd4sf\xc9\x85a\xa9uV'</t>
  </si>
  <si>
    <t>b'\x90!]\xf8\\\xe4\xa5\xfb\x8c\x8a\xa3f\x00\xc6T\xa9\xd7\x0c\xcc\xdc\x19\xeb\xae\xcd\x7f\xd3\xf8\x9awL\xa8m'</t>
  </si>
  <si>
    <t>b'\xcf?\x06\xb44v\xf8\x94&amp;\xa3\xdb\nXh\x85\xc5\n\xdcO\x1e\xc4\x8d\xe3\xb7D\xde\x17\x13\x19\x0b\xebH'</t>
  </si>
  <si>
    <t>b'\xcc4\x9c\xd9\x0e\xa4\x1e\x89\xd7\xb5\n\xb2\xc0o$\t\xeeAI\x1c)\xba\xec\x84\x9e$XdA\xaf\xb5q'</t>
  </si>
  <si>
    <t>b'\x87+f\xa4\xa7\xbfx\xca\x94\xa6:-\xd0d\x15\x1e\xe4\x9c\x9d#L\xc5\xdas\xc1G\x93\x97&lt;\nB\xc3'</t>
  </si>
  <si>
    <t>b'M\x82I\xaa\x12\xfc\x97\x8e\x8b\x05x\x84)G\xa6#\x0f3\x0f~i&gt;\xeb=\xc3-5\xeaB\xca\xbdh'</t>
  </si>
  <si>
    <t>b'9\x85\x9b\xe0\xfe\xfa\x94\xc7\xf2\x02\x9eX\x18\x8a\x1c\xbf/o\xc6?\xf5\xb2\\\xea\x9e\x95\xa7\x87\x84/\x04,'</t>
  </si>
  <si>
    <t>b'&amp;,m\xda\xe1J\xce\xc1\xf4\xa3-\x9f\xe4(%\xd5\xd9\xec_)\x80!\xe21\xa2N\xacv\xbblk\xa1'</t>
  </si>
  <si>
    <t>b'=\xe7!&amp;\xb6)\x86Q&amp;T\xaa\xde\xc1+\x8e\xb5S-t\xeac0\x01I@mU\x16\xfdD~\xfc'</t>
  </si>
  <si>
    <t>b"\xe3f&lt;\x99\xe6\x1c\x9f\xf9\x01\xaba\xbe'\x0e\xdf?\x8cO\xa7\xf6j\xbc\xd3\x03\xec\x89\x90XM}\x89\x04"</t>
  </si>
  <si>
    <t>b'\x9b}\xdb\x1d\xb6~\x87\x8d\xcf\x90\xf4&amp;\xd1\x9a&lt;\xe7\xb8B\xd5cN\xae\\\x08\xd900U\x8buV\x00'</t>
  </si>
  <si>
    <t>b'\x81\x14#\x88\xff*\xdc\x80\xbe\x8f\xe5`L\x00\x19||JU\xff\xa4\x05\xc2c\x90}\xd25-\x00\x9cd'</t>
  </si>
  <si>
    <t>b'Y\x06q\xa5\xcb\x87\xdaU\xe0n,*\xf1\xc4\xd0\xce\x9b\xca}7\x81e\x18\x0c2\xe3\x9e\xa6S\xb6\xac\xdc'</t>
  </si>
  <si>
    <t>b'B\xf5Y\x1d\x82\xfbl\xfd\xa8e!\x8bCAI\xb2\x00\xf8\x07\xd1\xa1\xf3\x83`\x04\x84\x07\xbf\xbe\xe2\xf0\xc5'</t>
  </si>
  <si>
    <t>b'\x19\x19YW\xdbPhn\xe5\x81\x0c\\\x1dB\xe0g,\x8a\xfa\xcds\xdc\xeb\x03s\xc9\x96\x00\xb8\x94xn'</t>
  </si>
  <si>
    <t>b'\xcf\xba\xd7\xfa{\xe1\r\xf0\x05\xc3\xc8h\xceb\xf9}\xe3\x7f\x99\xb6\xc6/\x13\xa5\xeaPmS\xd0\x1a\x98B'</t>
  </si>
  <si>
    <t>b'%\x9145ej\xba\xef\xfc\x9b\x99\x14\x84\xb9\x128\x97\xbb\xe4!M|\xb0\xbf2\x92\xe5\xee\\\x1c\xcd\xf8'</t>
  </si>
  <si>
    <t>b'\xbcP\xab\x93\xdf\x14EMK\xb2\xe3\xf3\xa2~\xc0"\xef\x99)\xda\xeeO.\x08\x8f\xf2\x19\x89\x18\x17\xc5\x1f'</t>
  </si>
  <si>
    <t>b'\xdc\xa0\xed@\xaa*\x10\xc6\x1eb\x84\x05\x96\xb3k\x95f\xf0O\xfd\xc92\xd1\x83\xea\xbc6\xb6\x80\xc5\x172'</t>
  </si>
  <si>
    <t>b'\xc7\xbb\xbd\xc6n0Y\x92m\xb6O@\xfcd\xff\xfb\x06\xa5"\x8b\x99\x88/\xe5\x13#\x03@\xe6e\x08\x98'</t>
  </si>
  <si>
    <t>b'\x08#\x10wZ\teH\x84\x97\xf9\x95\xc6\x02\x9e\x86|\xf2#+s\x86\xe4*7\xee\x87\xe0\x1c\xab\xcd\x92'</t>
  </si>
  <si>
    <t>b'\xe3\xe9:b\x04\xbe\x9a[\xc7\xad/\x84\xb8\x8a\x95\xcbPq\xd5\xf2\x19\x1eM\xf82\x8c\x17\xf7\xa4_\xb5h'</t>
  </si>
  <si>
    <t>b"\x84\xeeu\xb2-\x7f\x926\x92\xad),\xf7C[\xc6\x9b\x90\x8e\x82%\x9d\x15\xfa\x1b\xc6\xbf\x03\x08M'\xb5"</t>
  </si>
  <si>
    <t>b'2\xc7\x1a\x90\xb0\x0c~{XS\xa2J\xceL\xf5k\xad\xa5\xb5H\x81\xcbi\x05\xed\xb7\xed\xff\xa8S2\x8d'</t>
  </si>
  <si>
    <t>b'\xc1\x12))\xc4\xbb\xbd7\x84\xd1\x98\x13PI\xa3\xa6\xd62\xe54+\xbc\x08p\x87\x83&amp;\x9c\xaa\x9d\xe4,'</t>
  </si>
  <si>
    <t>b'\x07\x93\xb1C*\nh\x0fb\xe2|\x8c\xc8\xca|\xe3~\x01D\xfes\xaf\x88\xbe&lt;c\x0f\xd7K\x85o\xe4'</t>
  </si>
  <si>
    <t>b'\xde\xe7D-(\x13\xee\xf3e\x96e5$\x90\xc1\xf3\xdbd#\xf1\xaf\x18\xf1^:\x0f\xada.\x08~\xc7'</t>
  </si>
  <si>
    <t>b'\xb34\x90\xe3\xc9s?\xa0\x9e\x96\x87\x12.\xb0@hc\xab\x17k\x86#\x14JL\x80T\xf9\xc7\x0e\xac9'</t>
  </si>
  <si>
    <t>b"\xd1\xaa'k*`!\xf2\xaa$\xc3~O/\xcdj\xa6\xad\x9e\xc3\xfeG\xc6\xfe\x95Q\xc0\x1c\xfdo\x86\xec"</t>
  </si>
  <si>
    <t>b'R\xd3R\xce=\xef\x99T\x16\xf7\x01\xe0\xcb\x8c\xc5^\xa8\xa3\x07*\xde\x10\xda\xf1\xfe\xb9s\xf4f8\x9b\xd4'</t>
  </si>
  <si>
    <t>b'l\x11g\xdb\xce!J?7d\x1f\x9e\n\xba\x8a#\xf6\xb3\xcb\xae\xb6\xa1D\xe7\xe2o\x8c\xfe/\xe4\x16\x7f'</t>
  </si>
  <si>
    <t>b'\xd7Z\xdd\xdc\n\xe3p[h\xa7\x96w\x0f\xdb\x99kT\x11s\xf1H\x05\xf7\x83m\x84\x14\x94_\xe5\x810'</t>
  </si>
  <si>
    <t>b'g#[\x10v\xb5\xc3\xda\xab\x05\x9b;\xca\xff\xaf\xc0\xf6\x1f\xe6\xf5\xc7:Q\xf5\xf5\xa5\x80\xe1\x8a\xb1\xf3/'</t>
  </si>
  <si>
    <t>b'\x95\xce\xb7\x08\x1aA+\xad\x082lv\xc9\xe13\xc1y\x8f\x8c\x17\x80\x8f\x8f+\xcbx?\xd3\x07D{\x98'</t>
  </si>
  <si>
    <t>b'\xe0n[\xa4\xe9i\xc9}\xff\xd3\x17\xdbW\x7fJ.\xd7\xe1+\\@i\xe87\xab(\xc8\x08ot\\\xda'</t>
  </si>
  <si>
    <t>b'\x13De\xb2\xbd\xc32\x17"77(\xa9t1\xe3\xeeVR\xcd\xaf\xd3\xff=Z\x8f\x1dw\x008\x07S'</t>
  </si>
  <si>
    <t>b'\xf5\x92\xfb}\x9c\xe8\x9f\x98\xeau\xfc\xf3cs"-\xceOp&amp;zw\xe5&amp;qI\x9b\xea4\xf9 \xa9'</t>
  </si>
  <si>
    <t>b'r\xd5\x0f\xdd\xb1\xd8\x1a!PZ\x8c%\n@\x96\xa1\x18&lt;&amp;L\x9b\xdb\xba\xe7\x8fl\xf5\x90)\xd0\xedZ'</t>
  </si>
  <si>
    <t>b'&lt;.\x82N\xe8\x8b5\x0e&gt;\xfe\x9c\xbb\xa8O\xadU\xda\x15\xc5\xe5\xd3\xb5\xbd\x0b\x9fW\xdd.\xfb\xdd\xad\xa3'</t>
  </si>
  <si>
    <t>b'\xb6\xe3\xf4\xc6\xaec\x8a`\x17\xfcl}\xf7\xa3\x96\xee\xf4\xb8+\x17jf\tM\xd1v\xc8\xf6\x07\x16\xc5\x88'</t>
  </si>
  <si>
    <t>b"\x1du5+n\x08*\xb9\xd8\xbd\x1c\x97D\xfd&lt;m\xe7r\xc7\x8c\x9aL'6kaSV\xdd3\x8e|"</t>
  </si>
  <si>
    <t>b'B\x90&amp;K\xe1\x06\xb0\xe9\xa2y\x00\xa2\x88\xa5\xc3\x89\xcc\xdc{/\xce\x9bk\xc6\xd8\xbb\x96\x00\xe9g\xb5\xa7'</t>
  </si>
  <si>
    <t>b'4mA\x8b\x0b\xcc?\x7f\xfeTf\xd3\x1d\x01K\x1d\xa1j\x02\xc7\xcc\xc5-Zu\xac\xbe#\xea\x9b.\r'</t>
  </si>
  <si>
    <t>b'\xf8\xa3\x9cO\x0b\x15IbH\xf6\x1b\xdf\xd8\x07K\xa6\x0c\x1a\xed\xee\xc4\xe5(=\x94~\xfb\xab\xcci\xc4p'</t>
  </si>
  <si>
    <t>b'\xe3\x8b\x9c\x84/A(\xf6\xc8-I\xa5\x17\xd0v\x03\x8dv\xfb\xbb\x90IA\xea\xb3\x97\xb3\xfe.\xbd$\x9f'</t>
  </si>
  <si>
    <t>b'\\F\xee\xd0\xd2\xc9@\x154iA\x1af}\xbf#K\xb8\xd4ux\xe3k\xd3\x13\xd3\xdd\x9e\xa0\x91$\xf6'</t>
  </si>
  <si>
    <t>b'\xfcJv\x86\xc7{\x9c\x84\x7f\\:\x08W\x0c\x94;\x06\xc8\xbe\t\x0c\x84W\xe7\xa7;zxiE^N'</t>
  </si>
  <si>
    <t>b'\xfa\xa7PE8\x82$\x040\xed\xdc\xc2\x06\x7f\x93.%\xff\xbe%\xf5\x1fIfdf{\x15\x1f\xe1&lt;\xa7'</t>
  </si>
  <si>
    <t>b"\xf0\x8d\x92\n-\xe9\xa7\xc5\xcd\xadS\xc8\xf4\x87n\x03XH\x9e\xcd\xdac\xa6~-K\xe4'\x15RlX"</t>
  </si>
  <si>
    <t>b'\x92\xc2\xb7%\x1c\xa1\xa9?_Y\x1e\xfa\xb3\x1f\x97.4B\x90\xf6\x81IJF\x1d\x87\xd6\x95\x94\x08\xb1\xb6'</t>
  </si>
  <si>
    <t>056xx</t>
  </si>
  <si>
    <t>b'\x90~o"\xe5\x13\xc3\x91u+b$?\x90\xcd[5F\x84+\xe0\xac\xe5?\xaahS\xb2wG\xfc\xbc'</t>
  </si>
  <si>
    <t>b'X\x8d9\xa5\xeb\x03&lt;\xe2d-\xfc\x13\x9fr\x98cf|\xech\x83\x87c\x8bV\xee\xd5\xcf\xcc\xacu\x84'</t>
  </si>
  <si>
    <t>b'\xf1z\xbea\x0e\xfe\xe3T\xd6\xb8ew\xe0\xd8\xff\xbd\x91\x97W\xec\x82\x04v\xeaO\xfc]\x9e\xd9q\x8a\xee'</t>
  </si>
  <si>
    <t>b'\x95Dj\x1aC\xa9\xf7\xce\xf8\xcc{O\x1fv\x9aGo\xa1\xe1`K\x83GxF\x04\xf3|\xc5\xb3\x11\xc6'</t>
  </si>
  <si>
    <t>b'\xea\xab&amp;Sr\x81\x88P7g\x86\xba1^\xf3\x80n\x1d\xc2\x18\xb8$\xf0)\x1b&lt;\x9f\xf4\xcd\x9e_3'</t>
  </si>
  <si>
    <t>b'\x8dm\xb9\x1f\xdf\xe5[S\xb4}\xc1\n\xd2_\xb0\x11R\x08\xfa\r\x14\x92\x15#Uz)\x19/\xe3\xbd\xf4'</t>
  </si>
  <si>
    <t>b'\x9f2\x8b\xce\\\xaeD\x18\x0e|^@\xd36N\x13M\x04\xb1$x\x1a\xe8\xae\xa3DV\x1c\xea;`4'</t>
  </si>
  <si>
    <t>b'\xd1\xfdK.?\xe7\xd9\xda\x1e\x83\xaa\xe0\x8do\x81\xdf\xf8\xd6\xb8F\xa1A:\xd0~/\xe9\xfb$\xa5\x97\x91'</t>
  </si>
  <si>
    <t>b'T\x91\xa8G\x1b3\xea\x80\x1c\xc23m!1\x8f\xbf=\xecQ\x87{\x06z/\x8e,ij-\xae t'</t>
  </si>
  <si>
    <t>b'`Z\xf0\x0eLEe\xbcL\xa0c\xa0\x06\xae\nYSwW\xc2w6\x99$\x13\x07\xac&gt;\x0b\xff,]'</t>
  </si>
  <si>
    <t>b'\x925\xf2,\xa5\xc9\xb9CKudc\x15$\xf2`\xf5I\xf2\x85\xb4\x9e\x18\x99\xfa\x18~\x17R\x0fL\xd3'</t>
  </si>
  <si>
    <t>b'I\x1bG\xc5=i\xd2vB\xd0\x85\xda\x9e\xfe\xf4\xf7c\xc1\xce\xd0:\xf5\xb3\xc1\xb2\xfaca.{\x1c\x17'</t>
  </si>
  <si>
    <t>b'N\xff\x9e3E\x01\xc7\xf4\xa2\xb6"P8/\xff\x85X\xe7t\xd3^\xb5\xdc\x0bn.X\xe3\xc8`\x07/'</t>
  </si>
  <si>
    <t>b'\xc0\xf8M\x1d\xae\xb8\xc7\x02\xb2\x82Z\xd7\x0cP\xff\xad$\xa9\x11\xd3&lt;y5\xefw\x87gO-\xfc\xa5%'</t>
  </si>
  <si>
    <t>b'X*U\xc9a\xe6\xf451\xde\x9c&lt;\xb4R\xfa\xe41\xc2b\xef\xf1|f\xe32cH]1\x9acS'</t>
  </si>
  <si>
    <t>b'\xa3\xe7\xf9\x9b\x8b6wP\xaex\xf73\x1cC1\xdb\xa7\x8dR\xde\x8ex\x80\xbd\x1f\xca\xb6\x91\x1d\x87\xac\xa7'</t>
  </si>
  <si>
    <t>b"\x87\xfa[=!'\xed\xb6\xb7\x9a\xda\x1a#m\x15\x0c\xba\x17J\xf3N,\xad\xd0\x9daVq\xc4=\xa1\x17"</t>
  </si>
  <si>
    <t>b'\xaa\x1f\xf1\xe5~6\xd7[\xa4}\x8c\x0bN\x12Z\xb0\xdd\x86Y\xda /9@\xf6\xfd*\xdbV\x8a]\xed'</t>
  </si>
  <si>
    <t>b'v\x9bc(\x82\x82\xa4\x0c\x7f\x9f=i\xae0hM^\xcam\xdc_%\x083\x85\x08\x8e\x967\xf2-Z'</t>
  </si>
  <si>
    <t>b'\xdbY\x15\xa6(\x13m\xd2\xb5\xc9z\x96\xe1@\xb0\xe8Z\xef\xda\xc3( \xaco\x1a\xec(\x04\x8a\xde n'</t>
  </si>
  <si>
    <t>b"V.|k\x9a\xf2\xfa\xe51\x08_!@\xd9#Y\xff\x0fU6\xe9\xc1|\xd0\xec\xfbs['\xa3&lt;\xbb"</t>
  </si>
  <si>
    <t>b'\xcf\x0e\xcf`\x81[s\x990\xa0\xab\xb2\x85\xe9"\xd4\xc5.v)\xae\x80!w\xf1],=\x08\xe7\xaa5'</t>
  </si>
  <si>
    <t>b"\x8cb\x11\xa1g\x10\x89\xe7\xa2cw&gt;\xfc?\xdc\n'\xf4\xa5\xcf\xf3\xb4\xa7\x0c\xf6%\xe0\xf1\xfc\x05z\xe4"</t>
  </si>
  <si>
    <t>b'5F\x8f\x88\xbcZ\xd0\xac(([3\x1b\x1dFq4\x07\x8bQ\xa4\x83\xfeC%\tt"#\xe0\xe5Y'</t>
  </si>
  <si>
    <t>b']\xc6&lt;\x04\x94k\xe3u@Tl,\x02\x10\x1dk\x93K\xa8Y\xa8\xf3\xabc\xad\xe5Z6\xb0\xa2\x01a'</t>
  </si>
  <si>
    <t>b'\xa5\n\x14\x12\xd7\xe0\xd2\xcd\xeeF\x80\n\x82\x05\x01\xed\xfd\xc5\x83\xfb\xca=\xea\xea\xa5~s\x16*\xb3\x036'</t>
  </si>
  <si>
    <t>b'jk\xd2\xa1\xec7\r7\xc7Cj\x12T\x0b \xe6\xfd\x9d\x8eTTg.\x12\x81\xab\xe7\xc6n\xc7\xcb\x1b'</t>
  </si>
  <si>
    <t>b'#\x04}\xce\x1f\xdf\xa6\xd6\xab;\x80\xa7"i7\xc0\x15\xbco\x00\xb4\x10\xcb`\x19\xd3G\x05\x00\xe2PD'</t>
  </si>
  <si>
    <t>b'\x02GL\xc5\xa2R?\xa35\x7f\xae\xa5[w\x9c\xa1\xed\xfb\x85(1V\xcbY\x12Yj\xa7\x004\x0b!'</t>
  </si>
  <si>
    <t>b'&amp;\x02\x9f5\xf7k\x0c\xc9H\xc1\x8d\xb4\xd3\x06\xb2\xcf\xbd\xfb2\xa3\xbe\x97IX\xc6K+\xe9Ru\xa6\xaa'</t>
  </si>
  <si>
    <t>b'\xa6\x07\xe5@j\x04%\x03\xbb\x85\x17\x13kxr\x06PG\x108\x92.\x9d\x18\xa0\x8c\x1cd\xc8\x16\xb4C'</t>
  </si>
  <si>
    <t>b'`k\x0b\x9a=\xc2\xf7\xd6\x9c\xa3?I"K\x01C\xa4\xbf\xce\xc7\xd8rDT"T\xcc7\xfa\xaf2.'</t>
  </si>
  <si>
    <t>b'2\xadR^`\xd7\xb8\xfe\xe7\x91\x10\x86\xe5\x01x\x95\x19\x1b\x9d|\xeb\xb4\xf5\x92LFJ\\\x14\xbe(D'</t>
  </si>
  <si>
    <t>b'\x07\xbb\x15\xfc1\xad\x07H\x9f\xd0\xc1\x0e\xf8\x86\xef\xf1\xc9;\xf7\x03\xf4\n;\xe8\xb0#tp\xa6=\xac\xb0'</t>
  </si>
  <si>
    <t>b'\xd0`C_\xf7\x8f\xc0,El\xe7\xdf\xf0\xa0\xba(j\xbe\xb8\xa49\x16\xe8N\x82+\xff\xd9\x00\xa7Rz'</t>
  </si>
  <si>
    <t>b'\r\xed$\xba\x9f5\xe2\x86\xf3hH|\xcd\xf3\x8cTf;!\x82\xda&gt;\xdd\xe5cJ\xe4\xb5\xf0\xe8H\xba'</t>
  </si>
  <si>
    <t>b'\x88\x1c\x90\xa7\x92\t\xde\x12\xd4$\x1a\x16\xb6\x91C\xe1\x17\xa6A\x9a\xfb\x89b\x1a\xb4\xbe\xfe\xcb!\x03\xf0\xe7'</t>
  </si>
  <si>
    <t>b'\x0f\xb4\xfe^\xb4\xc8\x0e\xc9\xe3\xae\xcf\xae\x8b\xeb\x8d\xc4\xf3\xe7\x16\xddo3\xfb\xf7\x9e\x15\xfb\x80%\x94\xfe\x0c'</t>
  </si>
  <si>
    <t>b'\x0b\xb0\xc6\xd0Q~2\xe2\rYV|\xbc\xb8\xa3\x17\x1a\xa8\x11\x9a\x99Vc\xd2V\xf8\x9c\xa5`u\xba\x1e'</t>
  </si>
  <si>
    <t>b'\xd4-\xf8|1\xb8\xbe\xf0P,c\x14s\xba]\x127\xc4\xdcl9\xa3\x8a\xd2m\x95\x11\xfa\xee\xc1\xde\xa9'</t>
  </si>
  <si>
    <t>b'\x02\xe6\xa4-\\\x9c\x14\xd3\x1e:6\x13\\\xff\xe3S\xbaYR\x99m\x05\xad\x7f\x8d\x85Q\xf4\xaa\xc3cC'</t>
  </si>
  <si>
    <t>b'\xb3\x96\xfe*7\xc9\xf9k\xfb17\xd1\xa8\xf9\\\x07\xd3\xe5i\xc5.\x01F{\x07\x15\xcaV2\xda\xb8\xf5'</t>
  </si>
  <si>
    <t>b'\x9d\xe2tv\xc5jzQ\xbd\xbd\xe539\xe9\xe9L\x14\xfcD\x04uT.-Q?\xd84\xa3h )'</t>
  </si>
  <si>
    <t>b'\x1b\x87\xb6(\xc4\x96\xf3\xa9\xb1J)\x9d\x1f"(}$O\x86\xf9\xec\xd9\x07\xc8\x1dr)\xff\xb2\x07\x16&gt;'</t>
  </si>
  <si>
    <t>b"\xa1\x0f\xb9^M\xfbV\xd8\x18\x02\xb6/\xee\xf7vr&amp;\xe7\xc1\xb2j\x9ef\x9bG2\xbc\xc4XU\xa8'"</t>
  </si>
  <si>
    <t>b'ms;p\xc7\xd0H\t\x7f\x9a\x12\x15\xc6\xde(y!\xa3\xf9X\x90\xbb\xc0\x8e\x81S\xc3\xbe\x81\xbbnP'</t>
  </si>
  <si>
    <t>b"Z('E\xda\x15\xea\xd6\xef\x86[)\xb0\xec\xe6\x01\x19\x9eN&lt;\x14X\xd5\xfa\xf2K\x8e\x98I\xf0K\xe9"</t>
  </si>
  <si>
    <t>b'\xdd\xce$h\xf3s\xa7\xd0\xf4\xc2\xd5\xc6\\\x96\x95g\xdc\xc5\x8e\x8f\xa4\x89.\x1d\xe4\xde\x1c.\x10\xb8MO'</t>
  </si>
  <si>
    <t>b'\x01\xc9k\xb4do\x17\xaei&lt;\n\xadM\x8eCT.\x07\x19\x8b\xcb\xba\x8c+\xcf]\xf5\xb3:t\x9c\x03'</t>
  </si>
  <si>
    <t>b'JB\xb1\x13\x7f#_\xf3\x1f9\x87\xcf\x99\x11\x13\x00mcBH\xb9\xcc\x99\r5\xa9\x02(n\xb8\xa3+'</t>
  </si>
  <si>
    <t>b'\n\xf4\x15P\xd1f^&lt;\xdf\xc2\xac\x1bs4\xaf\xb9\x0c\xed\xa5 \xa8\xe62\x13\xaa\xa7\xab&lt;S\x04m\xe1'</t>
  </si>
  <si>
    <t>b'j\xd0H\x8dQ\x88\xf5\xd3\xb5\x84\xac\xfcB\xba\xba\xa0\xdc\x13\x00H*\xedV\x87G\xba\x97X\x861\xa0F'</t>
  </si>
  <si>
    <t>b'\x13\xc5!\xa5R\xf3;\x0e*]\x99*\x98\xfd_\x9d\xf7\xe6\x07\xa6/F\xf6\xb7\xf4\x13\x0eM~k\x16\xed'</t>
  </si>
  <si>
    <t>b'\x02\xeb\x14\x82\xd4\x19\xa7\xc8\xa8(\xc5\x1a\xa6$\x83\x8e\xe8\x99\xba\xb0\xb3m"X9\x07k\x98\x1e[\xb7\xb3'</t>
  </si>
  <si>
    <t>b'K\xc2\x0c\xc0\xd6\xc9\x9a\x8a#q+M\x82W\x8c\xe9\x98\x82b\xdeD\x89R\x9ah\x08jucc\xe9\xda'</t>
  </si>
  <si>
    <t>b"1\x10`!\x0e\x1ef\xe5\xf9\x02A\x8aDGd\xa9\xc1\x9f\xbfwg\x91'\xe2~\x17\x915\x9d\xfb\x19\xc2"</t>
  </si>
  <si>
    <t>b'\x80\xc3VE\x1eA8\xb36\x01\xd5\x84\xba\xbc9-\xcd\x9dw\xb5Ok\xe7\xab\xdf\x19\x89I\xcc\x8c\x03\xa9'</t>
  </si>
  <si>
    <t>b'\x03UM\r\xbdJ\xb3\xfbt\x94,\t\x8e\xfd\xed\x86n\x8ep\xf9\xcb\xbc\x03~0\x06\x90L\r\xcd\x88\x1f'</t>
  </si>
  <si>
    <t>b'\x1dv\x90\xe3\x9b\x1a\x82k\x84^c%\n\x05.\x01&amp;6Y+\x05?t\xf2\xda\x91j\x7f\xa7\x14\xd9$'</t>
  </si>
  <si>
    <t>b'\x1a\x02*\xd6&lt;\xb5S\x93\x0e\xc19\xc8\xaa\x14\xf4^\x92\x95\x82Z\x82\xa7\x8dx\x9aJ\xda\x1f\x10pi_'</t>
  </si>
  <si>
    <t>b'^.,\xfe\xf1\xb0dM\xc0\x1fA\xac\x7f\x94\x03\x95#\x03O\xad\xaa\x1a\x84r\xae\xdaGiq]\xcf='</t>
  </si>
  <si>
    <t>b'\xe7^UT\x8a\xf8\x9f&lt;\xab\xb1&amp;_G\xff \x97\xe1\x815T\x96\xa9\x01\xe8\xefq\x8b0\x9a\x12uM'</t>
  </si>
  <si>
    <t>b'\xa4wN\x0c\'\xfc\xc8N\x8b\xe7\xe0\x82G\xadP^\xf4-\xe7S"`\x1bI\xcad\xad?\xa2M\x9er'</t>
  </si>
  <si>
    <t>b'q-\x11ox\xb9\\4Gk\nc\xc2\xf9\x1aR\xf9\xc6?JQ\x93q\xa5I:\x12\x08\xack\x81\x13'</t>
  </si>
  <si>
    <t>b'\xdd\xcfKa\xc4r\x08_\xa6\xf6z\xc2o\x96\x16\xd34&gt;\xb9\x84\xf5\xfav\xea\x18g\xb9\x9b\xfcX\x14\x1d'</t>
  </si>
  <si>
    <t>b'?L\x13\xaa\xbd\xe6\x8d\xd0\xa5a\x12l\xa4w\xe2O\x14\x16\xa9+E\xff\xad\x15\xc4~\xbc\x8d\x96B\xccz'</t>
  </si>
  <si>
    <t>b'\x9aN\xcb\xf1\x04\xf7\x81USn\xf6\x17\x97\xf2}\xd8\x0b\xd2\xc3p?\xad\xac\x1a\xfb\x96\xd42\xd8.M\\'</t>
  </si>
  <si>
    <t>b'\x1e{(l\xc7\xee\xdc5v\xc6\xaeE+-YX?\xcc\xf4\xcb\xa9\xafS2\xef1\x8fC\xc7\xd5\xb1\x9d'</t>
  </si>
  <si>
    <t>b'\x14\x17m\xac\x99/r\x0f\xf6\xa6\xf4\xb5J\xc8\xe2I6O\x0eq\xad\x002d"KW\x05Q~E\xae'</t>
  </si>
  <si>
    <t>b'\x9d\xb8\xbb\xe8h?\xf8C\x8e\xbeR\xd5\xa0VO\x8c\x1a\x03\x0f\x00\x85\xc8\xae\xee\xc9\x84\xb2\xb9\xbe\x9a\xec\x94'</t>
  </si>
  <si>
    <t>b'\x00H\x10_\x1fm\x84Z\xd9?\x17iS\xdcJu\x9b]\xe4(\xbe\x8aH5\xf3\x8c:b\xfe\xc5&gt;K'</t>
  </si>
  <si>
    <t>b"\xe6\xf6\xe73\xda\n\x92\xbb\x8c\x8d\x01'\xd1\x84\x1d\xad\xd9\xb2hc\xeeig'\x94\xa8iN&gt;\x8a\x02V"</t>
  </si>
  <si>
    <t>b'=\xb9\x01\xb4\xad\xa0\x8e\xbc\x157\x85\xb3\xb1\xea\xa7\xa6\x98\xad/\x17\x80\xed\xa4G-$\xaa\x1b`\xef+\x16'</t>
  </si>
  <si>
    <t>b'ck$\xc9\xc0\x1cT?\xb4\xaf\x8e\xdf&gt;B\xef\xdaA\xae\x85\x99y\x12&lt;\xe9\x147\xdb\xfe[\x86\xfe\\'</t>
  </si>
  <si>
    <t>b'\xd3\x93\xe1L\x92\xe7m\xcd3\xc6\xd3\xba"\xc3Z\xb3\xde\xf2\x9f%\xb2\xd5\xe4\x8c\xe9\xca\t\xc0\xd8\xab\x98\x13'</t>
  </si>
  <si>
    <t>b'h\x0fyC\x9eh\xbe\x9b_Y\x15Hy\xb3\x04MG\x85!}ck\xf9\xbcg\xc5\xa0\x890\xcd\x1aq'</t>
  </si>
  <si>
    <t>b"H5\xfd\xdf\xfe:\xb1\xce\xce\xb1\x1dt\xf1\xa0\xe0\x0b\x06\xc7\xdeM\xcb\x95\x03\xe3ph9\xdf'\xe4\xcf\xac"</t>
  </si>
  <si>
    <t>b'\xf6\xe6;\x18}0\xd7\xa7\x7f\xcb&gt;~|\xfc\xdfa\xfbt\x15\x10l-\x1f\xaa\x0b\x16/ \xb6;\xc0\xc7'</t>
  </si>
  <si>
    <t>b'\xda\xc0\x9b9L\xc0\xbe\x10vd\xf3#K_&lt;\xdf\xbb~M\xd2K\xc4\xc2]\x85\xd6\x13MU9k\xb9'</t>
  </si>
  <si>
    <t>b'\xcb\xdd\xc8\xa2\xaf\xe70\x14\xa4\x9e\xcf,gJR\xc7\x00_N\x01NXg\xa2\x13\xf2j\x85/\x0e\x85\x8b'</t>
  </si>
  <si>
    <t>b'*\x94c\\\xa4\xb5\xa4u\xe0I\xaf\xc0I\xc3jg\x89\xbb\xde\xe6h\x15\xed-t\xadU\xe6\xdc4\xe2\xf6'</t>
  </si>
  <si>
    <t>b'\x04\x9d\x92\xad\x93`\xbd\xcd\xc3-\xf0\xefL\xfb\xbb\xd3\x17\x03&amp;\x1c\xf3\x9b\xf1\xdf\xe4\x15\xf0G)&lt;e;'</t>
  </si>
  <si>
    <t>b'\xca\x1d\xd5\x8d.\xdb\x05\xf88R\xab\r\xc4\x91v\t\x8fG\x86Y\xf9\xa0\xc4+\xa5\x95#\x8a\xcb\xd9;\xa6'</t>
  </si>
  <si>
    <t>b"\xf2#\x1e\xd6t\t{\xc1\x02\xdb\xa2\xd1M}\xdei\x9f\xf0J=\xbf\x99'I\x9c1\xae\xd6\xd4\x16\xe4r"</t>
  </si>
  <si>
    <t>b'ig\x05\x8a\x81A55j\xa1\xc9\xc1\xe1\x18\xf5xb\xf0^\xcd\x9b\x8d\x0c\xcb\xd6"\xbb\xe3\xa5\xf8t\xbd'</t>
  </si>
  <si>
    <t>b'cZ5f\x80=\x7f\xe6KT\xebv\x90\xed\xbbA\x1fz\t\xb3X\xfd\xf9\x87\x05u\x9b\x91\tA\xc9\xde'</t>
  </si>
  <si>
    <t>b'\x07\x87\x9d2g}\xe4\x9bI\xc6\xb1\xacc\xe7\x84\xa1o_\xa2\x95\xca\x86Y\x95]\\\xe85\xf3\xea\x87\x15'</t>
  </si>
  <si>
    <t>b'\xe1\xf37\xeeL\x86\xc1)\x15\x07\xae\t\xd99Fh~\x1a\x17\x03\x90\xbd{j%\xd4_P\x11\x08q{'</t>
  </si>
  <si>
    <t>b'\\\xdc\xaf\xbfeX\xb9i\xd6(\xa50\xa63S\xc1IM\xf7!\xb1\xc6\xca\x13lE\xc0\xc9\xee7\xdc\x04'</t>
  </si>
  <si>
    <t>b'\xe0\xbeu\x9f\xd4u5\x84\x17\xf1\x15\xfca#\xe6\xf8\xbc\xa4\xa5\x92\xc6\xd8\x0c\xab)\xc7g\xe4\x1a\xbe\xa9\xb3'</t>
  </si>
  <si>
    <t>b'\xee\xd4\x9cl\x95\x86\xcc\xa0(\x13Q\xc7/l\xa1\xa8\xd2\xcc\xfc\xd97\xf4\xf1\xdf(\xec\x0c\xaab{U\xfe'</t>
  </si>
  <si>
    <t>b'\xab ^\xd3\xfbhj\xa8B$\x03\xa6\xb6\x88WqJu\xfc\xc5\xb4\xa1\xf4\x98v\x9b\x02\xa8\x98\\,&amp;'</t>
  </si>
  <si>
    <t>b'nZ4\x07n%\x1c\xd8\x1a\xbe8(\x83\xc9\xde\xd9\xcb\xe26\xc8;\xef\xcaG\xfb\xb3#\x0b\x80\xe2\x97\xcc'</t>
  </si>
  <si>
    <t>b'C\xa0\xc4G\x94\xc0\xc1\x1d\xee\xd4\xf1\xec\x0b= x\xa0\xb7,\xa6\xf1\xd3\xecx\xdf\x9c\xd1w\xda\xa1F\xbd'</t>
  </si>
  <si>
    <t>b'_\x95\nL\x87\x1b\x92\xd8\xf31\x12@d\xdcg|\x7f\xd1J\xe5\xa5\x1an\x9b=\xbf\x83\xe4K\x89\x81\x92'</t>
  </si>
  <si>
    <t>b'\x068\xf3[\xf3S\r\xbee[M\xfc\x19\xe1`KZ\x08\x84&amp;\x07\xf3\xa4cz6\xa95X=d\xcc'</t>
  </si>
  <si>
    <t>b'7\xaf\x0b\xfc\xe3\tu\x94\xfa\x88mX\x9f#\xbc\x94\xa9\xde\xd6\x13n\xc3\x95\xad\xd8j\xba\xdf\x1c\xfa\xec\xdc'</t>
  </si>
  <si>
    <t>b'\xc1\xa1\x81\xbe%\xdb\x05\xa6\xb8F\xc3\xf8\xdbdV\xe3\xf0\xd6G\xf8W~3l\xd1\xb9\x06\r\xf5\x18R4'</t>
  </si>
  <si>
    <t>b'1\x90R\x9a\xff\xb8&amp;#\x06\x99.x\xee.\xec\x85W\x9e\xf1Y\x81$\xff\xc0SW&gt;\xdagN\x82T'</t>
  </si>
  <si>
    <t>b'\xadny\x10\xae\xc9t}\xa4\x08\xcf\x0c B\xed\xdd\x1a\xcc\x84L\xabxD\x9d\x08\x95\x91\xd2\x99-\xe9\x9b'</t>
  </si>
  <si>
    <t>b'f&gt;\xe5[XHH&lt;\xb5Xz\xe8\xac\xaf\x8f\xb0i\xe0\xccs\x1a\x9f18`UVh\xaba\x84c'</t>
  </si>
  <si>
    <t>b'\xd3\xd0\x8e\xc39\x8c\xa0\xaa\xafMs\x030E\x02J\xbb\x0b\xab\xd4O \x80o2\xf9\xe3\xe9+\xf7\xae9'</t>
  </si>
  <si>
    <t>b'\x04\xfd@\x8c\xea\xd4\xf4U\x16\xefK\x8e\x12\x04\x10\x93cJ{\xac6R\xb1\x93yS1\x8b\xcer\x88\xf9'</t>
  </si>
  <si>
    <t>b'\x99\x81&lt;&gt;\xbe\x05c\xc8B\x80&amp;F\x8c\x9c\x97\xbf\xf7\xa0AVvd\xf3\x07\xb2pS\x8b\xfc\x99\xf8j'</t>
  </si>
  <si>
    <t>b'\xb1d\xf8\x89\x08\xffU\xa2H&amp;\xc4\xe2h`.\xdc\xa0^\x00\xc9g\xe3\x98=\xa6\x98F\xf5\xf8\xd7\xb2\xf5'</t>
  </si>
  <si>
    <t>b'\xe8\xe0\xc0\xea\x81 [\xb7N\xbbXeq`\rx!\xac\x12 O\xa9\xc7\xe4(p\x81\xa6%\xa3\x1d\x1b'</t>
  </si>
  <si>
    <t>b"U\xbcsl\x05\x04\xbc\xe4#\xea\xba\xb3\xfc5\xe5\xf2'&lt;&gt;p\xfb\xe5\x89\xc6\xf6\x95\xcc\x1a\x9f\x9d\x9d\xa3"</t>
  </si>
  <si>
    <t>b'y\xc0\xce\xdaS\x91E]\x82\x9c&lt;\xe8\xe3\xcd\xad\x9a\x92\xa70h\x9b\xaf\xf2\xc9 \xea\xb4E\x99+V\xc6'</t>
  </si>
  <si>
    <t>b'l\x99\x1f\xaa\r\xe6G\xcf\xadC\xd88\x83@\r\xd5\x81}\xbe3\x907"\xdc\xfe\x83\xab\xb0\xc8Xp&gt;'</t>
  </si>
  <si>
    <t>b'\xad\xfb\x95\xcbL}\xa9P\xf1\xb8\xde\xf94\xab\x82Q\xdaz\xb9!&gt;\xad\x05\xfe\xbf8\x072\xf6\x17\xda\xa7'</t>
  </si>
  <si>
    <t>b'\x80f/\x82X*\x14\x88\x83\x1d\x96\xadaI.\xe7G\xea\xc4\xcb\xdd\x7f@W\xe1\xa6\x9d?o\xf6,g'</t>
  </si>
  <si>
    <t>b'\x96\xfdo!\xd8\xcc\xd0!c \xfe|O\x9a\x8b\x1d*x\xd1fT\xf0q\xc1\x8df\xc7\xc9\xb5\x16\x1eI'</t>
  </si>
  <si>
    <t>b'\x07\xbd\xaa\x16\xd8\xe2\xd0\xb1\xe4[\xb4(\xb8\x91Q\xd5\xb3\xa8\xfbF\xe0\x8c\x1d\xd3{O\xc3u\xee\xd2&lt;\x91'</t>
  </si>
  <si>
    <t>b'e/\xce}\xc9\x0c2O5\xd3uE\xab\x0cj\xa2\x0e\x89\xb1\x97\x90\xfd\xd5\xc6\x14\xbc\xbd\t#\xc6|\xe2'</t>
  </si>
  <si>
    <t>b"\xde\xb9\xd3\xba\x9aO\x0b\x97Br\x0b\xce9\x84\x83\xd2'\xc3\xbc\xfe\xf2\xc9,\x92\xb0\xcc\xe92(\xc5\x9a\xdb"</t>
  </si>
  <si>
    <t>b";\xde\xfb\x8cl}A\x08\xbeTB\x13\xb2lW\x085\x08\x02\xbe'\x06\x03]\xafS\xd9\x06\x16\xca\x8c="</t>
  </si>
  <si>
    <t>b'S\x1f~^G\x18\xedI\x07\xb7\x9d\x11\x0e^\xbe\x1c\xbb\xab\xea\x88\x7f\x8bx\x84\x8f\x02\x1e\x14\x0c\xd7&gt;N'</t>
  </si>
  <si>
    <t>b'\xa2\xe1\xc0\x06\x80\x8c\x82\xc8\xda\xa8\xd1\xf8\xfe5g\xb9K-\xb5-6LY\xdf\xc6\xa1xW\x85\xc6a\x8f'</t>
  </si>
  <si>
    <t>b'\xf1\tda|\xcc\xf0\xa0b\x9a)&amp;\xa12K\x87D\x8e\x13\x84\xd7U2o\xa6Pd\xf5\x89\xef\xcef'</t>
  </si>
  <si>
    <t>b'\xe5F\xa2\xc88\xa3\xef7A\xf6\xc0+\xf8?\xd0x\xcau\xe8q\xe4\xff\xc1\x18[\xcaQ\x1ai\x13\x03\x13'</t>
  </si>
  <si>
    <t>b'\xc7\x90\x90Ihp\xe5\x15\xc2\xdd%\xd5\x81A\xa5\xfb\xaeW\xa9\x14\x979T\xea\x86\x9f\xd2\x98\xfem\xbeg'</t>
  </si>
  <si>
    <t>b'W\xc7\x19m\xc82T\xf3\x1d"\xed\x92\xc9w\xd1\x0bbKZ\x88\x86\xfd\xfe\xedf\x1a\x873\xc5\xd2\x86\xdb'</t>
  </si>
  <si>
    <t>b'\xb9\xd1\xf3\x92,\xb8\xfc\xd5\x05tM\x89\xc2\x17\xb7\xf3\xf2\x8a\x1b\xb5v\x1fw\x11x\xaa\x95&amp;\x02.?\xb3'</t>
  </si>
  <si>
    <t>b'O\xb6\xb89\r?;e\xe2(\x9cP0\xcb\xfd\x95N\x17\x16\x8ds$q3\x97.\xa2\x12\xa5\xc0y\xdb'</t>
  </si>
  <si>
    <t>b"#d\xadK@\x7f\x9c?\xb4\r\xf1uf\x9a'\xaf\xf4\xdb\x90nQ\x07-qE\xb2\xac\xe6H\xc9\x83\xf1"</t>
  </si>
  <si>
    <t>b'\xa2/\xcd\xd8\xd1\xa7\x16\xe4k\xe1\xe22\x07\x1aX\xe05\x83\x9eF\x1f\xee\xe9~&lt;\xffYw`B\x82Z'</t>
  </si>
  <si>
    <t>b';i\xc0\xa4\x0b]\xd7\xcc9)\x8c]\xb4\xce\xcd\x82\x8d\xaa\x19=A\xe1)\xcf\x0e\xf3\xf9CK\xb1\xb7\xec'</t>
  </si>
  <si>
    <t>b'\t[\x15)\x80"p\xaf$\xcd\xe9\xf7\xcf@\xad\xba\x15qn\xca\xfe\xedm,{\x1de\xe2d\x81\x1d5'</t>
  </si>
  <si>
    <t>b'\x84\xa8I\xa5\x0cp\xbcP\xf9b\xe1\xdak\xc4\x84/\x88\xfdb\xfcF\xdcE\x17\xc7\x82 -n!\xafA'</t>
  </si>
  <si>
    <t>b'\xbaD\x8b\x15\xce&amp;.F\x88{\xa3\x89\xeb\x1da\xe0`\x85o\x9d\x102\xcaH\x9c\xebL@\xc6\x02\x17A'</t>
  </si>
  <si>
    <t>b'\xc0\xbb8\x01\xc65\x8a\xe6(\x91\x8bN\x1d\xc3\x8d\xd7)\xab\x86\xf0\xbb\xcal\xd4\xe8\xc5\x03\x02\xb9\xb4\x12\xd2'</t>
  </si>
  <si>
    <t>b'X\xf3L\x9e\xcd7d\xaf-\t\x81\xe2\xb9^\xb9W\xe5+\x8d&amp;\x16w\xc5\xdb\xc5\x10\xc8\xc3\xfbC\xf8t'</t>
  </si>
  <si>
    <t>b'\x88\x92\xb3\xaf\xb0\xfez\xd7\x97\xf1B\xe0&lt;\xec\xf5"\xfb\x97Q\x9d\xde\xc45\x1fy\xc3\x92\xe7\x83\xfd\xeb\xa3'</t>
  </si>
  <si>
    <t>b'AA\x91\x85\x97u\x8e\x1c\xd2\xef\x8fKL"\x17\x00O\x12\x13"\n:\x1e\x82\xbf\xab*\xf7\xc9\xf4D}'</t>
  </si>
  <si>
    <t>b'}\x8fP\xd0;K\xb0QL\xee\x80\x84\xc1\x93\xce\xf6[$g\x80h\xe04\xc7&amp;\xd0\xcb\x15\xf6\xeb\x15\x9c'</t>
  </si>
  <si>
    <t>b'\x1949f\x9d\xcb\x88G\xe0~Wz3\x89&lt;\xbc\x19\xa0\xae$\xf7\x9c\x12&gt;\x93@\xc7\xe7\xc5Y\xb6\xf9'</t>
  </si>
  <si>
    <t>b'$|c\x1b\xbe\x0b\x10b\xa0\x14\xea,\x81E\xfd\x9b7\xcdW[\xaf \xb51}\xe9\xd2\xc9R\x89\xa1\x96'</t>
  </si>
  <si>
    <t>b'"\x057\xc7v\x8b/\xca2\x1e1\x99\xbf\xd1`\x90G\xda\xfe\x069\x99o{\xab}S\xab\xf3\xa0\xbdK'</t>
  </si>
  <si>
    <t>b'\x80\xb8\xee@]sH\xee\x8b\xbb\xd1\x8bA\x89\x92&amp;\xb1\xd7\xc5k\xbd\x03\xee\xf5\x99\xdc\xc1\xc4\xaczA\x9e'</t>
  </si>
  <si>
    <t>b'\xad\x1d\xdc\xee\xd9;1*\x1b\x9e\x9d\x8a\x13\xcdS\xc1+2-\x1a$\xa5-\xb4-\x85\x9fch\xe4\xcd/'</t>
  </si>
  <si>
    <t>b'\xb0\x01\x89I\xbf\xcb\xc9rV\xed\x04\xa4\xa9@\xe9\xd1m\x86\xa7\t\xf9\xdd\xff\xc8\x91\xd3\xcc\xe6\xec&lt;\x8f%'</t>
  </si>
  <si>
    <t>b'&gt;\xdc^\xf8\xc9\xee\x91k)\x87y\xc0C@o\xe43C\x17\x81\xae[k\xbb\x05\xe9\xd2\xc2o\xea\xbe\xfc'</t>
  </si>
  <si>
    <t>b'\xc2\xd1\xbe\xff\x14\xe6\xf2\xa6W2\xf8\xc0&amp;\xa1D\xa2Y;\xb2\xefS\x0f\x10\xd8\x19\xfb+\xccM\xe9\xe1\x98'</t>
  </si>
  <si>
    <t>b"\xfd\xc9%6\xed\xa7\xe0\x9b\x0cf\xc2\x8e*\x15uo\xe6%=I'S\x93\x8e\xaa\x81\xffh\xb3\xa8@#"</t>
  </si>
  <si>
    <t>b'H\xdb\x84\x07\x9ea\x1d\x9d\x94Yk\xb1\x80K\x85\x15HX\x00\xc2\x87\xed6\x855\x03\x82}\x8e=\xf1a'</t>
  </si>
  <si>
    <t>b'\x14\xd0D\xf6\xf1 \x82\x86\x8b\xa2NB\x81k\xfd\xa3(\x9e\x0fGlS\xc4\xde\x0e\x9f\xd01\x9c?\x88\x8a'</t>
  </si>
  <si>
    <t>b'Zi\x1e\xaexP4\x10\xc6vr\xf3\x12\xe6\xaf\xcbo\xdc\xe2\xeb\x859M\xf5\xc2\x82\x869\xe0I\xbe\xc8'</t>
  </si>
  <si>
    <t>684xx</t>
  </si>
  <si>
    <t>b'\n\x10\xbe\xa1\xab\x17\x9eO\xf0R\xeb}&lt;7TIL\x1b\xa5\xf7-\x92(\x8cO,U$\x91\xe4Pp'</t>
  </si>
  <si>
    <t>b'Y\x14\x00\x84\x10*q\xe4\xbb|2\xe7\xe7\xd2\xbd\xd3\xfa\xbf\xfc\xad\x86.X\x84[\xffa]O\xc5\xd5\x8c'</t>
  </si>
  <si>
    <t>b'\xe3\xb6\xd7\x9b\x81k\x02\x82tt75\xf5\xbb\xde\xc4.S\x13cej\x87g\xeb\xcf6J1o\xf2{'</t>
  </si>
  <si>
    <t>b'\x92\xf9\x98n\xad\xde[\xeas\x1a\xa2\x8d`\x17{+$\xc4\xc70\xef!\x8eMz\xbd\xa1\xfe\x98?\x85\x86'</t>
  </si>
  <si>
    <t>b'\xf5\xbd,w\xd8X0}HP\xf0\xe3]\x89R&lt;:\xffV\xa1\xea\x93\xf7v\x1b\x17\x8a\xa9\x9f\xe5\x7fJ'</t>
  </si>
  <si>
    <t>b'$o\x88\n95\x89\xa6\xeb`h\xc5 \xfe\r\x9e\xa0\xbe4\xcb\xdf\xfe\xd5\x11\x9c\x90o\r@\xbf\xa5T'</t>
  </si>
  <si>
    <t>b'U\x05zf\x87X\xb8RK\xa9\xab\xa6\x94\xc8\x1b2\x85ZtN\xcf\x87l\xa5\x15z\x93Y\x85\xf7B\xbd'</t>
  </si>
  <si>
    <t>b'\x93\xda?H\xf7\xdaH\x96nM\xbe\xbc\xcfA@N]H\xf7\xac/\xa0\xd7\x06\xcf\xd6P\xfa\x84\xa4|}'</t>
  </si>
  <si>
    <t>b'\x96\xe8C\x898\xd0\xf1gZ\xe2*\xd8\xd5\xa8{\xe1BZ\xc1_\xd44/\x98\xb2\x03:\tR?\xb6\x10'</t>
  </si>
  <si>
    <t>b"\x8c[\x9c\x9f\x18'/\xb4mH\xc1\xbd\x0c\xa6\xfb\xea\x187\xdfyZ\xdf\xf6l\xe0\xe8p\x94\xfa:q\x1f"</t>
  </si>
  <si>
    <t>b'-\x05\xb4~+\xb9H\xf8%\x19\x00\xca\x06X\x82\xac7h\xec\x03\xba\xb1\x0e\xf0\r\xa3\x88\xecL\x97?\x18'</t>
  </si>
  <si>
    <t>b'\xfdNY\xe1\xbc\x0b\xc76\x9b\x16\xe4\x15\xeab\tQ\x9cvx\nf,\xbb\x9e1\xd4\x99\xe4\x91Zj5'</t>
  </si>
  <si>
    <t>b'\x18P7\xb9\xde\x8a\xf4\xb1\xe4\xfe9r=FN\x1e\x12\x02\xbd~\xaeL=i\xa3\x93$\xeb\xd8\xe0d&lt;'</t>
  </si>
  <si>
    <t>b'}3\xa6\x1a:\xcf*\xd7\x17\x0c2\x8acLo\xc3\xa7\xfaI;z\xde\xe2\xd9\xa7\x98\x1f\xff\xaa\x97\xec\x1d'</t>
  </si>
  <si>
    <t>b'\x9e\xa5\x9a\xca\x97\xbf\xfb,\xe7\xc8\xd6\xbf\xa6\xd1R\xd7\xa2\x07;\x87\xb7XH^L\xa1\xd8?\\\x03\x0e\x94'</t>
  </si>
  <si>
    <t>b'&gt;\xaa\xd5\xc0\xf3\xd0\xfe\xaf3x\xcc\x97\x15-\x9d\xdc\x89h\x1a\xe5@\x8b\xbe\xbf\x8e\xe6\xb9\x88\x85\xe38x'</t>
  </si>
  <si>
    <t>b'\x198\x81\xe1\xfc\x08&lt;$\x0e|\xa9\xd9\x10y\xec\x95\xafk\xb52\xc9\xd1\xe1,\xb1"\x12\xe2\x86\x0e 8'</t>
  </si>
  <si>
    <t>b'u$\xcb\xc5\xdbd\xae\xe8=\xae\xb1X\xbb!7\xc2\x9c\x96@Y?\x06\x8cx\xa6\xc3UQ\xd8P\xa5\xaa'</t>
  </si>
  <si>
    <t>b'L.\x8a\xfe\xb2\x8e\xa1\xe22N\x08\xe4\xb3y\xc5^fi\xfc-\xe2\xc3R_\x05\xa6\x1a\xbaXn\xb9\xd5'</t>
  </si>
  <si>
    <t>b'\xda\xeb\xc7\xab?oY\xad\x92\x91U \xd0\x8el\xfe\\K\x82w\xca\x9d\x04\x96\xa2uxN\x97\xe2\x80\xb0'</t>
  </si>
  <si>
    <t>b'n,\xa8\xde\xea\xb8\x10\xc3t\xefT[\xde\x08\x17\xe4\x99\x8c\x8c\x02sk\xd1\xaaY\xbc\xbbJ]SQ.'</t>
  </si>
  <si>
    <t>b'x\xa2K9\x96dCt\xf7\xc2L\xb6\xbe\xf0\xed\x9f\xe7\x99(\x89\xc1\xc7h\x1dr \xbd\xd4\x13\rm\x7f'</t>
  </si>
  <si>
    <t>b'\x8f\xed\x8co6\xe0 \xdeXP\x97xf_\x0c\x9d\x04\x9d?\x18\xa6\xd3\x15K\xea\x9a\x19\xa8\x88\xe0x\xc9'</t>
  </si>
  <si>
    <t>b'\x8cb\x03\xf7hG\xc4\xc7k\xda\xbb\x91\x9e\x0fH\x05\x0f\x912\x06\xe6\x0f\x0f0m2\x11\x9c\xd1[\x04\xef'</t>
  </si>
  <si>
    <t>b'F\xf2\x0c\x987\x80 \xb1\xc8O\xe7*@\xd4\xec{\xaf\xa6\xb9\x95\xc6lg\xe1\xea\x9e/\xa1P\xfc(\xc2'</t>
  </si>
  <si>
    <t>b"j\xf6\xd5\x8b2\x90\xc5;\xeeU]\xc6_A3K\x8c\x8f\xf9\xa5\x99\xf4\x05v'\xba&gt;\xc3\x82r\xcag"</t>
  </si>
  <si>
    <t>b'l\xb5Y\xb1Y\x12\x9am\x13{:\xca5CV\x9a\x94\x8c\xf8\xa6m\xb0\x99g\xa6\xe0\xdc\xd7aE\x08\x82'</t>
  </si>
  <si>
    <t>b'K@+\x8d\xc3\xb8\xb9\xcaR%\xee\xec\xfb\x83\xf5\xfc\x18\xc0A;\x17[\x04\x15\x81\x0c\x05`u\xd0\xe0\xc2'</t>
  </si>
  <si>
    <t>b'\xe2G\xeaIP\xeb\xdd\x93\xa7H\x1du\x9b\xec\x96e\x1b\xdf2\n\xf4](]\xaa\xe7\x19]b\x882\xce'</t>
  </si>
  <si>
    <t>b'\x82\x81\xf89\xd2\x80\xd6L\xcb\x13E\x00vR\x87\xc1\xc8\x0c\x9c\xd0\xfd\x83\xa5\xe5\xee\xc3t\xfe\xa3b`\xe6'</t>
  </si>
  <si>
    <t>b'\xa2\xbf\x1c\xbbE\x07&lt;*\xbbu51\x88Gy\xde\xe37S\r\xc5kW\x85\x070Y\x8dl=\x90+'</t>
  </si>
  <si>
    <t>b'\xf7\x8e]\xf1D\xa7\xd1eQ\xa9\x1c\xfdG\xecR\xab\x07\x1f\x05|\xb9YQB\xed\xb1\xa5y^\x18\x96\x0f'</t>
  </si>
  <si>
    <t>b'&gt;\xc5\x11\xe9\xa1\x82G\x8f\xf5B\x1e\x88~%&gt;\xa4\xcc\x89b\x0b4hY^\x98\xb0p\x1c~\x91\x18\xc8'</t>
  </si>
  <si>
    <t>b'\xc6|vv\xa3L\xfc\xd5f\xcd\x8a\n\xcc0tgb\n\xee\n\xb8\x9d\xdb\x0ety\xf0\x94|\xb4\xf29'</t>
  </si>
  <si>
    <t>b'\x9c\x15\xa7.\xec9Oo\x88V+YA\xdaU"(\xcd\x9f\xa3N\xe1\x8b\x94\xe1\xba\x9fQp&amp;\xc3p'</t>
  </si>
  <si>
    <t>b'}\xda\x14\xc0=\x1b\xe0\xa3++I6\x94\x9f\xb0}\x1c\xbaN\x97\x89\xda\x8e\x00n\xb2\xdbv\xf0\xea\xba\xb7'</t>
  </si>
  <si>
    <t>b'WJ\xf8Y\xd4\x80l\x93\xef\x05?\xa9\x10\xd5\x83\xfb\xf1s\x92\xb2-\xd9\x8b\xf5\xa5x\x82\xfa\x00\xdb\x04\x06'</t>
  </si>
  <si>
    <t>b'\x1b\xb2}\x9a^\xa3\xb4\xcc^mF\xfc\xba\x8c^\\\xc9a\xd1~\xe1\x1e\x93\x98\x01\xc76&gt;*\xee\x8e\x9c'</t>
  </si>
  <si>
    <t>b'\xf4\x80#Z(S\xfc\x81]k\xa2r{\x1c\xf1/8\xd5\xe6\xa8``!\x97\x17\xea\xeeaz-\x8c\x9b'</t>
  </si>
  <si>
    <t>b"_\x03\x99vi\xaa2\xb5c\xc3\xc1//\x96\xaaCsW\xb6&gt;&amp;9'j&amp;\x9b\xab\x04\x9aa\x8e\xed"</t>
  </si>
  <si>
    <t>b'\x87h?\t\n\x95R\xf2\xdb\xc0b2\xbd\x10\xa8E;M\xcd\xaf^?\xff\xe3\xef\x94a\xd0\xfb\x91\xf8\xd9'</t>
  </si>
  <si>
    <t>b'\xda\xbb#X-f\xdd\xc7GH\x9c\xe9\x83\xb9A\xadG,4\xd3\x11\xe7=\x07v*\xd1\x87px\x05\x87'</t>
  </si>
  <si>
    <t>b"E[6\xb0\xa6\xe4\xa8&gt;\xeef\xf9\x06\xb2\x1eu\x96\x0b\xf3\\H\x86\x11\xb3\xc3G'pPC\xb2)\xda"</t>
  </si>
  <si>
    <t>b'\x14\x00\x85\xa9\xfa&amp;\x90I\x1c\xb76\xd5B\xe2L/|\xf8\xef\xf3C\xd1\xacd:\x98\x8a\x93OaRT'</t>
  </si>
  <si>
    <t>b'\x84%\xb7\xbc\x07\xa3\xe0\xa9/\x19s\xbf&amp;\xea&amp;\xe7=\x92!9\xe1\x07C\x9dt\x0f\x13H\xa8\xf1\xc3b'</t>
  </si>
  <si>
    <t>b'\xae;\x91\xc2\xebd\x18+\xeakg\xda\x00\r\xd1\x86\x82P8\x9e\x0e\xd2\xfcR\x97\xf3\x8c\xb9}A\xb7G'</t>
  </si>
  <si>
    <t>b'+\x06\xb3-\x87)\x92\xb8\x9c\x17\x8bA$+sE\x84\xa0bRw\xa6}\xcb\x1d\x8aL\x93\xf8~\xde2'</t>
  </si>
  <si>
    <t>b' \x84\xa0\x89K@\x06^\xd2\xcd\xcb\xb0\x0f#\x8d^\x90\x1a\x89\xd9\x91\xa5\xe730\\\xa30ux\x94\x9a'</t>
  </si>
  <si>
    <t>b'}\\@\xcf7\xba\xd2Jyw\x8bE@\xc5\x95\x8e\x07\xe1)\x12\xb9,\xf2\x80\xc3\x1dI\xea\x98,d\xa3'</t>
  </si>
  <si>
    <t>b'\xcc\xae\x93X0_\xd4\xcdJ\x01i\x04\xe420\xf4Q"z\xf6\xe06\x1d~%N\x96\xc2IG\xf1,'</t>
  </si>
  <si>
    <t>b"h^\xe1'\xed\xd5\x98\xf6P\xb7\x11r}\x87\xd0e|\x88\xea-\x8e\x94\xac4\xed\xcdI\x1d\xe1\x9e\x0f\xb9"</t>
  </si>
  <si>
    <t>b'Q\xeb\x99zJ.G\x9a\xc3I\xab\xbe\x81P\x17\xca\xceG\x04\xb4\x9f\xa3q\xa3j~F%\xeb\x94\xa3\xb5'</t>
  </si>
  <si>
    <t>b'\xa5\xaf\x0f\x80\r\xff\x18\xedQ\xe5\xbc\xb1\xf8\x8bu8\xe4/\xf1P/\xc6\x86\xcc\xdf6\x83\xfd\xe3T\x01\xb4'</t>
  </si>
  <si>
    <t>b'\xa4\x13\x12\xbc~\xc7\x99\xa2\xa2\xdf\xb7$\x82\x1c@&lt;\xd8\x81\xdbJ8\x17\x85\xf9N\xe2\x16\x19\xfd\xbah\x08'</t>
  </si>
  <si>
    <t>b'\xe9\x8a\x96,};\\9\x80\xd9}\x18\xb9\x01\x04\x0b\x0fa\xa1\xe6\x89\xbe6\x84;\xdd&gt;5\xe5^JY'</t>
  </si>
  <si>
    <t>b'\r8\xa4q\xaa\x88O\x8b\x08W\xb9k\xe3\x04J`\xa9\xb1T\xf9\x84\xe34\xec),]\x9b\x07\x90d\xfb'</t>
  </si>
  <si>
    <t>b'\x05ZF\xf2\xbd\xca\xda\x99\xaa\xa2\x11\x9e\xba\x86V]\x91d\xc1\xe9_fxs\xe0\xe8V\xebx\x19\xbb\x8f'</t>
  </si>
  <si>
    <t>b'\x10s_\n\x7fY0\xb7\xfaF\xd1\xc5l\xcd\x10\x1c\x7fe_\x16\xf7\x87\x9c\xe3\xdb\xb1\x85\x85X\x12\xe7u'</t>
  </si>
  <si>
    <t>b'\x0cT\xab\x99\xf1\x9a\xa6\xd0\x8e\x1b\x12Q[u\xe4\xe1u\xe2\xd8\x03I\xe4\xa6\xe1\xa9\xcd0\x80\x0f\xfaN\x1d'</t>
  </si>
  <si>
    <t>b'j)%\xefa\xd9L\xf5!\xe1\xb2\x98\xd6\x8c\xc5\xc5\x97\xfe\xe9\x1c\x86\x07\xfe\xe6C\xf9SO\xde\x7f\xfc\xaf'</t>
  </si>
  <si>
    <t>b'\x16D\xe26\xfc\x8d\x8c0\x82\x17&lt;\xa9\x9ef\xd1f\xdf\xdb6_\xa9\x13\x05\x0e%\x1f\xc3\xeb\x0fO\xda\xd4'</t>
  </si>
  <si>
    <t>b'\xf1\x1eG+UJGx\x97PF\xd2\x8e/Dzb2+\xb5%\xdb1\x05g\x90\rS\x816\xd0\xd4'</t>
  </si>
  <si>
    <t>b"lY\xc1\xc0\xc9_D\xa2e\xe8\xf1\x9f6\x9b\xb6\xe5j#\xb6\xad'~q\xaa/\xf9\x00N\xbf\x11x]"</t>
  </si>
  <si>
    <t>b"H\xbe'\xb4o\x7ft\xd7\xf6+z/\xf9\x01r\xd9\x83\xe7\x83\x84\xd0\xdc\x15\xe3+e\xad\x0b+\xe5\xaa\x17"</t>
  </si>
  <si>
    <t>b'}\xc8\xf1-A\xda\xa2\xf2\x18d\x9c\xd8\x01\xfcx\xa6\x0f\xadz\xad\xe3\xa6\\\xc7I\xaeY\xdf\x1e\x80\xeeK'</t>
  </si>
  <si>
    <t>b'\xd3D\xb1\xd8\x86\xfbJ~sdh\xc3O\xf5u\x9b\xd4\xcb\xaf\xbf\x1a\x99\xbc\x95\xceF3\xfc\xf3\x03\xe0\x0e'</t>
  </si>
  <si>
    <t>b'\xe3$\xef\x0f\xb2|\xff\xccC\x0c0o\x17\x08\xd8\x12\xae3\xdb\x85\x964`Z\x1f\x80_=\xf8T\x056'</t>
  </si>
  <si>
    <t>b'6\xacx\xc4\xcf\x8bZ\xf8no\xc1[\x1b\xa8\xf0\xed\xb6\xa1~W53\xb4\x89l\x83 \xedy\x8f\xb5 '</t>
  </si>
  <si>
    <t>b'\xeb\x99\xff\xaa}1r\xeb\xd7\xd2\x8a\xc1y\xfe\xc3\x9c?r1hq\x9c\x11L\xcbn9\x86:\xb1p\x7f'</t>
  </si>
  <si>
    <t>b'\x14X\x1ca4\xf4\x83\xe97\xcdp\xd5\x01BA!\xb4\xd5IWP\xe7\xc2d\xb6\xa0\xb6\xd8\xd06\xd6\xd7'</t>
  </si>
  <si>
    <t>b'\xfe\xaf\x89[\xce\xc9\x7f\xf6\x90\xc3\xb4 ]\xfaE\xe5\xe3\x0bu\xcfHP\xad\x0cJ)\xb9v\xdd\xc1z\xdb'</t>
  </si>
  <si>
    <t>b'7\x00 \xa5"\xd7&amp;\x17\x99\x9eR\xfc\xc6\x836\x03\xc2?\x11\xa59\xa9V.G}_\xfc\xf3kH\xfb'</t>
  </si>
  <si>
    <t>b'\x94]\x95d\xaf\x15\x03v\x1fcC\xd1\xe5\xd2]\x03H\x8d\xfa\xf1i\x95\x16\xfe\xec\xb9\xa3\xf8F\xffi\xb3'</t>
  </si>
  <si>
    <t>b'\xa7\x03\x80\xfb6\t"\x17\x1f\xf1\'T\x19;\xb2\xe8\x8c\xd8\xed{\x92\x00-]\x8b\x0c\xf5Cq\xfb\xaf\x97'</t>
  </si>
  <si>
    <t>b'1\n`2.\x88\xf1\xa1|\xec\xb2\xfb\xed\xbb\x17\xc3\xe0\x08#?\xf5\xadA=Opv\x0eL\xba\\I'</t>
  </si>
  <si>
    <t>b'\x8d(k\xb9\xefe\x9e\xb3\xf00\xb9\x1bx\x92a\x01Lf"8\xe6\xaa\x1cy$\xf1\xbb\x90\xf5B\xab\xa6'</t>
  </si>
  <si>
    <t>b'\xc4\xa5\'\x0eL\x86\xc2\x91\x8b\xb5\xa9\xb0\xc0\xe8\xdb&amp;\xd0\x94P5@b\xc9\xc6\x96\xe03~\x94"\x12m'</t>
  </si>
  <si>
    <t>b"\xf6\xbe\x86\x9b\x8a\x89d\tZ'\xce\xf2\xd1\x84+\xe5q\xa1[\x13\x14\xa7'\xfc%$\xa2\xcc\xac\x19\xdc\xf4"</t>
  </si>
  <si>
    <t>b'\xc2[\xa0\xb9\x8b\xcf\x8e\n6m\x101o\xcfi6\xc1u\x88.&lt;\xf2a\xb1W\x1c\x95\xde\xafv\n\xd8'</t>
  </si>
  <si>
    <t>b'\x0b\x9f\x1e\x08\x89\xf2\x8a\xbc\xc5\x1e\rb\xdct&lt;\x8b\x97KV=X=\xc2y\x19\xad\x93t\x97\xff\x8c\xab'</t>
  </si>
  <si>
    <t>b'\x9c\xdaH\xb5\x83\x8dH\x91\xe5`{~\x1dc\xec\x9d\xadf\xa8]\xac\x8d\x92\x95pL\x1c"\xa5^\x7f\xa7'</t>
  </si>
  <si>
    <t>b'5\x04\xdeP\x86\x7fjw\xf6/}\xec\xcf\x0f\xd3\xf5\x99\x0fB\xbc\xe9\x14\x8f\xa5\xf8\xcb\x85\xc2\xe6\xb7\xf8\xb0'</t>
  </si>
  <si>
    <t>b"\xbb\x13\x00\x0e\xf5\x86\x9e!-GwiC\x1b},\xa5\xc7;\x05`\xb4-\xdb5\x0c\xe7\x12\xb6\xf0'\xef"</t>
  </si>
  <si>
    <t>b'\xfe\xf9\xc4\x01[\xde\x86:am\x15=6\xa9\x8fD\xcau ?-BI\x9d\xa4\xee\xee\xd7G|\xad\xad'</t>
  </si>
  <si>
    <t>b'.Zm8\xaaZj\x951,L\x93N6\x15^\x18\x8d\xb0\xdf\x15\xc4S\x16?;\xcfg\x9c\xf1[k'</t>
  </si>
  <si>
    <t>b'^\xfc4r\x99-\xf0\x1a\xbd\r\xc7D\xf6g*-\x04\xca\x04ec=\xe8~\x08\xf7Q\xe7\xc8\x1a\xa4\xd7'</t>
  </si>
  <si>
    <t>b'u(i\xc4gsQ\xfb\xde\x830-\xf3\x8aQ\x94\xdc\xff\xe7&lt;[a\xae\xf1\xe8\x80Z\xac{L\xfdH'</t>
  </si>
  <si>
    <t>b'H\xed\xd4\x0e\xe8\x08\xba\xea\xb7\xf5\xb9\xae\x99\xe0\xb8\x02\x10kD#\xdd\x01,D\xe1\xf5e\xc3\xad\xb2,\xc8'</t>
  </si>
  <si>
    <t>b'\x80\xc7\x11eO\x1bFDd\t\xf6\xec\xb4\xa4v[,Z\x94\x0bJ\x9cb\xcf\x01\x83\x1f\xa6\x01bF\x98'</t>
  </si>
  <si>
    <t>b'\x8c\x85g/\xbe\xe2{D\xdb\x19\xael\xebI\x04"j\x1f\xc7&lt;&gt;Y\x1dx\t\x8b{DA\xe9\xc9\xb8'</t>
  </si>
  <si>
    <t>b'\x88\xac?\xc8\x06\xf5Z;\xd1[\xb2\x897(cS\xad\x0f\xb0\x94H&lt;\xdf\x8b\xc7"\xc5T\nK*w'</t>
  </si>
  <si>
    <t>b'5\x02{\xda.\xe3\xb1\x17\xe7\xed_\xaen\x8cp\x10\xed\xd2\xb5n6\xda?\x90Ly\x97\x95*\x913T'</t>
  </si>
  <si>
    <t>b's\xed\xcf\xe0\xa7\xa4\xe7\x8c\xabZ\x7f\xbe\r\xcf\xbc4%\x02\xef\xe4\x18\xa0A-\x12pm;7\xba\x9b\xae'</t>
  </si>
  <si>
    <t>b'\xd8\x01\x88aXF\xab\xadXw\xd7\xf5"D\xd26\x882\xf5\x8b\x93\xb1&gt;\x8c\xe7\x9c\xd7\x01\xf9\xcc/y'</t>
  </si>
  <si>
    <t>b'\xe2j\x8b\xf8\xcb\xfb{\x912\x97&amp;\xd1\x8e\xd1,\xf3\nyI\xf4uL\xc2\xc5\xd8$\x0c\x067\\\xdd~'</t>
  </si>
  <si>
    <t>b'\x01pb#W\xb4\xf2\x12]\xd0\x87]rZ\x7ft&lt;j\xe1\xb1a\xbb\xe6\x00\x03P\x8c;:\x9f,\x9a'</t>
  </si>
  <si>
    <t>b'\r[\xb2" =\xbc\x9a\xf0\xf3p\x8f\x1e\xb4P\xbe\x1f\x96_\xb3\x84\xf4T\xa0\x86\xe3\x14\xa9Qj\x17p'</t>
  </si>
  <si>
    <t>b'2\xdb\x90L\xbdB\xc7U\xb4{\x85[A\xab\x97\xf9=\x11\x81\x12\x88\xfd\xe4.h\xc5\xb7\xed\xa5\xd3\xc7\x06'</t>
  </si>
  <si>
    <t>b'\xc3\x15\x1d\x87\x8d\xacb2\x9b\xb02\xd3\xf6\x9c\xd7\x88\xb9\xb6p\xf7\xf7\xbag&lt;M\xc1Yir\x8a~\x14'</t>
  </si>
  <si>
    <t>b'A\xce\xd0\xf3\x04#~\xd0\xdfe\x92\xc3n\xcc\xb0\xa0\xfc\x03\xb85P\xe8v\x8f\x1d\x15\xbaN\xf4&gt;@\x99'</t>
  </si>
  <si>
    <t>b'\x1fi\xb40\x9f\x10\xa7\t\xe4 A8\r\x1a\x85\xec/\x01\xea\xd8\xed\xb8%d\x04[R\xe9\x84\x96nz'</t>
  </si>
  <si>
    <t>b'\xe6\xc1\xe3\x9c\xef\xf6\x0es\x0e\x96\xc6\x8d\xf6\xeb6nI\xbc\xfck\xa6\x0b\xb5\xef\xfd\x13\\p\xe3\x11L^'</t>
  </si>
  <si>
    <t>b'\xab\x12@\xeaw\xc7\xb8e`37d\xb1\xb1\xdd@t)\xb5\x95\x84\xe3\x16\x81Nh\xc0\xfdR2\x99\xf9'</t>
  </si>
  <si>
    <t>b'\t\x8b\x19\xb7W3\tL;PQ\xacs\x8d\xb4\xf1\x9f\xbd\xf9\x84^\xbe-\xfc\xba\x17\xe8\xe4\x15\xa0\x7f\xf2'</t>
  </si>
  <si>
    <t>b'[\xe2)wT\xe8\xbc&amp;\x91|\xa0\xa2\x9b\x84\xfe\xca\xe4\x9b^:jS\xcb\xbd\xce\x8bu.\xe8y5Y'</t>
  </si>
  <si>
    <t>b'x\xe5D\xa6\xa5R\xb7\xb6\x1e\xa2\xc8@\x879\x9b\x15-\x0cl\x1c\xd0\xecw|\xc8\xfc0 p0\x13m'</t>
  </si>
  <si>
    <t>b'\xbb\x0f9\x8c?\xdf\x8e5\x0c\xd6\xb5\x963\xc9\x96Zq\xe4\x1bG(\xb0]\xb5\x9f-]\xa55\xba\x12c'</t>
  </si>
  <si>
    <t>b"\xf5+&lt;\x10\xfa\x81'\x0e\xec\xd3*8\x99\xb9\xf0\xcdZ\x1cpo\x1fjh&gt;C\x17\xec[ yO1"</t>
  </si>
  <si>
    <t>b"\xa2\x8f\x0c\xfeN\x92\xc1e\n\x13.\xa3\x10wy\xcb'\x7fV\x8a\x8d\xbe\xbb\x8c\xab\xc3\xd3\xc9\xbd\x0e\xc4p"</t>
  </si>
  <si>
    <t>b'5(\x10T\xb6\xd2e\x10"\x85O\xc6)p\xe0p(\xeaj\xa4\xdb\x15\xd8\x97Hv\xf2\xfe\'\x05d\xcc'</t>
  </si>
  <si>
    <t>b't\x92L\x00\x929\xe3\xd2\x85\x9dW\x7f\x7f\x00\xb7\xed)YS@\x9br\xf1\xaa\x8b\x90\x1f\xd1N\xba\x82\x1c'</t>
  </si>
  <si>
    <t>b'[{h$\xeb\xec\xfb%\x8c\xbfY\xd9\xb8\x94\xfb\x0b\xc7\xcf\x0be\x08Y\x82\xe1\x1aR\xe3\x13\xf2"P`'</t>
  </si>
  <si>
    <t>b'\x0c\x98\xe3\xb9\x13\x0c\xdf\xb6\xa9\x89\xe0\xad/E\xae\x99\xc9;O\x94\xda\x01\x91\xd5\xcf\xeasT\x97D\x16-'</t>
  </si>
  <si>
    <t>b'y\x03\x00\xaeSw\xc1_Y\xe9+\xf5c\x85\xbeK\xc2\x95\x0b\xbeY\xae\xf2\xdf\\\xa3\x7f\x14%(\xb06'</t>
  </si>
  <si>
    <t>b'IlY\xe5\xbe\xa2\xd1\xaa\xb1_+j\x12\xae\xa8\xd5\xf8\xd2\xc4&gt;X\xd4&lt;\xdaKP\xb9\xcc\xb2\xcd\xeb\xc0'</t>
  </si>
  <si>
    <t>b'w\x92\x01\x97\xb6C]}\x94&lt;n\xec`\x84P\x9aKR\xf9(\xed\xd0pH\xcc9l\xe6\xda\xb4\x12\xfe'</t>
  </si>
  <si>
    <t>b'\xaf;s}\x96\xeb\xa5\x9f\xa6\xbd\xfb\x86\x03n~W\xc4\te\x0b\x13}&lt;\x0bX\x9f\x88\xf3\xa3\xbeh\xe8'</t>
  </si>
  <si>
    <t>b'\xd2ZG=z\xf8\xfc\xe6\x9dG\xffT\xcb\xe9\xb45u\x8e\xf0@\xeb\xa9\x1d\x04\xfb\x89[\xbbX\x15T\x94'</t>
  </si>
  <si>
    <t>b'oB&gt;\x89\xa1\x8c#3=3\x05#\xa3\xbe\x0f&gt;\x91\xabH\xf6lU\x92\xb2_^\xe0\xe0\xc1b\x1e&amp;'</t>
  </si>
  <si>
    <t>b"\xa3z\x8f6G\x10j\xa6\xea=(A\x980\x94\xbb\x96\xa1\xf2\xa4W\x07%\xbam'\xce0\xcd\xc5\xcd\xe2"</t>
  </si>
  <si>
    <t>b'\x9exJ\xf7DL\x17\xb5\xd4I\xccK\xf0;\x8b\x8f\x1dv\xa7\x1ei-F\xdeT\x90p\xfa\x89np4'</t>
  </si>
  <si>
    <t>b";\xfb\xeb\x9d\xa1\xb0:\xb2\xb1\x9a\x9a\x9e\xfd\xbb\xd2\xe4\t\x148\xd9a'B\x97\xc2z\xbd_\xf75\xbf\x01"</t>
  </si>
  <si>
    <t>b'\xa7r\xee\xd2\x05\xc5x\xab\x98\x99\x84\x08?3\xd6z-\xb3\x83\xf9\xf3E\xb1\x1b\x0fu\xeb\xb0\xfc\x1e\x15N'</t>
  </si>
  <si>
    <t>b'\x05\xc9x\xbeh\x08DpaH\xeb\r)\xae\xc7\xc7\x10!\x82\x8a\x1f\xc7*\xae\t\xf62\xc1\x18\xb9\xe4@'</t>
  </si>
  <si>
    <t>b'P\x19TD\x03rQ\x12\xf0;\xb6\xb9\x0c)\xe6\xcey\xbd5g\xd1!\x82g(\xa67;\x8e\xc2\x06\xa7'</t>
  </si>
  <si>
    <t>b'Ad&gt;\xdc\xde\xe9:\xac\x15\x1d\xcdY\xbc\xa1\x87 c\xa9\xb4\x0e\xb2\xf7{\x0ci\xec|\x83\xcf\xf8\x86\x9c'</t>
  </si>
  <si>
    <t>b'^\x0e\xc4\xf0\x82\xb8\x133\xe3&gt;:\xc8\xb9}\xf7\x16\x81}\xd8\x9e n\x00e/\xbf\xbb0\xd6H\x9b3'</t>
  </si>
  <si>
    <t>b'\xa3c-\xdf\xb7\x1a\xfb\x8b\x9d\x1fgd[\xa0\xcf\x04H[\xb9\x13\xb6l\x0ecAh\xe6\xf1\x05Z\x84\xbd'</t>
  </si>
  <si>
    <t>b'\xfa\xf8\xe7\xd9\xf4\xb9\x83W\xf1B[\x18vI\xd6\t\xcfT\x14T^\xad\x08\\\xe5=~\x9c\xe3\xdd\xa0\x95'</t>
  </si>
  <si>
    <t>b'+\xd5&gt;Q\xde\xbc(\xc4e\xe8\xca"\x04\xf4&gt;\xd4C\xff\'\' \xd1\xb7\x88V=,\x16db$\x03'</t>
  </si>
  <si>
    <t>b'\x10Uk}`S\xa8E\xcb\xdd\xe8`\xf1*Z\x0e6\xcf;8\xe6j\xeb\x8d\x15N&lt;\xb8\xfa8\xbd}'</t>
  </si>
  <si>
    <t>b'^\xebV\xa6\xfe\xd1\xb2\x00\xb92\x0bGW`\x17&amp;\xa2\xa5GC\x92-\x8e\xc1\xc6"\xb3\xe6[\x0b\xff\xc9'</t>
  </si>
  <si>
    <t>b';U0\xcb0\xa6\xbb\xf33\x97\x9e\xe8\xe9e\xef\x1b\xecf\x10Dr\xa3=\x05\xe9\xa0c).\xbd\x19\xfc'</t>
  </si>
  <si>
    <t>b'\x05CZ#\xec\xe9\xb6K\x84\x8c\xea\x8d\x08\xcaJ9\xf7\x9b8\xaf\x1b\xb7\x97s\x14\x8e&amp;\x88c\x82\xafN'</t>
  </si>
  <si>
    <t>b'\x98v:G2\xc3&lt;\xd3i\x12\xd2o\xd4\xc1\xd4c\xae\xe0\x05T\xc5\xa37\xa7;\xa8\xb3\xc5\xc9\xa3\r\x81'</t>
  </si>
  <si>
    <t>b"\x04\xf708\xb5\xea\xda\xd57&lt;x\x87\x1c_\xd6\xac%.\xd2\xce$~\x8a'Q\xd3\xf1\xe7\x8e\xd9\xb3\xc3"</t>
  </si>
  <si>
    <t>b'lX\x1d\x0f\xb9\xbc4\x12\xd19\\mIO\xbcMK\x8bo#%t\xc3\xfe\x00\xe6\xf4;\xb1\x91c\xe9'</t>
  </si>
  <si>
    <t>b'W\xb1%m*@\xbe\xf9P\xb8\x0c\xac\xfc\xdd\xed\xfe\xd3\x07\xe0v\xce\xef\xb0t\xf2\xfa\xefWr\xa2\xber'</t>
  </si>
  <si>
    <t>b' \xda\xb0\xba\xdaf\xdc\x8e\xc8\xa9\xff\xbeA\xbe\x0b\x00\x1d \xbf\x1a\x1c\xcb\xf8\xbe\xb5\xfce\x88|z~\x06'</t>
  </si>
  <si>
    <t>b'\x93\x11psp\xdc,\x10\xdd\x8aP\x96\x8d\x93`\x08D\x8b\xc8\x83\xf9t^\xc9\x92\x9f\xd3s\xcc\xf4\xb6\xa1'</t>
  </si>
  <si>
    <t>b"\xad#v.#\x02B\xd8\xc6Z\xab\xb3\xcb\xb7\\RC\x1d\xca\xabX\xda\x9d\xc3\xb8zE\xa6\xf8\x9b\xf7'"</t>
  </si>
  <si>
    <t>b'\xddHY\xbbA\xd9\xd3\x14\xc2\x93p\x00n79\x88\xd9\x89\xfd\xbb\x97\xbcg\xf0\xda\x97\xf0MGce\x0f'</t>
  </si>
  <si>
    <t>b'\x84"\x16\xe7\xb0\xc7\xfc\x9e\x18V;\xc1-G\xd4\xff"Q\x1e\x17E\xad\x19\x1eJy3\xa4\xa5;i\xe8'</t>
  </si>
  <si>
    <t>b"i\x15b'\xb5I~\x91\xe9d\x0c\xfe\x1d\xc8E\x8dI\x81C\xc9\xe8\xe0\x89\xdd,\x8c\x82\xa8\xc7|\x9f-"</t>
  </si>
  <si>
    <t>b'*\xb2"qVd\xe1\xc7\xab\x8b\x8b\x1bXs\xb8hz\xaf\xb6\xf1\x1cb\x050\x8db\xd1,OLt\xf7'</t>
  </si>
  <si>
    <t>b':!\x9ca\xdb\xfd\xe1\xef6\xaf\xa8\xa2\x86\xd1\xa1N\xfe\xd5\xc4Q\xa6Q\xff:\xe1cA`\xe3\x82\xdaz'</t>
  </si>
  <si>
    <t>b'\xb7+\x97\x8b\x85\x01\xd5M\x8bLK\\\x9b\x16\xd5\x93O(h\r\xb1&amp;\xc4k\x18=\xa1m\xff\x8d\xe1\xb8'</t>
  </si>
  <si>
    <t>b'\x85\xf5\xc9\x8d\xc6t\xe0\xf7\xd2TO\x1f\xb0\xb1\x03Ug&amp;\xec]\x05\x9b3\x9e\x07\x84M\xa6\x02\xa4N\x1c'</t>
  </si>
  <si>
    <t>b'd\xec.\xa05\x04\xa9\xdb\xeb]n\xc2\n \xd0\xf6\xbaw&lt;\x11\xc1\x19Nz\xccG\x00\xa7\x88\x0cC\xa5'</t>
  </si>
  <si>
    <t>b'\xeb`\x82!\x97@j&amp;\xe5\x98!\x98\x1d\xec\xe3\xdb\xed\x10e\xa9\x80\xc7\xa4\xf5\x96F\xfa&amp;\xd52\xc2c'</t>
  </si>
  <si>
    <t>b'{\x14\xd5\xa6\xe1\xae\x0fU\x05`IM\xd6g\x86\xcaf\x94W\xe9\xb4\xdf\xf5\xff\xa7#\x175\\\x0c\xfe\xa2'</t>
  </si>
  <si>
    <t>b'cd\x03\xc7\x10\xa9\xd0\xda\xce"\xd1\x93j\xae\x80\x89\xba\xd6\xafxy\x8f\xb8?\x8e)\xcb;\x94\x98\xf6\x0b'</t>
  </si>
  <si>
    <t>b'5\xa9\xde\xec\x92\xcc\xc4&lt;)\x99\xb7\xad\x8b\xb9\x00\x9b\xe1W\x08Y\x7fH\xc1r1\xe0\xfd(_Q-g'</t>
  </si>
  <si>
    <t>b'\x8b#\xb0l\x01\x0e;&lt;%7\x92\x99$\xfe\xb6\x1b\xca`\xee\xd7(\xfb\xebm\xf3&lt;\xad\x801(\xf1r'</t>
  </si>
  <si>
    <t>b'\x81\xa3\xd8\xc4Z\xd7.L3l\xa2\xf4a\x93\xe4\xc5\x13\xf5j\xf5\xaam?($9\x03X\xc7\x90\x13/'</t>
  </si>
  <si>
    <t>b'\xfa\xcb\xe6\x1c\xdf/I\xfa\xee\x01\x8d\xc1\xddK\xb9\xd7\xa0\x1b\xdf\xae\xac6\xac&lt;\xbe\xb9\x905\xd9M5{'</t>
  </si>
  <si>
    <t>b"\xe53\xc6s1\xe114\xfeR\xc26H\x95f\xd9'\x0e\xba\x12A\x8fH\xef\xe6\xa5g\xfa=\xb1&gt;I"</t>
  </si>
  <si>
    <t>b'\xb7PF\xb5\xf1\x0ebM\x13\xf7\x05\xeel*&lt;\xae\xc5\x90c\xce;\xdf\xf2\x91t\xa0\x00\xa2QC\x0b\x8c'</t>
  </si>
  <si>
    <t>b'\x95\x10\xbc\x8f\x9f\tYD\xbc\x81,\xdd\xb3\xde\x0b\x17\xebNJ\xa9\xe60W\x1c\x02?}\x85\xad`_o'</t>
  </si>
  <si>
    <t>b"@\xda\xe8\x14\x91\xbd\x80\xe1\xc4\xe2'\x00\xaa\x10\xc7j\x00ua\xd4\xb3P)\xc5\x19x\xeb5\xf1\xb41X"</t>
  </si>
  <si>
    <t>b"\x9a\xd75\x01\xf8\x9b\xc3\xf3'\x10m\x98\x0b\x99I\xca\x9a\xe2\x0f\xdd\x04\xfb\x94\xe4\x7f\xb96N\xa0~\x888"</t>
  </si>
  <si>
    <t>b'?\x80\xfe\xbe\x06\x84\xd7\xf1\x9c\x81\xc5t\xc60\xd5\xd8 \xa5\xde\x9f\x1a1\xec\x9f\x0c\x9a\xa8\xa0\x9f\xa7s\x93'</t>
  </si>
  <si>
    <t>b'\x9c\xe5\xbb\xce\xa7\xcc,\xe1\xdav\xbapq\xc8\xc6\x1f\xd4{qA\x96\xe1 \x0e;:\x84\xd5n\xeb\xbb&lt;'</t>
  </si>
  <si>
    <t>b'\xe2#.\x8a\x9d\x99p\xe3p\x12\xe8\xdf\x0f\xab\xf4\xe8C\x05,#\x9e!\x0c,)\xb9\xdcP|\x19\xe7\xd8'</t>
  </si>
  <si>
    <t>b'\xa2\xc2!\xb5\xf2;\xc8?\x87\x17\x12\xd4E\xfc@\xa2\xb1y\x1c\x8fiZk\x89\xf7\x97\xeet\x0b\x80s\r'</t>
  </si>
  <si>
    <t>b'\x92\x80G\x9bF%\x8f\xe2\xfb\xe6}\xe5\xbc\x96%\xfa,\x1c\xd7\x1f\x0c\xcb\xe2\x93\xf0,3\xbfXyk\xdb'</t>
  </si>
  <si>
    <t>b'\x07\xea\xef\x7f\x96\xb1K\xdc\xa07g+m\xf5\x0f\xa4\xdd\x18B\xdf\x88\x9c\x1d\xc3\x84\x8b%\xe3\xc2tH\x1f'</t>
  </si>
  <si>
    <t>b'r\xd2d\xc0\x15B\xd3\x03\xd0\x17]\x117\x85)\xe8T\xbd\x8c8\xf6o\x14V\x1d\x99{M\x12\xdd\x08\x82'</t>
  </si>
  <si>
    <t>b'\x80\x1fCi\x19\r\xf7\xbe\xa3\xa2\x91V\xbbq\xa8\x89A\xfe\xcb\xd3\x8cl\x0e\x1c\xf5]\xe7]\xa7\x84c\xa4'</t>
  </si>
  <si>
    <t>b'&amp;T"E\xf4\xac\xa7\xc8Nd]G}\xc1\xa6\xbfK\xac0\xeaG;+\xfd`\xf0\x9c\x13\x19z\x06\x04'</t>
  </si>
  <si>
    <t>b';x\xe3\xe3\x16\xbaj\x9e\xf5\x154\x1a:\x88\x82\xdb\xbc\xb3l\xe2\x90\x8f\x15}S\x9f\xe0X[\xa4\x1b\xf4'</t>
  </si>
  <si>
    <t>b's\xbb\xed\x17\x99\x13g&gt;/\x1b\xefxU2\xcc&gt;J\x90v\xa0\x07\xf5\x10\x9d\xda\xe7\x8d\xde\x92\n\x82\xf3'</t>
  </si>
  <si>
    <t>b'\xa6\xc2e*&gt;\xc9\n\xfe[\xb2\xd8\xdc\xc3\\\x91n\xdc\xb9\x05\xea\xf3o%VG\xd8\xcf\xa7\xb7\xb6\xe2\x1c'</t>
  </si>
  <si>
    <t>b'\xec\xd6\xef\xc5hA\xcd\xdb\xa3\xfe\xb8\x98\xbf\xf1o\xf7\xc4\xa8\xbek^&gt;\x96l\x9a\x00]\xf5\x0e\x83\xac\x89'</t>
  </si>
  <si>
    <t>b'\xfd\x0f\xfc\xb6m#&lt;l\xe1\xdf\xadzL\xeb _\x80\xc1\xe1+t~\xacw\x07A\xb0\xaf\xc7\xe6\xb3O'</t>
  </si>
  <si>
    <t>b'\xd7$7-4 \xb7\x80H#\xdd_\xec\xfc(\xe6}\x8cM\x08\x15\xd1\x05g)\xc8\xfdE\xa3\x94\x8d\xda'</t>
  </si>
  <si>
    <t>b' \xfa\x18y\xdc\xdcS\xda\xc2.\x85KF\xc4&gt;\xfc\xf8\xaf\x13&lt;\x83\xb7\xdbc\x82\xd4I0r\x80\x1e:'</t>
  </si>
  <si>
    <t>b'0w\x98\xaa\xc3\x16W\xb4\x91h\x1ck\x08\xa3\xb8\xdfJ\xf35\xec3\xf7\xd4%\xda\xb5\xed\x022\xf7\xb2&lt;'</t>
  </si>
  <si>
    <t>b'\t7\xf7\xc7\xb2\xb8\xda\x92\xd9)yfO\x96\xe4w\xc2\xf2RA\xad!\xc30 |\n"\xa0w\xd3C'</t>
  </si>
  <si>
    <t>b'\xbd[\xe1\xc5}\x06c\xf6\xa0\xbf]\x13\xb8\x1d4\x7fVU\xdf%IR\x10\x04w\xa4-\xfbeA\xa0\x9a'</t>
  </si>
  <si>
    <t>b"\x9c\xab\x85\xd8~(\xed\xd9\x98k\xc3\xfe\x19\xffD'k\xc4\tw \xc8\x9c\xad\xd3\ne\x02\xc0K\x81\xb6"</t>
  </si>
  <si>
    <t>b'\x16\xedV\x0bX\xbb\x00\xdd+_\xed\xe9\xa6\x02\x91\xd3\xf31~\xd7N\x94\x96\x1b\x9bg\x1by\xf9h\xbe\x85'</t>
  </si>
  <si>
    <t>b'\xb8\x1b\x98\xb9\x11\x1e\n\xfc\x85\xeaC\x13\xed\xdd&lt;^\xd0\xd5$\xb8p\xe5\x02y\xde\x0b.q\xc2\xb7#\xc6'</t>
  </si>
  <si>
    <t>b'\xd2A\x11\x18%\xdc\xafQ\xa7\xa8\xf7\xeaS\xb7\xd5\xde\x0b\xad\x16U\x05&amp;\x15\xdf\xba\xfd\xe5WQ\x1d^\xa8'</t>
  </si>
  <si>
    <t>b'\x8f\xfe\x03\x98\xa8Y\xc2\xad_4EF\xade\xd4\rD\xa3\x8f\xc6o=gj\x17(\xe5F\xf6\t\xb1&amp;'</t>
  </si>
  <si>
    <t>b'}p\xda\xa8\x1e\x0b"\xcdM\xd2kL`\x0e\x12N\xacv\x14\xb1v\x85\xf6\xa0\xeaO\xd2\xcc\x15\x13\x05]'</t>
  </si>
  <si>
    <t>b'\xfe4\x8a,0\xa4\x86/\xc7\xe595&amp;\xb4\x12\xdc\xbduM\xe7&amp;"\\\xe4\x87g\x00\xa8\xe4\x16\x83P'</t>
  </si>
  <si>
    <t>b'\x109\xd6K\x0fL\x9cD\x12\xd4\xca;\xae 4+N&gt;\x97\xd0\x1a\xc2w=Y\x12\x92\x93\x04\xbeji'</t>
  </si>
  <si>
    <t>b'\x17\x86{\rQ&gt;\xbd\xeb\xb2\x05\xff\xfb2\xb5\x97#^\xb9\x02\x1c\xd4X"83\xc4\xe7ixH8\xcd'</t>
  </si>
  <si>
    <t>b'&lt;Y\xc3\x92\xafH\x0f\xb0\xf7\x10e\xeaz\x80/\x91\x9aY\xfdD&amp;O\xb6G\xc5\x16y\x9d\x98\xaa\xf5S'</t>
  </si>
  <si>
    <t>b'\xa7\x8f\xb6\x12\x83\n}[\x00\x1f\x1f\\-\xd7\xc4\xc9\x8fO\xf9o\x0b\xaf\x10\xbb\x7fyh\xc4\xc0\xbf\x99\xd5'</t>
  </si>
  <si>
    <t>b"\x90\xf0y\xe5\xa1\xe2\r\xcd\xffV\xfb\xbc1]'w3,\xf1c\x85\xb8\xd4\xa4\xdcz\xecG\x9a\x98\xde\xfd"</t>
  </si>
  <si>
    <t>b'H\x1b!\xedyp\x1a\xd6\xd7X\xe2\x12\x02X\x9d\x01]\xd8K\xe6\xd6.\r\x88\xf1a\xf6\x98\x17\xa4\x17\x9d'</t>
  </si>
  <si>
    <t>b'\xc2\xf6\xb8\xc5[k\x91\x18\xf9\x0b\x93\xe2\xfc\xf0S\xee\xb5B\x1cj\xdd\xa6\xce\x9a\xf3H\xde\x84\xe2iYB'</t>
  </si>
  <si>
    <t>b'm&lt;\x1f\x08\xec\x06\x08\x05\xb2\x8e\x99\xaeB\xfa\xda\xe5\x19\x1b\x18RkR\xc2\x05\xf4\x0f[h\xaa\x88#\xdc'</t>
  </si>
  <si>
    <t>b"\xab[\xe25G\xae\x07\x90\x12\xd1nV%\xea\xbe\xac0\x816\x16t\x87&amp;\x07\xf7R\xa9\xe8v\xd0A'"</t>
  </si>
  <si>
    <t>b'\xfd\x82\xf8&gt;\xaa\xb5\xa6\xe3\x90\x9f\xc4\xf1m}\x0c\xfa=L\x87.\xd7\xb6,\xb6k9\xa3;\x1e\\zx'</t>
  </si>
  <si>
    <t>b'\x91l\xd8B\x1b\xd1\x0c\x98\x1fr\x10\x1f\x84l\xa4)am\xc5\xb2\x82\x8b\xfeC-\x99\xb1B\x10\xd2\xa4&lt;'</t>
  </si>
  <si>
    <t>b'\x1a\xd2\x1e25\xbd\xa2\xad*\xd5\x00\xf4$\xd8\xde\x98\xc7\xe6\x19\x01\x89d8\xabo\x80\xefV3\x0f\x88\x80'</t>
  </si>
  <si>
    <t>b"\x18\xca\xc1\xbc\xb6s\xd5n[\xd8\xe5\xaftv\x9a\xa53\x1cR\x18\xda\xd3\xde\xab\xcau\xce'\xc4\x7f$g"</t>
  </si>
  <si>
    <t>b'\xe6\xc3*-\xec\x12#(xN\x0cD\x04\x13\x11v\x116\x83G\x98\xfaF\x85\xae_6\xf6`\xb6\x07\xdc'</t>
  </si>
  <si>
    <t>b'\r\xd9\x83\xb5k\x7f\xb2\xda\xd9\xd7\t\x11\x1d\x9d\t\x8f:\xd3\xe4\xae]-\x83k\xfc\x04\x10(b?\xe6\x9f'</t>
  </si>
  <si>
    <t>b'\x9f\xb5\xe8\x9aIC\x0b\xc5\xb8DL/ X\x8dwX"\xa7\xa9\xb2\x7f\x9d\x9c\x1d3\xc8!a\xf0\x1b-'</t>
  </si>
  <si>
    <t>b'\xfe\x810\x84\xcf\x9d\x02s\xdb\x999\xab5?*\xf1`\x8fZ\xa9a\n\x8ar\xc7\x83\xb8\x18\x0f\x1c\xab7'</t>
  </si>
  <si>
    <t>b'\x7f\xd3\x1e\x10\x1b\\\xe4C\x91\rY\xf2\x93\x83P\xa3\xaf\x7f6\x1f\x80\x9e\x96\x81,\x0cA\xf7\x9fte\xd3'</t>
  </si>
  <si>
    <t>b"f|\xa4\xfc5\xe1\x92\xc4\xbb\x00\xae\xb8\x9e#z\xc6\x87\xba'Z\x0eu\xa1\x93\x8f\x0c\x8b\xbe`\xd6\x05\x1b"</t>
  </si>
  <si>
    <t>b'\x7f{\xff1\xbc\xf66\xc8\x02b\xae\xb7\x87\x05}\xec\x8d\x0c\x9d\x819w\xfc&gt;T\xf4cN\x11\x8c^\xf7'</t>
  </si>
  <si>
    <t>b'X\x9e\xd2\x9f\xba\x8f\x10\xdb\xac\x15&gt;,\xa1\xa5\xb0.f\x1b\xbe&lt;\x16\xc6\xb3R\xa5p\x12\xce\xc5Gk\xc3'</t>
  </si>
  <si>
    <t>b"\xf8\x87{\x91\x15@\x90,7\r\xed\r\xc9xGB\x97\xd9\xec\x85 \xd1\x17\xbfm\xed\xa2n'\xc9\xdd\xce"</t>
  </si>
  <si>
    <t>b'{\xa1\xc7\xa7\x17&lt;\xa7\xd9@\x08\xe1\xd5\xaf\xc7\x93\xcf\x9d\x83\x10\x10\tR&gt;4\xb6,\x0e}c\x99\xbe\xa5'</t>
  </si>
  <si>
    <t>b'S\xcbB[\xe0c\xd7.\xdd\x1b/l?\x15Ti"\xd3\x1c\x8ai\xd4S\x81x\xa4\xc7\x96{\xa8F\x8a'</t>
  </si>
  <si>
    <t>b'\xd1:\x02\x9c\xf3\x18r\xc4\x17\xd3%3\xce\x17z\xc5\xea&amp;\xff\xfe\xde\xd4\x85\xcaDL\x07k\xe8y\xfb\x86'</t>
  </si>
  <si>
    <t>b'\xdb\x9ce|\x1e\xaf\xc0-\xbbH\x7fJA\x86\xb7\xd6\ta&gt;\xc7\xaf\xcaW\xc4\xee\x97\xee\xc8Ina\xbc'</t>
  </si>
  <si>
    <t>b'\xf7\x05\x96Z\xca0rl\xdbs\x9d\xd7*81\xf0/\x19\x03\x91\xb1Tu\xed\xc6\xae\xa8r\xe5*\xf8\xf1'</t>
  </si>
  <si>
    <t>b'\xf8\xe4_\xf9\x9b\xe4/\n \x93\xc25\xb3y\x02N\x01;\xc6\x90T\xe0\x9c\xf0\xbbt7\xe8\xc5\xc1\xa3\n'</t>
  </si>
  <si>
    <t>b'a\xe0\xd82DS4\x03\x13X\x87;N\x05\x9f\xc2#\xcb\xb7\x94\xc0\x94\x05\xd3\x8e\x80\x0c\xdd\xe5\xa5"\x93'</t>
  </si>
  <si>
    <t>b':\x97+\xfb\xca\x06[\xd6\xd5\x9ce\xb9\x8f\xdc\xf1\xfe@\x1a9T\x86\x95\xf4\xff\xe62\xac7W\x9a5\xa9'</t>
  </si>
  <si>
    <t>b"!\xd3\x12\xee\xd3\xb8\xd5\xc9yF&lt;r\x16\xed\x030l\xb4\x16N\xf1%\xf1\xe0\n\xdd'\xae\x13\x1c\x87\x89"</t>
  </si>
  <si>
    <t>b'(\xeb\x1euB\x90/\xfb\x84&amp;\xd2}~vS.\xe7jd\x10\xd0(_&amp;\xcf&lt;.;\xec\x1f\xbb\\'</t>
  </si>
  <si>
    <t>b'\xb2B\x8a\xa1V6\x0f\xcf\x0c\xfaN\xaf\xd0\x95Y\xbaq\xfc\xaeh\xa0\x94\xf8&amp;\xb3\xf3\xdc_/$\x82\x85'</t>
  </si>
  <si>
    <t>b'N\x9e_\xf8\r\x8a\x03\x16=Hcpz`\xbd[r\x11\x80\xf6X\xd9\x89N\xdd\xafU\xb70\xec\xca\xf1'</t>
  </si>
  <si>
    <t>b'T\xd2\x89\xe1e\xf8\xf9\xce\xbe9\x1e*\xb2t\xfc\x1d\xfes\x1c\x83\xb1^$\x02\x8a\x84mI\xff\xb8\x80\xb1'</t>
  </si>
  <si>
    <t>b'},\x95\x81[\x1a\xef-d\x11\x183\xd3\xb0\xbeT\xdcU\x1f\xc6\tQ\xa6G\r\xf6v\x1d3\x9e\xe9q'</t>
  </si>
  <si>
    <t>b'6i\x0e\xe7\xc4R\xdb\xf7o\xd4%k\xf7\x18\x0bEM\x06\xb2\xfc\x17\xe8c\xe9\x06\xf4e`\xb2\xe1\xb2\xa8'</t>
  </si>
  <si>
    <t>b'4\x94\x1cs\xce\x1d\x16\xdaI\x8a~\x7f+\xc0\xf1\xb6\xfd\xac/O\x93@\x9aO\xe8\xc6\xba\x9f\xe22#\xbe'</t>
  </si>
  <si>
    <t>b'h\x89\xb8+m\xfbI\xf3\x03 ^\xb3$b\x9e\x1c\x96Rr\x8elE\x8a]\x08&gt;\x1c\xbf\xf4R0J'</t>
  </si>
  <si>
    <t>b'\x08\xd1J\x1d\x91\xbe\x0c\x8d\xd5B\x04H\x94\x9aA\xe3\xdd~\x83)x5/Jye\x99\xbd\xcb\xb6\xd3\xb2'</t>
  </si>
  <si>
    <t>b'@\xe4I\xe4\xcc\xe4&amp;St\'\xe0\xfd\xa5y\x14\x87\x80\xc89\xc7\x08\x8fA(\x81\xd8;\xfb\xbb\x99\x9a"'</t>
  </si>
  <si>
    <t>b'\xee\xb99\x1fpm\xafi\x9c\x15\xa8E\xa5)Y\xc6\xe3\xc8&gt;\xc1p\xf1\x8eB_6\xed8\x1bt(W'</t>
  </si>
  <si>
    <t>b',\xe0\xf6&gt;*\xb6\xa6\xb5Z\xc0\xce\xca\x89\xcbf1\xc1\x9e\xab\x18\x1d\x8e\n\x8a\xc6Q\x90\x19\x14\x8a\xddR'</t>
  </si>
  <si>
    <t>b'9\x8f\xa5YW,\xbc@t5\x11\xcf\x9b(\x8b\x07\xe2\x16\xeb&gt;\xdb\x99\xfe\x97#&gt;\xa4\xee#\x92\x17\xf1'</t>
  </si>
  <si>
    <t>b'\x13&amp;\x138\x1bV\xd3\x05D:_\xf3\x91b\x9c\x1d\x86\xcc~B\x17\tg\xa6m?W)m\xa6\x90\xde'</t>
  </si>
  <si>
    <t>b'\xd1\x11\xa0\x8e\x81\xf5&gt;\xdb\xa4\x8a+\xd2\xd8\xf5#}\x84z1#\x13&lt;\x18\x00\xbd\xa6OOj%\x15_'</t>
  </si>
  <si>
    <t>b'\xf1a\xb6\x8a\xf3?\x14.*^\xf3\xc6\xe6\xcc`8beYU&amp;\xcaX+=\x82\x10r\xe0\xe0\xdco'</t>
  </si>
  <si>
    <t>b'\xb0\x14:0t\xf7\\{\xc6\xc3\xee2f4\xfa\r\xbd\xa1\xb6l\xa10F\xa6+\x7f\xa4{\xfe6\xa1\xd8'</t>
  </si>
  <si>
    <t>b'\x7f\xc4\xa9\x9f\xfa\xdcd\xcb\xd8q\x99{0\x9c\x1d\xee\x8dvq\xff-\xdd\x86&gt;\xfd\xae\x89A\xd7jDU'</t>
  </si>
  <si>
    <t>b' \x0c\xff\xbf\xcb\xd0\x99\xb86K\x99\xf2\xc9K\xca#\x1f\xab\x82\x85Q\xbf\xe3l\xc9\xc5T\xa5M5\xde\x84'</t>
  </si>
  <si>
    <t>b'\x8f?\xb2.\xc9\x9b\xf2Z\x9f\xcct0L\xd4\x8f\xe7\xe3\xf2\xb0g\xf8\xc2]\xfel\x88c\xc3\x8f\x904\x80'</t>
  </si>
  <si>
    <t>b'E\x01\xf3Q\xac\n\xc5s\x8eK\xc3\x84\xf2\xf3\x83U\xac1\x13\x08$\xc3(\xf3\xa8\x892\xb8\x8c%~\xc2'</t>
  </si>
  <si>
    <t>b"\xf5P:N\x0b\xbc\xab\xfe\xb2e\xcd\xd6\xc3\xdfTk\xe1I\x8d\xd4\x03\xd1\xe6\xa8'j\xaa\x08\xd0\xba3}"</t>
  </si>
  <si>
    <t>b'W\xc0\x9f\xedq\xcd\xcd,\x93Z\xda\xb5"\xc9\x1d\xdd\x1c\xb9\xa4~\t\xf2\x9c\xde\xeb\xd5\x8d\xf7\x02\xe17\x18'</t>
  </si>
  <si>
    <t>b'\xe3\xa6\xdd\x04\x9e\x05\xf9\xa0\x85\xda\x84~\x98u/\xafHHL\x1c\xe5\xfc5} a\xd4\xfb;|\xd4|'</t>
  </si>
  <si>
    <t>b'\xb1\xed\xda\xda?\xd7n\xfaR\xb8\xf4R\xa7/M\xa7\\\xf3\xc5V\x12\xe1S\x12\x02\x82\xf3\xc1s\x15\xd8\x01'</t>
  </si>
  <si>
    <t>b'\xa8\xc9\xe2EL\xcc\xac\x19M#S\x95\x8c7,\xe0\x0e\xd2MD\x15\x8a\x93~]v\x044\xdc\x0f\xefk'</t>
  </si>
  <si>
    <t>b'&amp;{\xb7\xa4\xbaG\xa8`HX\xb7\x11\xe7\xedZM\x8d\xbd\n\xf4\rz\xb6\xd9^f\xab\xdf\xd1\xce\xad*'</t>
  </si>
  <si>
    <t>b'\x04?6c{.\xba\xac\x04\xd8\xc1\xd5E\xbaN\x81d\xd0\xa7\x8a\xef\xe3q\xafG\xc3\x10\x11\x19+\xf7\xf8'</t>
  </si>
  <si>
    <t>b'Z\xf6\x85\x88\xe4\rF\xa7\x1d-\xcc\x1d\xbd\x0f\x8c\x82[L\xdf?\xb1\x8b%\x8fk\x80m1p-\xb6\xea'</t>
  </si>
  <si>
    <t>b'\x06cJ\x84\xf5(\xdb5\xf1.V\x008\x07\x99\xbc\xc1\xec.\xad_\xf2\x93Q\x8c\xb2/\xbfOE=\x90'</t>
  </si>
  <si>
    <t>b'\x8e\xc7\xc1\x9e\xcdj\x82\xc5@\xfe\x92\r\x1f\xa2\x0f&amp;\xbe\xfb\xcd)[\x04-\xa2U\xff@_\x1dm\x1f\x1e'</t>
  </si>
  <si>
    <t>b'm\x86\xf72\xe7\xabN\x938\x92\x80\xb1\xaf\n\xf2\x8d\x80\x9a\xaaqAC\x06\xe4\x07W{4\xfe\xa2\xfb\xa7'</t>
  </si>
  <si>
    <t>b'-F!\x18qi]\xaf_\x13\x95\x05\xc3G\xfa\xf7\x06\x97\x9a\xf0}\xfb\x07\xa8\xd5\xb9\x0b\xf3u\x1c\xd0l'</t>
  </si>
  <si>
    <t>b'\x10\xdc\xd1\xd0*o\xb0\xd1}t\xc5\xd6\xa9\xa9KvkR\xdb,)b\x94(\xad\x13\x00|\x8d\x82t\xb9'</t>
  </si>
  <si>
    <t>b'`s\xb4o\xdeu\x86\xb9B8=\xb1"\xf5\xff\x14\xbc\t\x91\xa3\xcc\xe4\xab\xa8_\xb2\xc4\xdc\xce\xe2\xb1\xf0'</t>
  </si>
  <si>
    <t>b'\xd9\xbe\xc3\x96\xdf\xa24=\x916ke\xd3\xcaEn\x00G2\xc7\xee\xe4dC\xe9\x1cQ\xe1\xbe\x87\x81\x19'</t>
  </si>
  <si>
    <t>b"c'k~\x85p\x96\x8e)d=\x8a\xc3\xa1c~\xb7\x81\x19\xf7\xbf[\x80lI\xd7\x8fqe\x8b\xd9\xf1"</t>
  </si>
  <si>
    <t>b'nt\xc4+\x1a\t\x86T2\xef\xbf\x13\x9c\x00\xc8r\xb7\x94\xbc\x91\xd4f\x8f\xcc{\xf8&gt;O\x8dR3\xac'</t>
  </si>
  <si>
    <t>b'c|\x0f\xbc\xac\x17\xd3\x8e\xda%\xb8O~\xab\x80p\xa4\xfc|=\xa7\xb7\xf2C\x08j\x14f\x1b\x18\xed2'</t>
  </si>
  <si>
    <t>b'h\x04\xaa\x19\xcd\x8b\x93mwF!\xf1?X\xff\xa06gx\xd9\xa5\xf9\xfau=\xca\xb9t\xc9\xc4R,'</t>
  </si>
  <si>
    <t>b'\xf3\xf4\xba\xa58n\xb2\xb5!\xd8}h\x1c6^gt6\x85\x03\x96\xa2\xd9\x98\xa3l\xf1C\xe4\x02\xe4,'</t>
  </si>
  <si>
    <t>b'\x06\xa9I\xbc\xf1\x80\xe1b\x1bY\xc8\xcc\x03a\x7fX\xc4"B\xd7\xae\x0b\x13\xfa\xca\n\xaf\xe7t\x16A\x93'</t>
  </si>
  <si>
    <t>b'\x14\x8e,\x19M\x9dpHAw\x95\xc6\xc8\xab\xdf\xdb\xf6\xe0\xc04%\xab},\xb8_\xf6\x9dd\x9f\x92w'</t>
  </si>
  <si>
    <t>b'\x8e\x80E\xea\xa2\xad\xd2\x05\xf1D\xf3K\xdb\x1eC\xb2\xcd\xf6\xf8@\x0b\xab\xbb\x87\xd8\x92\x9f{?\xf4si'</t>
  </si>
  <si>
    <t>b'\x0b\x19w\x02\xd0\xf1\x8d\xf1\x9fU\x97\xf2\x17A\x04\x99o\x14\xa7\x02\xed\xfc\x85\xfc\x9f&gt;\x00Fg\x9b\x12~'</t>
  </si>
  <si>
    <t>b'\x1d\xf0\x9b\xa2(\xa6I\xber\xd4\\.\xf3a\x1cAP\n\x82\xd7`\xeeB\xca4\xf9\x08~\x03,\x10!'</t>
  </si>
  <si>
    <t>b'\x8b\x06\xbb\xc6\xde2\n{I\xaaDd\xbaf\xbc\xba\xb0\x01=\xfa\x0f\xddp\xb7X\x08xp\xa0\n\x9f\x01'</t>
  </si>
  <si>
    <t>b'\x01\x01\xf5?\x1b\xa3|\xf1\x95\xf9w\x9e\xe1\xa7\x08:%\x7f\xb7f\x87Y\xdf\x8b\x05~B\x05 \xf6&lt;:'</t>
  </si>
  <si>
    <t>b'\x14&lt;\xf5a\xc3\x8aD\x0e&lt;k\x0cm!\xdf?\x19v\xa6k\xb0xa\xdf\x81\x8e\x02&amp;\xe4\x12\xb6\xb1y'</t>
  </si>
  <si>
    <t>b'\xb5\xaa\xa8\x84~;\xbb97z\xc1Ge\x1d\x13\xce1/\x8d\x98q\xdcF\n\xc2\xac^\x1a\x04_\x03X'</t>
  </si>
  <si>
    <t>b'i\x131\x04\x17\xf9\x15\xaeFu(\x05\x99\xe0\x966\x85NI\x955\xaf\x02\x18\xb0\xe0\xa1\xbcl\x10;v'</t>
  </si>
  <si>
    <t>b'\xac\xf7nb6z\x8b\xd0\x8fT\\Y\xa0\x1f\xe9\x95\xd1\xd0\xe7-\x89\xbe\xf6\x01\x91\xf36C\xe1\xde\xd7\xba'</t>
  </si>
  <si>
    <t>b'T\xfd\xc0P\xeb\xfa\x06\xdf)5p\xc5\x94\x0e0\x00\xc9\x03^\xd1*\xd7\x80\x1e\x01\xbd\xcb\x89\x16\x1a[\xce'</t>
  </si>
  <si>
    <t>b'"\xe0a5\xcd\xc6\x1fU\x8d\xa5\x02+IJy$\x18\x04\xa9\x1f\xdbu\x04\xa6\xbd\xde"\xe7}\xb1\xa0\x05'</t>
  </si>
  <si>
    <t>b']f40\xad\x1b\x0b\'/A\x9d\x06\x90\x89\xd4\xf2S\xdd\xca8\xa3\xc7\xda\xea\xb3\x98\x1b\xa5"\xb8\xba\xde'</t>
  </si>
  <si>
    <t>b'\x04\x1c\xd6\x8c\xad\xa2\xce\xd0+\xe5\x9eXM\xc7\x89\xc5\xcd1p\xb5\xd0\xa9\x84\xed\x876K\x83l\x8d\xe4D'</t>
  </si>
  <si>
    <t>b'nr\xf9\xf1\xaa\x89\xc4E\\P\xcc?\x1f\x91A\xb6\x9b\xf6\x11\xa7Q\x83&gt;\xb2\x89\xe8\xf3\x8d-*w:'</t>
  </si>
  <si>
    <t>b'\xa3\xe2o\x91\xaei\x15&gt;/\x93VA\x8b\xd1\x85\xd7y\xe5\xdf\x1cR[\x1cS\x1dv y\xd4c|*'</t>
  </si>
  <si>
    <t>b'\x9fG\xa4Q\x14\xa93\xfcy\xec\xd9\xa9\x08\x7f\x7f\xbd\xb4\x1ak\xae\xe3%/z%\nJd\x05\xb7w\xcd'</t>
  </si>
  <si>
    <t>b'\x8c\x1c]\xb6y\xd5@\xa3\x93\xa5\x91\xa3t\xd8\xd3|\xb3\x84Nz\xcd\xd1C\x87\xf3e\xdfe\x13\x01\x7f\xb3'</t>
  </si>
  <si>
    <t>b'T\xc0P\x1dj\xf9\xae\xd7\xda\x90\x8fb\x8f\x11\x9ca2\x07\x0f\xa6\xbe\xb6\xd99\x97%\x11\\\x85mJ\xd0'</t>
  </si>
  <si>
    <t>b'\xcf\x0f\x82T\x98\\\x8e\xec\x90%d\x83\xaeT.;\x94@\xd2E\xc2\n+\xaf\xbe+\x99\xb6e@ZQ'</t>
  </si>
  <si>
    <t>b's\xb8\x8fL\xd0\xafc{\n\n\xd5)\xd2eb\x84&amp;\xd2\xed\x08k\xbd\x160\x12\xc0\xa3\xd8\x9de\x92\xf7'</t>
  </si>
  <si>
    <t>b'"\xee8\xda\x92\xbf\xc1z+\x8b\x83\xebg\x99\xfe\x9f\x18\xbd\x81\xdf\xd3\x88\xad\x92\x85t\xc4\xec\xd7\xc1J:'</t>
  </si>
  <si>
    <t>b'\x99\xa5Iv\x86\xa8z\xbb@\x1b\xfc\xaco\x0f#S\xa8_`\xd1\xb3E_w\x81\xdf\xc3\xd2\x9d\xd90u'</t>
  </si>
  <si>
    <t>b'\x822r+Q?\x95O} \xf8\xe0-\x9eS\x8f\xfe\xeai0\xfb\x06\xd9DU\xa0j\xf9a\x143n'</t>
  </si>
  <si>
    <t>b'F\xdd@\x8f^\xc5X?\xffpdg\x83\xe9^\xe6\xa8St^\xd3\x03\xb5\xceR\xad!\xf3|\x18\x18\n'</t>
  </si>
  <si>
    <t>b"%\xc2\x93\xec\xdcHE\x98@\x87jf\xd9\xe7\xccPi\x9cT\xa0\xef\x9c;y\x8c'L\xe4-:\x026"</t>
  </si>
  <si>
    <t>b'\xfa\xc2u\xdfp\x1a\xdeb\xd4;V\xf0\x0e\xb6\xb4\x19\x15/ F#\tx\xb5\x11\x98\xf7V\xde9\xc8\x86'</t>
  </si>
  <si>
    <t>b'\r\xae\xef\r\xd4&amp;a~\x03\xe4\xb0\xc5\xe1\x8a\r\xe9i\x18s,\xd8\xd7\xe9\xd9\xd0\x04\x1ae5\xdb\x06\xb0'</t>
  </si>
  <si>
    <t>b'Zq3\t\xa7\t\x7f\n\xc4\xd4;\xcb\xa0\x88\xac\xda\xbcb\xe7\x8a\x9c\xf7\xddpc\xa7\xc1ie\x805\x9f'</t>
  </si>
  <si>
    <t>b'\xf5\xd6\x9b\xdeW\xdfx\x179ba\x98-\xb8l\xb4\xa9\x88\xce\xab\x19\x1d\xae\x04\xca\x87R\xd3\xa1\xd6\xc6\xd8'</t>
  </si>
  <si>
    <t>b'\x90\x8d\xbc\xd2N\x9f\x1f\xdf\x86g,\x01v3\xfb\xb2\x07\xe2\xde\xf2\xf7\xba\xdf\xbcR\xe7\xca\xc6\x99\xd9\xa5\xb0'</t>
  </si>
  <si>
    <t>b'\xdb:\xcc*\xbd,\xbf\x96\xffx\x9a\xf8\xbbG&lt;[g=\xc0p\x08\xa0a\xe2\x17\xf7\xb6\x080\x1c\xc6D'</t>
  </si>
  <si>
    <t>b'L\xa8_ax\xf0\x89\xc5D\xcd\x03\x07\xaa\xad)H\x7fYQt\xbe\x83lC\xa8\xf9\xdc\xfcYY\xebQ'</t>
  </si>
  <si>
    <t>b'\r`c@{v\xf9\xc1`~\x99\x1b\xf3\xda\xd7[c\x99\x83\xe4x$\x05\x0cr\xa3_\xc9.(o*'</t>
  </si>
  <si>
    <t>b'\xd5\x19\x14\x93c$\x90\xf9\xe9~\xe3k\x84,\x1ff\xaaV\x89\xf9??\n\xbd@\xa84\xae\r\x16%%'</t>
  </si>
  <si>
    <t>b'4z\x13\xc7\xe4\xea\xa6\x1c\x951\x11\xd8Lg}|\xc5\xebH\xba1X\x88S\xef\xaf,fT\xa3A\xb1'</t>
  </si>
  <si>
    <t>b'\xffB\xf4\xe4\x8d\xea`A\xaa,k\xa3\x1aW\x9c\x85\x91\x11\xc6\x1c\xfbk\xb8\t\xfat\xb4\xba?g\xe01'</t>
  </si>
  <si>
    <t>b'8\xf8\x82\x059\xec@\xbb\xda\x129\xfaa\x89\x13\t\xddl\xfe\x0e\xa0\x0e\xe3\xf9\ta\xa7@\x05\x9b\xfc\n'</t>
  </si>
  <si>
    <t>b'\x06\xc0h\x0e\x9b0g\t\x9aU?{\xbes-\xdc\n\xd5s\xeba\xc28\xf3\xd0\x85\x19F\xff\r,\xf8'</t>
  </si>
  <si>
    <t>b'\xcc\x1d@\rM0r5\x16Z\x12\xfb\x1fo^\xed\x96\xcc)\xf8\x821\x08&gt;\x1d\x9d\x04bj\x97O\x9d'</t>
  </si>
  <si>
    <t>b'\x14\x19V)\x99\x85\xa3\x8f\xd1\xe6\x8f\xf0\xc8\xe6T\xd8ZN\xb9W\xc82\x81R\xf6\xd9$\\\x8e\xaa+\x99'</t>
  </si>
  <si>
    <t>b'\xe2\x8f\xb4\x90T\xa6\x89\x82\x0e\xc1#\xcf\x0b\x9b\xea9Ftd\xcd"\x1d\xde[\xf0\x80D\xa0\xfa\xdd\xba\xe4'</t>
  </si>
  <si>
    <t>b'\xad1\x15x-O\x17\x1a]_\xa0$\x92G\x92\\(\x15E\xd2\xc3\x13\xca\xeb\x06T\x96v\xa6\xdc\xadj'</t>
  </si>
  <si>
    <t>b'I\xdc\xfc\xb4\xe5\xf0\x85\xad\xb7\xec\xa0)\xe5Kh\xf1\xa7]Q\x0c\xe1\x99WZi\x1f\xe1x\x04\xf4\x87\t'</t>
  </si>
  <si>
    <t>b'\xf6d\xba\xe0\xc9\xdf}\x0bA}=+\xf8\xad\xc8\x99\xd5)\xa7\x07]\x8b\x1b{\xdf\x9e\x94\x1f\xa8~6\xa0'</t>
  </si>
  <si>
    <t>b'\x84#\xe2\xd1H@\x04\x8bU`\x86\xb37\xab\x07u\xf88\x19!&gt;T\xe5\xc8c4\xa9Q\xa6\xa74\x03'</t>
  </si>
  <si>
    <t>b'nBH$\x10\xa6\x85\x9b\xd0\xff\x03\x93\x02\xf2\x971\\\x1b\xbd\xb1B\xb4\x15d\x9c\xcc,L\x0f\xf5\x9f&gt;'</t>
  </si>
  <si>
    <t>b'\xf7&amp;q\x03\x8ad\x12\t\xee_\x8f\xf2\xb7\xe9\xc0\xf9A]mxU\xcf\x87\xfd\x08\xe3W\xbe\x97\xb7V\x96'</t>
  </si>
  <si>
    <t>b'\xe7/XYK\xce&gt;\xc1h\xf5\x9d+4\xc5\x16\x12\xd6\xfa\xd5I\xba\x82\x05A(\xa5R\xb3\xbb\xc6\xc7`'</t>
  </si>
  <si>
    <t>b'o8~\x9d\x02\x8a8\x9bY\x05\x02\xb9\xd4&lt;\xc3\xe2x\xc3\xf2\xc1\xdc\x17&lt;YR\xe3\xc1\xc6\xc3\xf3tN'</t>
  </si>
  <si>
    <t>b'S?x\xca\x95\xedH\xbc&lt;\xe4\xdf\xe5\xaf\x9e\x11\xb7\xef\x8d\xd0\x8d\x93\xcb#b\xfe\x15\x7f\xc8\xe8D\xc1\xa2'</t>
  </si>
  <si>
    <t>b'\x9b\x02s?\xce\xfb\xf9[\x18\x0c\xc2]\xcd\x85\xbf\x08!f\xe8\xd7\xb9\xf2\xc6\xf2H\xb6$ov\xfe\xb8u'</t>
  </si>
  <si>
    <t>b'$\x95S\x0e\xf3E\xc4\xfeR,{\xea\x0euJ\xec$&lt;2%&lt;\xbe\xa2\xcb\xd6\xd8\xe3\x8d)}\xf1\xec'</t>
  </si>
  <si>
    <t>b'\x81l\x03\xacj\xea\xfaB\x06\xbb\x8a\xaa\xed\x7fQ\x9a\x14P\xba\xcch}\xb9\xc4H\x19\xb5\xd9\xa2\x9d\x11\xd3'</t>
  </si>
  <si>
    <t>b'\x13&gt;\xee\xd7\xeb\x95\x15\xca\xd4\x85\x01prY\xcd\xf1\x11V\xd5\xbe\x9c\xd7\xbd\xa0\xdd\xb7\x11\xd2m\x16!H'</t>
  </si>
  <si>
    <t>b"\x14&gt;\xa3q\xd6.'\xf6rc\x94\xd8\xf4\xe6)7\xff\xac\x95\xde\x86-\x96\x866\xcf\xb1&gt;73B1"</t>
  </si>
  <si>
    <t>b'IY\xdcg-\xf8\xd3\xf3\xcd\x04,M@\x19?/\xe5\xa4\xb7\xf6\xad\xfc\x8f\xf86\x05\t\xa1\x0c\xb9G\xb8'</t>
  </si>
  <si>
    <t>b'\xa7j0\xdf\xf4j\xa99\xce\x1f8\xb8\x88\xebe\x9d~\x88ze\xe4\x137\x174p\xd61\xe9C\xbb\x11'</t>
  </si>
  <si>
    <t>b'\xedBe\x17\x05\xcdZt\xbd4h\x17\x91p\x05\xe9\xcc\xa6mzek\x7f\xff\x19\x88\xaazZ\x1f\x8a\xfd'</t>
  </si>
  <si>
    <t>b'\xee\x83&gt;SR\xd9\xd7\xb5\xc0\xa1\xee\xc7\xd6\xe7\xc24&amp;/\xach\tV\xd9e\xf1\xab8GQZ\xf2\x15'</t>
  </si>
  <si>
    <t>b'T%\xab\xb8\x87\xfe\xc3\xa3m\x8a{\xb7c\xb5N\x8a\xe6\n!B\xad\x80\xd4A\xb4i\x08)\xd4\xe3\xe0\xbd'</t>
  </si>
  <si>
    <t>b'r\xb2\xc5\xb4\xbd\x02Tyk#\xa83Q\xc4\x1f\xb0#\xeb\xde\t]\x04q\x90i+\x90\x8a\xf3\xed\x83\xea'</t>
  </si>
  <si>
    <t>b'H\xbbb\\\xa9\x80\xbb\xef6n\xc3\xeei*\x13\xc5\xa6&lt;S\xc9\x91:\x0e\xc6\x94\\#4\xe0m\xea\xfd'</t>
  </si>
  <si>
    <t>b'\xf4j\x1eMA\xea%E\x7f\x9f\xc9\xc22As\xda\xb8\xd8\x08Y%-\xac\xf6\xe3\xcd\xa9\xef\xbc\xf8x\xcb'</t>
  </si>
  <si>
    <t>b'"x\xfc\xc6\x9f\xca^\x9ecX1\x8b\x0b\xeb\xbf/\xa3\xda\xbd\xc8=\x1f%\x91\xf0T\x98\nMB"\xb5'</t>
  </si>
  <si>
    <t>b'\x9e\xd7\xb52\x85gY\xf8\xce\x00\xffc\tz\x03\xbd\r\xb9d\xd7\xa0J\xb9m\x14\x8f@\xad\x94\x15c\xbf'</t>
  </si>
  <si>
    <t>b"6\xe3j4\xbd\x07@\x84\xe4\xbb\xf1\xcc^b'\xa1/DH\xa6!\x15\xcf\xff\x04`\xfa\xe3\x88\x87.\xae"</t>
  </si>
  <si>
    <t>b'f\xbf\x02 \xf6 \xcfv\xf5"\x07\xf6\x1d_Q \xe7\x96\x9a\xce\xb51\xe0\xa2\x82\xb4\x8e0s`\xa2\xf0'</t>
  </si>
  <si>
    <t>b'\xe7\xf0\xce=C\xc6\xd7\xa9\xc2\xd5~K\r\xfbY\xec\xdd\xa0\x05\xc7\x91U/\xa5\xc1\xc4\xe3\xe7\x1fhL\xd9'</t>
  </si>
  <si>
    <t>b'Q\x12\x184\x82"\x84\x848\xa6|\x0e\xc5f7\x11\x0eM\xa0\xd4\x8db\xda\x1e\xef\x90\xc5?\xd8s\xf6C'</t>
  </si>
  <si>
    <t>b'\xaay"U\xa8\xed\x04\xa4\x8f\x9d\xbb\xe6Z\xa6C\xbbA\xef+ZB\xfer|\x87\x1a5\xba\xe3\xb3\x08\xf9'</t>
  </si>
  <si>
    <t>b'n\xf8;\x13\xfe=5K\x0b\xdf\x0eK\x90Jr\xbb\x00\xeb`\xf1\xcc\xe2\xc6\xed3\xd6\xa3n+\xf25;'</t>
  </si>
  <si>
    <t>b"^\xc8p\xef\xda\xd5\xc8\xca%!]\xc6\xec$\x95\x8cT\xb5?\xb4\xd1c\xd9\xb7\x85\xc8\x16\xb5\x02\x8e'\x0f"</t>
  </si>
  <si>
    <t>b'NYTL\x90\xc3\xf9\x89\xc2\x90\xc9\x8eA\xdds\x9f8\x7f\xb2y\xee\xab\x91OT\x05z\xb5\xff\xd0\xaf\xe3'</t>
  </si>
  <si>
    <t>b'\xa5 \xbc\xcd~\xc1o\xdbsN\xdf;\xc2\xa7\xbe\xeb6\xb3\xa5\xa82\xaa\x843j\x05\xdcX\xde\xbd\xdb\xaa'</t>
  </si>
  <si>
    <t>b'\xe7\xa7&lt;[%\xf4\xf3{\xfa\xaad\x98\x9aj\x02\xe0d\xb3\xc6&gt;\xc7-\xea\xca\x87\x1a\xb3\xd0\xe4\x91=W'</t>
  </si>
  <si>
    <t>b'!p\xf3h&gt;\xf38\\\xcf-:\xa9+\xcey\xd4?\xf4\xf9eTN\x81\xad\xa1?\xaf\xc0\xefE\x82\xaa'</t>
  </si>
  <si>
    <t>b'\xa9,u_\xbaV7L\x85i\xa3\x9eh#a\xa0\xaf \xb0\xc4a\x0c~s\xe4(\xdf\x16\x13g\x8f8'</t>
  </si>
  <si>
    <t>b'rjG\xf4]\xfc\x107\xbd\x1c\xca\x95\xc3J\x10F\xa1\xb6E4\xe3?(\xcdc\x9f\xd9\xc1\x05\xe9\x1d}'</t>
  </si>
  <si>
    <t>b'\x11\x85Z\xe1\xa1\x81\xf8\xd7\xcf\xa4?\x88\xe7r\xfbB]C\xc5)?\x94V\xa5g\xf7\x9b+*\xf8\xa8\x8b'</t>
  </si>
  <si>
    <t>b'\xba\xe2_\xd4\x89\x99\x9b\xd3\xb6\x9dkL(\x18\xad+\xf8\xe8Sm\x9cl\x84\xf2\x83X\xecs\x96U{\xb2'</t>
  </si>
  <si>
    <t>b'\x80i\xb2\x04rg\x85\xf5\x8c\xa6\xe2\xc8A\xd4\xe8\x14.\x06\x06\x12a\x07\xc2\xdf\xb4\tU\xfb\xb6\x91\xbe\xd6'</t>
  </si>
  <si>
    <t>b'\xc55\xfa\x02\x84\x9d\xc6w\xd6W\xbd\xc1\x9b\xc8\x0cs^\xdc\x08V\xfb\xc6\xab\x92X\xb7\xea\xfa\x8f\x9f x'</t>
  </si>
  <si>
    <t>b"cx',\xab\xbc\x16@1\xde\x17\x8c\x9a(\xc4\xd5O\x06\xfb\xca\xa0dI5\xacc\x96\x91\x17\rO\xa4"</t>
  </si>
  <si>
    <t>b'\x1d`\xe7S\xdf\xdc\xfc\xc1\xed\xf6\x87Z\xee};\xbd\xd5y/ \xe5\x17\x1c\x15\x85\x8d\x01eeWw3'</t>
  </si>
  <si>
    <t>b'\x9fX&lt;\xd4,Z\xd2;\xa8+P\x88\xd8k\x8f\x9b\xfa]a\x84\x13\x07 \x11\xac%Q\xa6X\x9a\x00l'</t>
  </si>
  <si>
    <t>b"]D\x17\xa8;\x12\xcf[Z':\xa5\x10\x83\n\xdf*\xb7\xd6k\xfb5\xf6W\x1a\x96R\xab\xf2vj\xc8"</t>
  </si>
  <si>
    <t>b'\xba&lt;\xed \x15M\x9dq0\x02\xb6\xb1\xad\xf8\x83\xe2\xd8\xc6\xa6\xfe\xbayW\xb5\x10\x05G\xaa\x03N\xfe*'</t>
  </si>
  <si>
    <t>b'\xf4\xb5!\\$Q\xc9\xc5;\x0e\xc0\xa6\x92{\x8dd\xd0\xb5]TF\x87\xba\x02\x8evq\xf1\xb4@\xc4\x8e'</t>
  </si>
  <si>
    <t>b'\n+L\x1c}\x03sG\x0b&gt;T\x1e\xa5\x11\xb7f\xa7m\xb6\xd6"/:\xd9\xb5\xc4\xba\xba&amp;\xf8nR'</t>
  </si>
  <si>
    <t>b'\xa9bP\xa8\xd3\xd8\xe9\x1d\x03\xe9\xf1G!\xe6\xec\xce!\x83bC\x88\xb0\xd1\x17\xab\xc6\xa2\x90\xbe_@e'</t>
  </si>
  <si>
    <t>b'S8\xe1\x1co5\x9d\xdb\xf3\xe9\x08vS|y\x1d\xb5&lt;;cd\xb2\xe1\x06\xda\xadC\x96\xf8\x15\x04M'</t>
  </si>
  <si>
    <t>b"J\xd8\xd2\xf0\xfe\x12\r\xd8\xa4,N\x89M\xf9\xedL\xa4l\xf6\xe2\n\xc2\xff'\x17\x95&amp;\x91]L9R"</t>
  </si>
  <si>
    <t>b'\xb5Bk\x9d\xe0\xd2"\xc4\x8f\xe1 0|\x11F\xe6S\x9b&amp;\x92\x86\x08NV*\xda\xf7tV\x8b,\x91'</t>
  </si>
  <si>
    <t>b"\x0e1T\xcd\x08\r\xcc\xdb@\xfb\x88\r\xde\x178\xb0\xebT\xb2~\xa5'\xd3\n\x01z\x02\xe5\xc7zS+"</t>
  </si>
  <si>
    <t>b'U\x81\xad\x84l\x9a,\x04\xc9_G\xb1\xa3Snw&gt;\xac=\xc9\xac\xa2/\xa2\xd6\x05\x115\x99\xae\x93N'</t>
  </si>
  <si>
    <t>b'F\x8f\xd0\xed;\x9e\xaas\xd1d\xecn\xe1!\xc5\x1a\xd6\x0c\\%73{\xa2\x069\xc2\xaaE\xc8\xbf\xcf'</t>
  </si>
  <si>
    <t>b'\xda\xb50\x85\x05\xaa\x84\x86Cw]\xe8\x02u^%\xfa \xd0\xcf6\xb7\x7fP\xe4\x82\xd8\xda\xf5\x11A\x1f'</t>
  </si>
  <si>
    <t>b'\xc1\xb4\x19\x05\x9e+9*\xadC@\xf2\x1d\xeb}y\xa7\xdc\xcf\xfa1\xa10\xa8R\xae\xa1\xa7\x1a]\xe6\xee'</t>
  </si>
  <si>
    <t>b'X\x8d\xd0\xf1\xb03\xe0\x1bu\x99{\xd3\xd92\xa6F&lt;\x90\x90M\xdf\x1d}\x8b\xddA\xb1\x01YH{\xd1'</t>
  </si>
  <si>
    <t>b'Z\x19\xa30j\n\x8c\xe1\x80\x10\xbd\xc2\xba\x1d\xbb;\t\\E2\xb30\x868\xe1:v_\x07\x9e^\x1d'</t>
  </si>
  <si>
    <t>b'\xac12\xda\x998c~V\x94\xd5\xb1\xc3r\xc4\x83\xd7\x19\xf1\xd4\xcc\x9f-\xb4\xba\x024\xa9:\x906\xef'</t>
  </si>
  <si>
    <t>b'\xf9R\xea\x95\xad\x82N\x9e\t\x98V\x15h\x12\xcb\x03\xb9?\x04\x06o\x94\x01\xbf\x07\x9e\xb4\xcb]\xa5$X'</t>
  </si>
  <si>
    <t>b'\xe0\x93\xdc\x0e\xfc\xb25\xa7\x93\xc3X\r\x99\xdf\xff\x0cH\x06@\xa9F\x18D+Dz\x08\xael\x9b\xe5^'</t>
  </si>
  <si>
    <t>b'\x80\xf7j*\x89V\xfb\xe5\xc9@\x89.\xad\x8c\x13\x98-S\xda\xe1n\x00o\x90\x80\xb6v\xaai\x1c\x03\xf9'</t>
  </si>
  <si>
    <t>b'\xa8t\x94E\x1a\xd6\xd9B!\xcd\x1dsz\x0f=\x84\xd99\xc0\x06\xf4\xf6\xe2\xc0NT\xe7i\xd3/;\x1a'</t>
  </si>
  <si>
    <t>b'\xc3.&lt;\xa1A\xd9&lt;\x18i4\x1c\xc6(\xa2\xd3\x1f\xa6\x10\x1c\x07L\x06\xb9=n\t^\xa2\x9c\x95\x90\xce'</t>
  </si>
  <si>
    <t>b'\x87\x1eLl\x00\x9a\x19\xaf,\x8bL\xa8k\xad\x03\xd0\xc3\xfc"\xac\x82\t\xb4\xf8\x96J6\xf40t\xa2b'</t>
  </si>
  <si>
    <t>b'\xad\xac\x91w4\xb6\xbd\x98-\x02\xea\xfcbF\xaa\x99\xfbc\xbe\xd3\x97}/vX\xea\xca\xea*\x84\x05\x14'</t>
  </si>
  <si>
    <t>b';\x12i\xcc\x90*K\x9aSmo\xb6\xadQ\xc3\x0egW\x05\x17\xf3\x0b}\x85\xe7nu\\q$\xe9\xae'</t>
  </si>
  <si>
    <t>b'\xc4,v\x94x\x9bVF\xd8\x95\xde\x1c\xd5\x86D(\x8a*j\x19\x10\xdc,\xcda\xd2\xfe\xa2\xae\x02l\x17'</t>
  </si>
  <si>
    <t>b'(\xf5f[Q{\xa5\x06\x07*m`#\xdd\x01qgS\\\t\x9e\x9e\xf9\xc0\x9b+9\xa5\xa5\x9f6\x94'</t>
  </si>
  <si>
    <t>b'\xca\xfc\xce\xed\xee[\xdcx\xaf\xd7\x19\x1c}\x1dD\xa2\xce\xbb\xd3H\xd0hl\xa7\xdf\x87\xdcc\xc3+\x91|'</t>
  </si>
  <si>
    <t>b"w\xc9N[\xe0\xdb\x84\xa0!\x17\xa5=\xcf0P\xb0\xf1&gt;\x08'P\x06\xde1(\xea\xee*\x86\xd3\xe5\x05"</t>
  </si>
  <si>
    <t>b'\xbdPa}U\xb2P\xef\xf5\xf92\xff\x18#J\xae\xe4\x07}3`\xab[I-\xd5\xbeI\xcf\xe0\xa5\xcf'</t>
  </si>
  <si>
    <t>b'#\x89\xdc}\xfcn\xc1\xb3\xf6\x1e\xa8\xe0)\xb4c1\xe7)\xd61\x13\xe2\xcf\x87\x17\xb2\x15\xeesx\xf52'</t>
  </si>
  <si>
    <t>b'\xf5\x1b\xe4\x10\x8e\xa8|j"+\x0c&lt;\x0e\xdb\xc41\x10\xa6X\xe6\xf1I\xfd\xe2Q\x0eh\xe0\x82\xceo\x10'</t>
  </si>
  <si>
    <t>b'-#\xcc\xaf3\x10w\x87w5\xcc\xf3\x06\x9e\x86\xf52\x0f\xb8\x8b!\xa071\xff\xf0\x83\x9aB4\xbc\x05'</t>
  </si>
  <si>
    <t>b'*\xdf\x0b\xe7\x92=\xa7.!\xa0\xe7*1\xd1N\x07@\xd0a\x08\xc0\xbc\xdc\xce\x9b\xee\x02\xd9\xe1\xf2c\x0e'</t>
  </si>
  <si>
    <t>b'_=\x9a\t"\x87}\xfa\x86k\xb0mT \xf3\xcd\\\xf4\x83\x0bx\xe9\x9dfu;\xd5\x0c\x81\xfc\x1a\x0e'</t>
  </si>
  <si>
    <t>b'XU\xad\x9e\xb0pK\x85\xe5t\x8b\x9f\xf7\xcb\x8c\x97\xc0\xf3@45\xa5\xa1\xe3\x07\x912\x9f\xe1&amp;\x0b`'</t>
  </si>
  <si>
    <t>b'#&lt;\x8c\x97B\xfa\xc9}\xafW\x12\xf7\x82X\xbf@\xe6\xe5\xbbY\x1b\xbf\xd1p7:N\xa2@t\xea\x0c'</t>
  </si>
  <si>
    <t>b'\xe3\xc7b\xa7]\xad\xc4L9\xb6\xc6\xe0$\xc0d\x08r\xfc\x87I\xe1\x8d\xa1\xb3\xff\xc8nC{5\xa5s'</t>
  </si>
  <si>
    <t>b'v\x8d!\xe05\x83c\x1b\x04/\x8b\x8b%=\x03-\xd9\xeb\xd4G\xcdR\xd0}(H\x14\xea}\xa2\x0b&lt;'</t>
  </si>
  <si>
    <t>b'\xb5w\xf8Mf\xd0\t8\x01\xe3\x99h\x96\xd8\xa7\xe6\x11\xde\x19)\xf0\xc5\x9aA\x80\xcb\xdc\xd9z\xd7\x1a\x0e'</t>
  </si>
  <si>
    <t>b'nI\xf0\xed\x8c\x07\x1f\x16L\xb5v\x122MH\x12\xfa\xb2\x0e9\xf8ad\x92]~\xb9NM\xd2%\x18'</t>
  </si>
  <si>
    <t>b'\xee\xa3\x9c\x9c\x01("_\xa9R\x86\x92\x01\xa3\x1d\xdb\xaf\x12\xb1\x82\xd3W\t:HTI\x032\x84\xa4['</t>
  </si>
  <si>
    <t>b'\xc4\xc4\xad\xbcW\xd3\x0c\xeb\xebr\xf3\xba$&lt;MJze\xfb\x19X\xb8/\xcdM6J\xeaN\x15\xfc\x7f'</t>
  </si>
  <si>
    <t>b'-\xb2\x13\xf3\xfc`\xa8\x19\xb1\xb27\xf0\x97\xc8\xc3\x18\xdf\r\xcf\n\xea\xb1\x93\xdd\xa1\x9b\xf6\xee)\x92.e'</t>
  </si>
  <si>
    <t>b'x\xb2\xf1\xa9\xd0N\x80$\xeb\xfbbI\x03O\xd1@a\x0e=\x07\x05rQ\x90\xeb\xe9\xa2\xfbK\x19\x8f\t'</t>
  </si>
  <si>
    <t>b'C\x00\xb7\x94G\xcc\xf4\xc0\xab\xa7\n[\x87\xcd\xb7\xfd\x90\xe6\x9b\xe7)\x0e\xa9\x12O\r\x7fuP-\rd'</t>
  </si>
  <si>
    <t>b'\xf2\x08Fph\xba(\xf8\xc3T]%\x96J\x84\x0c\x80\xa4-j\xe1\xb1\xff\xfaT\x1c\xdc\x04D\x0b\n\x1a'</t>
  </si>
  <si>
    <t>b'-\xce\x01\xc0\x18\xed\x9e\xd1\xe6/\xfc;1\xb6\xb8\xb1\x1b\xa5\xb2\xbc\xe5\xf4a2\x9b{\x01\xd5 a.\xb3'</t>
  </si>
  <si>
    <t>b"'\xf2\x17*\xd7\xde\x96\xe0\xa7\xaa\t+geO\x8d\xad\x89\xef\xcbX\xf0\xec\xd0Z&lt;?\xad\x86\x94\x99{"</t>
  </si>
  <si>
    <t>b"\xd1\x1dh\nl\xccD\xdc\xdf\x1eE)\xe0\xd68\xe3\x92\xb0\x8f\x85\x9f\x85\xda\xda\xa1\x87\xb5\xb3\xda'\x80\xe6"</t>
  </si>
  <si>
    <t>b'\xd6\x8bL\xc0\xbb&amp;/\xf9\x831\xf74\r\xb4\xc0U\xd5\xeahF~\xef\x8d0\xb2\x7f\x13\xdf\xd7tv\x89'</t>
  </si>
  <si>
    <t>b'k\x85J\r^($[\xa1+\x86_\xe2&amp;\xed5\x15\xf1\xb2\x0eF\xe5O*\xa7\xff\x03=X\x80\xa4:'</t>
  </si>
  <si>
    <t>b'\xa8\xe0X\xd3VxyH&gt;\xb2Q\xa6\xfa?y\x1a%+bI\xdcH8\xef\x90\xb6`M\x7f\xfccT'</t>
  </si>
  <si>
    <t>b'\xf9L\xfe\x07e\x95\x13\x1e\x93&amp;\xfbC\xe7y\x08:\xbd\x16\xd2\xd9\xa9\xd8/\x14a#\x0e\x11T\xfc\x1dv'</t>
  </si>
  <si>
    <t>b'\x9a\x8c\xfa\xbf\x0f\xb2\x08\xd8\xf6X\x97l:\xe5\x1e\xa7\x84\xfd*Y600t\xedf\xc2\xa4:\xea\xed\xea'</t>
  </si>
  <si>
    <t>b'\x88\x10\xc4R\x19\xbb\x02\xf8c\x7fX\xa5Q\r&gt;\xf2\xdeF\xb6\x1a\xd2V\xce\xa01\xca\xbd\x0e\x07\x1cLW'</t>
  </si>
  <si>
    <t>b'\xfbS\xa4\xcf\x05\x8c\xdf\xf7\xa7\xf6\x98\x9f\x7fK\x84\x04\xffR$\xe7^\xe6\x05\xb2\xcf\x12\xa0\xf3\x95\xa3\xab\xdd'</t>
  </si>
  <si>
    <t>b"\x7f\xa0\xdc\xde\xa4\xccz_\x96\xf5|\x8c\xd0\xe9H\x1f'\xf8\t\xaa)\xb7,\xd1+\xd3~[\xa5\x93\xa1\x17"</t>
  </si>
  <si>
    <t>b"\x9b\xc5\xebC]|\xa1\x13?e\xbc\x95^\xb2*\xf3w:'\xf0\xb8(\xcc\x18\xa5\x89$\rv\xcb\x14Z"</t>
  </si>
  <si>
    <t>b'\x9fl\x06\xde\x91X\xde\xf4\x7f\xa08)\xb7\xa0\x1b\x14^\x96\xbf\x82\xff\x988\xf8\xee\xc1V\xf8\x06\xb1CY'</t>
  </si>
  <si>
    <t>b'\x9b&amp;oIt/\xf9ALe1\xeeI\xf4G\xf6\xef\xb8FB\xae\xfd\xd7\xbfa\xc0\xd8j\xc5\x1e\x05 '</t>
  </si>
  <si>
    <t>b'\x83\xc5XS\xf4U\xaf\x9b\x174\xb2\x98\x9f$-U\x01\xb8 \xa4f\x04\xac\xb9\xee\x81\xc0\x8e\xfb\x99y\xaa'</t>
  </si>
  <si>
    <t>b'\xda\xc8c&lt;\xa5;\x0cZ\xcf4\x0e\x86\xa8rC;\xbfh\x96\xf9b\x96\xa5\x05\xfe\xb7\xc9\x8a\x82\xca\xc9\x14'</t>
  </si>
  <si>
    <t>b'Q@J\x94\x93\xb8`\xe9\xe4\xda\xde\xe3+\xf6S\xfb\x9f\x86\x1d\xfb\xfa\xab\x01\xe4\xd1\xcb\xc4E\xa4r\x1dc'</t>
  </si>
  <si>
    <t>b'|\xcd_\xca\xb9$YI{\x00\xc0q+\x87NwqB\xd6\x11rmi\xd0S\xb9\xc2\xcb2\x8d\xaa\x13'</t>
  </si>
  <si>
    <t>b'=\xb5\xeb\xcey\xe5\xdbt\x00z\xb0\xa5{r\x18\x99ZN\xb4O\x8c\xef\x8f\xef8*\xcbC\xa6\x88-\xe3'</t>
  </si>
  <si>
    <t>b'&amp;\x8aoD@"\xb8\\\x0c\x8b\x94Z\x83\xcd3S\x97\x1f\xe1\xedx\xfd\xa5\xff9\xc5d\x1e\xb1r\xa4q'</t>
  </si>
  <si>
    <t>b'\xff\xcey\x15\xe2\xeb\xceE\x1d[9\x86\xfb\x93\xb9\x88\xe4[\xd0y\xa9\xc7\xe7a$\x88\xc2\xe2\xeb0AR'</t>
  </si>
  <si>
    <t>b'\xcb6\xc8cm\x19\x86t\x97\xb10p\xb7\xd9:[\x9b\xa1\x8bo\xc9\x9ff\xcb!8\xc4\xc4\xb1\xa7\x8d\t'</t>
  </si>
  <si>
    <t>b'\xb9\x07C\xc0W\xcb1\xdbX\xec\xd6\xfeg\x8bD~\x19E\xf8\xa4\xd3\xe4i\x9eku\x1f\x0b\xe7\x86\xe5\xe1'</t>
  </si>
  <si>
    <t>b'+\xae\r\xc2\xb9f\xde\x17\xf5\xb2\x82\xa4\x82\xac\xb0\x1e\x9fa)\x90\x94k2\xb7\xc7?(x\xaf\xea\xe9\xc4'</t>
  </si>
  <si>
    <t>b'\x11\xa25\x8c^\xbbk5\x97\xb0r\xea\x93K\xc1\x95\x92Q/\xc4\x98\xf7\xb7\xba&amp;\xa1\xd0k\xaf\xe1\x12('</t>
  </si>
  <si>
    <t>b'\x17vY\xb7$\x90\xa5%\xeet\x8d[\x0fH\xd9~V\x8c\x86\x9d]\xb0\x0f\x08\x1a\xad\xb9r\xf4\x8c\xb2\x05'</t>
  </si>
  <si>
    <t>b'?/\xd5\xa7*\xb1\xb5\xa1\x97bt&amp;\x92\x12\xf0Ed5#\xd8\xb0\x16\x1d\xeco\xd0\x88\xb7\x9c0D\x07'</t>
  </si>
  <si>
    <t>b'\xad\xb6\x87X.\xed\x8e.\xe2i\xb8\xd6\xe9\xda\xd9\x1dC\xe7\xf4\xfcRb\x1d\xff\x0c\xf6\xa2\xb5\xe4V\xbe\xbe'</t>
  </si>
  <si>
    <t>b'\xdc\xd8\xdd\xa96|3\xb4\xa4pK\xae\xe3\x8d\x1a\xf0\x94\xd0\xa0\xf2\xb8Ey\x17,-\xf4\x17&lt;\t-\x04'</t>
  </si>
  <si>
    <t>b'\xd1\xfe6\xfe\xf3Z\xd8\xc60&lt;\xec\xe2\x84a\xc4\xf9I\xe5r\xdcV!`\xf1a\x17]\xd0R\xe3\x89\\'</t>
  </si>
  <si>
    <t>b'\xfc\x08z\x0b\xf7\x92\x9b\x8b\xcfC\xfe\xb2\xcd\xde\xa1\x11b9\x86&amp;\x9dC\xf2\x15Y\xce\xd0\x9dd\xaa\xcf\x1c'</t>
  </si>
  <si>
    <t>b'\xa3c\xcc\xbe\x82\t\xedfJ\x12b\xa2,\x0eU*\xb5`.\xba\x1e\xfeH\x93\xe3\x88\xccE\xc5\xf38\xb6'</t>
  </si>
  <si>
    <t>b'}t2\xdf[f&lt;\x036GP\xf7Y\xca\xf0K\x0f\xadQ\xe3u\xa3\xe6m\x9eW\xdf\xe7\xd2^\xed\xe0'</t>
  </si>
  <si>
    <t>b'6\x0f\xd3E\xd4\xc6D\xadC\xd6\xad\xd8\xddIav_\xa6\xd4J\xc7?|\x89\x193\xdf\\|2b\x99'</t>
  </si>
  <si>
    <t>b'\xa2\xb5\x88\x15\x17\x08\xf1\ro\x94\xedm\xec\xd50tp\xaf\xdd`\xa0\x95\x93\xdc\x1c|\xec\x8a\xee\xa9\xc16'</t>
  </si>
  <si>
    <t>b't!nH8\x18`\xc6\x1c\xf4P\x86&lt;\xe4\xbaa\rF\xdb!\xbc\x112\xb9\xd1\x84\xa5\x16i\xd0\xdf\xd6'</t>
  </si>
  <si>
    <t>b"\x00\xdf\xf2'\xd5\x92\x0b,h\x1d=1\x12\xc3\x10NL\xfc\xf5\x01\xa7\xd7Z\xad\x8dh\x9a\xc6\xfe\xab\xb9\xf4"</t>
  </si>
  <si>
    <t>b'\x0f\x82\xf3\xcc\xd0\xd2\x951U\x0eQ\x17\xdd\xbcm]\x97\xe4\xb8\xe3E\xae\x14_K\x0b\x17\xca\xbd\xba~\xed'</t>
  </si>
  <si>
    <t>b'\xc6\xf5Q\x05\xe2\xf4\xe0\xea\x87\xe9&amp;1\x17\xfcL=\xa5gU\xd0L&gt;X\x13o\x87\xb8u\x14\xb8Y\x14'</t>
  </si>
  <si>
    <t>b'c\xcd\xea!D*\xa0f[DLp \xfazZ\xf3\\\x05&amp;\x0b\xdcB\x95\x90y\x8c\xa7\xf7\x1b\xfb\x11'</t>
  </si>
  <si>
    <t>b'\x91\x1e\xe8W8#M\xdb\t\xb5%iQ\xa8K\xd3\xc0\x10\xbbT\x86\x13/\xc6\xaa*\x7fi\xe7H\xe1\xd5'</t>
  </si>
  <si>
    <t>b'h\xc9:\x8b(*]"\xa7\x9b\xa7\x0c\xae\xe8\xeeLQ]l\xde\r\xe4\x89\xdb\xc5\x81\xa3\x93\x08\xe6h\x90'</t>
  </si>
  <si>
    <t>b'\xcd\x04\x97]/r\xdcf*\xe9\xb9\xf0\x97\x13\xcc\xf1X\x98P\xe6\x9a\xce\x81+G\xb8\xf5\xe3\xd9E\xa7\xc4'</t>
  </si>
  <si>
    <t>b'6\xbb,\xc6\xb5\xff\nN\xaa\x17\x82\x08&lt;\xa9\xbd\xd37\x13\xab\xfe\x12\xffJ\xf4\xe9!\xd4\xa4\xa6\x82KY'</t>
  </si>
  <si>
    <t>b'Q\xd5\x13\xce\x11~S\xcc\x1c\xa2f\x02\x8c\xf8\x90\xd3\x13.;!"\xc0S\xd8Li&amp;%\xa2\x0b\xb5C'</t>
  </si>
  <si>
    <t>b'e\x96\xc4+\xe6\x98\x95t\x9be\xa8\x98\xb6\x9e\xb7\xcc\x91\xf3\x91\xd0\xad\x90@\xda\\\x00yW0U.\xf4'</t>
  </si>
  <si>
    <t>b'\x0fG\xfd-{\xfb\x85D]d\xc7Y\x9b?ZN\xac\xc7\x1f.\xc0\x91\xa9\xcc;\x0cV\xdfTW\xd9$'</t>
  </si>
  <si>
    <t>b"\xfe\x1e/p}\xad\xac\xf5\xcdd\xf81\x86\x8fz\xd9\x1c\xcbr\xfc\x9f\xdcDTw=\xdd'2:\x90\xfb"</t>
  </si>
  <si>
    <t>b'\xe0\x7f|\x9bT\xa7\xcd\xef\xb3\xdb\xb2\xfai\xd4\xe06\x018\xad\xbd\x0f\x07\n\xca\n\xd2 \x9b\xa6e8\xde'</t>
  </si>
  <si>
    <t>b'\xb3j\n\xb0\x87\x8f\xe7\xee\xa8\xbe\xdcH\x0c\xe7gS0\x05;\xef\xa8\xa0\xc8F&amp;\t\xfd\xe1\xc9Y\x18\xdd'</t>
  </si>
  <si>
    <t>b'\x1a\t\xc4\xb8\x0f\x82\xa8\xfb\xeb\x01\xa1\xc1\xae*yW\xb4a%\x11\x15\xe0\x07\xf1\x1b\x0c\xdb5\x9d\x144\xc4'</t>
  </si>
  <si>
    <t>b'\x97\xb2\xbbb\xe4\x07\xb1\xd2\xd7\xf8*\xb9\xe6D\xfa{l\xbf\xc2\xf5J\x01\xa1\nZ&lt;\xca\x17;f;\x0f'</t>
  </si>
  <si>
    <t>b'2\xdc\x9e:~\xa1\x8c\xbc_F\xc9\xd9\xc7\xb1\xde\xbf:i_\x00;\xa9\x1ago7\x1a\x16-\xa3\xba\x7f'</t>
  </si>
  <si>
    <t>b'b~\r\xa2\r\xe6q\xdb\x88Ly\xfchu\xb0\xc0\x92\rV`\x80\x84\xc5\xb9\x8b\xf6\xd6t\x8c\xf6!.'</t>
  </si>
  <si>
    <t>b'\xc9\xc02\x8dT\x84\x11\xaf\x10\x10~\x00+\xac\xf0\x00\x9b\xfa\xe0\xb2\xdf\x19$o\x1e\xe5\xfdF\xedK\xba\x9e'</t>
  </si>
  <si>
    <t>b"\xf3\xcf\xcc\xa5\xb4\xf7'\x1a3q\xff3G&lt;\xb0a\x08;X\xfc\xfa\xaf\xa8\x03\x8b\xda\x16\xb8`\xa30R"</t>
  </si>
  <si>
    <t>b"\xa1,\xdf\xb1\xe6\xd36'9Z\xa6zZ@\xec\xae\x11a\xb6\xd3\xc9\xc7\xea;\x12\x99\xf4u\xbc9^q"</t>
  </si>
  <si>
    <t>b'\x08\xca\x89\x1b\xf8;\x04\xa3\xaaM\xfa\xbf\x80\xa1\xbd\xa8\xee\x02\x8a\xf4\x12\x0c0\xeb\x86\xf5\x1eb\xf2\x84F\xc3'</t>
  </si>
  <si>
    <t>b'\xe3\xab\xc1\x85\xe4[UDj\x9f\x03r\x98\x9b\xc8\x7fV\x0b\x03\xa3\x01\x13\xbc Z\x9a\x15\xdd\x0e\xc3\xe9c'</t>
  </si>
  <si>
    <t>b'L\xaae&amp;\xb9\x10x\x03\x9d\xb9k\x9dST\x17\x8a\xac\x8a\xafQ\xf7\xf0L\xe1 \xc9N\x9b\xc9b\xc0\\'</t>
  </si>
  <si>
    <t>b'\xd1\xce\x1f\'\xf8\xd8\x18&amp;Dt\xb7*\xbc\x10\xfav\x99"\xcf(t\xa2\xc0\xc7\xda\xf0\x1f_[\x08$\x88'</t>
  </si>
  <si>
    <t>b'\r\x17Fq\xc2o\xd6\x8f\xc3\x14\x88\xab\xb4\xcd\xcd\t\x12\x82\xcex\xdcM\x00\xb6\x12\x81\xff\x81\xf6n\xf9\x97'</t>
  </si>
  <si>
    <t>b'\xdb\xd5\x03\xed\xec\xbe"\xbeL\x06\x91_\xcfqR\x0c\xc7\x9e\x9d&lt;hi\xa0\x12{S\x92}\x04\x84\xe0\xdf'</t>
  </si>
  <si>
    <t>746xx</t>
  </si>
  <si>
    <t>b'\xdfiP\xb4s\x11\xb4\xc7\x18XT\xb58\x10\xaf\xb1%7)\xdbH\x91\xfeJ\xeeS\xcb\x8c\x99(\xc7\x14'</t>
  </si>
  <si>
    <t>b'\xb7f\xd5\x82k\xea\xe3c\x13S\xc2c\xda:\xea\x15\x9b\xd1\\\xd3pc\x14\xa4\xc1&gt;\xdclX~\xebg'</t>
  </si>
  <si>
    <t>b'/\x8a|\xbf/v\xb8\xcb\xf3q\xac\xdd\xcc\xe8]y4\x9c\x9afa\x97b^"\xc5\xea&amp;66\xf0\x83'</t>
  </si>
  <si>
    <t>b'\xefWS\xe2\xc8\xc4\xc4|(\x13\x8f\x9b\x16\xe0\t-\xb6 Y%\x97;\xa0\xd1\xc4\x8d|\x98\xc8\xe9H\xad'</t>
  </si>
  <si>
    <t>b"\rbq?\x7f\x13\x8fS#\xdd\xcca\xf8\x10k\x1f7$BJr\x8e\x0c3\xfe\x90\x871'g\xc5\x08"</t>
  </si>
  <si>
    <t>b'h\x15\xe9\xb8\xfbE\x8c\xbb\x8d\xaf\xd8\xa7\x1b\\\xae\xcdQ1\x8f\xa7\x1fK\x9e\x18\xe3\xf7\xa2\x90\x89*\xb4\xa4'</t>
  </si>
  <si>
    <t>b'\x08\xe8\x81$3\xd2\xc2\x96q&amp;l_m\xc6\xc5CQO\x02\x8c\xbe\xda\xd9\r\xd7\x1e\x13v\xc9cB\xc4'</t>
  </si>
  <si>
    <t>b'-s-k\xada\x90\xcd\xed\x1c\x12V~\xaf\x12W_c\x1f\xb3\x05\xe89\xff%\xd2\x13\x84\x93\xd7H\xa3'</t>
  </si>
  <si>
    <t>b'y\x17\xea\x18|\xd3+\xfex\x08.\xc5\x06\xb6\x019;\x1e\x1d\xe8 st\xdfIc&amp;\xf9K{*\xc7'</t>
  </si>
  <si>
    <t>b'En4\x80\xfbNV_\xa7\xb8,\x12$YZ\xa4k\x94\x10\xd5\xc9&gt;=\x1cs\xfe\xe8\xed\xc3[\xaa0'</t>
  </si>
  <si>
    <t>b'u\x99`}\x9f\x9c\xb6\xde`\x0b\x18\x84\xad\xb8o\x11\xae\xc3RI\x13\xb3\xf0\x91\xad\x1b\x85\xf8\x8cP\xf4\xf5'</t>
  </si>
  <si>
    <t>b'\x80\xb79\x1c\xae\xc8\xa2\x86\xfb\xa3\xdf.\x14\xc1-B\xc9t\x8e\xab\x14\x9b\xcf\x14\xf3\xd8i\xd8&lt;\xe0~\xba'</t>
  </si>
  <si>
    <t>b'7\x04\xb4\xcfQ\xe0\x85b\xb4\xcfw\x02`\x11\xc5\xdb\xa6\xf2\xca\xfc\x86\xcc\x14\xdf\xc9\xe7\xa1\xd5\xa6\xfaP\x17'</t>
  </si>
  <si>
    <t>b'`\xcda\'\x1dA\xa8\x0ev\x82Bt\xfa=\x7f\xdeU;\xe9k\xa5\xbb)\x842\x94\x9a3\x11"\xbc\x8c'</t>
  </si>
  <si>
    <t>b'bWsBJm\xa8\xa1\x0f\xcc\xe83\x9a\x82%\x81\xff\xc5\x17Kp\xaa\x81aO\xb3\xd7\xcd\x18z\xb9\xc3'</t>
  </si>
  <si>
    <t>b'\xc9e-\x81\xfbAy,\xb2\x14\xe6\xbc\xc9\x9d\x89\x8f\x0e&amp;\x16Q\x13\x10B&lt;\xaf8\x98\xc1@\xca\x03\n'</t>
  </si>
  <si>
    <t>b'\x05g\x9a\xbc|*\x88;J\x7f\xc7\x86,\xdf\x0c\xfe\xbb\x97\x93W\x005\xadv\xb2"T\xf2\xaf\x0c4\x80'</t>
  </si>
  <si>
    <t>b'\x93\x96\xae\xd3\x05\xa2P\xb2\xa76tH\xffu/\xa1\xfd+\xa2\x1f\n\xf1\x80\x10\x9e\x93\x0e\xad\xb2\x17\x9b\x07'</t>
  </si>
  <si>
    <t>b'=\x8eF\x1d\x02:\x91\x0f\xdf\xec5/&amp;\xde\x0cF\xd9\xae\xf5\x96]4\xc2\x0f\xb3[p\xb2\xde\x8d6\x11'</t>
  </si>
  <si>
    <t>b'A-\xdc\x91\x16\x97oRL\xc2\xa2L\x99\xc4\xf0T~\xfc\xb9\xdc\xcfE\x90UJL\x86\x07\xdc%\xc2\x89'</t>
  </si>
  <si>
    <t>b'\xf1\xa5`\xc4\x85\xc8S\x8a\x80\xa1\xf60\xd26{\xab1e\x7f\x02 \x9b\xcfNG\x17d\x89.\x86Jt'</t>
  </si>
  <si>
    <t>b'\x87\x90\x05\x86\xe8\xf8Sv\x08\x90\x0b\xff\x8e\xbaB\xdb\x1d\xa1%\x030;7\x1b\xab\xfe\x98}\xb4\xc8\x06\x9c'</t>
  </si>
  <si>
    <t>b'\x87S\x03\xbcB\xf1m\x9a\xef\xa3\xc2Z7q\xb3&amp;O\x176\x8c\xb4\x9f/\xfa=\xe6"\xd9\x96\xd2\x88\x8f'</t>
  </si>
  <si>
    <t>b'\x84\x89G\x0c\x91\xdc:\xd0Hu\xbb\xed\tE\xc8\x8a}\'\xb1\xe4_\xd4\xb9/;\xcfS\xad\x94"\xbcF'</t>
  </si>
  <si>
    <t>b'\xdf\xc6\x0c\x16\xb9M\xb8a_wT\xb7\x15:\x17\x0b\xf5\xaf\x98-7\xcf?\xdch`S\xaaL\xf1+@'</t>
  </si>
  <si>
    <t>b'\xc2\xb2_\xad\x19\x16\x82\xd8"v\x93\xc0 \xea\x87N_\xab\x1d\xaf\xfe\xe5 \x84\xdf\xcd9\xeb0q\xc5\xd0'</t>
  </si>
  <si>
    <t>b'\xac\x81K\xe2^ts7D\xec2\x82SgJ\xfc\xb333\xa8U\xfb\x15\xea\x03\xe5\x0c\x83\x02\x96\n\xf0'</t>
  </si>
  <si>
    <t>b'\xde\x96M\x8a+\xc8uN\xc6\x8f\x91\xcc\xb2\xe7\xdcm2-\xb2t\xec\xe6\xa2\xa4\xebD\xf0\xe1\xec\xca\x19t'</t>
  </si>
  <si>
    <t>b"\x12\xee\xbf\xe8Hnsm\xb0\x96:\x12\xd9s\xaa\xd2\xcb`\xf3\xf5\x06\xf2K\xf8\x86\xc9\xa3\x82'\xa0\xdb\x8b"</t>
  </si>
  <si>
    <t>b'$\x9eY\x96\x18v22\x87\x1a\xcb\xa7@\xa6\xd1\xdc_*\xc7N\xa8\x8a\x8d\xfaR\xf9\xc0\x7f\x86\x80\xd4\xd9'</t>
  </si>
  <si>
    <t>b'\xe2t7\x15\xf9&lt;x\xbf\x19\x0f\xe2Z\xca!^\x13sc\xcd\xacK}\x02\xb7\x12T\xac\x01\xeeU\x9aQ'</t>
  </si>
  <si>
    <t>b'\x85\xdaO\xc1L\r\xbf\x96\xb5\x05\x8a\x0f\xd6?\xdfI`\xd9:\xca\xc3\x7f\xcf2\xd6`G\x1b\xc1\x19o\x9a'</t>
  </si>
  <si>
    <t>b'\xd00\xc7\xfd\xfds$.\xd4\x1bUcZ!\xb6/\xd8W\xaaY\xec\xfb\xe5\xb2\xbe\xa2\xc4\x10\xb0\x8d\xe6\x8d'</t>
  </si>
  <si>
    <t>b'\xdb\x91f&lt;\xc2\xf6gf%h\xbfm&amp;x\x13\xcb\xaf@\xca\xc56\xc33\xa8\t\x1f%\xce\xbes\xfdK'</t>
  </si>
  <si>
    <t>b'a\xaa\xb1\xa6%\xfe-\xa5\xc0\xbc0\xeaK\xdeO\x15\xf67-*\x92\xab\x83ZG,\xee)\x0e\xf7\xa8T'</t>
  </si>
  <si>
    <t>b'\xd7\x04\x06\xc3!\xa92\xc0\xf0d\xf6\x11\x1d\xa6A\xbb&gt;\xe5Z\x96\xcePF\xc3R\x9c\x80\x1f&amp;T_r'</t>
  </si>
  <si>
    <t>b'\xcd\x85\x9a\xe6qi\xcc\x9d\xe4\xd3\xc8\xb4\xe5c8\x0b\xe85\x80g5\x88\xf5\xb5\xe2\x0f\xec\xc9\x00q\x03Q'</t>
  </si>
  <si>
    <t>b"\x01\x02\x9a1\xd2\x17I\xack\xd3\xd2\xd3\x15\xe2]\xe9\xfbRh(\xa2\xf8O\xf4\x17\x9a\xe8'\xb7$c+"</t>
  </si>
  <si>
    <t>b'\x17\xec\xff \xf5\x8b\xa4\x82XR\x16\xfe\xee\xa3\xcd\x90\xa7\xc2v\x94\xb3\xd4\xfc\xfc\x0f3\xd5\xb0\x86\xfa9\r'</t>
  </si>
  <si>
    <t>b'H\xb9A\xc7\xa6f\xfb\x8c\xf3Z,K\xaa\xc0u\xb4bI\xfb\xb3\x8bc2\xdfra.\x9e\xeaw6\xc3'</t>
  </si>
  <si>
    <t>b'L\xf2\x82\x7f\x0e\xe8\xedX\xc5,\xf3\x9fW\x1d\x1f)\xc7\xd1~\x17{\xfa\xa2\x0c\x9a\xb3fB\xff\x0b{\xd4'</t>
  </si>
  <si>
    <t>b'\r\xe2\xf0k+\x16\xb2\x93\xb6 \xe3`\xb4\xe1H\xbd\xae;O\xc0\xa1\x1e\xce\xc4\x86\xb8Jf\x17D\tp'</t>
  </si>
  <si>
    <t>b'[P\x83"\xa2T`\x98\x0e\x04\\&lt;\xaa(+\x0b\xac\x99\x0b\xac\xea\xf9]\x0f\xcf\xe1\x13k\xae5\xb9\xc4'</t>
  </si>
  <si>
    <t>b'\x08\xf1NW\xc4\xb7\xadSR\xa6Iz\xed\xf2\\ApV\x9b\xaa\xe6U\xfa\x00x\x07\xd7\xf6\x05:/\xe8'</t>
  </si>
  <si>
    <t>b'\x92\x9d\\/&lt;\xd7\x93\xee\x00\x16\x16\xf8Y\xed(\x14\xc8\xce\xb2*A\x88\x98\xa3\xc8\xd5\xc6\xaePd\xb1\x8e'</t>
  </si>
  <si>
    <t>b'\x8ft\xdbm\xac^#\x04iV\xfa\xc0\x01r\xfa\x86\x8aU\xb6\x18\xdc\x04f\xeb\x84\xcf\xb5D\xcc]hf'</t>
  </si>
  <si>
    <t>b'r\xf4\x89\xda\xb4yY;_*\x8a\x9d\xc2\xeb.n9\x8b4\xcai\x89G\x12\xb3f\xad\xca\xc7\x14\xc5\x18'</t>
  </si>
  <si>
    <t>b'\x80\xa2Uy\x8f\x9fh\xbd\xe2\x14\xfdU3\xd7\x1bl\xfekD@\xdes\xc3\x06YS\xa3\x8a;\xa1d\n'</t>
  </si>
  <si>
    <t>b'\x16As\xf7\x98\xfc\xd6\x0c\xe1\x01\x10 \x90\x1d\xe2\xbe1\xa0\x98S\xe2\x0e&gt;r\xf5\xd8\xb5F\x7fS\xab\x90'</t>
  </si>
  <si>
    <t>b'\xf1Y\x16\xd3\xbd\xa2\xa4,J2\xbfO\x8c\xc9Jv\xf0\xdczpQ^\xef=v\xe7\xc9\xd6\xd5z"\x06'</t>
  </si>
  <si>
    <t>b'\xe0\x98\xa0:U\xb8\xf0\xb8G@X\xe7\xfc\xe9\xbb@\x9c\x04\xdb\x10\xd6\x12\xf5\xcf\xc1Z\xfe\xcf\t\x9c\xe9\xab'</t>
  </si>
  <si>
    <t>b"\xa9\xa7\xa2\xb6\xcf\x1a\xfbN\xf1\xb0\xfbV\xed'\x10\\\x05\xa8\x9bUr\xa6nJ\x0ch\x81\x976\xeaEY"</t>
  </si>
  <si>
    <t>b' \xbd@\x12=\xaft\xc6]Q\xdcz\xa0\x0f\x96\x0f\x82V=\x1b\xbcP\x82\x96\xaf\\\xd0\x15\xc3\xe2\xfc-'</t>
  </si>
  <si>
    <t>b'\xf1v[\xba\x08\x9e\xe4l\xe2\xf0g\rd{{bs\x1aZf\x0b\xd930\xe8\xf1\xdb\x10H\x95\xe4\x9c'</t>
  </si>
  <si>
    <t>b'\xc4\x0bz \x0bh\x977\x05d\xa6.\xe9\xb0:\x9c\xeej=P\x1b2\xfb\x95Y-&gt;c\xb7\xd6\xe4)'</t>
  </si>
  <si>
    <t>b'C"\xa6\xa6\xd8\t\xd6\xff\xd9\xa6\x99-I\xc8\x80\x8f\xe6\x00\xefp\x90(\xbe\xfa\xea\xfd\xba\xd6%\xa1\xab\x07'</t>
  </si>
  <si>
    <t>b'-\xc0\x8b\xe5|\xea4s\xf9\x12\xa8IT\x84u\xe4\x05j\x10y\xd5\xe44\x0b\x1d\xcf\xe7\x17\\\xea,\xbb'</t>
  </si>
  <si>
    <t>b'[\x1f\xcc\xde`\xea\xc7\xd9\xebj\xdaY$\x11*\xa6\t\x0c\x969\x80\xe8t\xfa\x05&amp;\xd7\x1d\xf7nf\xce'</t>
  </si>
  <si>
    <t>b'y\x9a\x84\x12\x16\x07J\xc5\xfd\x8f\x92\x7f\x8e.&gt;\x9ce\x03\xfd8\xedw\xdb\xd5\xd5\x82\tXaB%I'</t>
  </si>
  <si>
    <t>b'Jc:\xf5\x8azZ\xde\x83@\x9f\xdf\x9a\xa2\x01\xf4\xaf\xf2\xf97\xe2\xb5\xdav\xc7\x17\xcf\x98\xc6\xc7\x88.'</t>
  </si>
  <si>
    <t>b'\x02-\xb4=f\xc0\t\x17&gt;:\xea\x7f\xea\x96\xc2,B\xe4$\x80\xd0\xcfH\x8a\x0f\xa3i{\xdd\xdceE'</t>
  </si>
  <si>
    <t>b'\xba\x82\t\xc2US\x7f\x06$\x96Ql^h\x12\xa5]\x12\x0f\xd0\xf9@\x93\x8a\x87\x8c\xbc\xaf&lt;"?6'</t>
  </si>
  <si>
    <t>b'\xe5\xe6&amp;B\xe3\x88\xabx\xdbSI\xbcp\xb71\x1b\xb71A\xf9Pn\xd3\xd1\xb8\x05\xd8&amp;\x8bd\xcf\xe7'</t>
  </si>
  <si>
    <t>b'w\xed\xb8\x13#f\xd5Cz\x0c\tP\x99[&lt;G\xeb\xff{\x1f\xcf\x16\x85\xe2\xfa\xcd\x86*\xc7\x1f[\x9e'</t>
  </si>
  <si>
    <t>b'\xae\xb2\xa1H\x92p\xa7\x94\xd2\x14\x98\xeej\x07aR\xfb\xba\xed\xbac\x12\x15\xfaY\x87\xa3\x8ar\xd6\x80\xda'</t>
  </si>
  <si>
    <t>b'\xe4\xce\x89\xf6\x1dd\xe9@$\x8fp\xb5\xd4\xd3M\xfb\x84n\\\xdb\t\xe8\xcf\x8d\xbd\xddM\xebR\xdd\x1d\xb0'</t>
  </si>
  <si>
    <t>b"\x15I\x13\rr\xb9a\xa4&gt;\xb4\x1c\xa5\xc1i\t&amp;d\x8f\xe1'\x9f\x99u?\xa0\x0c\xa0\xe5I\xe3\x06\xe6"</t>
  </si>
  <si>
    <t>b'\xce\xbf\xfb7\x9a\x94\xb7\xe7\xc5\x04\xc4\t\xf7\xca\xe1[\x9e\xe3\xa2\xd4\x1b\xf8K^\xcfv\xd2\x03\t\xe0J$'</t>
  </si>
  <si>
    <t>b'lm\xad?\x9fM&lt;\xec\xb9/\xf2%\xe9v\x9b\xd3\xddm\xe7\x19(\xe3\xc3\x1f\x9b]\xef\x02w\xbc\xbe4'</t>
  </si>
  <si>
    <t>b'\x1fd\xd5F6\xf4fo\xd3\xb8\xb7\x07\xba\xb9D\x9cJ\xc9\xb8\xee\xcba7\xf7\t\xc7%\x05)\xbf\xbdX'</t>
  </si>
  <si>
    <t>b'o\xc1\x95\x83\x7ft\x0f\xbe\x02\xef\x13\xd4\x19\x8fQ\x88\xd7qs\x80f:J\xbd\x88\x17c\xf9\xf5y\xc1\x9d'</t>
  </si>
  <si>
    <t>b'\x1e7\xd9V0\x0fSs\xb7KQ\xd4\xd2\xa7B\xc5\x13P\xf4\x00\xe4\xde,\xd3\xd6 \xdfT\xd1\xa0\xe8\x81'</t>
  </si>
  <si>
    <t>b"\xd4\xfcz\xac\xe3'u\x8d\x91\xfa)geyQ\xf5B\xf6n\x19\x8d\x12\xb9\n\xd4{\x8e\x8c&lt;\\\x1cP"</t>
  </si>
  <si>
    <t>b'\xbdje\xab\x97K\xa6b\xe7\xae=\xce\xe8\x9c@pxM\x1b\x12\xca\x0bS\x97z\x11\xf2\x88\xd6\xb8\xa0\x87'</t>
  </si>
  <si>
    <t>b'\xdb0\x95\xb0\xd6-\xfbr\xa8\xa5\xc0-J\x03\x8a7\xc3+\x17`\xff)\xba2\xaa\x98\x88\x92\x8e\x18\xbb\xc5'</t>
  </si>
  <si>
    <t>b'\x8d\xb5\xc9\x98\xef9a\xc92\xabqy\x16\xc5\xe0s3 \x81\xab\xf0\x1c\x18\x01\x95\xfd\xfb\x1f2\xb9\x99\xae'</t>
  </si>
  <si>
    <t>b'@\x01K\x92zI-F\xdd}\xe9L\xee%\x98I|FH\xdc\xac\x05\xaf\xb0\xec\xc0B\xec~5\x85\x99'</t>
  </si>
  <si>
    <t>b'"\xee{z\xb0\x99\x80\x03\xeb`\xce\xd8\x82\xbc\x17\x07\xaf&lt;\xcd\xec\xbf\xf5\xc3\xdb\x82:\x17\x91*\xe7\xc6\t'</t>
  </si>
  <si>
    <t>b"\xda\x89\x9c'\x1d\xa2u\xfceh\x1bp\x03\x1akr !%\xa6\x82 G\x01\x95\xc2s\xf2\xb1\xa3Z\xb3"</t>
  </si>
  <si>
    <t>b'Gt\xeb\x8ct\x04C[\xb5\x00\xf9\x9a\xf2\x99}\x1d\x08N].\xfeu\xcb\x82cP\xbc\tq\xa6\xba\xcc'</t>
  </si>
  <si>
    <t>b'\x13\x99\x8c\x19\x07\x08\xab\x12,\xf0P\x85\xccK#\x06\x1f\x06\xf1\xe7&gt;u\xa3\xad\xf56K\x97\xe4Y\xbe#'</t>
  </si>
  <si>
    <t>b'\xf8\xeb\x12/\xbf\x9cr\x9eg\x03\x1cd\xd2\x9fGf\xfao\xf2\xc2[&gt;TE\xd8+?\xeb\xd6\t\xe5\xe4'</t>
  </si>
  <si>
    <t>b'!m\xff\\\x89\x03\xd6"\x84;\x82y\x7fT\xd6\x1e!\x04p8\xd5\xfa\x1c\xa4\xf5\xb8\xadJ\xfb#\x1bl'</t>
  </si>
  <si>
    <t>b'\x89f\xf9\x92[u\x07A.\xb1\xa1\x8fSq\xdf3\xae"/\x1b\xec\x89e\xe2\xb5\xf9\xf0\xfc\x01\x0f\x02\x82'</t>
  </si>
  <si>
    <t>b'Uo{+\xfb?0\\|Bz|\xaf\xac\r\x9d\xe6\x8e)\xd6*oHC\ri\x05\xad\x07}\xfc\x8b'</t>
  </si>
  <si>
    <t>b'&gt;\x9f\r\x1d\xe8hr\nM\xc6\xdaT%\xc6\xbc_W\xf8\x0bj\xb3\x96\xb5\xfb\x9cyk\xc7\x7f\xca1f'</t>
  </si>
  <si>
    <t>b'\x86 \x9a\xa1\x8a\xe9\xff\x9ad\x847F\xb7q\xcc\xaa\xe8\xbe\x0c1\x97\xf6\x88q\xa3\n\xba\xd9O\xcdX\x8e'</t>
  </si>
  <si>
    <t>b'\xde\xf8\xb8\xd5\xfb9\x0b\xd9#\x81\n\xae\xd1\x1e\x15\x13\xf72\x7f\xc1\t\x85\xfc\xb8k\x8f\x7f\x87k\x8b\xa8\x01'</t>
  </si>
  <si>
    <t>b'\x88\xe4\x05\xed\xec\xd8\x99\xf1\xe9:\x07\x86O\xbfH/\xda\x94R.\xcawz\x90\x1eTA\x85\xf3\xday4'</t>
  </si>
  <si>
    <t>b'10\x9dJ\xe7\x12H\x00\x1d\xd1dH~\xa3\x19v\xcd\\\x9d\xe0\xf3:\xdcf\r\x07\x02\xeb\xe5\xb6\xe2\x81'</t>
  </si>
  <si>
    <t>b'\x80gX2\x8baz\x02\xf9\xeb\x94\xdf\t\xd6b\xe1\xcd\xee\xe9\x0bQQE\x8c)\xb1Gv\x0e\xd7\xebq'</t>
  </si>
  <si>
    <t>b'\xd9\x93|\xaa\xa0\x8e\x8dd\x08\x9c\xd9\xe0d\xd8\xd4\x00\xbbY@5\x9c\x82"\xb4\xcf\xa1H\xe1\xb50=\xde'</t>
  </si>
  <si>
    <t>b'\xf4\x16\xde\x95x\x07\x12\xf8\xa7\x13\x8b\x99\xf7O\ra\xb3\x0fW\x05\xa7j\x84\x12\xd5j\xba\x9cX&amp;by'</t>
  </si>
  <si>
    <t>b'\xbf\x1cV\xc34\x13\x9a\x91\xc3\xcc\x8d\xc9\xd9\xeb\xa7\x94_\xd8\xad\xf0"\xbc\x88\x90\x1d\x8c&lt;x\xdb\xe3\x95\x15'</t>
  </si>
  <si>
    <t>b'\xa6\xf4\xb1\x82\x8d\xb0\x8br\x88\xef\xab\xb2\x8eR\xa3\xb4\xf9\xdb\xb0\xc0D\x12k\xaf\x01YC\xbdK\x02"`'</t>
  </si>
  <si>
    <t>b'7\x81O\xb0\xe9\x03K\x1f\x9d\xbdRG\x9b\xcay1\xefyfe\xe3\x07\xd6v\xb9\xbf\x7f\x04\xf2 \x08\xce'</t>
  </si>
  <si>
    <t>b'\x80`\xf0l\xb2\x1d\xc4\xfc]\xcd\x13\x9a\xeb\x14\x81\x86\xa4\xb2\x9c\xb2\xcdm\x01\xeb\xe6*B\xcc\x14\x86\xa7\xc7'</t>
  </si>
  <si>
    <t>b'p1r\xdd-\xbe\xf7t\x0f6c\x0b\x08\x80\x02\xb4O\x1b\xa0y/f\xba\x00\xf0\xe1y\x04\xe9\xa8T\xf3'</t>
  </si>
  <si>
    <t>b'\xa9\xc0\xb2&gt;&amp;\xccdW\xb4\r\\S#\xe5q\xf4E\x94\x84\xcc\xd1\x19\xd7\x88\xc1/T\x04\x1e\x10\x82\x18'</t>
  </si>
  <si>
    <t>b'\xb9\xeb\x84\xf7\x1b\xf7\x12b.~\xa9y\xeec\xa6\x06\xf3\xb3\xbbo;Gl\x07\xfd\xeb$4\x92h\xb7\x7f'</t>
  </si>
  <si>
    <t>b"z8q[\\p\xe8\xa6\x98\x13\x8bL\x0b\x88\xda\xdeu\xa6T\x92X\x8c\xec\xe14\xff'\xafQ\xdb\x1a^"</t>
  </si>
  <si>
    <t>b'\\\xe1#\xe5\xce\xb7f\xbd\xfa\xc9\xfb\xa4\x0f\xae\x14b\x00P\x99\xc3g\xab\xde`\xd3\x1e\x9b\xe3\x8bjLO'</t>
  </si>
  <si>
    <t>b'\x95wES\xc8C\xe5\x92(}\xddFs\x0b\x06izv&gt;\x91wA9\xf3P\xbb-A{\xba\x928'</t>
  </si>
  <si>
    <t>b'\x0c\x13\xe0\x8e}\xa6\xd7E\xce\xb9\xabN1\x99n"\xac=*\x18ZY\xe0\x01*\xd3\xa4I\xb5\x8f\xd7\x84'</t>
  </si>
  <si>
    <t>b'\xffv\x0c:\xdc\n\x052=\x11b\x1f\x9eK`l\x95C\xb8\xfa\xb6&gt;\xb2\r\xf7\xf1\xc8B\xef\x13\xf4\xf5'</t>
  </si>
  <si>
    <t>b'\n\xeb\'\xec\xcbx\xb8Y\xe3\x1e\x88\x8e\xb6f\x00\xbf\xc9\xfd`\xf0\x85\xec\xf39\xa9\x8f\x0f\xc9\\"\xcft'</t>
  </si>
  <si>
    <t>b'\xf8\xbb]\xe9\x07\x80\x88h\x8a\xf5\xc3\x7f\x15\x94\x89Q\x9b\x1fm\xb9v\x99\xc5\x9d\x8a\x0cjOAt\xd5\x11'</t>
  </si>
  <si>
    <t>b'!/\x9e\x92\xa12\x0c\xe9\xec\xb3\xcb\xe3\xa5\xba\x7f\x08\xca\xf5\xa0\x14*\xe4\xdb\x8a\xb3\tKG\xc3?\x06r'</t>
  </si>
  <si>
    <t>b'f)\x9fZg\xd1@\x85\xe1\xe1#m\xf6\x01X[X).Q\xd5\xbd`8l\x98_\xf6\xbb\x08\xf2|'</t>
  </si>
  <si>
    <t>b'jC\x00\xbeG\xba\xe9[B\x15\xff]\x17\xa6\x13\x11d\xf8\xb3\x97\x17Y&amp;&gt;\\\xf3\xa0\xa4\xae\x16}\x04'</t>
  </si>
  <si>
    <t>b'\xfd\x00_4@\xdbR\xd4r.\xfc\xa2\xb5\xdd\x96\xf3iaE\xcaMC\x85|\xe0\xdb\xb0\xd3\x1e\x02wR'</t>
  </si>
  <si>
    <t>b'\x93\xe6f\xcd\x9f\xf70\x1dre\x05\xbf\x07\xb3AgGa\x93\x1bdc\x99\xfb\xf3pEp9\xf1W1'</t>
  </si>
  <si>
    <t>b'5\xf6\xba\x9c\xa3\xc4\xba\x12\x8e9\xef\xea\x85={\xf1\x02`\xa8\xe3\x8f\x84\x07x\xd9&amp;\xf3rP\xb2\xc3\xa8'</t>
  </si>
  <si>
    <t>b'o\x02I@q\x1c\xa85q\xa3\xceS\xc6Ngt\x89\xb4M\x07\xe4\x88u\xe1(\x02\x15\x06\xb3\xa5\xceG'</t>
  </si>
  <si>
    <t>b'\xb1\x07$\xbf\xac\xe9!\xfb\x80\xd7\xc6\xae\xbf:\xc7\xbc\x91R\x80\xdd\x9b|\xc3\x07kc\xae\x8a\xa0\r\x1ek'</t>
  </si>
  <si>
    <t>b'\xd8\x1f\r\xfb\xb2(M\x1bN:\x17\xa0?f\x0fL\t\xb4c\x05L\xfd\x90a\xe2\x90\x9aY\xa6\xbb\n\x92'</t>
  </si>
  <si>
    <t>b'w\x04\xd7\xe2#\xb2NW\xb2\xee\x14\xb5\xdd\x8f\xc1\xe3\x97\r\x99\xed\xdd\xec.\xfc\xfbz\xf8\x94w9\x8d\xcf'</t>
  </si>
  <si>
    <t>b'\xf3I#\xe7\xf3m[/]\x9d\x8d\xda\xa5\xdf\xbc"\x1dv)U=M\x0533\x83\x16\xf2\xbc\x1av\xeb'</t>
  </si>
  <si>
    <t>b'\xfaO\xca\xc2\x9d\x9c\xe0\xd7D\x84\xcc\xe4\xe8\x9d\x12\xbao\xf9\x02\xcbC/\x1b\x00\x9d\x03\xa3\xa2=\xd2\xcdp'</t>
  </si>
  <si>
    <t>b"\xf7\xa0\xc9=I\xb5\xc8fN|~\x135\x9a\xc5+G6/s\xe9\x07\tZw?\xa9\x84'}-N"</t>
  </si>
  <si>
    <t>b'\x8e\xc7e\x86#\x9b1is\xa8\x13\xa7\x98\xcc\x80\x0e\x9c\x89\x86\x9f{gN\xd0H\xed~\x7f\xf2\xe8\x82\x18'</t>
  </si>
  <si>
    <t>b'\xb0\xab\x97Y\x93\xa9,\xb7\x1b\x15h\x19U&amp;|\xd4K\x1aV,\x97\xfd\xcf=\x90$\x01\xc7\xcb\xf5\x8a\xd0'</t>
  </si>
  <si>
    <t>b'\xc5\xb4\xba\x95\xee)m\x9f(\xe3\xd4\x92;`\xf7\xa7\xd8\xd6\xf6\x15hwnY\x16\xf7D4^&lt;\xa5\x16'</t>
  </si>
  <si>
    <t>b"\x96\xc5@\x11\xcb7\xf9\x0b\xa9NM\xe13\x08\xc8K?\x8f2\xd9\xc5\xe3\xe4U\xef\xfa\x9b|\x88\x9b'L"</t>
  </si>
  <si>
    <t>b'G\xd2J\xa5\x9f^\xfa\xd9^\x00?rS\xbf\xdcRj\xb2\x94u$\x9a%\xb7Br@\x948\x01\xaa\x80'</t>
  </si>
  <si>
    <t>b'\x9eWa\xd7N\x900WiS\x96\x95\x01\x1d\xd9\xb5\x8a\xb9\x8b&amp;\xac\x0b\xbe\xb7\x13M\xd5Y_\xf6K%'</t>
  </si>
  <si>
    <t>b'\xaa\\\xd7\xb6\x1d\xf7\x08\xceX\x95\x97\x80\xdd\x8e[\xcd \x8d\xa6\x13\xe7\xc0&lt;\x0b\xd8\xb1\tB\xe7\x04}c'</t>
  </si>
  <si>
    <t>b'F\xd5\xc7\xe7\x10\xd1\x97[456_\x9e\xc0\x84\xad\x00N\xbb[|\xa1\xfd\xd6D\x8d\x9a\x1e\xaa\x8e#\xd5'</t>
  </si>
  <si>
    <t>b'\xa34#BwG"s%X3X6Y&lt;\xf0\xcf\xf7\xe2t\x9d\xd1\xe6\xe2j\x9d\xa4b\xdahW\x95'</t>
  </si>
  <si>
    <t>b'(\xb8vC\xe4\xf3\xb9\xaa\x80\xaa\x82\xd2\xb6\x86s\x0e\xe7\xb6\x8d\x10&amp;\x04p\x9b\xbdH\x9d\xb0hw@\xdf'</t>
  </si>
  <si>
    <t>b'\xc0\x1800\xb50IT\x8fYI\x15\xdd\xe3o\xef\x9c\xdc\x85d^\xf3QL\xb0)GB\xf9+\xb0\xac'</t>
  </si>
  <si>
    <t>b'\x92V\x18n~\xe2J\x0cv\xbd[W$\xfe\xe85\x88\xdb\x89%i\xcf\xcc\xe7\x11\xf7\xae\r\xc8\x1f5\xac'</t>
  </si>
  <si>
    <t>b'\x0f=\x0b\xddO\xad3\xe9V\xe5\xc3\x14\x9e\x86$\x81\x7f\xa4h)b6N\\\xe7}\xbd\xe0\xab\xd8\xd8\xac'</t>
  </si>
  <si>
    <t>b'\xd0\xe4\xcc\x0f\xda\xf9\x86\xde]+g&lt;K\xf1F~\xb5\x83\xbf\nd\xadr\x19\x14)\xa4!H\x0f\xa4\xf6'</t>
  </si>
  <si>
    <t>b'\xae\xd9\x1ff\x9aS\xb1\xf2-\xde\xa9\x80at\x02\xe3H\x14$f\xd1\x16\t\xbe\xad\xde\x11\xad\xe1\xfcGu'</t>
  </si>
  <si>
    <t>b'@&lt;$"\xa2O\xfe\xfc\x19\x9b\x05\x96\xc9\x95k$\\\x91\xee~\xe5#2l\xe3{\x81\xb2\x06\n\x84\xf2'</t>
  </si>
  <si>
    <t>b'0\xc0p\x81\xc2g\x89hH\xff\xaf\xf1\xc1\xc0\x02\xaf\xdc8H{\xd9\x84\x11!U\x02B\x8f\xec\xdb\x9cm'</t>
  </si>
  <si>
    <t>b'\xf7\xff\x1f\xf5\xc8\x16^3m\xfb\xa9\xfeb\xab\x95\t\xd5\x02/Z\xe4\xe3Z\xfe\xba\xecN\xa6\xeb2m\xe5'</t>
  </si>
  <si>
    <t>b'}\xbc:\x99\xf9{22\xd3\xe0d[\x81c\xa8#\xb5\xc7y\xd7\xb8\x17\xa8\xe0=+)\xa0q\xda\xfdk'</t>
  </si>
  <si>
    <t>b'\xc2\xcc\x08\x96\x89Bn\xa4\x07\xcb,\x9ag\xe5\xf8\xb5\xd0\x91\x95\xf9\xea\xb6;&gt;\x14\x16\xbfm\xb2\x9f\x97\x9c'</t>
  </si>
  <si>
    <t>b'\xeb\xd6)\xef\x15\xd6\xbd\xd0\x1b \xb8\x87:eJv\x0bl\xa5\xe6\xd1\x9b\xebj\r\xb4=z\xe3\xecd\xe2'</t>
  </si>
  <si>
    <t>b'\x18\xda\xaf;\xfd\xed\xe9\x95\xf9t\x925\xb2*\xf46\xce\x0bj\xf1L\xe2&amp;$\xa8\x02\xcc\xe3Hz\xc44'</t>
  </si>
  <si>
    <t>b'\xef\x19\x04\x81\x1e\xa8\xf7\xf6\xc9b\xa8\xef.\x07\xd9\xfalu\x99A\x8bO\xc1\x06\xb5\x9b\xcf\x08\x92\x98\xeb\x94'</t>
  </si>
  <si>
    <t>b'3\xfe\x1c\x06\x17\xe8e[JXT\x9a\x0c\xfe\xdb!w\xfc+\xb7\x89\xcb\xac\x00"\x99\xbd\xd3X\x98_\x11'</t>
  </si>
  <si>
    <t>b'~\xff\xa6\x0bL\xa3R+\xc2\x91\xff\xf4}\xf8a\xc2g\x9fk\x9c\x98\xae\x0b~\xb7\xf5_\xf7\xdb[+\xd5'</t>
  </si>
  <si>
    <t>b'\x92\xefx\xfb\xc7\x07{\xc5!\xfb\xf6\xc8Y1{F8\n4%\xb1?f\xb5\xcf+]\xca\x8d_\xbb\xb0'</t>
  </si>
  <si>
    <t>b'\xd9+l\xb4\xd9sMu\t#\xb2\x00\x19N~/?\xdd1\xd7DDG&amp;\xa9+\xa9|\x82\xf4\x93\xcd'</t>
  </si>
  <si>
    <t>b'n\xf7\xd9\xc5He\x0b\x04\xde\x0b\x86\x81\xfc\x0eO\xda\x17\xe7\xde\xc2\xf9\xb3\xfe\x80]\xcb\xb2e\xc5f\x14+'</t>
  </si>
  <si>
    <t>b's\x19\xf8\xec\x96\xfe\xeaB\xa1,\xceuI\xa2\x9aT4\xf8\xb9\x04T\x17FV@]BZ\xe8&lt;\xd5\xd5'</t>
  </si>
  <si>
    <t>b'\xda\xee\x17\xd18\xad\xb7\x14\x05\xe2\r\x1d\x96\xb8\xa3\xab\xab\xa0-;\x85GU\xd3W\xed\x12E\xd09\xbe\x0f'</t>
  </si>
  <si>
    <t>b'\xab\xf3\xc3&gt;\xc3\x85\\\xaa)5Z\xcdp\xa0j\xb5\xcc\x1eY6*{\xa4\x13u/\x1cd\xe3\xe2\xd8\xd6'</t>
  </si>
  <si>
    <t>b'Q\xca\xe1d\x91\xca|R\xfbr\xda\xad\xc2\xac/\xb9\x10`\xaf\xc8e\xebm\xa6\xda\x96_\xae\x89UD\x83'</t>
  </si>
  <si>
    <t>b'\x8cNB\xfe2\x9b\xb8jk\xeao[\\\x8b\xfa2\xcbC\xc0\x9c\xa4or&amp;\xfb\xa4\xbc\x13\x7f\x17\x1ct'</t>
  </si>
  <si>
    <t>b'\xd2d\xa4\x0b\x8cN\xd5\xa9\xfe\xdfU\xf1Uh\xe3(!\xa2\xa6o\xf6\xaa\xe8Z\x82\x01;J\xddn\x08\xc6'</t>
  </si>
  <si>
    <t>b'\x8f\x18g\xf5\xb4&lt;\xf2\xee\xec\xb8T\xc6\x01L\x08\x98Z8Ha\xc3\xea)\xe5o\x87\x01\x98\t"o\n'</t>
  </si>
  <si>
    <t>b'\xf9\x10[\xa2\xe6\xb3\xf6\xd3\x95\x1d\xc9\xddQ\x82FT\x16KM\r\xa1G\x82\x8e\xff\x82\x9b~]\xd0\xc3V'</t>
  </si>
  <si>
    <t>b'\xf4\xb4~"\xf5/\xb9\xa8V=,"6\x92E~A\x1f\xfb\xc3\xf3\xca\xfa\xdf\xfeO\xca\xe3\x8f\xecd\xa7'</t>
  </si>
  <si>
    <t>b' #:\xa56\x87\x02\xfd\x07\xb0\xfa\xdf"\xf6\x17K\x99~\xbf\xe7\x13\xd8\x04\x06\xbeS\xfa]F\xe3\xfb\xc5'</t>
  </si>
  <si>
    <t>b'\\\x1cPc\xbd\xd0\xe0\x9e\xa0Wf\xf1\xc0zl\xa7\xa0\xc1\xac}\xf3\xdcD\xc4\xeb\xa9\xf8;\xae\xb2\xf02'</t>
  </si>
  <si>
    <t>b'UB\xb9[\xcd\x16f\xa9l\xf2\xac\x83/5\x9b\x8c\xdd\xd6\x88\n#\x97}\xff\xad?VZ\xfe\xee\xad;'</t>
  </si>
  <si>
    <t>b'c\xbaW\xaa\x04w4\x03\x7f\x0bco@\xec\xe1\xaf\xcc\xb7\xd8\xb1\xfcM\x1c\xe5}\x16\xe8\x10\x8a%I\xc3'</t>
  </si>
  <si>
    <t>b'\x90\xd7$\x99\xa5\x9b\xd9]\xd1~\xbb\x9b\x1e\xc3\x8c\x03\xed\x1cA\x03-\x7f\xc5U\xf0I$B^\x19\x018'</t>
  </si>
  <si>
    <t>b'\x9c\xd3bB\xfa\xa1\x15*\x7f3\x9f\x80x\xe6(B$Lk(\xb6\x83&gt;\xe1\x8aNu\xc8\xe2\x0ey\xa4'</t>
  </si>
  <si>
    <t>b'F\t1E\xe5\xc1\xf8b\x7f\xf9\xc0U\xca\xdc\x9a\xcc\xd8\xd5 \x8e\xfc\x92\x17\x9c[\x9aX\xad\x017\x8f\xb9'</t>
  </si>
  <si>
    <t>b'S\xe7\xa25\x17L\xa0\xbalM\xd3c\xe5)\x10\xec\xcdI\x8d\x0c\xc6\x97 \xb3SL\xc8\x8f(J\x95\xbc'</t>
  </si>
  <si>
    <t>b"\xb2\xcbf4\x04\xe2\xc6\xe7\x7f\xb8K\x14\x80\x8f\x1e'\x88\x99\x16\xa4\xf0\x14\x0c\x0b!\xc5\xccL\xdf7\x00\xdf"</t>
  </si>
  <si>
    <t>b'\xf2\x95\x08w\r\xb2\xa8&amp;\xf9\x00\xf1\xb1E\xbfz(_\x86\xe2\xc3\xed\xfb\xa3\xc1\xc1kL\xe6|\x9f`\xd7'</t>
  </si>
  <si>
    <t>b'\x88"5\xe6`x\xcf\xf3\xb0\x07\x80\xfa\x16\xed\xeb:\xb8\x85\xa2I\xb3\x99&lt;\x9f\xb1\x0eyc\xa6\x89\xc0\x96'</t>
  </si>
  <si>
    <t>b'\x91\xae\x94\xb8k\xa0\xdd\xb6\xfd\xa1,\xef\xaf\xe3\x85\xbb\xf2,|r\x99\xa7\xaf\x91\x06\x02\xcd\x1ca\x06\x93\xbd'</t>
  </si>
  <si>
    <t>b'b\xfd\x19\xd3d\xf7r\x80\xd2\xa1\xeb3\xc92\xe8\xb4\x84\x10\xe1[\x9b\xe1Y\xec\x01=\x0cja1h\xc5'</t>
  </si>
  <si>
    <t>b'\xbd\xe3\xf3V\xec\x1d\xfc\x83H\x1c\x94\\\x8d\xca}\xbd\x04g+;\xde\x03\xb3ko\xa0\xe2\x8eHz\xe6\xec'</t>
  </si>
  <si>
    <t>b'\x1e\x8e\xc3\xfb~\x9b\x17\xaeI\xdb\x1b\xf4m\xc9\xa7&lt;\x08\xb8]\xa0\xd3\x91\xfc\xed\xd5\xc0\xc5&gt;K/\x86f'</t>
  </si>
  <si>
    <t>b'#9\x8d\xfb\xe9\x06ue\x9d\x06\x9a! \x1a"\xdd\t \x8c\xd7\xa4\xd5\xc8z\x85\x1c\x93\xdb\xb2\x9c\x9b\xe5'</t>
  </si>
  <si>
    <t>b'\xbd\x89\xb3\xa8M\x9c\xab\xd8w\xa8U!u\xfa*ECh\xce\xcb\x7fb\x82(\x1fl\xcd\xc5ZF#4'</t>
  </si>
  <si>
    <t>b'\x99\xceFC#\xe5p\n=E\xee\x8c\xf8S\xc0\xf1\x18\xaas/gJ\x05\xe5sQ\xad*w\x92\xe9\xcb'</t>
  </si>
  <si>
    <t>b'J\xb3\x98` \x98\x16\x93\x15\xb8\x0e\xaa\x06\xc1FY\xc1 \xcb\xb8b\xdd@d\xd5c\x80\x8c\xfd+:V'</t>
  </si>
  <si>
    <t>b"A\xb4'\x8d\xd0\x0e\\\x19\xd7\xc6\xa1s\xd3\xec\xe7\x1e8\xf7\xd4\xfe\x19R\xa6\x0b\xbaF\xf6\x80\x93\xc3\x8f\xdf"</t>
  </si>
  <si>
    <t>b'\xcd\x90\\\x94\x02O\xdb1\x8e\x06\x12\x9em\xe7\xa5\x1fK\xef\x85\xe9J\x8cH\x86\x04\x8d?\x91\x8b\xa5\xa9K'</t>
  </si>
  <si>
    <t>b'n\xe8\xdcU#\xe3m\xac\r\xc7g,\x9d\xfdQ/\x85\x95F\x84p(\x02\xf0ZsV21\xab\xad\x93'</t>
  </si>
  <si>
    <t>b'\xb3\xcd\xb0wYk\xc8(1\xc3\x04\x9f\xc3\xeb~.f\x843\xca\x9bJ\xdf}\xf9\xb9(\xd4.w\xa0\x9c'</t>
  </si>
  <si>
    <t>b'\xc6\x06\xaa\xd3\x10\x95R\x8b\xa6\x85@\xcb\x8as\xcaAZ\x8e\xa8\xf2\xf8\xedE\x00\xfc\x93Jr\xbbW\xb1\xa2'</t>
  </si>
  <si>
    <t>b'\xee\x80h\xdc\x9f\xdd\xb4X\xff\xc2\xd2\xa4-\xe4\xe1\x98\xa5:\xd9\xa3{\xb3\xc22\x16\xab\xb9\x89\x82*\x10\x1c'</t>
  </si>
  <si>
    <t>b'd\x92\xdb\xce\x03\x12\xc4i]\xa4I\xe2;]{\xb5\x0f\xef\x1al\t\x11\xe3\x91^G\xae\x9c\xcf\xc1R@'</t>
  </si>
  <si>
    <t>b'\xf1\xc8&amp;\xa5\xe4\x8f?\x1d\xa7\xf0=\xe5\xc1\xa4\xe9+\xbe?b\xd4t\xac\xb3\xf2|\x84w\x87\xd1B\xa2\xc0'</t>
  </si>
  <si>
    <t>b'S5\xe5z\xdb?\x10,\x83@n&amp;\xd2\x03\xd6\xa2i&gt;\xce\xa8\ti\xe8\xd8\x90K\xa0\x98\x1d\x8fd\x9b'</t>
  </si>
  <si>
    <t>b'\xca\x15\xfb\xb7\x89pM\xf5\x8f6\x81j!\x88.\x96\xfe\xdd.a\xe6d;\xc6c\xb7\xcd\xb7y\xd31J'</t>
  </si>
  <si>
    <t>b'\x01\xda\x88J\x00\xe1\x080\x9f\xea\xdbp\xc3@\x1c\x91,\xe0\x17\xbc\xbd-~p\xc3*\x98\xab\xf9\xf2\xc9\x9b'</t>
  </si>
  <si>
    <t>b'\x08\xc3\xfb\x05\xc7h\x89-\xdcS\xd4O\x94\xd4|\xa6\xb1\x85j\x83u\xc3V\x7f\x1a\xb6\xd72\x85\x00d\xa8'</t>
  </si>
  <si>
    <t>b'D\xb2\xccW\xfb\xce\xd4ah\x8dIY\xafe\xaa\xb9&lt;Mm\xb8\x18\x1ac\xc4\xc9 \xf4\xdd\xc2\x1cD\x87'</t>
  </si>
  <si>
    <t>b'\x8a3g\xe0\x04\xf5\x18#\xc3\xfb\x04\x1b\xd4\xea\x0c\xc2C\xdd\xfe\xaf\xd6\xe9\xd8\x18&amp;\xa8\xf0a\xe9\xe4B\n'</t>
  </si>
  <si>
    <t>b'\xb3\xd4\xc1O\xdf\xffS\xcb\xce\xc2\xf0\xa2|R\x13\x90\xc1\x15\xd2\xd5\xdc\x99\xb4\x12\xb3\x15t\x82\xee\xda\xe1\xbe'</t>
  </si>
  <si>
    <t>b'\x95@q\x02\x98\xc0\x98D\xb7\xd0\xcd\xbb\xf8\x8a\xbf\xbe\x9f&lt;37.\xf9u{?\xf3\xa9\x98\xda\xf5\x94Q'</t>
  </si>
  <si>
    <t>b'\xb9\xfc\xef\xc6\xb61x\xbe7\xb3\xb5Z\xb9\xe6\x1c\xa6i\xc0\x1a\x98c\x85W\xff\x0f\xc3\xd2$\x17\x1c/\xcb'</t>
  </si>
  <si>
    <t>b'\xd6\xb9\x98\x9d]\x1eB\r\xc7\xb6\xdc\x18\xaby\x03:x\xb9&gt;&amp;T\xfe\xc2\x9f\x98\xa4&amp;F\xe5\xd6\xd2\xd3'</t>
  </si>
  <si>
    <t>b'R\xc3\xd6K\xd3{\xae\x83\xff?(\x8d\x1a\xce\xaf\x85\x18X\xfc|K}\x822\xc9\xdcg3\xff\x03$\x17'</t>
  </si>
  <si>
    <t>b"NU\xd8\nb\xe9S\x8aI\x9e\x8e\xc33G\xed\xcd21\x83\x1c\xe9V\xf3\x86'\xd4\x19\x1b\xb1\xb95\xc8"</t>
  </si>
  <si>
    <t>b'\xc8\xcf\xab \x15{c\xd4\xd7\xf8,V\xe9o#\xbd\x7fR\xb2GX\xd7\xfb\xc6\xf1!Rsr@\xc7\x98'</t>
  </si>
  <si>
    <t>b"*\xb0T\xe6HS\xf5\x8a\xbe\xe9\x04\x80\xfd\xb4\xcdJ\xbb\x19F*\x15|AE\x8c\xa6\xe6\xe8'\x16\xd2\x84"</t>
  </si>
  <si>
    <t>b'Bm\xc0y\xb3\xc6\xce\xc4\x10\xe3\xe9x)\xdaT\xca\xa1\xfb\x99ZJ%\xb60b\xcb\x8d\xe3@d\xd6\xaf'</t>
  </si>
  <si>
    <t>b'=T\xaf\xee\xbe\xb3HGw\xaa\xf7AzJv\xf7\x12g\xd1\xf2\xd8|\xfe\xa6y\xa5\xf6\x12\xed\x9e\xe1\xe7'</t>
  </si>
  <si>
    <t>b'\xa9Z\x14\xd1\x9f\xe3\xfcah$\x97\xd8\x94\xd3\xda@\xc4V\xe9\x0c\xab\x08;i\x7f\x86*\xbb\xd3i\x84\xce'</t>
  </si>
  <si>
    <t>b"A;'E=\xe5u\xde\x12\xc2\xf2\x8a\x96&amp;\xd05\xa5X|}\xcd2u\xfb\xa3L\xf9\x92\xe3flU"</t>
  </si>
  <si>
    <t>b'\xd0\xa8\xe4\x80\xdaUj\x87x-I\x93+\x8e\x9b\x94O\xa47\x1c\xe1?\xd9G\\\xcaa\xde:\x03\x9fM'</t>
  </si>
  <si>
    <t>b'\r&lt;\x0e\x07\xbf\nA:\xd8\x06xa\x9aq\xbb)\xb3X\xed\x12\xeb78\xa4X\xf6\xdd\x96\xd9CU\x08'</t>
  </si>
  <si>
    <t>b'\xa3\x01\xa7\x817\xfc\xfcX\x08\xdf\xc0\xf7p\xd5\xad]3\r\xd8E&gt;a\x11,\x88\xab^\x7f\xb1\x1d\xea\xd1'</t>
  </si>
  <si>
    <t>b'\xc8+\xd1\xf6\n\xf4\xfci\x88BSQ\x08r\x95%\xe3(\x9e\xa4\x90\x0c\xe1X6\xab\xb5\xa1LV\xdf\xd7'</t>
  </si>
  <si>
    <t>b'\xfa\x1fL\xbd\x06\x87\x95\x7f\xb9\x9c\xbf.\x16;nU\xed{\x95H\x8dlF\xc5\xb5\xde\xed\xf4m@U\r'</t>
  </si>
  <si>
    <t>b'\xbfiPQ\xaf\xe6^\x92\x1f"\xf3~\xb7\x13\x86+\xd2\xab\xcf\xea\xb1)\xfa\xaf\x87\xb9\x8c\xf5\xb2d\xa2X'</t>
  </si>
  <si>
    <t>b'\x14\x88\t\xc5\x84\xe6\xf9\x88-\x8c\x17T\xe5&amp;\xc1\x87kE\x86V\x88\xee\xed\x8f\xe7\xdbh^\xb5t\xc7i'</t>
  </si>
  <si>
    <t>b'\xed&amp;n0\xeb\x8f&amp;\xc58p\xb4w\xa5\xa6\xc7\x0e\xce;U\x13\xb5j\x94\x89\xa1V\xe9\xc9\xd8\xd4\xed\xfd'</t>
  </si>
  <si>
    <t>b"\xc5\x86\xbb\xab\x8a\xb8'VV\x13*=\xbf\xf4;q\x15g\xf1FlZ\xeb\x96\x1a\x9cWl!\xd0\xa6z"</t>
  </si>
  <si>
    <t>b'\x9c"Y\xa73\xca\xb5\xees\xfe\xc1\xf5\xd8\xd8\xd9G\x9cs\xc7J&gt;\x8c\x9f%\xd5\xa1\xc6\xae)yw1'</t>
  </si>
  <si>
    <t>b'\xc4GX\xdc\xd3\xb7\xe9\x1c\xa0\xb9J\xc6&gt;~\xfc\xec\xa4{-\x17$\xdalz0P\xdeO\xa6o\x04\x99'</t>
  </si>
  <si>
    <t>b'R\xc51\xf9\xc3u\xfa\xecDb\xcd\xbb\r\xf3\x86\xe8\x02\xf3\x06\xbc\xbf_\\\xa3\xfa\x8b\xf9\xb0_x9;'</t>
  </si>
  <si>
    <t>b'O\x1a\xee\x13\xb5\xfe\xeeu\xbf\xd8v}\x08\xa4\x04\xf2\xf6\xcfH\x92\xb3\x1f\xce\xb0OF\x7f\x13\x9f(\xdcQ'</t>
  </si>
  <si>
    <t>b':\xbc\xe8\xd9 \xea\xc6\xe5\x1a}-\xc3&gt;V\xf3\xa78\xc8\x90\xb0\x95\xd43Gk\xb9\xf4\xaf\x07o\xe6\xc3'</t>
  </si>
  <si>
    <t>b'\xda\x9e&amp;\x14v\x9b\xeaR\x1c\x17\x08\x05\xe5b\xfc\x13\xf0\xadM\xabT\x89\xd7b\ru\xab5\x1a\xb6\xb7"'</t>
  </si>
  <si>
    <t>b'\x84\xdeg\xd4\xab\x83\x0b^y\x9fv\xbe\xdb\xe0{\xb5DD\xa3}~$\xc2\x12 \x95\x0b\n23\x1b\xde'</t>
  </si>
  <si>
    <t>b'(\xae\xfdt\xca\x19\x1bE\xae=\xdf\x1d90\xc9L\xcd1Z\n\xe5&gt;9.\x8f\x97\xffq~h\xb0\xce'</t>
  </si>
  <si>
    <t>b'\xbbs1A\x83\xe1q\x8c\xae8\xb1\xf3\xbdS\xc3\x0f\x9b\x0fz\xa6Z\x0bSsl\xb1\xc1\x8ehs\x08B'</t>
  </si>
  <si>
    <t>b"\x89\x81)^\xc2\xac.\x94\xb6\x83\x8d\x15\xa6\xdb`\xeb\xe9\xc1\xcbx\x8b\x8e\xed=xgR\x94\xd0'&gt;R"</t>
  </si>
  <si>
    <t>b"\x06\xa10e\x97'k\x8f\x97\x1aN\xb8h\xad\x12:\xc2g+\xebU\x1a\xa1\n4\xb5\xa0\x16\xcev\xd4\xb9"</t>
  </si>
  <si>
    <t>b'\xc7\xa8:jp\xa8"\xf1"\xf4P\xd3\x92\xad\xc8\xbeI\x89w\xb8\xa1\x91\r\x96\xb1D\xb4x\x9f]\xde\\'</t>
  </si>
  <si>
    <t>b'd\xe0\x88\x9f\xa5\xa3\xbe\x02bd\xdex\xcc\x95\xc8O=ku\xc2;Wi\xce\xa8~\xa3\xbd(@\x86 '</t>
  </si>
  <si>
    <t>b'\xc0t\xa7b+\x01O\x06\x18\xdc\xe0\xbdC\x81\xad(\xd2\xf4\xf0\xc3\xf8,\x19x\x105\xedy\xbb\x17\xe9\xd6'</t>
  </si>
  <si>
    <t>b'\x17\xdfa\x88\x94\xd3\xfc\xec\x7f\x1d\xf9z\xcd\xd9\xc6\x19\x1a\xb1\xd3\xee\x13\xea=:\xa3\r?\r{c\xaa\x03'</t>
  </si>
  <si>
    <t>b'.\xa5f\xa6\x05\xcf\xc7\xc2=\x8e\x93\xda\x957\xccFJ\xeb\xbav\xc3&lt;%\xfa*\xf4:S\xc3E\xfbH'</t>
  </si>
  <si>
    <t>b',\x13\xa3NDu\xac\xc4\x9f-\x9c\xd5\xff(o\x0e\xe0\xb4&gt;z[|\x93=\x07\x15Y|c\xf9&lt;B'</t>
  </si>
  <si>
    <t>b"C\x0c\xcfGF\xde\xa7\x9fr\x00\n\x96|\xc0!\xb5\xe6K[\x9ei\x05'?\x0cE\x00\xf5\x1f\x9dF\xf9"</t>
  </si>
  <si>
    <t>b'\tpb\xe4\xa2\xa5\xfc\xdf\xdbD\xa5L\xb1%\xbf\xf1\x1bC~\x8e\x98\xab\xdb\xdb\x19M\xf6bk\xc5\x05g'</t>
  </si>
  <si>
    <t>b'}\xd1\xd9\xadb\xbaf\xf9\x9b\xb6\xa5s\xc9\x87.\x97S\x8d\x12\x15\x12K\xa7:\xc1\xc7.?\xd3\x84Up'</t>
  </si>
  <si>
    <t>b'\x7f8M\x91\xdb-\x81c\xad\xae\x7f\x8cWW\xff\x87t\x17\r\x19,v\x8a\xe9\xce\x13L\x0b&lt;\xe7\x8bK'</t>
  </si>
  <si>
    <t>b'\xa5\xa9\x8c\x94\xc6\xab\x9bl\x8e\x01\x8cg\rN\x0c\xf4\x1e\xe5\xbbT5k\xf6\xe2{3\xe9=\x9b\xb2\x87\xe4'</t>
  </si>
  <si>
    <t>b'yWN\x12\x14s\xac\xa2T\xb1^\x06\xb7\xce"I\xbbu%\x987\xfd\xd2l\x88I\x8c\xf1\x10(\xcbq'</t>
  </si>
  <si>
    <t>b'\x17\x1cp@\xff\r\xbc\xe2\x9a\xaf\xc6\xd3\xce\x1ajJ\xce\xcb7\xd0\xa5\xb5j\x1d\x16u\x1e\xe6\x15\xec\xa5p'</t>
  </si>
  <si>
    <t>b'\xe8_\x03\xd7\x97rm\xb8\x13\\\rR\xc8&amp;S\xe7U\xb7}\x03\xb1;s\x08\xa7\xcb4\xd4r\xefG\xdd'</t>
  </si>
  <si>
    <t>b'w\xec,)\xb8(\xba*\x99\xe4c#\x0f\x8bB\xd1fH_\x91\x01\xb9\x92\xcdV\x02R\xa3$/\x11]'</t>
  </si>
  <si>
    <t>b'\xc3}q\x84"_\x04\xcb\xe7\xb2\xa1P\x9a\xab\xbc4e1\x9c\xc2\xc9\xe4p\x1dH\xcaM~\xaeJ\x8c7'</t>
  </si>
  <si>
    <t>b'/\x13\x83\xa2\x94\xb6\x9a\x88\x8d\xb2\xd5\x9c\xf0\xc2\xc3\xd1{\xc07\xe5\n|\xfc"\xa1\x19\xdcl\xa4\xd8\x1eH'</t>
  </si>
  <si>
    <t>b'\xae[\xd8S\xa5Y01t\x0f\xf5o\x81\x93;\x11\x11\xf8\xda\'\x0fc\x15\\\xe3\xf3\x1a"YZ|J'</t>
  </si>
  <si>
    <t>b'1o\xa6\xaad\xdb\xe86\xd5\xdb\xfdrY4\xd7\xb7.6\x83\xf0\xd3\xcc*`\xeeh\x1f\xa3\xd0&amp;u\xfd'</t>
  </si>
  <si>
    <t>b'\xdd\x12Q\x00+N\xca\x11\x07t\xfa\x88D\xb6O\xc0\x9b\xcb\xecbkkPO\x19r\xebvH\x00G\xc0'</t>
  </si>
  <si>
    <t>b'i\xcb\xd7\xb1\xce\xf3B\x9f\x8f\x8dwo\xe4%+\x92\xb1`F\x8c\xcf\xf9\x8cXk\x86od\xcf\x8e\xae\xaf'</t>
  </si>
  <si>
    <t>b'\x8a\xdc\x83pv\x1f\xfd\xca\x8c\xda\x19\x151\xbd\x1b\xf3p\x1c\xba\xdae\xfe\xc6\xa8\xcc\xb5 *Y\xe4\xca\xd2'</t>
  </si>
  <si>
    <t>b'\xc7\xcc\x95\x18\xf8d\xc2_^\x04\x17n\xc8\xba\x0e\x98*\xff\xf9\x9b\xd8Z\x1b\xd4A\x071\xdel\xc3\xc7o'</t>
  </si>
  <si>
    <t>b'{\xdb4\xfbzt\x1cX\x0c\\\xce\xc0\xc4\x13\xdc\xa6\xa2\xd6\x96*J\x91\xa0\xb9PT\xce,\x8fC\x01\xfe'</t>
  </si>
  <si>
    <t>b'\xef\xdf\xb5\x15j\x96?B\x9d\x93\x9f\xceX\x08fYCq\xe81\xe8\x90\x01\x1a\tDM+;a\xc9a'</t>
  </si>
  <si>
    <t>b'\xbf3\x9dN\x10\xa8\x9ag\xca[\x02\xe4\x88\xa3\t#)\xd8\xa7t\xc9\x04"n;DIA\x0c\x19\xe3\xf8'</t>
  </si>
  <si>
    <t>b'\xbe\xd7\x9bI)\x05#5R\x017;+U\xd44\xb69\xea2M\x0b\xbe=\x9b\xf0\x1c\x82\xa74W\x9a'</t>
  </si>
  <si>
    <t>b'\x1a$\xc3f+&amp;\x14\xb0\x15\x03i\x8c\x92{\xaf&gt;\x0fL\xc9\xc5B\xd8\xe2P($\x97\xe0\x05$}\xd3'</t>
  </si>
  <si>
    <t>b'\xfa\x05^^\xbf\xafE}\xb2\xe46\xb7\x9e)\xfc\xff\x02\x16Q\xad\xd9\x85b;?\xa63\x178d*\t'</t>
  </si>
  <si>
    <t>b'\x92\xc5\xb0H\x80n\x8e\xc2\x88gZ\xedy\x81V\x7fJ\xca\x1f\xb3\xda(\xb1"t(\xcdz\x86\xf1\xbc\x0b'</t>
  </si>
  <si>
    <t>b'F*\xbc\xc4\x17n\xf8\xe4\xc0\xd7\xcf\x14\x01\x80vn5pX/#!\xc0\x81\xe8P\x1fJ\xf8\xf3\xcd\x97'</t>
  </si>
  <si>
    <t>b'\xb5\xdf\x9e9`Yi\x92z=\x08\xcbV-\xd1\x0c\xb9c5\x19\x87\x8e\xdf\xe6h\x91\xf9\xc2\x82\xbcR\x15'</t>
  </si>
  <si>
    <t>b'\xac\xd3\xfe\x9cY\xe6\xb9\x89\xfe\xd1Ke\xd4C\xda\x03\xd7b\x05N\x82\xb9\xf6\x0c\x88\x9a\r\x07\xc6jt\xf9'</t>
  </si>
  <si>
    <t>b" \xd8\x0fh\xcc\x99\x06N\x12\x8c\x1c\x11\xaf\xa4H\xef'+\xbd\x9a\x9b\xe1\x1ah\x0cB\x07\xae\xb6uc\x10"</t>
  </si>
  <si>
    <t>b'\x91S\x85\x18\x91\xd8\xa0\xe0\xfb\xf7\xa1\xd1\x8aR\xfb\xc6\xbf\x02\xdc4\xc1\xd0~`\x03\x01\x93\xb8\xee\x17\xa8\xfe'</t>
  </si>
  <si>
    <t>b'\xbb$\r\xe7\xdb\x9e\x849\xb6\x99N\xe0-\xc8j\xd1\xfb!\x1c\xec\xb5\xbd\xfcJP\x88\xf0\xb0W\xca\x10\xf3'</t>
  </si>
  <si>
    <t>b'\x9e\xb9\x80"\x82\x80\\\x98\xcb\xfc\x9d[\xaa\xf2%\xab\xb4\x8e\x00\x10\xf1"\xae\xfa8\x0f\xb1\x85\xdc&amp;\xff&amp;'</t>
  </si>
  <si>
    <t>b'\xba\xa7\x8a;f\xd0\x83)\x92OW\x95\xa0\xdf\xef\xf7\xccQ\x18\xef\xd5\x98\xfd\xc7z\xb4\x10\xa8~\t\x8d\xc0'</t>
  </si>
  <si>
    <t>b'`w\xb1\xff\xc3_T\xe3\x05:\x06w]\x19i,\xac\x1b%\x9d\xf3M\xc2\xd6\xec\xed\xfb\xb9\xea\x96\xfc\x8f'</t>
  </si>
  <si>
    <t>b'%\x06X\x1e}&lt;\x14\x1dQoZ\xeb\xe3I\xba!~]\x01t2\x81\x9cC\xaa}\xd7\x02\xc9?\xa7\x99'</t>
  </si>
  <si>
    <t>b'f\xb2v\x01\x9d\r\xcb\xf6\x93\x1e\x80\x8b?y\x92\x80*`J\\D\xedq\xdbf\xca\xc2QK\xa0\xa0\xcd'</t>
  </si>
  <si>
    <t>b"&lt;\xa4-\xe66\xc6X\xe1\x0c\x9d\x96%s\x81\xdam\xe39\x0cq\xf7\x00\x87\x04\x02)\xd2'!,{="</t>
  </si>
  <si>
    <t>b'\xa2\xf8nE\xddp"\xb7\n\x94n\x84j\xba\xd6q\xc8\xea\x07\xa9\xd3\xbd\x7f\xd2&gt;\xfa$P\x00G?\xeb'</t>
  </si>
  <si>
    <t>b'\xb0f\x03.\xb7$\x10e\x86\x15\x9c4-w\xbf\xcb\xd1m0\xa8\xa8J\x99GB\xf3b\xf57\xbb&amp;\xb7'</t>
  </si>
  <si>
    <t>b'\xc7\x84\xb5`7\x8c\x8e\x0f&lt;\x8f#o2n\x97\xcd\xe4Cr\xcdc\xea\xe5\x07\x11\x12\xdc\xf9AM\xa0\xf1'</t>
  </si>
  <si>
    <t>b'\x11\xba1\x08X\x1c\x00\xa5u\xd2,E\xb5|\xff\xd2\xfb\xe0c\x1f\xba\xf8{\xaf\xb2$0-\x8a\\0)'</t>
  </si>
  <si>
    <t>b"\xecs\x0e\xde\xc3\xfb\xc1\xc9\x85\x13\x87\x8cg\x0cd\xe1z\xad0KO\xf9'i\x9fS\xdf\xd3\x11}\x8bu"</t>
  </si>
  <si>
    <t>b'\x94t\\\x05\xa4\x1b\xec\x04\xa6\x82\xa1\x0f`\x1d\xe9\xbd\x92a\xf3\xb3\xf5k\x17\x82O\x9f\x81\xac\x92\xed\xb0\xaf'</t>
  </si>
  <si>
    <t>b'\xf1\x83\x97\xb4\x03\xdc\x94\xb8\x1d[_.\xf69\xb7M#L\x7f\xa6\x11\x88\xbf\xe4\x83\x9f\xc3\xe0X\x91\xbb%'</t>
  </si>
  <si>
    <t>b'\x95^\x97f\x99{m\x8c\x0f\x99^8\x83\x05/\x99\xc4\x14\xbe\xc0\xa3\xaa%\x8e\xb9{\xd1\xb9V\x85D\xfc'</t>
  </si>
  <si>
    <t>b'\x19cS\xb0\\\xf8O\xf9\x03\xd3\x00\x01\x1f\r\x91\xf1\x89lD1\x8b\xf7\xb0fb\xadg\xe6\xacE\xfb\xfb'</t>
  </si>
  <si>
    <t>b"\x01\xe1\xa7\xce\xb2\xf7\xcb\x9b\xa4\xe4\xb49\xd2\xc6\xc0\xb7;Wm\xb0\x93\xf0\xf0\xe4\xfdes\x12'\xa5\x80\t"</t>
  </si>
  <si>
    <t>b'\xbf|\x8ag\x98\xc5\x04\x11~!np\xd85\t\x80\x9d{&amp;=\xafq\x1f\xde\xd5\x0c\xfeCm$j\xca'</t>
  </si>
  <si>
    <t>b'\x96\xa2(\xd7P\xfe(\xc5:g\xc7\xf8\x83\x8cS\xa4\x92\xc1\xc5}y%\xa1\xd3H-m\x95/N&gt;Z'</t>
  </si>
  <si>
    <t>b'\x91\xf9o\xad31q\xf1`\xd9K5\xfbE\x89V\t\xfd\xb2\xf4\xff\xc9P]\x03k\x0e[\xfb\xb1D\n'</t>
  </si>
  <si>
    <t>b'\x91@\xc9\xf0v9\x8fi\x03\x7f\xdf\x92\x8f\x8c\x9cr\'\xc8\xcc\x82\x13=\xf7\xfa\x89\xb8?\x9f"\x02\x1a\xd5'</t>
  </si>
  <si>
    <t>b'\xe1\xd6}\x82\x803f^OEp\x8f\xaa\x168\xa7\xf4\x17\xe5\x10\xcf,z\x962"\xcc\xa6\x9fw\\`'</t>
  </si>
  <si>
    <t>b'\xb5\x87\x8cu\x19x\xe5,\xae\x04\xe2\x7fy\x99\x18R\xd3.\x03\xcf\xa2\xc6\xb46\xa8\xfa(&gt;\\sA]'</t>
  </si>
  <si>
    <t>b'^\xc3\xecJ\xc8KF\xd4\x00\xf4\xc6\xa1BK!\x03\x8e\xae~\xff\x87e\xd2[\xb3x\x05J~[3~'</t>
  </si>
  <si>
    <t>b'\x90\x0f\xb0&lt;R*}FX\xc0\x11\xcc\x9b]\xa1\xc8\xdev\x0f\x0e\x8a\x80%{\x8f+TM\x19t\xb6-'</t>
  </si>
  <si>
    <t>b'\xd8\x00\xfe\x08\x9d\xfe2D\xf4\xe4\xa4\x1c\xe9\x97&gt;\xbc\xaf\xd5\xc5\xa5\xc88\xd0$\xa2l\xa9\xa1\\\x90H\xbc'</t>
  </si>
  <si>
    <t>b'\xf9]5\x8e\xe4\x10\x04\x94\xceMm\xb5\x9a\x9fq\n\xfa\x0f\xd0\xd9\x134\xe6\x9c\xca\x8dC8\xac\xeaM\x05'</t>
  </si>
  <si>
    <t>b'\x14l\xbc\xaf\xcaUp\xc7\xeeO\xb2\x9cl\x89\xe5\xa0\xdf\xe9\xafhq\xe0\xf0\x00*e\x0e\x00\x03\xcf\xcf\x90'</t>
  </si>
  <si>
    <t>b'\xc0\x80\xc8\x90\xb1w^\x0f\xa1\x93,\xf8\xa5\x1e\xb2s\xc7\xc6\xa5\xfc \xd7R\xc0E\xdf\xcc\xcc\x9f\xd1a\xb4'</t>
  </si>
  <si>
    <t>b"\xc4\x8b\xcc`Z\xa1@-\xf6.\xb1N%#k*\x89\xce'\xa8\xd5\x88\xbea1\xe0r\xab\xcb\x12\xc1\x92"</t>
  </si>
  <si>
    <t>b'\x11)\xde\x19\xf8NC\xd4\x031\\\xe3\xdf\xcb\xf8\xc1\x13DZ\xeb\x1d\xa7\x17|\xd8XN\x07\xa2\xdaG\xf2'</t>
  </si>
  <si>
    <t>b'\xf8o\xf8\xa42\xa5\x00\x95\xd1=\x97\xfc\xfb\x90\x863P\x83\xf2\x13\xf1\x1e\xc2\xbb\x15\xc5\x0f3\xcb\xefR\x97'</t>
  </si>
  <si>
    <t>b'\xb0\x9fD\xfe\n\xa4\xa6\xfd\xe4\xf7z;\xe4:\xa2\x86N\x8a\x8b\xd2\x06j\\\xb9\x10\xdat\xf1d\xabpU'</t>
  </si>
  <si>
    <t>b'\xdb\xe2~t\x87\x06u\xe7eV`\n\xb7\xa05\xea^\xe6k\xca\xf1\x81j@\x9a\xb969\xb1z\xef\xf2'</t>
  </si>
  <si>
    <t>b'\xf3p`o\xb6\xe8gX\x96di\xc0\xfc\xb7\x7f\xcf\x92H|\x9f7xX\xdc\xd3\xb4\x92\xc7\x96\xcc\x1e\xbc'</t>
  </si>
  <si>
    <t>b';\x81,R!lj\x7f\xa7\xef\xbck\xa243\xf3\x99\xbdg\xfb\xc9.&lt;:Z\xadQo\xc1\x9c\xe9k'</t>
  </si>
  <si>
    <t>b'\xb4\xbe\xc1Cn\xbcd\xb0\xe7\x04";v\xf8\xbe\xf8\xc3\x82\t\xcd{\x0f\xd0\x8e\xca\x9e\xd0\xd6\x7f\xa02\xd7'</t>
  </si>
  <si>
    <t>b'\x0f\xb0\xd4&lt;/E|1\x85k\x87\xdb\xad*i\xf3q\xe3\x0f\xc9\xf6\xb0BC\x03\xdcU\xfd\xc3\x80\x8e5'</t>
  </si>
  <si>
    <t>b'kU\x7f\xb0\xa3\xfb\xe1\xd5\xdb5j V\xf6\xf7\xb0\xe7AH\x9f\xd4\x07\x19j\x96w\xf8\xd6\x9d\x96\xd7\xd2'</t>
  </si>
  <si>
    <t>b'\xe7\xd6\xe15&amp;&gt;\x1f\xc7wn\xb9\xa6\xf7j\xe9\xc1=X\xb9UI&lt;\xec2q\xee\x84A&gt;\x9b\xa4o'</t>
  </si>
  <si>
    <t>b'\x0fVzP\x08\xaf\x1c}I\xa4\x1f\xb1\xa7-\xd1u\xa6\xbe\x89\xa63\xff\xa0\xb0\xc5[\xf9&lt;\xa52jk'</t>
  </si>
  <si>
    <t>b"\xc4\xaf\x17\x0c3\xb6&gt;F\x06\xc1\x8b|\xcb\xac\x9dBD\xf3\xdf\xf3o'\xd8\xbcD\xa3\xbb$n\xaa+7"</t>
  </si>
  <si>
    <t>b'\x7f}\x81\x11\x10\xac\xe3=\x9b\xba{xa\xb2\xec\x8aFz\xd2b2(N\x1b-\xa0\xe7\x94\x04\xdc\xe8z'</t>
  </si>
  <si>
    <t>b'\x81\xb7\xfb7B\x98\xba\x08k\x0b\xf7\x80]t_*,66\xc2v0Wf\xf6Z,\x19\xbd\xe8\xb9\x1f'</t>
  </si>
  <si>
    <t>b'\xef"\xf9\x9bYpMf\xa6\xbbv\xab\xc9]\x8bt\xf9\x87\x1c\xe2}|\xd0\x91\x01DW\xf1\x05\x9d\xdb\xf9'</t>
  </si>
  <si>
    <t>b'\x14;\x0b\x82f2j\xe0\xb6+\x14\xb5P2X\x07\xbe\x0b\x9e\xec\x16m1Z\xa3\xdaf\x05\x07\xdb\xa9\x1e'</t>
  </si>
  <si>
    <t>b'\x8b\xa0_\xc7\xc7\xb9\x15&gt;\xa7\xba%\xfaz\x02\xac~/\x1e\x91\x9dO\x14Q}\x1f\x0c%\xf9\xd3\xe6\xb5\xea'</t>
  </si>
  <si>
    <t>b"Q\xffy[\xe9\xb3#\xb4\xeb2\x05=_\xd9'\xe4\xc3h\xd8\xa8k\xf2\xb2.\xe9\x11\xd9\x08^\x08nC"</t>
  </si>
  <si>
    <t>b"\xa9'\xbdd\x89#)%\nC\xd1\x99\x19\xcf|\xca\xcd&gt;\xc0gh\xaa~6\xfe\xbb\xe2\x80\x15\xf7\x9d\x82"</t>
  </si>
  <si>
    <t>b'0\xd4\xbe\xed\xe4\xf6^r\x8512?\x9f\x9co+u\xedx\x1d\x02R\xd1MT\xc4J\x1et\xd8 |'</t>
  </si>
  <si>
    <t>b'\xe7\x02\x11\x1c\x14\xf1;\xf0\x11G\x16C\x9d\x0c\xe0\x88\x8f\xb4\xb1\xeaj\x12\x7f\x01\xf1\x98\xa8\xff]\xea\xae\xd0'</t>
  </si>
  <si>
    <t>b'\xfb\xe7/\xa2P\x07\xcdy\xf3\x11\x1b=\x86\xc5f\xb3\xa4\x13\n\xaa\xb99}\xb3\xb6\xbdvd\x04\xcc\x1b\xc7'</t>
  </si>
  <si>
    <t>b'\x1c\xd2\xea)\x06+cl\xaaE\xc7J\x8f\t\xd2\xd4\xb0\x08\xd5\xc2\xdcZ\xc2\x9f\x8d\x07*\xf3\x11\xd7D\x1c'</t>
  </si>
  <si>
    <t>b',[p_km#\xd7\xb9\xe5C\xf4g\xe5=mdP\t\xf6}\x8cV\x87y}\xa7^\xaalE\x9d'</t>
  </si>
  <si>
    <t>b'{\xace\xb2-\x90\xfc\x9fd\xc9i3J\xfa\x16\xbb\xd1A\xe5\x9b\xc3\xd5`\xf7fK\x08\xd31\xeb\x99&amp;'</t>
  </si>
  <si>
    <t>b'{h8\xf3[\xaf\x94J\xfb:ht\x10\x8e;\xe0\x81\xca\xbb\xad7\xf1apK_6E\xa5\xcc{5'</t>
  </si>
  <si>
    <t>b'\x1f\xeb\x9ci\xb7!\xbd{\x0e\x1d\xd3w\xf4\x94\x0b\xf0\xe5V\\\xed\x125\xeb\x11\xd2u\xc0\xf8\x80\x81\xa1\xf5'</t>
  </si>
  <si>
    <t>b'\xad}\x1c\xfe\xe4\xb5\xd7\x1e\x0fQ\xda\xdf)\x145\x1d\xda\x10\xf0"P\xf1\xe9 \xc1~\xfd)\xf5\x8c\xae\t'</t>
  </si>
  <si>
    <t>b'\xf7\x0eW\xd5\x7f\xdd\x96\x13\x98\xd1h\x8f\xb4\x8cg\x89\x1c\x89\xe4\xee\xb6\x9f0\xe2\xa0\x15\x1c\xd2\xff\x14N\xc5'</t>
  </si>
  <si>
    <t>b'\xc7B\xc9\x88\xa3eZ&lt;L\xb6L&amp;\xed\x1e\xde\x87\xe3\xc6\xeeW\xd1o7&lt;\xfd\xc1\xf5Q\x0e\xd0\xae\x8a'</t>
  </si>
  <si>
    <t>b"\xd2\x99\xfe\x14We\xa4\x98\x80:\xfe\xf4wv4@\xf4\x9d'\xef3 (~Cp\x18\xd1-\xdd\x16\xe8"</t>
  </si>
  <si>
    <t>b'=\x03\xa1aR+"\x7f\x9b\xceT\x83\xf2\xc3\xa3\xede%e`\xc1\x88m\xc1\x01f\xe3\x7f\xc2\xbbx{'</t>
  </si>
  <si>
    <t>b'\x8d,\xa2r&gt;\xe51\xd7\xc1\xce4\xfb\xc4\x9d\x94\xb9\xeb2\x1d|\r\x99\xc0\xe7\xa9\xaf\xa4\x8c\x7fk\xa8\x00'</t>
  </si>
  <si>
    <t>b'3\xda\x1d\xd7\x18x_\xd2\xdd\xcd3g]\x96\x18\xea\xa9\x86\xe2z0\x92\xf6\x14\xaa.\rk\x8e\xc1\x0e\xfc'</t>
  </si>
  <si>
    <t>b'P4{\xf2\xdf\xe8\xce\xfcQ\xb1\x13\x8d2[X[\xa7\xe4\xd9\x19sU\xb6O\x9eN\x0cA\x92\xc3\xfdX'</t>
  </si>
  <si>
    <t>b"\x9f7\x1c\xe0\xf4\xcc:)\xa5x\xeb_\xb4\x1c\xe5r2t\x90\xdd\x06Tp\xa3.\xd3\xe5\xd5\xf5\xc7\x8a'"</t>
  </si>
  <si>
    <t>b'\x8d\xd9\xd3\x8d\x1c&amp;A2{\x123i\x8b\xa9\xf7\xd0\x0b\xb4r\xb5\xb0pJ\xaa\xe9\x18\x0c\x83\xec\xf9`('</t>
  </si>
  <si>
    <t>b'\xda\xff\x16\xfb\xac\xde\xba\x04\x10^\xf5\xb7\xa8T\tk+\xf0 #\x81\xf3\x86\x8e\xd4\xbf\xe5\x03IlCL'</t>
  </si>
  <si>
    <t>b'#R5\xf5~2\xb3\x8d\xc9\xf3\x8dbE\xcdlt\x9fOL\x89\xd0~:\xb6\xe3\x06\xe51\xf8\xa2|\x12'</t>
  </si>
  <si>
    <t>b'\xa3\xfah\x94\x960\x89\x17\xcd?\xa1\x9aG\x0cEFa\xce\x8a\x90\x06Lnt\x17eT?K\xd7\xb4u'</t>
  </si>
  <si>
    <t>b"\xf5t\x01@h'\xb0\x8f\xa1z$\xdfn\x0e\xb3=\x82\t\x8b=]\xb0C\x97\x06\xef\xaaT\x88D\x1f="</t>
  </si>
  <si>
    <t>b'\xeb\x9c\n\x10\x1bGvYB\x82_\xe5\x8d\x06\xd8x\xc5\x9c&amp;E \xf2q\x9c\xf1\xa5\x15\x88rd\x9eh'</t>
  </si>
  <si>
    <t>b'\xc7\xaaz\x99\x9f}{\xd5\xf4\x18\x8c|A\xfe\xe5\xf1Y\x01Q\xa0\x9f\x83\xd8\x13Z#\xd92\xfd:Cg'</t>
  </si>
  <si>
    <t>b'\x8d\x8c\x18\x93\xaeQ\x92\x15\x13\xdb:\x08x+\xf1ED2\x01\x14&lt;h\xf0q\xde\xc7\xfb\x91\xe9\xc5\xca\xe2'</t>
  </si>
  <si>
    <t>b'\x93\x1aF\x98U_\xd0%\x89\xe9\xa8r2m\x13`#\xdf\xe4\x14s=\x92\xbb\xe7\xa7W\xca\xeel\x9a\xeb'</t>
  </si>
  <si>
    <t>b':\xf6\xf5\xb8\x83\xbd\xe7\xbc\x81\xcc\xe8L\xe10\x10\x1eb\x1b\x07\x1c[Gx\xd0\x1c0\xeb\xedV\xc5\x89\xec'</t>
  </si>
  <si>
    <t>b'\xaa\xd7\xc61\xf2\xbfcx\xc2\x0blO\xcb\x9c\x80&lt;#\xbaIO\xab\x0b\xfe\xd6E\x18!S\xfc\x9a\xf4\xb6'</t>
  </si>
  <si>
    <t>b'kL\x9b\xff\x1a\x05\x15\x02\xdfJ\xa2\x82\xb3\x15\xe4\xa9\x02}\xed&lt;\x0c\t\x81\xcf"\xa8\x00\xb4\xe6/{W'</t>
  </si>
  <si>
    <t>b"\xa0\xf4\xe5\x8c!\xa9\xd1\x93\xf5\x83\xa1%\xa0\xce\xb5lq\xfe'\xf7\xb8\x80\x1e\x91s\xa4\xf9D\xb4\xd5\x11I"</t>
  </si>
  <si>
    <t>b'W\xe9\x8e\x83\xab\xd4\xbew\x109\xa7F\x8e\x89w0\xfb\x96\xc9\xeb\xb9\x0c\xfcM\xd2P\x84yk\xbf\xf8\xd0'</t>
  </si>
  <si>
    <t>b'\r0\xf7\xf0\xa2\xa2\x9e\xb5(qH\xdb\x19us\xa0o\xc0\x02Vs\x1a\xb0\xce\x00|\xc6\xa1(\x08\xe9O'</t>
  </si>
  <si>
    <t>b"\x80'\xd5\x9f\x1eZm|\xe8Tl\xb4P'z;\x97\x99\xed\xb53\xb8\xb5t\xf6Zp\xc6Z\xe4I\x92"</t>
  </si>
  <si>
    <t>b'/U\xf2\x98vaw#\xd9\x1d\x87-\xd3\xfb\xd3\x8d\n\x17HIJ\x978\xfd:}~\xee\xa2CH/'</t>
  </si>
  <si>
    <t>b'\xce\xe2d\x1b\xad?\xe7]D9\xc0|\x05\xf6\xa6\xd7\xc1\xc93\xa6\x87\xb7i\x8d\x9eZS2[\x18\xd3\xac'</t>
  </si>
  <si>
    <t>b'\xb6\xbb\x1e\xa1l\xfc|\xeb\xe6g\x1b\xc0%\x8c6\xaa\x00\x9a\xcam1\x04d\xec\x96M\xbbF\r4"\x84'</t>
  </si>
  <si>
    <t>b'KM0\xc6\xed\xa1tmN\x9c|\xb7\xe5\x92bN\x9f\xe6\xfd?\x015\xf4\x19\xa8r\xb5\x13b\x9d\xdcl'</t>
  </si>
  <si>
    <t>b'4\xfc8\xe6\r\x95\xdds\x04\\H\xf6t&gt;\x82\xcbz\xd1\xcc:ag-\x06\x07\xb3\x08\xca\x14v\xe6\xf4'</t>
  </si>
  <si>
    <t>b'm\x9fX\x05\xa4\xcePV\x0crOE*W\xa0\n\xdc\x1a\xa0\xa4\x8abC9\xc9\xe6\xa6\x8f\xd6Q\x88\x9c'</t>
  </si>
  <si>
    <t>b'\xbc\xe9\x06\xe3.\xc7\xd5\x13\x9c\x12\xce\x1a\x89\xc43v\xe2\xaf\x10\xfe\xf8\xe3gN\xc2\x16\x93N\xc5\xc6\x14i'</t>
  </si>
  <si>
    <t>b'\xe2\xfe\x93\xe4\xf8\x00h\xbe\x89\x9e\xbd\x85a\xee\x7f\xdbd!c\x0c\xbfoe\xbb6O)n\x87\x1dD\xef'</t>
  </si>
  <si>
    <t>b'\xbf}\xc0PH\xaf\xdd\x02\xfe\x0b\x19\x98`\xde\xd8x\xea\xcc~Y\x9a\xcd\x87\xbb\xb6\x81(\xb4\x91\xe8r\x0b'</t>
  </si>
  <si>
    <t>b'1\xdd\x0b\xaa\xbc{\xf1\xd2\x11\xf8\x0c0H\xb9]\xc7\x00W&amp;o\xda\x9bU;H\xf1\xabif\xfe\x12\x87'</t>
  </si>
  <si>
    <t>b'\xef?\xd2\x98\xec\xa0\xc1p\xd5@\xfd\x11!\xda-\xc9\x9f\xf5\xf3\xc5H2{\xf1\xad\x93\x9c\x15y\x1b\x0b\n'</t>
  </si>
  <si>
    <t>b"?\xe2tX\x19\x8c|'\\4\x80/\x13\x0e\xf7?\xa1j\xc0~}\xa2$&gt;\xee\xd4\xdc\xa3\x8f\xc2XP"</t>
  </si>
  <si>
    <t>b'o5\xc5r+\xe8x\xb4+`\x1ey!\xea\xfd-\xf1Z\x0f5G\x8e\xd1\xaa$\xff\xfdoq\xa6\xef\xc1'</t>
  </si>
  <si>
    <t>b'\xcab(!\xe8\xa3.\xd74\xc4f\x85\xba\x00\xd8;\x92\x0e\xb0\xf5y\xb5o\xa3~\xa8\xf4\xce\x9c-\xd0\n'</t>
  </si>
  <si>
    <t>b'\xec\xff\xfc\xba\x05=\xf3\n\xf9\x16\xc74h9VD{^\x81\x14Q\x99\x9d\x06\xac\xfb\xd1\xbdC\xfc\x17c'</t>
  </si>
  <si>
    <t>b'\t\xf6\xcaD\x08\xbe\x08\xb0\x91!\xe8J\x03\xe7g\x1bl\x12\xf8\xe7\xda\xd4J\xf8W\xfc\x8d\xda\\Sl\x94'</t>
  </si>
  <si>
    <t>b"#m_y4\x85\x93!\xe3q\xa4\xf5X\xde'=\x9a:\xd0\xd6H\xf1\x82\xad\xe6K\x81\xee$\xcd}\xdb"</t>
  </si>
  <si>
    <t>b"&lt;\xff\xe6:'\n\xa7\xdd\x0c\x1a&amp;w\x91e(L`p\xaa\xe3\x01}\xd1\xa0\xea\xbdcy\x87\xe1\x15e"</t>
  </si>
  <si>
    <t>b'\x8b\xb8\xdcD\x10x\x8d\xed\x8c\x9bB1\x14r\xb7\xa9\xe9ZGt\xea\xb4Dw\xd8cRE1\x91\x98\x19'</t>
  </si>
  <si>
    <t>b'qRS\xf1\xc1\xaf\x86Oj_l2\x86$k\x9e\xbd!\xb9U\xfao\x98\xac\xc7`\xae~\xc60\x04\xa0'</t>
  </si>
  <si>
    <t>b'\x0b\x0e\xc0\x18\x94\xe7\x84\x08\x02_\xe8\xae\x8c\x16\xe7eF~\xb6\x89\xf5\xaa\xc40Zh\xb5\xc0\x85\x9c\x02\xda'</t>
  </si>
  <si>
    <t>b'\\U\xbfg\xd1\r\xaf\xd4\xe1\x18\x91upS\xb0}\xc6\xba\xce!\xe9r\x8e\xd9:\xdc\xf4Ji\x8e\x1e1'</t>
  </si>
  <si>
    <t>b'\x18\xa8\x8cX\xd5Z\xe8\x9f \xc5\x13\xd1\xec\xce\xd07\xe4\xa5wi/\x94\xec\xc0\x02\x19\x0b\x7fw\xb9\\7'</t>
  </si>
  <si>
    <t>b'\xc2\xaav\x8f%\x13\x01\xda\x88\xc2\xd1\xda\x88%\xe2\xbb\x1c\x8f\t\xb8\xcd\x17\x91\xd2\xdap\x9dX\t\xa8\x83\xa8'</t>
  </si>
  <si>
    <t>b'\xc2\xd8\xd5``\xd0\x96\x0c\x11\xbc\xad\xe3\xcd\xe8G\xc0 w1WG\xf1\x05\x04\x15`\x86D\xed\x97\xb8\xe3'</t>
  </si>
  <si>
    <t>b'\xde^\xc1\x06&gt;\x7f\xa1\xbb\xbc\xc0\x9e\xd78z;z&lt;\x8e\xeb\xf3\xd6\xb9g\xf2\x87o\xd4uk\xca\x87\x02'</t>
  </si>
  <si>
    <t>b'\xc0\xea\xa6\xf2\x81S\x12\xffe\x99\xe3i\x98&amp;^\x96?\x1b\xd3rLO\x1a2p\xb0m\xe7\xd0\n\xec\xb8'</t>
  </si>
  <si>
    <t>b'\xc0o\xbf2\xcca\x9f\x91\xa5\x7f\x18\x8a\x00\xccd{\x1f\xe5\x17\xd1.H\x00\x81F\x18\x95\n\xd1\x12\xd0\xb0'</t>
  </si>
  <si>
    <t>b"EU\x8cn\xf7\x82*\xf0\xe2\xd9[\x13i\x87@\xbdX\x84\xf4\x193\x1a\x89p'\xc1\x1d\\\xa3\xc4\xd9k"</t>
  </si>
  <si>
    <t>b'\xdahq\xba\xd3Z\x15\xdd\x00\xb8\x13\xd0j\xcb\xaf\x03\x85q\xdd0\x13\xc0\xa0l\xb0L\xd6m\xb25\xceZ'</t>
  </si>
  <si>
    <t>b'L\x0b\x93`\xc5\xfc\xe0\x1bh\xedD\x80\x83\xc2\x8c5\xb3\x92\xd4\x06\x90\xb4\xe1o\x1e\xac\xe2\xf7\x1au\xccg'</t>
  </si>
  <si>
    <t>b'\x13\xfe2j\xf1\xec*\x81\x8c%l\xca \xcf\x07\x12B&amp;\x81\xfd\x82f\xf6\x84\xd9W\xc4}2Q\xf7\xda'</t>
  </si>
  <si>
    <t>b'\x11o\xa8\xb9\x89/\xd5!\xe7\xf2\xf1\x1a,\xa7[\xd0\xa3{3\xe1Z1\xe2\xbc\xaa\xbc\xeb \x80\xa9\xca\xdf'</t>
  </si>
  <si>
    <t>b'J]\xdf\x01\xeb\x8dj\xa1\xdai\xd1\xf3\xfcv\xd4V1]m\xe7\x10/\x9973\xd5&amp;\xb0\xf0\xcdg\x87'</t>
  </si>
  <si>
    <t>b'\xb5\x99um\xf2\xd4\xa7\xeb\xd3f\xd8\x94z0\xf2\x080 \x15@\xe2\xbby}\n\xa8\xe8\xf9\xf7M\x0f\xc0'</t>
  </si>
  <si>
    <t>b'\xa7\x84\xd0R\xeb\x84\xc2\x03\x95M\x9a\xee\xcd\xbe\x18\xcf\x00Rj\x8b\x95\xf7Y\xab&gt;\xd8`\xd7w\xa7\xdas'</t>
  </si>
  <si>
    <t>b"\xef\xe7\xc8\xe8\xc9K'\x06\xfc\x0bIC(\x05e\xceY\xe2t\xb8~\x1eT\x15!\x90i\x02\x87zz\x81"</t>
  </si>
  <si>
    <t>b"Y\\\xb0n\x01\xa9\xc3\xcf2A\xae$\x96?\xf2\xc9\x1f\x13\xef2\xb2\x9f\x1f'\x1bu\xac\xe7\xe2\xb9\x05\xc9"</t>
  </si>
  <si>
    <t>b'\xcb\xbf\r\xed\x0b\x8dE\xb3\x9e\xf3nG\xba\x01\xa2\xb9\xdc\xdb\xa4M\xba\xff\xed&lt;\xc7\r\x1d\xb8\xdb\x8b\x9e\x16'</t>
  </si>
  <si>
    <t>b"\xdeC\xe8k\x94\x8c\x8a\xf3j\x9fa\x15\x0c\xfbc&gt;\xda\xfa\xf4\xf3\xf8\xc0\xc1\xb7\x91FD\xde\xdb\xa5\x1e'"</t>
  </si>
  <si>
    <t>b"\x8b\x81J\xafOW'+\x9a\xf2\xf8\xc5\xa9*?\xeb\xdf\x021d\xc1Z\xa1\x82n\xec\xe5\xa8\r\x83}\xe9"</t>
  </si>
  <si>
    <t>b'\x7fP\xd6\xa6\xcb?\xb3\x1cKa\x82\xdd\xf8y\x87\xba\xfbF\x11iK\x9d`\xf2\xbe\x9aN\xe5%\xa9A\x8b'</t>
  </si>
  <si>
    <t>b'vT[\xea:ypJR\x86\x8e\xbb\xcc\xef\x15C\xccu\x88\xfeE\x87\x01y\xc4\xe2\xf0:\x86\n\xbe\xdd'</t>
  </si>
  <si>
    <t>b'k\xd3 [B\xf3:\xbe\x9c\xa5$r\x19\xe9\xc3`\x867\xcf\xa5\xe7)\x9e/\xe0w\xac\x8a\xc1\x8b\x806'</t>
  </si>
  <si>
    <t>b'\xe28\xfc\x8c\xf0\x11\x17W\xbb\n\x94\xb5zx*\xe8\xf8\x8aU\\\xce\xd0\t\x9f/(\xf4\x8f\xa3\xc4\xa6\xeb'</t>
  </si>
  <si>
    <t>b'\x83\xf6\xa1b\xbe\xe25\x879t\xc3\xd7\xf9\xb0\xba\x1a\xf9h\xbaJ\xf1\x975Y\xc8\xa9\x0c\x7f\xe1\x82C\xf5'</t>
  </si>
  <si>
    <t>b'\xad\x11^u_{\xc1\x05B\xfb.\xf1\x13J\xbf\x86\xb2\xa7)&lt;~\xf3$\xe5\x8eI\xeb\x9e\x05\xf6\x1f,'</t>
  </si>
  <si>
    <t>b'\xd6\xc4q\xb6\xe0\xb2\x12\xef`C\xa4\xef-\x98\x1b^\xf8\x94+/\t\xe5g\xa9a\xc1\xcf\xa6k[\xbf\x00'</t>
  </si>
  <si>
    <t>b'c:\x9f,\xc2\xb2e8I\xbf\xe8\xb1\xc5\xec\xa4\x02\xc3\x8b;\x02X)\x13\xbe\x9b\xa0\x86\x9a\x00\x8f\x0e\x11'</t>
  </si>
  <si>
    <t>b'\x15\xd8\xdb\x04\xce\xe8\xc9\t\xb4/~C\x05\x1f\xe6V\xb3\x90\x8b*\xb0\xbex\xf1t\xec\xa5\xab\x9b\t\xc10'</t>
  </si>
  <si>
    <t>b'D\x8c\x9c\x19\x88Vb\xe0d\x0e\x8e\x93\x85\x10K\x8d1\xd1\xae\xb9o\xebQ&lt;\xaem.\x1b\x16h\x15\xdf'</t>
  </si>
  <si>
    <t>b'\x97\x98\x8b\x02\xeb6\xdb\xce\xe0\xa3" \x9d\t\x10\x8bv6(\x99\xd1\xd9\xfc\xa7q\xc7\xf9\x88&gt;g\xed&amp;'</t>
  </si>
  <si>
    <t>b'\xf4\x85\xc5\xc1\x90\xfd0\x1f\xaa\xbf\xd7+\xe9C\xabF\x01\xc1\xc7\x85\xeb\x81D\xe0MB\xf2)\x1b\xd2\x1a\xdd'</t>
  </si>
  <si>
    <t>b'p\x9c\x0el\x88\x11\x8dbk/\x0b,\xe9\x9c\xe5\xce/\x88\x05\xf3\xf9\x12\x08\xcf\x84\xa8\x89\xd0TCf\x08'</t>
  </si>
  <si>
    <t>b'\xcbw\xf6\xff\x0c\xbb&lt;\xb7\xde(\xe9\x88\x97\x02\xb2\xe6\xf7\xacd\x9e-\x14\xd25(\xbc\xa2\xf2\xf7&gt;\x0e\x7f'</t>
  </si>
  <si>
    <t>b'\x11E\xe3X\xb5x\x12\x1a\x0b[K\x8c\xc4\x8eOZY\xc5\x1cF\x8f\x94\xfb\xcaO\x90\x15Q\xc7\x9a\xdb\xcf'</t>
  </si>
  <si>
    <t>b'\x1b\x9c\xc7\xcf\x7f\x04|\xfa\xe4\xccOR\x0e\xa5\xd6\xd0\x16d\x15\n\x8d\xacb\xee5|z\xeb\x1a\x9a\x16\xe7'</t>
  </si>
  <si>
    <t>b'k\xb23\x19e\xfc\nt\xb4\xd2\xd7\x9f\x82U\xfe\x88\xf3\xff^\xc2\xf2\xfe\xe1+!m=h\xd7lS2'</t>
  </si>
  <si>
    <t>b'Sv\x8bIcBPy*\x93\xb0\x83\xbd3\xc7\xd3\xbf\x0b\x8d\xbc\x13\x17\xdd\xc4\xe6\xedW0a\x06:\xbd'</t>
  </si>
  <si>
    <t>b'\xb3"\x119\xde3\x1bAJ\xc1l\x87\xe8|\xf7\x064\x83 \xe5\xd3\xbf\x1f\xfbZ\x00\xa8\x92H\x18\x92"'</t>
  </si>
  <si>
    <t>b'\xd9\xc6I\x02m\xc25\xbcul\xc7\xce,\xf3\xb5Z\x85&amp;\xfd}_\xb7\x1b\xe4j\x1b\xd8\xc8\xd7\x015@'</t>
  </si>
  <si>
    <t>b'Oc\x81d_\x9f\x80\x18\xd4M\x8b\xc0T\x08\xc8\xaf-v\xd1\xc0"\xcc\x9b\xd9\xa7\xec\x08a&lt;\xed\x1e\xe8'</t>
  </si>
  <si>
    <t>b'O^\xa2\x18\xb4`j\x8a\xf3\x04\xe1\x94&lt;8\xdcV\xab\xed\xf5AX\x04,z\x83\x9f\xe36a\xd4\x17H'</t>
  </si>
  <si>
    <t>b'\x9b\xc4\xc1\x02\xd2u\xe3\xccg\x80)}\x16\xc7g\x0e7\xf0\nM\xd2\xbd\x8e3&amp;&lt;\xf1\x9c\xe9\x01L\xcc'</t>
  </si>
  <si>
    <t>b'8\x8a\xc0\xd7\r\xc1B7\x8a6\x0c\xf5_\xdb\xf1\xa8\x07\xf1i?\x0fEF\xe7\x0b\x9eW\xa8\xec\xa0\x94\xf2'</t>
  </si>
  <si>
    <t>b'\xe8\xb5`S~$e\xadj\xe5\x92\x02\tzm#\x89\xd3\x10\x97@\xc0&lt;\xc3\xa6in\xcc\xb6\x0bZ\x85'</t>
  </si>
  <si>
    <t>b'\x9a\x9d_X\xdd\x8b\xf1\xefwN\x03\xaf8+\xad\xac\xbf#\xb1x\xc9(\xddu\r3\xca\xf2\x95\xf1\xfe\xe3'</t>
  </si>
  <si>
    <t>b'\xa1\x17\xa4\xa3c\xf1\xf3\x8b\xae\x84\x00m\xaf\x03\x9f\xe8\x81$*g\x00ws|G\xed9G\xc5r\xd6\xef'</t>
  </si>
  <si>
    <t>b'\xe0W\xebI\xfb*\x98\xe8?\xb0\xbd\x17\xd0\xe5\xfbv/\xab\x93&gt;\xde\xeb@\xd6\xb2(\x83\x02u\x05\xa0\x1e'</t>
  </si>
  <si>
    <t>b'+v\xd8S"Z7\xe9m\x88\xd9\r\x8e\x8b^h\xaf\xa8\xf4\x9e\xa0\xf5\xb2\x94Z\xa6A\\7=3\x19'</t>
  </si>
  <si>
    <t>b'\x8d\xf2\x9c\xc3\x10\xc3\xb8^\xedW\xfd\x94\xea\x94a\xe1\xeei\xeb\xc1M\xdc\xf3Q\x8d\xef=*\xfe\x06Z\xc9'</t>
  </si>
  <si>
    <t>b'\x1es\xb0\xf4\x02\xc0O\xda\xc8\x18\x83\xc5\xe4\xd0\xab\x93e\x8b\xefb\xe1\nuQ@\x87\x08\xd5\xe4\xa7_~'</t>
  </si>
  <si>
    <t>b'P\x84\x8c\xc1o\x90\xb8\xe3\x8b\x89\x19i\xf30)\xe3\x91\xf1\xbb\xf2\x8f\x81X\x9e\xd2\x17N\xd5\x85\x0cml'</t>
  </si>
  <si>
    <t>b'\xce\x03\x94\xbdQ\x9d\x8f\xca\x02\xcf\xc2c\xd29W\xfe\xa9\xa1Je\xe7\xd7^k\x1a\xb2\x03\x91\xd2]\xac\xc4'</t>
  </si>
  <si>
    <t>b'rB\x08\xe3\xd8\xce\xed\x83x\x0f_GJ*\x90gi\xd7\xb1p\xd5\xdd\xc7\xdd\xde\xf6\xdc\xbf.\xa97\xd8'</t>
  </si>
  <si>
    <t>b'\x01\xc25,d\xa8\xcc\x9f?\xfb{\x9cb\xc1\xe1n\xdb\xd8\xd8\xcag\tY\xa51\xe5\xa4\xf6R\xcdb\xe7'</t>
  </si>
  <si>
    <t>b'\x17#\xf3#\xf05?9\xfekf]U\x1c\x8b\x06\xb6\x0bwm`&gt;\xa4\xe8\x152\xed\x13\xeb\xf9"Q'</t>
  </si>
  <si>
    <t>b'\xacN\xef\xd3\xcc\xff3\xef\x97\xb8a\xa3\xa5\x10: \xa5\xac\xa3?\xaa\xcb&gt;\xae4`\xd8\x80\xfc\x06(\x0c'</t>
  </si>
  <si>
    <t>b'\x8d\x8d\x1e\xe0\x0byPf\x13\xa5QX\xe3D\x04\x05B\xefA\tzEB\xd5\xb9\x01\xff\x91\xf3\r\xc9\xfd'</t>
  </si>
  <si>
    <t>b'e\xf2\xbckr\x1d!\x96\xbc\xfe\xa0^\x0b\\f\x11f\xdcp\xda\x18Se\x98\x16\xa1S{*\x84\x16W'</t>
  </si>
  <si>
    <t>b'$*\xb6\x1fB3[\x88\xd8\x94n\x16\xa8\x83\xf0\xa8\xe5\xe9i-c"\xfb#\xa9\xc5{&amp;\xfawQ\xde'</t>
  </si>
  <si>
    <t>b'8a\xec\x1cf`d\x13\xbe\xef\xc1s\x01\xa5c\xdcG\x97?\xa1\x9e[Ip\xee\xf2\r\x18E\x92\x1b\x18'</t>
  </si>
  <si>
    <t>b'{\xf3\x1a\x1d\x7f\x98\xf6Z\xe9$9Q\x92(\xe0\\\x8e\xd9B\xd9\xb6^\xa6\xf0Y\x0f\t\xd7\x86^\x07!'</t>
  </si>
  <si>
    <t>b'Ol\xdf\xf4\xe7\xc2\x03\xaf\x8d\x07\x9e\x06\x13\xb3)u\xf3\xfbd\xa18\xf7\x96\x97Y\xa4l^\xf7\x82\xd8\x88'</t>
  </si>
  <si>
    <t>b't\x85\xad\x86b\xea\x17\xe8\xc8\x17@\xf4\xf8d\xd6:\x81p\xcf\x8fz&lt;N\x98^\xd3\x08\xae2/\x94\x84'</t>
  </si>
  <si>
    <t>b'z]\xb9\x06\xa8h\xd7g\x93\xc7\x03\x9e\xae\xe4\xab\xdf\x1f\xff\x83\xcan\n\xcb\xe3\xfd.#\x00F\xfaVO'</t>
  </si>
  <si>
    <t>b"\xbe\xe5v\x1c\x88h[\x04'\xfd\x87\xa5\x9e\xd1]\xb8Y\xb04}\xbe\xcb\xc2\x1ctMC\xefy\x87\xc2\xb8"</t>
  </si>
  <si>
    <t>b'\x97l\x0e\xd5\x1b\x82\x8eO\x96\x15\xb8Jo\x13\xcb\xa4\xdbx:\xb1kK\xd3YL%\xdcD.\xdci\xff'</t>
  </si>
  <si>
    <t>b'\xeaL-o\xb3Z.\xbam\x95\x1c\xe7\xfc\xde}\tk\xbe\xe3\xf6&gt;\xc7\xe7\xdf\x90,\xf5\x0b P\xbb;'</t>
  </si>
  <si>
    <t>b"\xfe\xf2Q\n\xb0\xe3\x04\xd6\xd5\xd9:\xf0@\xa4\xadxM'*\xbbN\xba\x9f\x91\xbc\xed\x82\xd2a\x86-5"</t>
  </si>
  <si>
    <t>b"[\x88\x03\x9c6(\xd1\x90'\xff\x1f\xbb\xcc\x0e\xb9XJ?F\xe8w_p\xe3\x8c\x12\x1a:\xec\x13\xc6m"</t>
  </si>
  <si>
    <t>b'\x9b\x1fL6bs:\xc5p\x80{\xb4\xa4\x8e\x82\x84\x9c(\x97\xa2\rh\n\xb6\xb6\x06\n\xb6K\xfcVD'</t>
  </si>
  <si>
    <t>b'N\x9d\xe4\x9b5\xf5\x8a\xf4\xfc@\xac\xca\t}\x0e\x88\x17m\xe1#\xd0\xbc\x0b9\x814\xd5\x91pd\x9b.'</t>
  </si>
  <si>
    <t>b'\x07tB\x8d\xdc2b\xe41\x00Y\xf4;\x02j73\xc0\xdd\xf3M\xbc\x9dCw\x05\xb9jl\xd9\xe5\x8f'</t>
  </si>
  <si>
    <t>b'\x838\x80\xee\x15\x8e\x1b\x95\x97\x12\\\x9d\xf9\x1cJo\xafn\x18\xe2\x97\xbd\x07Y8\xbd\xb1?0Z\xaak'</t>
  </si>
  <si>
    <t>b'\xf3\xf1A8\xd7\xcc\x80\xcd\xd8\x9a\x19*\xaf|g\x8f\xd5\x16 \xfa\xd4\xa7\x86\xcad\x18\x1fkQKw\x98'</t>
  </si>
  <si>
    <t>b'BB\x03\xe7\xd3l\xd2f\x90\x87+\xf9E!\x9c\xe5EX\xac_\x012\xddL\x073GC\xc8{C\xdc'</t>
  </si>
  <si>
    <t>b'R*\xee\x1a\xd0\xdd\xf9\xad\x170\x0b\x13 ^\xac\xab\xe7e8W\xfb\x00\xf6\x07l\xc8:]o\xc8\xa1\xf5'</t>
  </si>
  <si>
    <t>b'\x87\xfe\x03\xb4\x84\xef\xbf\xbf\xaf\xbaN\x8e\xf6Oe\x02G\x9f\xc1\xfe\xaae\xc7\xc8\x0c\x8b"5\xc3\x7f-0'</t>
  </si>
  <si>
    <t>b'\xe7\xdd\x90\xf7\x81N\xf1\x92\xdd\x0e^|\x9a*\x98S@O\xa8\xbb\x9fS\xd8\xf5\xc9\xed\xc8r\xb0\xd7n,'</t>
  </si>
  <si>
    <t>b'\xb7V\xe7\xdd}u\x0e\xd9\xc7\x11\x8d\x83\xfc\xdd\xcf\xb7_1\xdb\x83\xcf\xca0\xefS\x19\x96\x7f\x12K\x8c\xb1'</t>
  </si>
  <si>
    <t>b'\x90\xb5\x9f|}\xca\xf9d\xf3\x96\xd65\xdd\x02\x12\x89\x0e\xbc\xb6P\x8f\x9a\xdd7o\xacmg;/\x8ep'</t>
  </si>
  <si>
    <t>b'\x1fOK\xd0\x11\x1a\xed\xd6l\xcaw\xa4+\r\xe0\xf4$\x838\xef\xa7\x9cB_ \xa8\xc1\xfe os\x1e'</t>
  </si>
  <si>
    <t>b'&gt;\x9a|cSAQ@\x18\tD,3\xaf"\x98W\xa7\xbc\x80\x8f{\x9e\x12d\xc8\x81\xb2\x93\xa2S\xc3'</t>
  </si>
  <si>
    <t>b'\x81|\xd1\x94-\xff\xfb\x18N4\x97v^\x0f\x1c\x03\xee\x98\xb9\xd1\xb7C \xfa\x9bVP\x99X\xdd-j'</t>
  </si>
  <si>
    <t>b'P+\x96\xfev\xb11\x99\xdf\xff\xbd\xb5\x7f\xf0\x8f\xe3\xc6\xb19\x97(\xb2\x9eOH\xb0\xd9\x9c\xc2\x1et\x9e'</t>
  </si>
  <si>
    <t>b's\x1d\x9e\xe8\x0c\xdd\xb6`\xd1\xa9\xb0W\x1b\x8bs\xc3\x06\xa8^s\x82\x01\xdb\xd0\xf3\x17\xedu\xf0\x9e\xc3\x15'</t>
  </si>
  <si>
    <t>b'\x1d\xbb\xd6v\xae;\xe8\x12L\xfd\x9a\xa9\xb9\xa4:\xc7:Z{\x86\xefa\x16\xca\xc7\x84\xcd\xa6\\a\xc0\x98'</t>
  </si>
  <si>
    <t>b'\x07\x1b\xb1n\x0c\n&gt;\x82\xe3\xd8\xc5\\LB\xd8hr\xca\xf8h\xa5m\x0b\x96N\xe0K\xca-W&amp;\xb3'</t>
  </si>
  <si>
    <t>b"\x98\xb0\xd1o\r\xbeE\x93\x8b\xad43\x89\xe1\xd0@V\xec*V\xfc\xf3\xf4'\xdbV\xd8\x17e]\xb6\x86"</t>
  </si>
  <si>
    <t>b'\x03\x05\x03\xd2\xf1(K\xe6%!\r\x00\x81\xcaf\xee\xb6cO\x0e\xff\xaf\xbf\x9d\x91\xf6^\x0e\x90`\xd6\xfc'</t>
  </si>
  <si>
    <t>b'I\xb4V\xa5L\xed#\x80\x96]R&lt;|\xbaZSR\xa3\x86W\x07Dn;Y\xc1\x91\xad\x9b\x0b\xd6\xae'</t>
  </si>
  <si>
    <t>b'y&lt;\xa0\xa34\xe5\xaa\xca\xbc^{\x97\x02\xb3F\rvN\x8d,\x93\xdaBQ\xfd\x02\xadLL\xbfu\x98'</t>
  </si>
  <si>
    <t>b'[\xf7:~{I\xb8\x8e\x9f\xa2RX\xa8a\x95\x9d\x8f\x9b\x90\xact\xb3q\xfb\x93\xde\xfd^m\xc7\x0c,'</t>
  </si>
  <si>
    <t>b'\xc2\x15wV\x11\x89q\xc1\xecw\x133l\xa8\xa3%c:/\xbe\x19,\xc54\x12\xb3\xbd\x19\xcen\xcbT'</t>
  </si>
  <si>
    <t>b'\xf2v\xec\x12TN#\n\xfb\xe1\xba\xda^\xc1#\xeb}\xf3\xe1\xb0vW`\xf5\r\x80\xd7\x9f\\\xa2=\xc1'</t>
  </si>
  <si>
    <t>b'\xfd\xba\xe0\xfa4\x1a\xc3\x1d\xa3\xbc\xfe\xc1"\xdas\x0b\x99]\xe7;SW"\xea\x00\xf8\xbc\xc6O{D\xf8'</t>
  </si>
  <si>
    <t>b"7_\xeaq\xd8\xfa\xc0\xf4\x14\xefV\xc0\xd5\xd4_\x80o\x8d\\5'\x1e\x1a\xf6!\x9d\x80S \xea\xa9c"</t>
  </si>
  <si>
    <t>b'!\xebS\xf1\xc9\xc9\xa4\xd8J\xc0}\xa7^\xc4(q\xb9\t_L;\xc0\xc3\xa7\x9dP\x10\xc4\xcfZ\xb9\xe7'</t>
  </si>
  <si>
    <t>b'\xd9J\xe0\xd2\x87\x02c\xca7\xe9"*+\xdcp\xc5,\x16V\x95h2\n\xc5\x9e&lt;.?\xb5\xe9\xe0\xc4'</t>
  </si>
  <si>
    <t>b'p\xf50\xa0\xd9h@m1\xe6b\x05Q\xcbJ#\x87O\xf63\xd9$\x91u\xa6\tw\x18\xc0\xab}\xb1'</t>
  </si>
  <si>
    <t>b'\x05\x11\x94\x060\xe9\xca\x17\xf65\x17\xc8YQ\xfe\xbf\x87\xca\x89\xd3\n\x1d\xf0\xd2\x19\xa4\x02\xef3\xee\xado'</t>
  </si>
  <si>
    <t>b'\xa6J\xe5\xb10\xec\x87\x85\xe1\xee-\x8e\xd3Vr\x16\xe5,\x9b&gt;p\x8c\x00\x10\x07\xbe\xb8H\x8c\xdeY\xc4'</t>
  </si>
  <si>
    <t>b'\xf9\x08n\xad\x8c7\x8c\xeev\x1b\xbcp\x83\xa2\xa6\xad\xa0\xf6df\xe6\x90}\x92\xd7#\xc1\xa7\x86\x19\x00\xd4'</t>
  </si>
  <si>
    <t>b'\x0c\x08]\xaez7\xb3\xa4o\xee\xec\x9b-3=\x9d\xbe\x17-\x00ML\x1f\x8e\xf6\xa2\t\xf1\xeb\xe5\x01\xac'</t>
  </si>
  <si>
    <t>b'&gt;\xfcj\n\x12\\\x9fP\xe2\x0f\xd6\x85\xfdv\xe1\xdc_\x81Q\xae@\xce\xa0\x0b{\xb0\x15\x01v\x0f&lt;!'</t>
  </si>
  <si>
    <t>b'\xffy,\xd5\x17\xa2&gt;\xad\xff\x93\x8d_\xc1\x02\xd5\xf4\x17\xbc%\x97\xfa5\xe17\xa6&gt;\xe5j&amp;k&lt;\xc4'</t>
  </si>
  <si>
    <t>b'-[\xae/`\x17Z\xc2\n%\xd4\xc1\xc8E_QL\x11\x17\xff\xbf\x0c\xd1D-\x82\xf4\xa4\xcb-&lt;\xd9'</t>
  </si>
  <si>
    <t>b'\xcd\xac \\\x92y~?\xa8 \xdc\xa4\xb5\x8b&amp;d[\x89\xca\x89\xd7\x95X\xf4D\x9a\xf1C\xa0\xbb\x86\xc2'</t>
  </si>
  <si>
    <t>b'\x9d\x06\xdb9"\xb5-7\xd2\xabl\x07\x0f\x95\xd9X\xe6b?y\xf4w\xa1\x96l\xcfw\x0e\xa6\x16\xe3m'</t>
  </si>
  <si>
    <t>b'\x18\xb3\xcf\xba\xbd\x00x\x7f\x95c\x04\x98\xd0\xf8\xd3 \x97\xaf\x1en\xa1f(\x80\xa6\xb3[FJ^\x9a\xca'</t>
  </si>
  <si>
    <t>b'S\x9e\x9d\xfc\xda\xe8\xae\xa0b\x01\xa6\xeb\x8c\x04J\xaa\xad\xd8a\x0b\xf0\xe4AR\xa7\x12\xfcW\xebJ\xb4\x15'</t>
  </si>
  <si>
    <t>b"I\x9c]\x05#\xf0\x04\xc6\xf7bd{\x94\x03\r\xe9\x04\x1f\xfa,\x00G\xa0\x1f\x8bo9\x9c'F^L"</t>
  </si>
  <si>
    <t>b'\xab\xa4\x98#\xe0;\x94\x9e\xa6\x91\xa9\x89\x94G\xb1&gt;\xf41_\xe7\xade\xcf\xd2&amp;\x0c\xf2(Px%\x08'</t>
  </si>
  <si>
    <t>b'@R!j\x0c\xce\\l\xe1\t^\xba\x1a\xb8\xd1\xdcu\xe3\xc9\xddA\x81\x90\xc7\rw\xd8+\xab\x13\xa5\n'</t>
  </si>
  <si>
    <t>b'\xb9\x94\xae\\\xe6\x1b\xc4\xfcC\xc0\xf8\x86ssz\x80#\xcc\x8d\x14\xc7\x9e\xc0\xd2\xdc!}\xca\xa2\r-\x8c'</t>
  </si>
  <si>
    <t>b'\xc7\xc5m\x12\x04%\xab\xbd\xfd\xfe\x85G\xfa\x91(\xf9\xfd{\xdb\x92\xfa\x7fW\xf4\xab\xd3(![\xa3\x95\\'</t>
  </si>
  <si>
    <t>b'&gt;\xf2\xe3\x88\x00\xfe\rF\x88\xd0@\xf7\x82\x04.\x8b\xac\x15\xe1}k\x98\xc2(\xe6\x0e\xf8\xd4\xe4g\xeb\xa7'</t>
  </si>
  <si>
    <t>b'\xf2"\x8f\xfe\xf7\x188\xe3\x1a\x82\x8e%\x02\xc2\xd4b\xd1\xe4\xa9\xd3EU\xe0\x8e~\xe5\x85\xac\xed\xa1\xdc\xb3'</t>
  </si>
  <si>
    <t>b"\xa2}\x81\x8bA\x99\x1d\xdb\x9b3Z7\xf4\xd2\xf9\xaa{%~(\x81+'\x18@\xf9'hB{X\xab"</t>
  </si>
  <si>
    <t>b"\xbf\x8cP\xb2\xd0I\xa7\x81\xdaZP\xd5f2\xdf\x8dSWW\xb9Y\x17[\xf6\x9b}'u\x0cS\xb9\xf6"</t>
  </si>
  <si>
    <t>b's\x92\xbavwe\x12\xdd\xf8\x82\t\xbe\xda\x12H\x07&lt;\xe9Q\xfb\xe4\x1d\x18\xa3.8A\xc7m"\xe2\xa9'</t>
  </si>
  <si>
    <t>b'v\xd2\xd4\x86\xd8\x8c7\x93?\xc3\xa9/AP\xdc\xcf\xb3\xb4c\xd8\xe0\xc3\xc36\xf4\n\xe5\x9c`\x13:\xd1'</t>
  </si>
  <si>
    <t>b'\x0b\x08\xb6\xf3\xafT\x86Oi\xe0\xf0#G\x14h\xf0\xcc\xc0\xaa\x80\xb1\x8ec\r}\xf4\xda\x00F\xd8Jf'</t>
  </si>
  <si>
    <t>b'\x0c\x15\x96\xbeS\xef\xf0\x9bN\x1bD\xe2[i\xee\x92`Y\\\x90[\x19\xdb\x92\x96g\t[\x1a\xc0\x1e\x00'</t>
  </si>
  <si>
    <t>b"\xbf\xc6\x12v\x03\xde\xa0\xbaWIp'\\\xe2\xbe}@{\xcc\x1esl\xc4~0I\xdf\xad\xa3\\\x16D"</t>
  </si>
  <si>
    <t>b'=\x95\xd8\x97Q\x1d&lt;\x82\x80\xd3^\x05}\xc8\xc5\x16\x88\x1c\xbe\xe8,\xda\xeb\xde\x8cf\x1c\xbf\xba\xf8\xd3\x11'</t>
  </si>
  <si>
    <t>b'`=b[\x88\xb9\x0c\xe9R\x01I\xc2\xd9;wU\x87\xa5\xc9dE4##)\xdf\x808\xe6\xaezR'</t>
  </si>
  <si>
    <t>b'\x03\x1e\xf9\xf4\xb9\x95\xfa\x0c\x96Vx\xbe;\x90\x8d\x97\x14\xe1\xcfV_&amp;\xdf\xb1\xa6\xb5z\xde(f\xa3\xea'</t>
  </si>
  <si>
    <t>b'RI\xf2C\xcd\xd98\x97B\t\x89\x16+\xc2\xc1\x17\xfe\xed\x07\xb1\x82\xdd\x17\xfcLln\x16,\xd7\xfa\xff'</t>
  </si>
  <si>
    <t>b"x\x1f\xb8\xc4\x17f\xd2h\xb4\x97)'\xc1\xcd\xac\x8f\t;/\x0f\xb4q\x99#\xa5?\xb0\xeb$\xa2\xe6y"</t>
  </si>
  <si>
    <t>b'o\xfd8\xcfV\x12\x08,\x8a\x9a=\x94\xc1\xbd$\xe4b*8W}\xae\x8fo}*b\xf54Q&amp;H'</t>
  </si>
  <si>
    <t>397xx</t>
  </si>
  <si>
    <t>b'4\xe8\xbdm=\xbd\xb1\xa2\xb1\x82|\x93\x83\xe7n\xb9\xac\xfc\xe7\x8ai\xfb\xd4m\xe2\x01\xa7*\xa4D\\\x7f'</t>
  </si>
  <si>
    <t>b'\t\xf6\x8b\x11\x14a\x1af\x91\xbe\xc3\x10\xc6-R5-y\x92\xee\xdb\x9ar:\xf7\x88\xd9\xd3\xa4\x91\xf2t'</t>
  </si>
  <si>
    <t>b'\x04\xf5\xba\x86\xbc\x81\xd3~\xf6e\xe4\x8c:_\x93;\x93\x03\xf3\x0f k\xa4\xfe\x8ej\xbdx\xa4\xaaON'</t>
  </si>
  <si>
    <t>b'\xeaH\xad\xc2\r\x0b\x06\x14\xdc\xf3h\x08\xf8\xc7\x1b\xc6\xa1e\xac7|\x17\x00u\x1b\xf0&lt;%&gt;\x8f\x94\xac'</t>
  </si>
  <si>
    <t>b' \x9eX\x80\xa6X\xb9F&lt;\x9a\xd8\x1bq\xa6\xa1\x7f\xaa\x83k\x13\x90\xb7\xac\x90\x96\xc5\x8c\xa8mO\xd2L'</t>
  </si>
  <si>
    <t>b'a\xdb"$\x90\xde\xdd\xc2_\x8b,\xd6i\xf9\xf7\x19+\x91\xf6\xa6\x07`\x87\x16\xfb\xd7R\xf0\xb6\xae\xd4\xf2'</t>
  </si>
  <si>
    <t>b'\n5\xf8$r&lt;\x0eZ\x01\x9b&lt;|\xfc\xc9|\xf0\xdf&amp;\xd95\xaa\x9a\x00\x1e|\xf7t\xdd\x00|\xce\xbb'</t>
  </si>
  <si>
    <t>b'\xf9\x8fM\x9b\xd2\xb0\x18\xa7\xa5\x96\x12\x86\x02J\xf6\x97\xfa\xdf\xaeT6\xa5\xc1\x87O\xb0\x19\xf4\x8f\xd0\x9dO'</t>
  </si>
  <si>
    <t>b'\x95k\x14)\xf9\n\n\xd1\xac\xf4u\xcc^\x11\x17\xf6]\xcf\xac*0J\xb6\xefI\x86\xe5\x99X\x03J\xbb'</t>
  </si>
  <si>
    <t>b':x\x85\xb2\x19\x1eB\xbc)\x92\xb5\xdd\x98\'\x90\x90"[:\xcb=`\xb2Y\'\xc2\\\xba\xedx\xeeF'</t>
  </si>
  <si>
    <t>b'\x86\xc5\x98\r\x1a6\xe1?\x93r\xc3;j,\xba\x96\xd1\xa3\xa4|\x95\x838\xcd\x03\xee\xc5\x81\x979\x9f\xfd'</t>
  </si>
  <si>
    <t>b'\xd1\xac\xdau9G\x02\xe4\x811\xff|QY\xa4\x06wI\xa8NK\x9a\xbe\xe6m\x87\xe8\xc9\x18{\xaa\x19'</t>
  </si>
  <si>
    <t>b'\xb4\t\x8e\xc9v\xd3\xe6\x9di\x10\xe6$\x8b\xad\xbe\xbe\x81\x10\xb7\xa2[\x9f1{\x9a6:_\x03\x9c\xd6Q'</t>
  </si>
  <si>
    <t>b'\x04Kc\x00\x10\x7f\x05\xe3\x1a\x03\xc8\xe7\x82\xd3Y\xb4J)+\xd3_|p\xf2t\x8a\xa2w\xcc@$\xaa'</t>
  </si>
  <si>
    <t>b'\xef2J\x07\xa4\xbb\x9eq\xce\x89t4\xee&gt;(\xcc"\xa9\x13\xc1\xaa\x10\tjg\x9f\\4\xe4CaS'</t>
  </si>
  <si>
    <t>b'\xb0Uh\xcc\xaf\x10\xfcm!\xf4\xe0\xbb~\x80\x8dv!w/\x95\x99\xc0\x94QO\x9c\x15\xac+\x14\xea5'</t>
  </si>
  <si>
    <t>b'\x01da\xbc\xfcD\xb0\x1cj\xc3\xf1\xd8d`\xca\xba\x87\xacl\xcdL\xe6\xff49\x9a\x94\x14&amp;\xce5\xae'</t>
  </si>
  <si>
    <t>b';\x16\x13\xbfbj\xed\xbcH\xb1\x04\xe5\xa9ypc\r\xd7;\x86\x95!\xd5\x90\x90\xa4\x9b\xb8x\xcfeN'</t>
  </si>
  <si>
    <t>b"\xfbx\x9a\x17\xad\x7f\x9c.m;\xdb=\xed'\x80\x87\xf4\x8c.\xc4\xdei\xd0\x0f\xa6\xef\xec\x8c\x93\xa6\xc61"</t>
  </si>
  <si>
    <t>b'\x16\xce[\x03~]\xe8\xa3\x7f\xfd?)\xbdzE\x9f\xbf\xfaoR\x91^!\x1bt\xad\x90y\x97\xfcTJ'</t>
  </si>
  <si>
    <t>b'ez\xb8\xf9\xc7&amp;p\xb3\x8b.~\xfe\xaa\x03\x82\xa9\xab\\\xe0M\xe3\xa2\x15\x88\x0f\xa2\xda\xdf\xed\xda&lt;\xd4'</t>
  </si>
  <si>
    <t>b'\x14e\xf2\x1f\x18\xc9\x83\xa3\xa9\xe3\x11D5QV\x14\x98\x7f*Hf\xd0\xf7rV\xc0\xbf\x0b\x1e\x9b\xc9\xc3'</t>
  </si>
  <si>
    <t>b'\x7fE\x04+\x17%\x00\xa3\xf7\xd8\xef\x15\xe5HxJ6z\xcd\xe2\\\xfd0r\xf9\xf1\x8eb\xcd\xb2&gt;j'</t>
  </si>
  <si>
    <t>b';\xfb\xbeJ\xb7\xaf\xdf\r\xc8Y\xba\x89\xf1:\x12|\xce\xfbE\x92m\x00A\xc9\xc5\n\xf3R\xe21\xdd\xf1'</t>
  </si>
  <si>
    <t>b'7\xe5:\\\x86{~\xbe\xd6+\xea\xbdw\xc2\x97\xf9\x02\xe2\x92\xfbg\x0e\xed?\xf35\xf7\x07~:K\x9d'</t>
  </si>
  <si>
    <t>b"j\x8c0D\xaf\x98\xbd}\xd1\xaa&amp;\xbd EUN\x9c'D\xb7\x1b\xff\x862\x9f\xf49y\xac\x18f\xa9"</t>
  </si>
  <si>
    <t>b'\x1d\xeb\x9e\xe8E0\xf3&lt;\xb2/:\x07@ijBRa3\xc4OT\xde\xf3w\x0e&amp;U?g\xb7\x01'</t>
  </si>
  <si>
    <t>b";Y\xce\x19ZW\x9d\xde\xd7'\xa9\xd4D\xb7\r\xc6\x02\xdb&gt;k\xc3\x07P\xf3\xbeG\n\xdd5\xa6\x05\xc6"</t>
  </si>
  <si>
    <t>b'v\xf3N\xfcg\x8e#=\x0c}\xd8\'\xe0&gt;fq\xf4\x0b\xab;P\xe5\xe2\xd7\xb2"]\xf4\xa38$\x93'</t>
  </si>
  <si>
    <t>b'n\xbe\x847\x0eB.\xaf\xde\x8e\xf4@(\x9e\x0e\xa5\xa7d\xfby\x93\xe2\x97RHR\x94\xef\x0f\x16\x10x'</t>
  </si>
  <si>
    <t>b'0Pa\xd3\xc8]";\x02\x17\x8ev\x95"\\\x12e\xae\xe6|\xdd\xecC\x93\x00;\xeb\x9ew?\xed\xde'</t>
  </si>
  <si>
    <t>b'\xdc\xb3\xcd\xb4\xf6\xac`_M\x0b\xcf"x\xc8\xa5\xe9\xbb\r\xf7\xed\xaa\xc8\x9ee\nP\x1b%\xb9\x9cu&gt;'</t>
  </si>
  <si>
    <t>b"}\xa506jtg\xad\xb5a\xce\xbd\xc4\x7f\xf9&lt;u\xeeI6\xc0\xac\xbd\xee\xe6\x9a*T@\xd3X'"</t>
  </si>
  <si>
    <t>b'\xffz\xa9\xf6\xc6\xfa\xd2=\x87\xb6\xe5\xcb\x18Y\x0c\xa9\xa8R?\xaa\x847\xbc\xed\xf5\xef\xd5\xb7\xf2\x95\xb1F'</t>
  </si>
  <si>
    <t>b'\xb5\x07|s\x19\xee\xc8\xca\xc2]-\xfd\xdf6\n\xbdGD\xc1\xf7\\/\x08\xdc\n\xdb\xa6\xa9\xbe\xc13B'</t>
  </si>
  <si>
    <t>b"\xe9\xa80\x94\x12H\xffT\xee\x16\x18\x1d\xb8\x01\xd80\x0e\xf5\xd6\x00:=\x19\xb0\xb7\x15'\x9d\x8507\x97"</t>
  </si>
  <si>
    <t>b'\xe8\xbf\xe6Pu\x81\xb82=\x8d\xa2S\xd3\xb2\xe1jU\xb6\x9f\xc4\xa5&amp;\x95(9v1\x92\x17\\kl'</t>
  </si>
  <si>
    <t>b'i\xe9}\xb8\x94\x831\xc3WY\x99M\xcc\xd5\x94\xac;\xbf\xa4$\xb0\xab\xfa\xf6\x86\x0fY\xc0`t\x97V'</t>
  </si>
  <si>
    <t>b'/T\xa9\x00bn\x9e\xf1\x1f\x05\xc8bg$S\xe8H\xd6\xc7\x1b?\x8dp\xdc{"H\xf94\x0f\xfb\xd8'</t>
  </si>
  <si>
    <t>b'\x18\xedqpS\x87\xdb\xd5+\x1bG\xce\x05\x88l\xb38\xdfv\x98\xc2\x1f\xc0\xb2\xb2\xf2s`\xe8e\xd4\x15'</t>
  </si>
  <si>
    <t>b'\xac\xc1\x88l\xbe&gt;\xef9b\xf9\x15?\xef\xd04\x8f\xbc\xc5\xfa-\xcf\xf6\x80T\xee\xe1&amp;\xfb\xa4KB\x07'</t>
  </si>
  <si>
    <t>b'\x03\xb1\x98/\xec\xcc\xab\xa2\xe3F\xa8\x98E\xc2GqL\xc4e\xef\xd2,2\xc7\xe8#\x85r\xd2p\xef\xa0'</t>
  </si>
  <si>
    <t>b' \xb0&amp;\x7f\xdf\xcbi\xd0\xaf9\xfeD2\xcb\xaeB\\\x05\x13\x96\xc0\xc0\x97\x07s\xe0\xd2q\n\xc2D('</t>
  </si>
  <si>
    <t>b'#\x89\xc5U\xd9\xb8\xd8\xde\x84P\xd3 \x9e10\xe1Kx\x11\x10\xb5\x9a\x06\xc2\x04\x1c5\xba.\xea\xa4\x13'</t>
  </si>
  <si>
    <t>b'(\xf1$w\x91G\x91#f\x0e\xce"\x94\x7fx&gt;\x96\x9e\tX\xcf\x1b\xe1\x9a\xe0H\xae@\xb7\x08\xf3\xd3'</t>
  </si>
  <si>
    <t>b'.u \x8c\xbb\x1e\x85\x18\x8d\xe0 i\xdc\x17\xfa\xc6\x8dq\xf5-\xdf\xd9\xee7\xb0h\xbc\x11\x15Q\x8a\x17'</t>
  </si>
  <si>
    <t>b'\x0b\xdf\x16\xfe\xac\xf1\xd6\x87U\xebH\xe9P\xf3\\\x81\x0eC\xb0N98Z"\x07\xc3n\x007\xc2\xbf\x95'</t>
  </si>
  <si>
    <t>b'`\x00\x98\xf8\x93}\x02\x85\x08)\xd3\x1f?\x1c\xe9l\xd4\xecT\xd1\xb5\x8b\xbb\xceK$\x0b\x11\xcf\xbe\x02S'</t>
  </si>
  <si>
    <t>b'\xda\xeb\xa8\x98X1\x96)\xfdo\x1dE\x974\xbb\xe0\x80XU\x8a\x9aze\xdc\xfb6b;X\xe4\xc4v'</t>
  </si>
  <si>
    <t>b'Z\x16\x00\x15\xa4fx\x8cM\xd7\x7fFRhf8^U\xdc\xcd\xa9h\x95++1\xf0\xbcA\xe5M\xa5'</t>
  </si>
  <si>
    <t>b'Z\x00\x04p\xf1N\xb6[\xc1=\xf3\xdf|\xd5\xcfq*\xdaA!L\xd5\x8cg\xff&amp;\x84\xce\xdb\x1dE\x17'</t>
  </si>
  <si>
    <t>b'_Q\xf1}\x9e$I\x8a d\x87\x0eo\xe8\xc3\xfdn\xac\x90W\xbe\x82{\xa1\xb7\x05\x80\x0f\xf4)T8'</t>
  </si>
  <si>
    <t>b"\x97\x14'\xfb\xbc\xd9\x93[q\xd4\xa8\xcb\x8f\xc81\xcenqf\xd9\xf5\xbdJ\x07\xce*\xc2bw\xee\x82\x91"</t>
  </si>
  <si>
    <t>b'\xed\x97\xce\xfev\xe6N\xdb\x16v\x16\xbd\x13\x07g\xedB\xb6\t\xcbx\x00\xfaQ\xd4\xb9\xc7\x12x\xa2s\x9b'</t>
  </si>
  <si>
    <t>b'\xc4\x83\xac\xf8\xda\xec6\xbe\x1dO&lt;\r\x0c:\x0cx\r)\x90\x08^\xdbX\x8eC\x13}w\xf2\x10\xbd\x82'</t>
  </si>
  <si>
    <t>b'+&amp;4%\xa9T\x83\x96\xa1\xf57\xe9\xce+D\xc3q\xd0\xff8\x02\x80\xc6\xad\x86\x92;\x1d\xfe\t\x893'</t>
  </si>
  <si>
    <t>b'\xc4\xab0\xe1\xd0\xfe\xac\xda\x14\xdcq5\xf9/\x13\xa1\x1cWB\xec|&gt;&amp;\x94\x89\xb5\xb8#\x1a\x1c\xae\xda'</t>
  </si>
  <si>
    <t>b"p\xc6\xce\x9a'\xa6]n7\xe3\x03\xd5\xe9\x15\x06o\xd8T\xb7\xa2(t\xb4GU\xa2\xfb\x8e\xae+\xf0!"</t>
  </si>
  <si>
    <t>b'_P\xea\xbe\xcc\x93\xd5g|\xcf\xa6\xae&gt;\xe0\xf6\x0eJ\xa0\xa6\xe7\x90IT\x19\xed-=\xcf\xc7\x97x\xe5'</t>
  </si>
  <si>
    <t>b"\x06d\x19{\xd1\xf6\xd6\x9d+\xf2\xa1\x84\x0bo\xd0j\xda7&amp;U\xa9.q\x000\x8a'f\x82\xb0\xa7\xe0"</t>
  </si>
  <si>
    <t>b'\xaaxU\xf1\xf6\xf4f\xc9\t\x08$\x9ej\x1a\x84E\x08(.\x0f\xf8\xa5\xd788\xc6D\x04\x1e$\xbdy'</t>
  </si>
  <si>
    <t>b'\x114\x08\xca\x9e}\xe5e\xdf\x1d?\xfd0\xfb\x82\xf6q\xd4\xe8\x00\xe2\xa7\xad \xa0\xf1\xb3\x17\x1ef8\t'</t>
  </si>
  <si>
    <t>b'\x97n4\x17\x0f?\xd9\xb6\xa3\xa6|\x903\x98\xc3\x89\x1a/\x05\xe7\x17\xa7l\xec?6\xb9I%\xda?s'</t>
  </si>
  <si>
    <t>b'\x11\xc5\xc0\x01y\xe3u\xa3\x91\x08\xaaEX\xcc\xaa\xd9\x13\x89\x86\xec&lt;\x03a\x9e\x9bT\xe8\xf8\x88;T\x85'</t>
  </si>
  <si>
    <t>b'q6\xbel\xa4\xd7\xce\xf6{RnZ\xc4\xfbU\x8a\x8e\xaa\xb57\xe9{rHz\x1b\x07o\xa7-\xac_'</t>
  </si>
  <si>
    <t>b'.D\xc3l\xef4g\x0e\xcb\x0e\x0c\x012H\xdb\x0f\x88\x07=\xbc\x1cFM\x1f\xc1s?\xe5\x9c\xc6\x8f\x18'</t>
  </si>
  <si>
    <t>b'\x1b:y7^\xa9\xe5Ym\xbf\xe0\xf3m\xe4\x80\xcfQ\x9a?[3Y#$H{\xd8&amp;\x9b&gt;\x97\xd5'</t>
  </si>
  <si>
    <t>b'\x08p\xc3Ps\x92\xf6\xea\x82&lt;\xce\xfa%N\x8b\x08%x&lt;z\xfe:z\xafh\xd85\xba&amp;d\xbc\xb7'</t>
  </si>
  <si>
    <t>b'\xd1Fn\xe0#U\xec\xba\xf7r\xb0\xe9\x1c[BQ\xcf\x88\x856\xa8\xa7\xebK\x19=\xd6\xfd\x9c\x17\xed,'</t>
  </si>
  <si>
    <t>b'\xc6c\x9d\xfd\x1f\xea\x85\xb6\x8a\xc8\xdd\xcd\x18\xd3K!\x1egv\xb1\xdaPCu\xe3\xc5\xcd\x83^\x8b\x1c/'</t>
  </si>
  <si>
    <t>b'\xee\xad\xfa\xb6&amp;\xcc\xb2\x83\xe2|\xb2\x8f\xb3\xa8\xad\xea;\xdf]5\x19O\x95\x08\xde\xc4$\xbf@\xe1V\xa9'</t>
  </si>
  <si>
    <t>b"\xa9\xb0\xc5{\x07\x05\xd2\x86\xdd\x1b\x82[\xbc)B#\xc9|\xd4\x04'\xf9c\r\xd4\xc8,\x0f\xf3\xc7\xa1\x18"</t>
  </si>
  <si>
    <t>b'I/\x05v^\xf7q$\x98iM1\xae\x16\xafKV-\xc2\'\x903)\xd1\xfe\x17#"0w\x100'</t>
  </si>
  <si>
    <t>b"'\xd2\x0f\x13tH\xd4\xda\xbe\xf4\xf0&amp;r\xfc\x8d\x0fd\xa5\x7f\xa7D)\xf2\x04\xf2\x109\xc6[\xd3\xa5P"</t>
  </si>
  <si>
    <t>b'\x9bU\xf8_1\x89\xcbT\x95\xe4\xfd\x92\x18\xfd\x1f\x9b\xd38\xc5[\xe3\xb0#\xf1\xe9v\xbc\x07\xcd\xe6\xf4\xaa'</t>
  </si>
  <si>
    <t>b'\xce\xfe\x04^\xb5\x94h\x80\xfe\xc3\xb7O\x08\x0e7\xcc\x0chw\x1b\x92.\xa6EDT\x8duT4\xc6\xd7'</t>
  </si>
  <si>
    <t>b'\xcd@l:\xb6X\x02/\xc1\x00U1\xe9\xbef\x02T\xb0\xd6D\x8b&lt;\xe4\x7f\xf6\x07\xc75\xc6T\xb2.'</t>
  </si>
  <si>
    <t>b'\xe8*@\xd3\xe2\nz\xf1x\xc4\xa9\xf9Q\x07\xe2@F\xbb\xce\xa4\xee\x94"hzFa\xcdR\xa9\x07\x83'</t>
  </si>
  <si>
    <t>b'X\t\xaa\x15X9\xdb\x00\x80\xdeY\xd4\x9e\xf6\x1ck\x89%\xa5T\xb3f\xcb\x01\xe4x\xde\x86i"\xc1\x1c'</t>
  </si>
  <si>
    <t>b"f(\x81\x9f\xcbv5\x1f#{\\2\x08O\xcf\x15\x9e~K'\n\x9c\x8fl\xc8\xe8D\x8c\xb9o\xb1\xa6"</t>
  </si>
  <si>
    <t>b'\xc5"*\x8b\x85%\xc1\x06\xae\xfd\x97;\xad\xff\xaf\x19\x9c\x13X\xfc\xf0\x1d\x830\xff\xbc\xaa\xdc\xcb\x11M\t'</t>
  </si>
  <si>
    <t>b'\xb8j0\xf7\xc2]%\x80\xaaO\x8e\xd6d\r\x0f?\xc5^\xff\xab2o\x87D\x16\x8f\x08\x19O\xb5\xeba'</t>
  </si>
  <si>
    <t>b'\xdf:\xd1\xea\xae\xd9hp\xe5\xe0\x13\x10\xd0\x1b\xdfC\xdf\x8a2\x8e=\x95\xee\x84\x94\x05,1A\x95\xe3+'</t>
  </si>
  <si>
    <t>b'-\x1a#\xf17\xd0%\xb2b$\xd8Y\x10/)W1A\x0b\xbeU.\xa1\x0ee\xc1\x06nn\xfdr\x8b'</t>
  </si>
  <si>
    <t>b'\xa0\xc7\xa2\xee\xc6\r\x94\xdf\xc6\xdc{&gt;WGw\x04o1\xdf\xb4\x82z\xee\xbaq\xfe&lt;\x98n\xc6\xd3{'</t>
  </si>
  <si>
    <t>b'\xa6\x175\x14e\x15Z\x84R\x11#\xe0dC\x8e0\x1aG\x8a%\x1aF\xc4M\xb6#8\xa7&gt;\x94\x8e\x94'</t>
  </si>
  <si>
    <t>b'\xd12\x13\x7f\xaa\x8e9\xbe\xcb\x12\xd5\x17ZvuH\x07U\x0e\x95\xf4\xb1\xd1\x98\xd7\xe2\xf8\xdd\xeb\xde\xf7\x7f'</t>
  </si>
  <si>
    <t>b'\xe0\xf0\xecK\x98K\xb7G\xc5&amp;\x0e}\x05\xe1\xc2a\x0c\xea\x86\xd0\xd5\xe3\xe2\xb9_\xfcm\xac\n\x83\xce\x9b'</t>
  </si>
  <si>
    <t>b'~\xc7\xc0\xec*IA\xf7\xdd|\xd2{\x0e\xbd(\x8epog\xfd}\xb1M\xbbF\xf7:\x94v\xdcz\xe8'</t>
  </si>
  <si>
    <t>b'\xae\xb2\xea\xc1\xc8\xdf\xc8\xf2i\xab]&amp;N\x83&gt;\xfa\x19\xfa\x8b\xb7\xca\xe6N\xd9\x1e\xafME\xd6q`0'</t>
  </si>
  <si>
    <t>b'\x9a\x8da\x029\x92\x17\x83-L/fR]^\xed\x03&amp;y/9\xa0\xe4\xb9\xa8M\x977\x05\xff\x13\xbd'</t>
  </si>
  <si>
    <t>b'\xa7\xfc\x9c\xee7,\xfe\x06\x92\xdc\x8c\xa8\x87\x8cp\xa6\xa8\xd3X\xf6\x8b\xcfN\xc8[\xe1\xec\xf2;1\xe0\x9a'</t>
  </si>
  <si>
    <t>b'o\x96~\xd1\x00f\xf7\xf2^\xdbr_\xd0\x97&lt;\xe1\xb2o%m\xa6\xf4\xf1\xf2\x1c\xe0\xf1\xad\x1a\r\x97\xed'</t>
  </si>
  <si>
    <t>b'~\x9f\x0eD\xa7M\x9c\xf5\x8fpn^\x9f\xbaL\x8dH?\x02\xc7\xe2\xe4\x9b\xe0^B$\xef\xa8\xdb\xe9h'</t>
  </si>
  <si>
    <t>b'\xad\x02\xc83\r&amp;&lt;\x8bo0\xeak\xba&lt;[aLi\xa4T\xf4\xb0\xa2&lt;\xd6\xa1\xa89:\xbe0\xe0'</t>
  </si>
  <si>
    <t>b"\x8a''_K\x8c\x9c2{S@~\r;\xe8g\xa3\xdf\xcc\x99\x05\x19\x17\x8e\x9d\xef\xb5j\x86 \xd6\x8c"</t>
  </si>
  <si>
    <t>b'\xacb\xf1\x9e}\xc8O\xbf\xf49\x0ftn\xfdH\xfaB\xc1\xa1\xc7\x93ir\x1b\x9c\xdd\xff@\x12\xd6\xe5\xba'</t>
  </si>
  <si>
    <t>b'V\xcf\x8d\xab\xd3\xc2\xe7`P}w\xd6\xbf6\x9f\xfc\x98v\x9c\xa2\x9dr3\x1d\xf7MB-\xa3\xd0\xbf\xfa'</t>
  </si>
  <si>
    <t>b'%\xd6\xe8+K\x99E\x81\xd8b\x99XH\xce\xef\xe7Z{\x14\xc3&amp;\x0f\x10Y:\x12R\x94\xa6\xbf\xec\x0b'</t>
  </si>
  <si>
    <t>b'x\xb9@\xe6\xcc]\x96\x88\x87\xd7\xf2\xe5\xd1\xe9\xed\xf3\x8cYLL\x08\xd6\x1dM\x00\xc4\x146\xf0\xe8x\x12'</t>
  </si>
  <si>
    <t>b'\xb0\xb1eIh\x05\xd4%Xbd\xfa\xb3\x94\x11\xb3\xf1\xd1\x8c\xb0\xbf\x1d\xe9\xf1\x0c\xe6\xbd\x1d\xec\x163L'</t>
  </si>
  <si>
    <t>b'\x92?~j\xaa\xb2\x9d\xc7\xd9\x9a\xb2\x89\xc6\xa9[O@\x8b\xd6\x81\xfc\xa3\xa4\x1ch.\x84\x1c\xe9\x0e\xe5\x1b'</t>
  </si>
  <si>
    <t>b')o\x86\xa6\x89\xac1e\xf0o\x17\xcd\x97\x1e\x9f1\x02\xabq"\xa2\xb07\xce\xd6\xf9\x00\xc8+y1J'</t>
  </si>
  <si>
    <t>b'\x1d\xb3\xb4\xe68\xd2\x96\x9a\xbe\x0e\x1a\xe0\x9d\x11\xd5B\xc0\x81\xf3\xc6\xc3\xa6\xac\x84\xea\xb6\xa9\xe4\x0e\x01\xd8E'</t>
  </si>
  <si>
    <t>b'\xaf\x0e\x16j\xe9*^tY\xf9\x98V\xa7\xc2\xc7\xa3\x01,\x18\xa8]\x1f\xb7W\xc2\xdc\x9fM\xd2\xea\\\x11'</t>
  </si>
  <si>
    <t>b'\x81\x93\x95v\xc5\x96\xa97\xc1"\xde)\x94\xa2o~\x06\xe0\xe4\x88\x8b\xed\xc2\x0bU\xd6\x9e\xb5\xdehb\x9a'</t>
  </si>
  <si>
    <t>b'&amp;\x90\x1b\x92\xea\xf3\xe0\xa87^t@Q\x13\xdc\x99\xe3\xd8\xef\xbaxe\xb6\x0c\x8e\xac\x15\x01\xa3\x9e%\x91'</t>
  </si>
  <si>
    <t>b'\x0c,f\x16\x15N5\xbc\xd0\xc2\xdf\xff^\xab\xc8\n\xc7\ro`t\xb1V\x0b\t\xb6A\xc4\xc3\xf5G?'</t>
  </si>
  <si>
    <t>b'\xb6w\x8fr=\xc9\xc2\xe2W\x9d\xcbE\xbb\xe3\xe7\xb15\xbe\x04\x9a\xf6\x86E!\xcd\x1f\x98\xda\xd3\xc1/\xcf'</t>
  </si>
  <si>
    <t>b'\xda\xa8\r\xdc3\xa49(\x7f\xcc\xa5\xc39Y\xe2=J\\\xf8\xec?~"\xfa\xf7\xa2\x12\xc9#\xb8T\xc3'</t>
  </si>
  <si>
    <t>b'\r\xc4\x9ei\xe3\xe0\x89\x12EP\x1c\xcd\x85\xc8\xf4#\xd1.q\xc0\x18\xbe\xe3\x7f\xcd]\xd6\xdaHlw\xff'</t>
  </si>
  <si>
    <t>b'\n\x8c\x93\xdea\xaaz\xd5\xa9XBkF\xd7[\xd4\x00@\xca\t\xa4R\xb9\x83\x93\x89\x8a\xd0\xa9\xc4\xea4'</t>
  </si>
  <si>
    <t>b"%\xc4\x1fE&gt;7t\x1a\xf8O\xe5Du\x03\x1c\xec\x077\xcb\x94f4\x86\x13!}&amp;\xe3\x83'\x06^"</t>
  </si>
  <si>
    <t>b'\xb2\xca\x8d\xd0\x980f\xf7\x9a\x12\x05\xfet\x08~\xd1G\x02=\xdfs\xc3\x15\x89\x1c\xc4\xdb\r\xc5b\xe0_'</t>
  </si>
  <si>
    <t>b'p\xde\x94\xaa\x0c(s:\xf6\x8bN\x18aM\xe7\x14\x9b\x95\x13\t\xefQ\x90R\xfe4s\xd4\xf9\xb2N\x8e'</t>
  </si>
  <si>
    <t>b"`6|\xc3l\xdc\xb1;\xd2\xa6\xf5\x1f\xb7\x94\x12t,\x01\x9a\xe8\x00x\x0b'\x9fM\x81\xf03`ij"</t>
  </si>
  <si>
    <t>b'\x00`\xbe\xe8W\xe6\xce\x14\x9f6"\xb9\xf2\xac\xcaU\xab\xd7xP+D\xfd\xa6h\xf8\xff\xca\xddI&lt;\x93'</t>
  </si>
  <si>
    <t>b'L\xf0\xab\x9bM\xcd\x99\xeb\xdc\t\x92\xfdQXM\xd2\x16\x18S\x85\xdc\xff\x8a/l\xcf*+T\xf7\x80e'</t>
  </si>
  <si>
    <t>b'\x98\xf2"[\x81\x86\xc6j&amp;F\xde\xf0x\x8bH)\xdbX\x0f\xff\x13\x07X}\xe5*\xff\x03\x0b\x90\x06t'</t>
  </si>
  <si>
    <t>b'\x1d\xa07\x8by\xd1\x86\x0b1g\xa9\xd3\xb2\x07\xb7&amp;4\xd3\xa3E\xbb\xb5\x93\xa5\xe9\x9f\xd2\xc1hXIF'</t>
  </si>
  <si>
    <t>b'\x92s\xea[\x0e\xf5\xf7+I\x0bO\x0c+\xd5\xa7\xb3M\xeb\xc0/\x1f\xc0J\xe5`\xbd\x00\x91{jW\xb7'</t>
  </si>
  <si>
    <t>b'\xcap\xc8\xfe\xfe\xb1\x07\xedd\t\x9e\xe9`\xe0\x15\xc0\xa5\x88\x9e:\x92\x01:\xd7l\x98E\xc3\xf1u\x10\xc2'</t>
  </si>
  <si>
    <t>b'\xaf\x02\xc4\xe1\x999U\xfc\xd2\xef\xabaX\xc8\xbe\x1fx\xb6\x1f\xdb\xd998\x1f\xee\x8f\xffh\x81\x82Ck'</t>
  </si>
  <si>
    <t>b"7Osk'\xaf\xc5T\x10N\x8e\x1dH\xfd\x08\xc7\x9eE\x95\x0e\xa3\xb4\xf2\xd1\xcc\x19\x03\x9a\xc6)R\x99"</t>
  </si>
  <si>
    <t>b'\xde\xf6\xf7\x97\x97\n\x1f\xdaG\x05\xa7\x11\x9f7\xd5\x85v\xbdF\xf4\x990\xc2\xaf@#:\xea\x10\x9a`\xe3'</t>
  </si>
  <si>
    <t>b'\xaf\x98\x9dR09\x83\xa6\xe4\xac\x1e\xae\xd4\xda\x13\xcfk\x11\xe4\x84lQ,;S\x1a\x0fc\x12X\xffL'</t>
  </si>
  <si>
    <t>b'P\xad#\xf0/\x17\xa0DWa?\n\xffK\xb7\x0c\xcb\x85\xdas\x81\xcc}\xde\xed\xeef6\xc5\xae!\xfc'</t>
  </si>
  <si>
    <t>b'\x0b\x12d\xa9\xa0\x0b\xb8\xad!5\x8b\xd2*N\x04\xe6\xb7\x11\xed\xf1dv\xfeS\xbb\xd2\xf7\xb3OxX\x90'</t>
  </si>
  <si>
    <t>b'\x1f\x1b\x1c\x9b\xae\x9c\x167\xc3\x95o\xa8+\xda\x0f\x07\xbe\x82\x1f\xe4\x92\xff\xe6;s\x0fp\xdb\xe0k\xbe\x9e'</t>
  </si>
  <si>
    <t>b'\xcc&lt;\xe9\x81b\x81\x0e\xdc\xe20*D\x94@\xe1\x9d\xf1\x05\x15\x13\x9b\xeb\xeb\x08\xe7\x1b\x7f,\x1fkc\xc2'</t>
  </si>
  <si>
    <t>b'|\x83\xd8\x90\x15\xeb\xe1\x0b\x8a*\x80S\x92\xd4\x05{-@\xf7s\x18\xed\xb5\x927]\xe7;\x81\x96)\xe8'</t>
  </si>
  <si>
    <t>b"\xe0\xaa\xa9\xc3b\x04A\x1a&gt;\xfc\xa0\xfcA\xb32\x88h\xeb\xb4\xf2'\xb2\xdf\x9a\xd9\x85\x8d(\xc1\x8a\x03\x8d"</t>
  </si>
  <si>
    <t>b'\x1f\xe6\x14\xf4+bJ[2m\x00\x15\xe2|\xecI;\x98\x1a\xe7\x96\x03\x93\xb57\xbaw\x88\x0ce0\xa1'</t>
  </si>
  <si>
    <t>b'\xd3\x0c\x10AzD\xe8\x17#\xd3[\xf1\x91\x19\xa0K\x1a7\xf6\x1a\x9a\xbde\xbd\x01\xf4\x12\x0c\x97^{\xee'</t>
  </si>
  <si>
    <t>b'\xbe-&gt;_o%H\xd3p\xfaP!&gt;\r\xa9r\xe0\xf0a\x92\x01\x82\x00\xfb{V1\xc3\xb7lt\x9a'</t>
  </si>
  <si>
    <t>b'Z"\xd4\x93\xef\xba\xeb~\xaa(\x08\xa0\x9f\xe5\xf2%\x1ddmiS`\xd6\xa5\x00\x1b\r]F\x96\x011'</t>
  </si>
  <si>
    <t>b'\xed\x8d\x1a*\xa4\x81;\x0f\x89\xd5\x8db4&amp;\xd8J\xa5\x9e\x06\x84\xe8\xa4K\xb6A@\xcfl\xb0\xdas*'</t>
  </si>
  <si>
    <t>b'\xb2\xbf\x9a9\xaa\x0cyN\x91|\xf1\xa1\r\xc5An?\xbb\x9dH\xbb\xbb\xf53\n\x15\x08k\xa4\x99\x06\xa8'</t>
  </si>
  <si>
    <t>b"\xd9\xbaV\xa4\xd7V\x83\xa7\x84e\xf2\xc7d$8\x8a\xdf\x81\xa6N\xfe)\xa7\xed7\x1e&amp;'/\xc5'\x82"</t>
  </si>
  <si>
    <t>b'\xcdw\x87\xb3\x95e\xb1\xe4\xd3&lt;ZW?B0\x8f\x1a\x17\x85\xcf\xbaj\x13\x06N/Q@\xa1\xa4&lt;\r'</t>
  </si>
  <si>
    <t>b'\xb7!\x87\xb1\x9e&amp;\x19\xd3&lt;\xe6\x91\xe0P&lt;fV\x0f?T\x04L\x1b\x1dl\xa3\xce\xd5\xcc\x1f_\xa6\xa1'</t>
  </si>
  <si>
    <t>b'\x07.\xf5e[\xc70(\xb8\xac&lt;\xbe\n?&amp;\xc7\x95y}\xbb~}\x8e\xb7\xea]\x0fr\xfbF\ne'</t>
  </si>
  <si>
    <t>b"\xd0'\xa6#O\x1agy\xd4\xbc\x95\xc1S*DoU\xba=\xdd)I\x19Z\x95J3\xeaj\xd6\xbf("</t>
  </si>
  <si>
    <t>b'\xb2o-\xc6]\xb2,\x07\xe2\xfe\xf1 \xd9e\xc6-!\x82\xd3\x8c\xf5\x19\xfb\xdd\xeb\xf0\xa6\x82\x80\x9d\xae3'</t>
  </si>
  <si>
    <t>b'$m\xbc\xdf\xb6\x1493B\xc3s\x83&lt;\x1e\xd7\x06)e\xb5\x1d\xd0\xe2\xa5\x05\xca*"cx\xceK\xc0'</t>
  </si>
  <si>
    <t>b'(\x15\xa5\xa3\x11\x88\xc6b@N\x1dY\x00\xc0\x94Y\xe2\xd6\xf1\x8c\xd7\xdd&gt;+\x18\xf4\x89\xab\xfd\xea\xd8\xe2'</t>
  </si>
  <si>
    <t>b'\xca\x834\xef\xf5k\x9dn\x90\x9e\x19*&gt;\xec\x1f\xb8s\x0cNp\xf4\x8e{G-\x19^\xdce.[\x19'</t>
  </si>
  <si>
    <t>b"\xdf\x8d\xc6'A&amp;\x9c\x1a{\x87w\x88#|\xa1Yi\xc2\x8a\xc8\x0e\xf4\xed\xa2\xe2\xd4\xa4\x01\xc8\x9f\x02\x19"</t>
  </si>
  <si>
    <t>b"h\xd0\xd5br\x05\xa1\x80W=Je\xbc\xce\x06q\x1a\xd3\x9d\xbeR\xf2\x9c\xe3\xc7\x9b\xf0\x8c\xb3\xa3\xd3'"</t>
  </si>
  <si>
    <t>b"[3N'\x98\xa2e\x8cIQ\xd7\x82\x18\xb9\x01-\x9c\xb2\x05\x0cU\xfdj\x13H\xa7E;\xa0\x8d\x03\x95"</t>
  </si>
  <si>
    <t>b'&lt;0"&gt;\x16\xaa\x95\xe0\xb4J\xe6~\xb3TV\x122\xe0\x8cy\xa59+\xc4L\x83f\xb6\xf2O\x1a\x84'</t>
  </si>
  <si>
    <t>b'\x86f\xc2\xfc\x1a1\xd8}\x94w?q\x1e\xf6\x9d)\xb1\x19\xab\xdc\x97\xd1\xc0\xb2\x85~|\xbc \x81\xcdZ'</t>
  </si>
  <si>
    <t>b's\x1f\xaa\xaa\xc5\xf7E\x01\xf5F\x8a\xa3R\xcbx\xfa~\x91\xf2\xb4R\xbe!3\xfd\xc3\x96\x97i9\x8dn'</t>
  </si>
  <si>
    <t>b'm\xb7\xd3\xab*\xafw\xc0B\xc8\xbfX0\xa9\xec\xd8b\xbdt\xc2\x8c)\xa2t\x1f:\x8fi5\xcd \x04'</t>
  </si>
  <si>
    <t>b'\xec\x90\xf2\xb0z\xa9\x96q\x99%v\x85w\x8a\x99\xbc\xfc4"n]\xa5\x1c\xf3h\x8e\n\x1a\xca\xc0I\x10'</t>
  </si>
  <si>
    <t>b"\x9a\x88v#Q\r\xcdo\x19\x90\xff{\x92\x7fm\xec\x9e\xe9\xf0\xf9\xbc'L\xbe\xda\xd3X\x018\xa4C\xa3"</t>
  </si>
  <si>
    <t>b'C\x1dJ\x93\xacKw\x93V\x1f\x0e\xc6\xe5\xe5\x98\xe3\x1ba\x0eI\x85\xb9\xd6\xd2V\x19\xa4\xc0\xbb\xab\xbd|'</t>
  </si>
  <si>
    <t>b'P\xdd\x04\x08\xb9\x0fu=@\xbd\x9c\xdcH\x02I\xbfV\x81\xeb\xa6\x8b\x92\x90\x17K\xfa\x00|\t!\xd7R'</t>
  </si>
  <si>
    <t>b'\xbdC}\xa8\xbe^\x04\x89\x85\xe7\xdcdc\xa8B}=4\x82\xc9\xffW\xca\xdcU\xcdn\xbd!\x85\xcf^'</t>
  </si>
  <si>
    <t>b'\x81\xbb\xcf\xd0`\x19\x9ev\xa0^\xf9q\xb3\x0fl\x93\xb4QHCa2=\xdd!\x9dH\x9d\xf2\xa4 M'</t>
  </si>
  <si>
    <t>b'\x85\xc8\xb7\x82\xc8%\xfdM\xf7\x15r\x13\x1c\xcb\x99\x0c\xd7\xab\xb7\xa6G=G\t\xb7\x91\x16s\xe7LR('</t>
  </si>
  <si>
    <t>b'\xd6\xf9\x13\x87O\x1f\xe3\xb8\xdeR0\x95By\xd7\x11\xfd\xf8\x12T\x82\xe1\x95\x7fK \x01\x1b\xa4\xcaCK'</t>
  </si>
  <si>
    <t>b'D\xb0\xac\xa4\xb7HS\x06\x13\xce@\x04\\\x10\xa9:\xf3\xab\xf9\xa9Gr\xab\xe0*,V\xbf}[Ef'</t>
  </si>
  <si>
    <t>b'&amp;FhX\\7\xdd\tT\xc2\xd7A"\x1f=M\xba\xfb\xcd\xa7h\xf5\'\x16\xd3Z\xe7\xd5\xf3\xc1\xcc\xdd'</t>
  </si>
  <si>
    <t>b'\x88w:\xcf\x9a\xf1\xbeP\xc4\xd7s-\x88x\xe8\x03\xd1gn\x88\x88\xf5\xbag2P\x9di\xb3\xa4\x07\x06'</t>
  </si>
  <si>
    <t>b'd\xa5\xd1)\xd7\x95\xb7\x1e{\xaf\xee\xd8k\xd0M\x83\xb9\xfdH0Y8\x1e\xc6t\x0c2\xd7\xb2\xdasT'</t>
  </si>
  <si>
    <t>b"\r\x19\xe5\xc2\xbe\xe8]\xc3\x9e\r'\xb7|X*\xdf*\x04\x0e\tM\x04\xc6\x9eY\xb9\xe9$\xde\xe0\xda\x95"</t>
  </si>
  <si>
    <t>b')56gi\xactQ\xf0\xed\xf6\x98#\x0e\x8456\xee1*\xf9&gt;\xcfl\x9d\x89\xb2$RfS\xaf'</t>
  </si>
  <si>
    <t>b'\xfb\xe8\xe8g\r\xc1\x0e\x89\xe8\x16A\xc3\xefM\xb9\x93\x85&lt;N\x0f\xbdC\t\x1eB\x13\x96\xcc\xd8\x1aM\xdf'</t>
  </si>
  <si>
    <t>b'XAM\x9b\x1d\xa8\xb4\x9e\xae\xa1\x173F\xd6h7&amp;\x95{J]\xb1)\xb7\x8a;\x94`1\xc1\n\x06'</t>
  </si>
  <si>
    <t>b'$l\x976\x80\xd6\xdbD\x9fC6\x15\x19\x8b4\xc5S\xb8\xf4am&amp;_\x87N\xc5h\xfeM4{J'</t>
  </si>
  <si>
    <t>b'\xd2\x8cX\xbe\x02+|\xda \xa4\xb1\xbb\xc1\x18\xdb\xf7m\xc4W\x8a\x96I4#1\x9d\xe35\xd5\xcbW\xec'</t>
  </si>
  <si>
    <t>b'M\x90(\xf0\x97\xc7\x08\xc6\xb3c\x83\xc9*\x0c\xc8FE\xba\xa3GD\xbb\xc7P\xc3pa\xbeH\x0eQ\x96'</t>
  </si>
  <si>
    <t>b'\x90\x8f \xe6\n\xf3\xda\xfd\x9f\xc9hC\x9c\xa9\xe1\x93Y\xcf\xd0\x8c\x8c_\x96\x80?\xdb\xde\xfdjH\x05\x95'</t>
  </si>
  <si>
    <t>b'np5)\xb0\x96/F\xddN\xca\xc8\x0c\xb1`\x89\xf4G\xe4&lt;\xa9F\xd5\x97\xc5\t\nN]3\xa3\xee'</t>
  </si>
  <si>
    <t>b'@\x1f\x940\x868wp\xc7\x8e76f`\xab\x1d\xd8\xbc\x86pi\x00q\x11\x1fhA\xb4\n2\xa5\x18'</t>
  </si>
  <si>
    <t>b'\xcaXx@Gx\x05\x19\x9b&lt;H\xab\xa2\xe1\x92_;#\x9d\x0b\xc57\xd7\xed\xe9\xa29w\x00oR\xb6'</t>
  </si>
  <si>
    <t>b'\xf5\xa9a,p\xe2\x9a*\xa2\x1c\xbaV\xc4\xc4C:\x0e\xea\xb4\xd32\x98Sv\xe5{C\x93\xb3:\xec\x87'</t>
  </si>
  <si>
    <t>b'\xc9\xc6\xd0\xfa?\x96v;Z\xcf\x1d9\xa8\xd1I\xc8@\x8e\xc0\xb3f\x80\x05\x02w\xa2#\n\x90\xaf:\xa0'</t>
  </si>
  <si>
    <t>b'\xf2E~\xb7_\x995\\b\x98\xe3\xd0\x8a\x93\xe3\xf9\xfc| B$\xaait\xf1\x04x\xaa\x93&lt;f\xcb'</t>
  </si>
  <si>
    <t>b'\x7f$\xee\xbf@\x89\xbd\x13u*w\x03\x90T\xe0\xee\x12E?7\xea\x95\xcedq6\xde\xbcQ\xbal\xfa'</t>
  </si>
  <si>
    <t>b'\xa0\x01\xf7Y\xf5\xbe\xb5\\\xc1p\x06d\xdd\xa3\x96\xb0\xbf\x8e\xa9\xac\x8e\xd19DkR\xca\xdf\x03\xbcO2'</t>
  </si>
  <si>
    <t>b'\xba\xfdQ\x92\xee\xc0O2\xcd\x18\xeaL\xf3#r&amp;\t}\xf72\xda\xb8\xb3\x10\x18\xda\xfc\x9ev\x0f\x14\xfb'</t>
  </si>
  <si>
    <t>b"U\x16^k)f\x82\xef0:\x80\xbd\xb7\t[\x80N\xb14y\x12\x02\xdec\xcba\xb9'_\x02jp"</t>
  </si>
  <si>
    <t>b'\x00K8*\xd7\xc6%\x94\xd9\xdbCw\xa42}\x94\xa5E\xb1_\x01\x99\xba\x9d\xccB\x90\x93\xbb%\xfcX'</t>
  </si>
  <si>
    <t>b'\x0fG\xf0\xcf\x97\xd4.S\x06\\Vj\x17\xb1\x91\x98\xc3\x89\x9c\x92\xad\xfc\x86\x9fh\xb3\x10Uk\x82\x11\xd4'</t>
  </si>
  <si>
    <t>b"\x11\xa27\x02=\x95\x1cM&gt;n\xe7\xf0HB\xfc\xb4\xdeS\x10(R~\xbb'+\xca`_\xc7b\xeb\xb3"</t>
  </si>
  <si>
    <t>b'\x13\xd9\xbb\x93\xfbw\xaf\xfe\x03\xac\xe8\xa2L\xdb\xb0lT\x0f\x90\x0f\x05\x88(.\xd4\xbai9\xe02g\x1b'</t>
  </si>
  <si>
    <t>b'\x8e\xbae!\x96U\xa0rO\x1aA\x1fa\x8e=\xd8\xfeQ\x8b\xed\xba\xf5_e\x06]A\xaf+\xd5\x17\xdd'</t>
  </si>
  <si>
    <t>b'+E!\xda\xe7\x97\x13\xaf7]\xc8!\x98VW\xfb\x86U8yv[\xba\x1e\x87\xf9q\x80\x01/Wd'</t>
  </si>
  <si>
    <t>b'\x8d\xf9\xbdnx\xf4\xb8\xa2%\xc6YTj\xf5\x88\x04f\xf5\x16^z\x92&gt;\x89fX+\x89\xe7\xae\x16-'</t>
  </si>
  <si>
    <t>b's7)i\x99\xee\x9d\x7f\xd23\xaeF\x05\xd9v\x91\xdd\xbeP\xcd\xb2\x03\xc1\xe63\xf5vJ+\xcc.g'</t>
  </si>
  <si>
    <t>b'_\xa0#\xed\x8cu\x9d=\xfap\x9e\xaf\xa8\x9a\xb0\xc5\x89\x8d\xa87i\xcaF\xbc\xe8\x9a\xe9R\xd3\xb9&amp;\xde'</t>
  </si>
  <si>
    <t>b'\xb8\x16\xd6g\xc3\xb8&amp;\xd6\xc4\xf6\xa6^\x06\xf7\xf3\\\xc97\xa7i"&amp;\xb7\xbe\xd9?3\x1f+\x99uu'</t>
  </si>
  <si>
    <t>b'\xb6\x9c\xc8w\x1c&lt;b,h\xfbP] E9\xd9K\xb2)A\x19bf!\xbf5\xad\x84+\xd2\xe6$'</t>
  </si>
  <si>
    <t>b'C.\x1b\xa6\xcd\xa8G}\x99\xf7\xc0Q\x85R~5\x08\xfd\xa8\x86\xff\x18\xd2\xd3\xa2\x16?\xae-\xb0\x8e\xc5'</t>
  </si>
  <si>
    <t>b"\xbe\xc9\xc2\xfel\xbc\xef:o\xe5\xed\x1dTN\xa2\x86'm@\xfa\x14La\xac\xe3\xff .\xf3\xf3\xdc\xe2"</t>
  </si>
  <si>
    <t>b'M\xea\x0c=|\xbe5J\xeb\\X\nN\xbae\x86Y\x19\xa3S#\xc93\xf4J\xb4\xc2\xa2c\x85\x01\x99'</t>
  </si>
  <si>
    <t>b'C\x11G\xd3\xa8r\xa0\x969\xf1\xf8\xab~\xf5\xf1U\xc0\xc4\xf9\xc2\xd4\xf4\xab\xfd\xad\xaa/\xc4\x94RG\xf6'</t>
  </si>
  <si>
    <t>b"\x12JR\x03|y(\xba\x7f\x9e'k\xeb=\x1f\xe7\xc4\xb1\x033\\H\xac\x08\x11]`\xfb\x9a3\x16\x06"</t>
  </si>
  <si>
    <t>b'\x1akG\xac\xbd\xa4\xdb=\x9a\x9e\x14z*I\x1d\xf7\x87\xdc\xd1\xae\xfa:\x89\x1c\x88\x12\xac1\x87]\xab\xae'</t>
  </si>
  <si>
    <t>b'D\x0eI\xbe\xad\x1f\x82\x96w\x80\xdf:V\xecy\xc1\x05^\x91\xba\xdb\xf9\xc2\x86\xf5K\xa3\xe0\x1c\x11\xd7&amp;'</t>
  </si>
  <si>
    <t>b'&gt;9\xb0\xd5\xea\x81\x96cn&lt;\x87\xb7n\x10\xf2Z\xc2\xa9\xf9\xe5\xeeY\xb4\xc8\xc4\xb2\xc9\x90\x7fkE\xf7'</t>
  </si>
  <si>
    <t>b'\xf20\xff\x03\xbe\x83\xc7\xee:[\x89\xe4\x08\xc6\xa1LcN\xd2o\xa2\xfa\x8b\xdcN\x11)Z\xcbX\xcb\x94'</t>
  </si>
  <si>
    <t>b'\xcd\x8a\x7f\xa5\x92\xa7*\xd5u+#\xbd\xbf\xec\x13`S[\x9f\xfe\x95+\x95\x97\x94\xbex5B\x98/h'</t>
  </si>
  <si>
    <t>b'X?3aT\x84\x9e\xc1\xb2\x15\xb1P\\\x90~\x8f]\x87&amp;\xd8XP|\x1b\x99:\x83U\xc3j\xd8\xe6'</t>
  </si>
  <si>
    <t>b'\xb7x\x0b\xe6\xfdk\xae\xd9g\xfb\x08=\xdb\xffh\x87\xffN\xed\xbbI\xb3\xf9\x1909\x8b\xbb#\xe0\xf9\xd3'</t>
  </si>
  <si>
    <t>b'\x87\xa1B?&amp;\x0c\xa7\xa8\xae\xa4\x80\x1c\xfd\x1fGx\x1f\xba\x1e@m&amp;\x1br\xc9\xe1^\x1c\xc8K\xe3\xe9'</t>
  </si>
  <si>
    <t>b'\xdf\xa8Fo\xf6\xd4r\\\r@KQ\xd0\x196?\xd7B\xefG\x99\x1a\xfeu6[\x9d\xecD\xb95;'</t>
  </si>
  <si>
    <t>126xx</t>
  </si>
  <si>
    <t>b'v\xee\xdb\xbd\x06\xc0\xe7\\\x18\x9c\x91J\xf2V\xf3\x95T\xb1\x98\xc4\xd3\xb5g\xb0\x04\xbb\xd4I[H\xee\xb2'</t>
  </si>
  <si>
    <t>b'e&amp;8\xc3\xa5\xb2y\xb5\x82\x85\xfd\xaf\xe0\xe8\x1f\xc8\xcf\xa5\xac?|Y\xf0\xde\xaf\x00q^\xf8\xec\xdc\xbf'</t>
  </si>
  <si>
    <t>b'\xe0GaI\xe5bm\x1a\x84|\xc6\xbf\x19\xa9\x87\xdd\xefY\xb9\xa8Ri\xa2^\x84\xf3Z\x8e\x93eB2'</t>
  </si>
  <si>
    <t>b"\xe09\xcb\xcfL\xe8'\xa1\rbVm\x8a\x94\x1d\x85{\x01Z]\xbd\x11\xbf:\xdc\xd8\x16)\xc0\xcf]\xe2"</t>
  </si>
  <si>
    <t>b'\x02\t\xc1\x96,\xe6\x9a\xd5Bz\\\x1cXkKU\xb6\xd4wj\xd2\xcd\xe2q_O*[\xd38\x95\xf9'</t>
  </si>
  <si>
    <t>b'\x11\xdf\x95\xbb\x7fHZ\xac\xcd\xf2\xdb\xde9|,T\x10\xb59\xc5\xd9\x17\x9d\x08\x87\x9c\xaf4k?N\xae'</t>
  </si>
  <si>
    <t>b'oo3\xe0X\xb7d\tO\x05a\x074\xadq\xdb\x08\xa8`Dem\xed\x0e\x99\xd6s"\xef\xa7aN'</t>
  </si>
  <si>
    <t>b'\xb2\xd4)\xa7\xe3&lt;\x07\xa6\x1fk\x9b\xa0\xaf\x989\xe1H\x06\xcaDY\x16\x16\xfcp\x94\x8e\x86j\xf7\xee\x18'</t>
  </si>
  <si>
    <t>b'N\xfb[\xa7\xc5u8C\x97\xfd\x83\xf83\xb50\x9em\xba\xdd\x92E\xd6I\x08\xdc\x83^cl\xf9\x1cS'</t>
  </si>
  <si>
    <t>b'&lt;:\x9b\xc4G\x8c\xd1\xb0A\xe2\x17sQ\\\xee\xfc\x12~\x1eY\xb7\x96\x88\xf2,{\xf2\xe7\xd4c\x98K'</t>
  </si>
  <si>
    <t>b'\x81\xcb\xfc\x81h\xcf\xb8\xb2\x14\x06TJUo\x8e=\xb0\xcc\x02_\xd6\rEh"\xeb\x08\x85\xfd\x92\xf6*'</t>
  </si>
  <si>
    <t>b'\xf7\xcfC\x1d\xa6\x9e\x03\x8a6\x82u\x8cS\xe7\x18G\xee\xc7\x80\xc0{\xa3,p\xfa\xba\xb9\x0bEh\x14N'</t>
  </si>
  <si>
    <t>b'YX|;\xbd3\xe4\xcf\x82\xff@0\x15|\xec\x1eHo\xdf!1\x87\xf3\xe1S\x04S\xac#\xe4\xba\xf2'</t>
  </si>
  <si>
    <t>b'Nnq\xb1\x94\x93\xaf\xafV\xc5;\xd9\x90 2a\xa4\xa0VMu\xe6v7\x9dR%\x9d;\xb5|\xed'</t>
  </si>
  <si>
    <t>b'\x8a\x83\x06\xa8\xd9\x87$\x08:\xf7\x91\xbb\x0f\x9923\xe6tM\x11h%\xf5&gt;\xe8\xcc\x8a\xfc\xd4\x16\x81\xd6'</t>
  </si>
  <si>
    <t>b'+\xe2\x89,\xe2*%oj\x83\xad\x7f\x9a~\x98\xf22\xc0o\x9d\xde\x10s\xd7\xc8\xdd\x9f\xbdJ_j\xe9'</t>
  </si>
  <si>
    <t>b'\x00\xfeu\x03\xd3\x98[\xad\xc3\xa8`\x89?\x91O\x9e\xd6\x19\xcbq\xb6ln\xdb\xbe\xf3L0M\xc3\x82\xb3'</t>
  </si>
  <si>
    <t>b'\xc3B\x02\xcfw\xb4\x91`\xb4\tt\x14\xf4\tU\\?\xb4\xbf\xc9G3\xa5Z?\xec\x19\xca\xdb\xe9\xdaO'</t>
  </si>
  <si>
    <t>b'\x05s%\xe3G\xf8%*\xea]\x17\xae\xa56X\x99+A+\x8d\x06\xe1\xc2$m\x19\x9e\xa1\x18;\x94\xaf'</t>
  </si>
  <si>
    <t>b'`\x1fdA\x9e\x9e\x13c\xb0\x1f\xc4\x93\x96\xac\x88`\xbf}1J\x9e4\x93\xd6\xfe\xa8O&amp;Ov"\xfd'</t>
  </si>
  <si>
    <t>b'Rd\xcc\xb0a\x18\x0c\x8a\x7f\xe6\xd3\xa0@\x96\xe0\xcc\x9d_\xb1:\xb3\xdf\xfc#\x07\x98D\xc5{M\xbdp'</t>
  </si>
  <si>
    <t>b'\x8f\x19\xa5}\x7f\xef\xf7S\x00D\xae\xd5B\x8e\xf5\x9d\xf7\x88h\xd9y\xa3\x05.\x97\xb1\x83\xb1\x19\xdc\x14\x85'</t>
  </si>
  <si>
    <t>b'iF\x9b\xc7\xb8G!G\xd8q\x9e\x96\xf1\xf5&lt;\xa3\xa6H\x7f\xc4\xf5\x92E\xd4WHp\x91\x1b\x99\x04\x96'</t>
  </si>
  <si>
    <t>b'\x15_D\xae\xec\xcd\x08\x8f**\xa9s\n\xf9T&gt;N\x7fq&lt;\x0c\xf7\xe6\xa2L\xda\xbcb\xefD\xf9\xb7'</t>
  </si>
  <si>
    <t>b'^\x8a\xb2\x970;*\xfdF\xedg\xb4/u\x94\x7f\xe9\x86\x0eAS6\xe5\x87\x13\x07)X@\x86\x94v'</t>
  </si>
  <si>
    <t>b'\xa1\xaf\xe2\x19\x13\xf6r\xea\xff\xee\x89\xd6\x033\xf0\x0b\x04x\xcf\t\xeb\x98\x8e\xb0\x13\xff\xf6\x10+\xeb7F'</t>
  </si>
  <si>
    <t>b"\x88\x01\x03\n'\x0fZ~\xfbu\xaf\xc0\xfb\xc3\xd1\xbdj\xcd\x1da\x8b__`'\xbd\xb9\xbb\x1b\xeci!"</t>
  </si>
  <si>
    <t>b"\x01\xb0f\x9fR\x81tOkT\x8a\x1b\x0e\x07 2\x14\xed\xd2\xf9\x0fFy\xe4'\x1e\xe2\x14[]\x08\xa8"</t>
  </si>
  <si>
    <t>b';\xe8\t\xcbOv:\x08\xea\xdea\x15\x87)\x96\xe8u{\xa4\x1a\x03M\xad\xc0\x98T\xd5\xef\xf2\x10uU'</t>
  </si>
  <si>
    <t>b'\x10\xfb\x8c\xa1\x9d\xa4\xad5\xd0\xd8o\xf2\x93\xc6\x17\xd06\x00\x9e\x9d[w\xfa\x10\x11\xb0|\xd8\xa1\xdc\xaa\xca'</t>
  </si>
  <si>
    <t>b'\xa3\rz\x81\x8a{\xfe\x13sFO\x01\xac\xb7\xab)\x17t\xa4\xf7\xf5\x9c\x07\xf6-IM\x02\xa7J\xd9;'</t>
  </si>
  <si>
    <t>b"^\xad}\x9d;S%\xd0\xb9\xb8\xf5\xbc\x94\x91J\xaf'\x9c\x96\xb8\xe8\xd1[\xf7\xbf\xa8\x9cP\xb20\x15b"</t>
  </si>
  <si>
    <t>b'5\x8br\xc1\xc4\xa2H\xf9L\xb9\x97Eg\xb9+^P\xee\xf9\x08\xab\x01\xd9\xfe\xbb+9##\xcf+\xd2'</t>
  </si>
  <si>
    <t>b'c\x0e&gt;\xe6\xf8\xd4\xef0\x05\xba\xcd\r\n~\xc3\xda\xd1\x18\x10\xc1\x08_\xfb\x16r\x8b1\xf84CO\xe2'</t>
  </si>
  <si>
    <t>b'\xd8`\x9bo\xa6:\xa9\xa3\xa0\xb6\xda\xae#\x1af\xe9\xd5\xc3\xfb\x97~\\f\x820\xc2\xba\xcc\xa2\xbe!\x0b'</t>
  </si>
  <si>
    <t>b'H`\x1b\xba\x94&lt;\xd0gR3\xea#\xcf_}\xf9\x8ev\xe3D\x00{\xad\x00\xfe[\xf8\xc0\xa6m\xcb\x87'</t>
  </si>
  <si>
    <t>b'/\xcc$\x8b\xdf. \xdc%\x86\x06+T\x87i\xf2/Z\xc27Y\xaf\xba^\xd7\x84\x95 \tq\xb1\xf2'</t>
  </si>
  <si>
    <t>b'\xaa\xd3\xdd\x19X\xf8H\xfd\xc5\xfd\x96\xf6\xe4\xa2\x8bN\xe5o\xef\xb5cr\xccj8\x98*\xf13+\xd8R'</t>
  </si>
  <si>
    <t>b'\xf6\xaf\x1e\x8a^\x1e\xb8ZW\xc0C\xd3`\x94\xfe\x80\x14\x1b\xb8 m?B\x9bw\xd88\xc5\x9eV\xac\x91'</t>
  </si>
  <si>
    <t>b'\xfc\x06T\xba3\xbc\x824\x87\x9be}\x90f\x83w\xee\xaa:9\xb5\xa7\xb2Jt\xa1\xc7\xea\x81Fs '</t>
  </si>
  <si>
    <t>b'\xee\x91&gt;y\xe9=\x15\xd4\xf2\xf1\xfb\xbc\x13o_~\x86\xc0K\x12\x83\xff5\xb2\x03\xea\xc2\x97\x9e\x90\xce0'</t>
  </si>
  <si>
    <t>b"x\xdbYA\xa7j\x162\x0f\x91\xb5\xb5\xc1\xb5-U\xa5'\x03\xe8\x0e\x1bp\x14\xa8\xdc\xc2\xd2\xea\x8b\x9b\x19"</t>
  </si>
  <si>
    <t>b'\x0f=\x9d\xc0\xd5\xf1Z)| \xec\xa3\xf9(.\xb2\x17\x18\x1c\x01\xcd\xed\xbb1lC\xa3\xb4\xed\xdau\xa9'</t>
  </si>
  <si>
    <t>b'ulu\xfd\xcbR#\x91YC}E9\x88\xac\x86\xc2\x87Z\xad\\`\x8aO.\xd0 .kR5q'</t>
  </si>
  <si>
    <t>b"\x06\x929\xb5k\xcd%\xed\xb1\xc2%\xd0\xa9\x9a)\xe2\xaa\xd2\x1c\xc27'\xb4\x9f_v\xfc(\xbbE\x13G"</t>
  </si>
  <si>
    <t>b"v\xd8'\x06J\x1c]\xa2\xf0n@)\x8e\xe0l\xbe\xd6\xbe\xc2\xc5\r\x93\xf38|\xa7\xd1)\x87g\xb8 "</t>
  </si>
  <si>
    <t>b'\xef\xbb\xd1\xd2\x9fqH6\xf5.\x85;\x10\xd7\xa2*\xe0_,\xaby\x9d`\x04\xc2\x1d\xeb\xe7\xf4\xea=\xe6'</t>
  </si>
  <si>
    <t>b"\x1b\xe5\xd4e\xd1\xa4g^'\x97\xe1\xe1(#\xec[0QK\x03w_\xe2\xbd^E\xcd-:\xc4\xeb\xd1"</t>
  </si>
  <si>
    <t>b'\x07\xbduF\xedP#\xfb\xb7\xe9\xc7\xd1\xb2\xd6F\x071~m\xf0\x8c@\xce1\x96\x88\x0c2\xc5\xc0\xf8\x8c'</t>
  </si>
  <si>
    <t>b'\xe7y\xb9?\x08B\xe7s\x82\x1a\xa9\x892\xd58@\xd1\x15U\xea\x99\xfa\x15\xe8\xdd\xe0\xc9\xa33\xc4]\x16'</t>
  </si>
  <si>
    <t>b'\xae\xbc\x8e\xd2\xf2^\x9e\xb6\xac\xe7~\x93\x9aE\xe1z\xb8\xe3\x87ZT\xa28\x9e\xc8\x04\xe30\x92#Sl'</t>
  </si>
  <si>
    <t>b'z+5\xa1\x9d\xbc\xb7\xe8\xbb\x16\x8d(\xd4\xdb\x10\xed\xfb!\xef\x1cZ\xfc\xfed&gt;c\x17\x16!@c\x10'</t>
  </si>
  <si>
    <t>b'\xe3\xcfh\x9d\xff\x01\x1f\xbcio\xe3s\xb0\xa3\xfb\xe9\xb8\xbe\x1f\x05\x9b\x13\x7f=&gt;I\xe7\x9f\xef}g\xf0'</t>
  </si>
  <si>
    <t>b'xA3\xed\xea\xac\x03\x04\n\xcexH\x1c\x03\xcb+vk\xc8\xad\xd4\x81\x87\xaf\x1a\x81\x0c\xb8%\x00\xee\x16'</t>
  </si>
  <si>
    <t>b'\xd9\xfc_\x95x\x07\xa76h"\xcf)kk\xb4i\xac\xc8*\x88K\x8c\xd5\xf7\'\xf9\xc9\rV\\\x9cq'</t>
  </si>
  <si>
    <t>b'\xcbA\xffZt\xb1o\x93\xbdF\xb5\x82\x96\xc2h\x8dM\xbf\xb0(\x7fy\xa8\x83p\x16\x83!\xdf\xd9\xf8\xa6'</t>
  </si>
  <si>
    <t>b'51\xdc\x9f\xa7d\x8b\xdd$\x84RCb\xbb\x06\xc1\xa0V1+\xa2J\xe7\x03C\xcc\x02\x85\xbb\x87f\xa3'</t>
  </si>
  <si>
    <t>b'\xf5\xe5\x15\x15\tJ\xd6\xc0\xb0\xa2X\xc5h\xd9;\xc9\x19d\xe5\xc6\xc6\xe8\x94,#\x85\x12\xbd\x81\x90\x0e|'</t>
  </si>
  <si>
    <t>b'\x89\xc3G\xa2X\x0e\xce\xf8\xc7\xa7o\x19D\xec\x1a\xba\xbc\xa8\xbd\xf5\xac\xb3}\xa1\x11y\x8b7b\xdc\xf2I'</t>
  </si>
  <si>
    <t>b'*\x9fcEc\x15f=[^\xb4\x90TH*\xdbh\x18\x84,{\xd1d\xfc\x11\x9ew1\xd0\xf6/\x02'</t>
  </si>
  <si>
    <t>b'\xa7\\\xd9\x05=\xe8\xa0l\xd8\x06\xfa\xd7\xfb\xb1\xd2m\x8f\xd5\x1a\xf6\x84\x89~K)&lt;L\x8a\xe6\xfe\\&lt;'</t>
  </si>
  <si>
    <t>b"f\x1e\xfa\xec\xbf\xb5\xd9\xd2\xc0\xfb\xa9\x13\xa8&gt;Y\xfd\x9a\x04\x8c\x07\\v\x13O9\xef\x18'&gt;\xda\xd3\xa6"</t>
  </si>
  <si>
    <t>b'\xef\xde\xfar\x1d\xbfH\xa3\xd1F\xf5\xa2Q\xfe\xd8\xed\x03\x8c\xb5\x1c\xc2\xee\x0cJ\xeaF\x87\xaa\x17^P"'</t>
  </si>
  <si>
    <t>b'\xf3:\x18\x92\xee\x8e\x85&amp; \x83s\xd2\xf4l\xcc\x03\x80\xafAM\xb0\x94\xac\xc8\x1e\xac\xf2\x0e\xb1g\xe7\xc2'</t>
  </si>
  <si>
    <t>b'|\x0b\xdak\xf3\xea\xd3 \xfb\r\xe3\x95\x81\xf5\xa6zM\x9e\xc6C\xfbd\xb4 \xa1\xca\xbd`\xd0\xda\x14\x16'</t>
  </si>
  <si>
    <t>b'*\x12\x06\xce\x00\x0b^\xd4f\xe6\xba\x8d\x1b\xbe\xdb\xaa\x04\xbb\xa4\xf0j\xe5+\x02D{\xafU"+t\xf2'</t>
  </si>
  <si>
    <t>b'\x85bDA\xd4xu\xbc]\x11\xde\x96\x99\x13\xdb\xa3\xb797\xfa2\xac\xa5\xf5\x84\x82\xc3\x8e\x08h\xbd\xc3'</t>
  </si>
  <si>
    <t>b'\xd4\xf4\x19\xabW\xbc}R\x89\xa68Y\x95\xeas\xd5\xc2n\x85\xbb\xf0\xbdU(\xf8;\xf87,\xf0\xd9\xf2'</t>
  </si>
  <si>
    <t>b"WR\x9f#x\xbb\xd4\xbdp\x02\xd6\xf7IZF'\xb3\xe7\x8c\x95\xe3\xae\xac\x94\xab5\x13\x1b\xf2s\xd8D"</t>
  </si>
  <si>
    <t>b'W\xa2iF\xb5\x14\xe0\xba*\xae\xd3h\xa6\xd0^\xed\x145\x16\xa8\xff\xc3q\x882KIn\xf7X\xe3\x02'</t>
  </si>
  <si>
    <t>b"~\xc7\xa0\xa0\xea\xb74\x0cHbl|\x83\xf2\x02v\x9d\x7f4\x8bM\x9b\xc9\x11H\xa4!&amp;\xaeb'\x81"</t>
  </si>
  <si>
    <t>b"^\xc4Ym\xed\xbb\xbb\x9e\xffxR\xcf'X\xb6\x01\xafz;\x86`\x96#f\xe6\xa3\xda\xf8\x94s&lt;\xdc"</t>
  </si>
  <si>
    <t>b'\xb8\xdb&lt;\xe5k\xfe\n\xdc\xb7\xa4\xa9"\xae\x8a\x8e\x11\t\x83:Eg@\x01\xe23\x82@\xf3*\xe5\x1b\xf2'</t>
  </si>
  <si>
    <t>b'tjAC\xaf\xe3zB\xe4\x8dk\x16\xc1*2\xfa\x0b\xb2\x16\xa3\xd7\xfc\xf6\xa1\x1a+\x18\x93R\x07\xe6\x16'</t>
  </si>
  <si>
    <t>b'\xf4~U\x80\x9b\xadOC\x94\x1c\xbd\xabM\xa7eT\x951L2\x8e\xea\xb1\x9c\x98\x7f\xbe\xe98I\xe9u'</t>
  </si>
  <si>
    <t>b'\x88\x194\xb8\x0bW\xc9C\xcb\xbf\xbf\x91v"\x08/\xd0ExB\xde\x8b4\xf3\xfb\x0c\xff\xfc\xdc"\xae\xee'</t>
  </si>
  <si>
    <t>b'\xda\xeb\xa8\xf4q]\xb7&lt;\xfc\x06\xc8\xbf,\x97B\x85\xb7\xd5\\H\x8b{rx\x95\x929\xa3\xd6\xa0\xcc\x02'</t>
  </si>
  <si>
    <t>b'8\xc6I}-a:\x91\xa9\xd7uo\xf8\xf7\x99\x1a\x9e\xfb&lt;\rzc&amp;\x04\xab\xf1\x917\xdf]\xdcm'</t>
  </si>
  <si>
    <t>b'6\x87\x98S\xdb#5=^\xc0QG}\xb9Hf\xae;\x81 \xce\xd8!\xa0\xc4\xfe@\xe3 \xda\x08-'</t>
  </si>
  <si>
    <t>b',\xd0\xa2&gt;5\xdb\xd5g\xa3\x91\xa9\xdf\x1f\x97y\x16{\xf7\xa4\xd3y\xa1\xe1\x7f[!\x170\xba\x13\xd5\xf5'</t>
  </si>
  <si>
    <t>b'y\xeb\x0c\x89[1\xde\x12o\xe2\x0cvdY\xae\xbd\x96\xdfA\xb7\x89s\x92\xd9Fh\xf7\xc8\x0bO\xd4q'</t>
  </si>
  <si>
    <t>b'\xcd\x12k6MZ\xf7\xf7R\xd6.\xb8\xc4c\x8e]%\x0b\xeb\x9e\xb3#\xf3\x1c.\x03\xde\x07%\xae\xcd\xb9'</t>
  </si>
  <si>
    <t>b'\x8e2~\xe5:\xfa\xa6bA\xd0]\xec#\xb7\xdf\xc7\xa8\xf2\xc9r\xa7d\xc3|!\xc7yI\xf2[\xf9\xdc'</t>
  </si>
  <si>
    <t>b"a6E\x8c5\xf9\x9f\x8e\xbf\x96'\xe6\x1d\xdc,\x8b\x8b\xa55[\xc0\x18\xf6\x9f\xf0\xd8\xa5nZ\r&amp;W"</t>
  </si>
  <si>
    <t>b'F\x1d\n\xcek\x1f\xf0\xd8\xb9\xe7~[\xee\x9e\x02\xe0T)\xbb\x1e\x9eB6r&amp;\x9b\x83`\xcd\xd6;B'</t>
  </si>
  <si>
    <t>b'\x90d\x16\x98\x8e;[\xac\xaan#\xe7+\xdd\x94%I&gt;V\xa2\xec\x00G\x9e\x8c\xc12\xf8\xe4\xe2\xf0\x1a'</t>
  </si>
  <si>
    <t>b'7&gt;u\xe9\x9bJ\xdc\x92N\x9f)3\xe2\xab\xbc\xfc\x95\xaa\xcf\x0e\xc7\x18\xc7\xb6\x0b)O\xa0\x89\x04\xd8\xc3'</t>
  </si>
  <si>
    <t>b'\xc2J\x9c3`r\xf3\x07\x15(y\x84\xd7\xf4\xc9\xd3QT\x1b,\xf3p)\x1bD\xf7\x00\x91b\xda^\xa5'</t>
  </si>
  <si>
    <t>b'\xa3p\x9d\xe4\xde\xde\xf1\nr\xabq\x83\xae5\xa3S\x80\xaa;D\x89\xa7y7\x96\xfax\xbdzu\xd7\xf1'</t>
  </si>
  <si>
    <t>b'\x02\x9a\xec\xf2r(\x8b\xce;\xbb\xd1\x8f\xde\x1aP(\xf6&amp;r^\x87\xe8 j\xa5+\x9f\x848\xee$z'</t>
  </si>
  <si>
    <t>b'\xea\xbf\x8fw\xec\x04\x0b)\xd5\x11\x04\xc2\xdc\x15\xfeW\x1f\xed\x15}\x9f\xd8\xac\xfc\xb4\x0ea-b\xf4\x08\xd3'</t>
  </si>
  <si>
    <t>b'\x04\xbb\\\x1a\xde\xcc\x93\x19\xd4T\x90\xd7T\xf3\xb3\xaa\t\x0e\x95+\x0f\x97d~;N\xae\r\xb7+B\x8f'</t>
  </si>
  <si>
    <t>b'\xe8\x03\xfa\x1cS\x87\x1c\xa5\xe5\x1c\xc7\xed\xc6 \xe4\xdcd\xa6\x91w#su\xf1E\xdd\xee\x9d#\xb6\xb6\xf2'</t>
  </si>
  <si>
    <t>b'\xf1\xbcW$yk\x10\x15\xa0/\xdc8p\xb9\xa8C\xab\xb5[\x16V\xbe\x9d\x05\x99e\x97~\xdf\x8e\x8c\xb2'</t>
  </si>
  <si>
    <t>b"\xab\xaaSZ\xd7\x82P\xfd\x8aPt\xb3\x8a\xcc\x19\xa6\xd1\xe1N\x00M'j5\x026e\x8b_\xde\xf3\xbd"</t>
  </si>
  <si>
    <t>b'36\xd3\xce\xcc-\x90\xcb\x8d\xa7u\xd3\x017\xe8\nq\x18b=\xbf\xbaz\r\xd5\xb5\xb1T\x8f\x8a\xcb\x94'</t>
  </si>
  <si>
    <t>b'o\x9a\xc8(9\xbbX\xc8\x96\x80\xcc\xf0s\xaa3\xf5\x8aZ]\x1aW`;\x12f\x9d\xa1\x81D\x892A'</t>
  </si>
  <si>
    <t>b'\x1f\xce\xae\x9d\x04(\xeb\xb7\x9d\xcdy\xc5&gt;;m\xc5&lt;HC\x18\x92\x94\x00J\x13\x83\xaa\xecL\xf9\xbd*'</t>
  </si>
  <si>
    <t>b'\x9e\xbd\x8e\x9d\xac\x0fa\x11\xcc\n-\xdb\xfb(\xea\xb8\xd4P\x00\r\xab\xdaO]\x08[\xbb\xa8\xae\xa9E\xc7'</t>
  </si>
  <si>
    <t>b'?\x11\x86sf\xc0\x1e{\x1c\xc3\xa0V}\xe6\xcd\xa32I1\xd9u\xb9\xd9\x91\xa9oE\xf0\x93=1\x95'</t>
  </si>
  <si>
    <t>b'\x1b\xf3\xfd\xc4,\xce\x1cn\xe8\xf8\x08\xab\x07=M!\x0f\xf4 ,\xc5\x9b\xe5\x98\xb6\xf3S`F\x9b\x17r'</t>
  </si>
  <si>
    <t>b':\x97\x8c\xf2+\xed\xd1\x81\x10\\q\x1dm\x00J\x97\xd3$Ty\x8ac\x08\xaf\x1c\xefC\xd7\x1d&gt;\xed`'</t>
  </si>
  <si>
    <t>b'H\xf2\x83R`\xc9\xc4$U\x86\xcfYe\xa9\xce.Z.c/\xce&lt;\xfeS8\xf7\xd8\xcc\x91\x81zW'</t>
  </si>
  <si>
    <t>b'\xa6\xda6\xfbWT\xe8\xc3\xd3+\xd8\x8a\xce\xed\x9f\xf8!\x8fcUQ\n\x1dM\n\xee\xb4uq\xf5Y\xc5'</t>
  </si>
  <si>
    <t>b'\t"r\t\xfc\xf4\xfa#\xc2\x13w!\x8b\xc8\xe8\x0cOd\x07\x15\x85\xf2RFt\xc6{\x87;:\x15\xd0'</t>
  </si>
  <si>
    <t>b'\xd6\xc4\xdc\\\xf6!+qm\x96`\x1fH~\xc9\xf7g\x0b\xf4T|s\x18t\x9f\xa3A\xd0\xa1\x81X\x82'</t>
  </si>
  <si>
    <t>b'\x0f\xe2\x10b$8\x80\xf3\xddR\xbeYT0\xc9Z\x01s\x08a\xc7M\xd1\xf3#\x8b%\x97\xb9\x9d`\xd8'</t>
  </si>
  <si>
    <t>b'\xc5\x1f\xad\x7f\xe1I(\xb2^\xa5\xf0\x19\xc2o\xe5\xef"\x85r\xe7?\xea\xe0\x85\xb0\xbb\xab\x1fP\xe0\x9eh'</t>
  </si>
  <si>
    <t>b'\xd6"[o&gt;\xe4\xa2J\x17\x1f\xa2\x7f\xc2\x85\rx\xa7\x85/q\xf9\xd2\x1a\xa2WaxuD\xa3t\x18'</t>
  </si>
  <si>
    <t>b'\x9e\x90v\x18\x06\x9b\x9f=\xf8v0\xd0\xde\xf7\x1f\xe5\xba\xffRb(s\xb1p\xc5O\x1e\xa1\x0eP\x15\xad'</t>
  </si>
  <si>
    <t>b'\x87\x102\xf2\xb6n\x86E]\xf8\xba\xa3f\xf4\xd1\xae\x05\xd1\xa2u\xed\xb1\x07\xa0\xec\n\x00\xdbm\xf3b\xdf'</t>
  </si>
  <si>
    <t>b'\x95\x9a\xa3:Z_\xe7\x15\x8d[\xd1d\xbco\xdd/\xffkq\xd3\xc7\xe0DK\x9f"G\xd0#}\xee\xfb'</t>
  </si>
  <si>
    <t>408xx</t>
  </si>
  <si>
    <t>b'\xb0\xf6\x83\xf0a\xffy\xc1I\x8f\xa7\x8f9\xbeC\xc3\\\xd5/\xb3TF\xb4\xce\x12VO\x07\xac/\x97\x1a'</t>
  </si>
  <si>
    <t>b"\xc5\x1b\x19\xb4*jw_\x0f\x18\x94h&amp;m\x1951\xfd9\xfaN\x9a,\xd6'&amp;\xf9\xac\xecFs\x04"</t>
  </si>
  <si>
    <t>b'\x90\xc0\x19\xc0"4\x92\xd7\xeb\x1dt\xd7HX\x9d\x85)\xe4\x1c\x13\x18-\x9c\xc5\x13]\xe5\xa3\xd6\x8fel'</t>
  </si>
  <si>
    <t>b'\xef-#P\xb7\xcc\x8fb\x9b\x15,+\x0b\xd9H\xfbH\xf2\xc4\x0e i\xf6\x01\x1d\xf9\xd4\xd5\xb4\x8e\xbf\xa1'</t>
  </si>
  <si>
    <t>b"\xc2B\xddp\xa5\x80\x8d\xc8\x1a\xf5'\xb7\xac\x8bF\xbeH\xab\xd3\xfe{nn\xe5\x8fO\x96;c\x95\xfc\x1b"</t>
  </si>
  <si>
    <t>b'\xd6F\xc6\xbd\xb0\xa7\x8a|\xbf\xd9\xa1;kvM&lt;gZd\x1c\xbaid\xda\x9b\x03\x8a\xabP\xff;\xb1'</t>
  </si>
  <si>
    <t>b'\xd1!\xb1\x83\xf5\xf11\xb8\x99BW\xa0\\\xd2[A0W\x90\xa0W\xe0&gt;\x86\x05a`\xda]\xbf\x00\xa3'</t>
  </si>
  <si>
    <t>b'\xb0\x11\xaf\xc1@\xf4M$\xfe+\x05\xe0\x1b\x8e\\\xeeX\\\xb7_#\x08\xe8h\x15\xd3\x13\x04\xb7\xb6\x11\xfa'</t>
  </si>
  <si>
    <t>b'-\x13\xa4\xebHN\xf7_\xac\x14\xc4V9\xb5\xbf\x18F\x10\xe0\xb84\xd5\xf6`\xbffOd\xceK\xf4\xe1'</t>
  </si>
  <si>
    <t>b",\x87\x9f\x84\x88-\xcf\xbb\xff\xa9\xb5\xbc\xde\x9dX{B\xdc?\xbe\x99\x10\x9a5\xfc\xd8S\xb7z\xc8\xbf'"</t>
  </si>
  <si>
    <t>b'\x17\xb7\xd1!\xc5\x9f\x8c\x86\xae\xa4?\xef\xda!&lt;\x84\x84\x05\x0f\x16\xb6;\xb0\xe52\x01g\xea\x97\x03\xf8\xa7'</t>
  </si>
  <si>
    <t>b'\x94q\x9e\x1c\xc0\xe1\xd6d~\xc8/\x17\x15&lt;\xb7\xdd\x1co\x19\xa6Zu$\xd1i]\xcaL\xd7\xebi\xa8'</t>
  </si>
  <si>
    <t>b'\xf7\xfdPp5\xe1\x97\xa4\x04!\xad\r=\xcb\xbd\x00-\xf6]\xc8`~&lt;\xe1:\x94`\xec\xceM\xc0\xe8'</t>
  </si>
  <si>
    <t>b'\x84\xf8\x9d\xfdm\x1d\x1a\x81\xdaj|i1 Qlk\x86\xd9Rd\x94+db\xf6\xd8_\x89E\xbce'</t>
  </si>
  <si>
    <t>b'\xea\xfd\x8a\x1d\x91\xcb\t\x18\xbb\x86\xf5b\xdf)\xc7\xbbC\xf9G\xba\xcc\xac@2\xe6X\xdd\x8d\xc1\x86\x1f\xe5'</t>
  </si>
  <si>
    <t>b"\xcb\tB\x9e\x1cw\xb2m\x9a\x05\xe9\xb0\x16\x0c\xfe&gt;\xa0\x98',_\x89\xa3vor\xaa\x8dv\x90'\x80"</t>
  </si>
  <si>
    <t>b'\xbd\x80\xb7\xfeB\xdc7\xeeH\xa4\xbb\x83;Z\x93\xec\x99\xd5\xa3\xb1g\x16\x86\xa0\xea\x08\xc8\xa0\xe6\xed\xec\xbf'</t>
  </si>
  <si>
    <t>b'p\x85B\x1f\x16\x08M\xf8\xa9\x95n\xab=v#w*\x1e\x18J\xbc8\xc1y\xa2\xe7\x19\xb4\x1edbC'</t>
  </si>
  <si>
    <t>b'\xae\xdbf_\x95\xfb*\xc6\xdbq[\x9e2\x1d1\x9d\xd9?z&gt;\x9a~\xb0\x1dy\xcb[4}\x9fb\x8a'</t>
  </si>
  <si>
    <t>b'\x9b?\x05\xa2\xb2\xf3*\x9f\xdc\x96\xfbv\x0cS\xb3\x82\xe2i\x90\x06\xdf\xa5\xc1\xecf`\x7f\xaa\x82\x9c*H'</t>
  </si>
  <si>
    <t>b'tb\xf5\xa3\x83\xc2\xd6L\xca\rj$T\xb3t\x84\xef;|]\x94\xcbS\x12\x86\xe6\xfa\x80(\x07\xc8\xb6'</t>
  </si>
  <si>
    <t>b'Bor\xc6\\t4\xe8\xdc\x0e\rJ&amp;h\x0e\xca\xc6\xc4\x9a\x9a\xb6\xe6\xa8=\xb6s\x1b\xad/\xfdr\x0c'</t>
  </si>
  <si>
    <t>b'\xb96\xae\xc79\x982{\xb1\xd1\xe9\x1c\x1f6R\xe9\xddF\r,\xe7O2\xa3\xaf\x80~\xf0}N\x8e\xb0'</t>
  </si>
  <si>
    <t>b']i4I|F\xf4{M\x9e$\xaf;\xb9\x9f\xc5\x87\x7f1\xeb1\x15\x9d\x9e\xc0\x04S\x868M\x12\xb0'</t>
  </si>
  <si>
    <t>b"\xd7k\xb1\xdb\x0e\xbf\xbf\x86'\xbd\xe6\x9c\x7f\xa0R\xeb\x1aDaB\xd6\xb3\xb0\xe5B\xa0\x06\x010\x8e\xda0"</t>
  </si>
  <si>
    <t>b'\x9e\x8c\xe4\n\xdc\xcb\x8aZ\x13\xc3\xc9\xa2\xd8\xe4G\x9cG0\x0560y\xe8 \x03\xdc~\x85\xe3l\xd3.'</t>
  </si>
  <si>
    <t>b'.\\O\xbd\n.4c\xe7\x9e$\x83\x8c1\x00\xc0\xab\x81-d\x8c\x19\xe4\xe8"\xdfR}\xc3\x08\x98p'</t>
  </si>
  <si>
    <t>b'\x16\x1e\x97\xcd\xa7g\x10\xafq%\xd2M\xa1\xe8\xda\xdd)\xbd=#\xe3\x0e\t\xe5~ \x9a\x98]\xd9$u'</t>
  </si>
  <si>
    <t>b'\x81\xba\x0c9b\x0c\x83\xc9y\x14\x83\xc9\xec\xbd+qCd\x0b\x9e\xa1E`\x9d\x89\xbe\x9e\xea\xed\xa9%\xf8'</t>
  </si>
  <si>
    <t>b'g\x98\xa5Y\x1b\xdc}C\x95p\x99c\xd7\x13[\xc3\xb8\xd5E\x8c\xe6`\xc1\xafL\xbb\xe4\xc2Ola\x19'</t>
  </si>
  <si>
    <t>b'\x83\x84\xd3(Q$\xd8s\x99h\x06\xa9\x93\xac\x19\xb8y\xda9\xd0\xa5\xa2\xe3\x9cW\xffA\xc5\x96\xf4\xe0\xc7'</t>
  </si>
  <si>
    <t>b'Q\xa1\x02Io&amp;?\xf6\x93g\xcdV\xd2\xfaY\x95\xbc\xdd\x0f\xcc\xf2T\x10\x82C\xee\n\xf5]\r\xf9\x16'</t>
  </si>
  <si>
    <t>b'\xa0&amp;\x967\xee\x868\xb3\x14\x9b\x04\x91\xb7\xe9\x875\\{\xb3\x8d\x84\xc3\xcd\x93x\xa5H!o\xad\xceG'</t>
  </si>
  <si>
    <t>b'\x98\xf0\xbaX-]1\xf0\x16WXqGHV@\xbd\x8d^\x17\xf7A\x18\x9b\xc6F&amp;\xda\xad\xae\xf8\x9a'</t>
  </si>
  <si>
    <t>b'-\x14\xa3\x86\xf9K\xc6-\x02\xf5\xb8\xde\x0e\xddDT\x11\xfd@\x14\xc3oG2 k\t\x1e\xbe\xfd^\xd1'</t>
  </si>
  <si>
    <t>b'\xec"z\x8a\xd4\x12\xa0[\x08SP\xe0\xec&amp;/\x92\x01\xb3\xb4\x02\xaa\xab\xab\x9cO\\\xda\x90\x1b2T*'</t>
  </si>
  <si>
    <t>b'\xf2l\xed\x95j\xc3\x07\xa0\x02\xfd\x82T&amp;\x9f\xbc\xd7+\xb1\x0b\xe7*h\xa83\xe3\x9c\x1dyHI\xb5F'</t>
  </si>
  <si>
    <t>b'\xa0v"j\x9c+\xada.d\xb6\xde\x89,\xcc\xe7af\xa0O\x0c\xa2Y\x90K\xf9\xb8\xa7\xf3\x0c\xd7\xc0'</t>
  </si>
  <si>
    <t>b'\xc2\xed\x04\xe4\xd9;\xb7oT\xc4N\xcc\xb0\x05)\xf9\xd3\xee\xa5i\x86=\x85\\|,\xe6R\x12&lt;\xbaO'</t>
  </si>
  <si>
    <t>b"2\x07\x10\x07L\x15MB\xf8\xdc\xfc\x10\x80'\xe0v\x80\\\x91\xaf\xbch\x0c\x1f\x8e&lt;R\xa9\x8c\xfe(\x82"</t>
  </si>
  <si>
    <t>b'u\x80\x08\x0e\xecf\x18\x0e\x9b\x8c\xad\xef\xf1\xa6B\xf4\xbe.\xd1Xg\x88\x89(\xbd\xe9\x95\x89&lt;\xbf,\xf7'</t>
  </si>
  <si>
    <t>b'\x92\x1d\x85\xcb\xe7\xdcbr\xe6\x8b\xcf\xb3\xbb\xe5zj\xf8\x14\xee\xabS\x88W\x0b:\xcb\x8f\x1e\xaa\x02\xcan'</t>
  </si>
  <si>
    <t>b'\xc9\xc16hfM&amp;\xa6\xd2f\x1bw$\x7f\x0b$\xb4\x00\xf1\xff\x98\x0c\xeb\x80*-\xaa\x83\xb0\xe4\xfb\x18'</t>
  </si>
  <si>
    <t>b'\xd3Kq\x01S\xcc\x12-\xd5\xe2\x88Nt\xb6\xccVT)"\x9f\xc9\xaf\xa0+\xb9\xef^\xd9Le\x92v'</t>
  </si>
  <si>
    <t>b':\t\xde\x89\xfb)?x\x18\xc9\x14^\xdb\xcf&lt;\x0e\xc9*pr\xacv\x10n\xaab!3\x9aGj '</t>
  </si>
  <si>
    <t>b"1\x9d\xe4\xc70\xb7\xdd\xc3\xbd[\xc9\x18V\x13\xf1\xdcv:n\xabL\xe4\xb8f\xa7\x94\xdd~'i\xda\xa0"</t>
  </si>
  <si>
    <t>b'\xb0\x13]\x89Z\xe3\xd8\x14\r\xc7\x11\xbe\xde\x7fH\x86\x85\x8d\xf3Xy\xe1NJG]\xf2\xf9\x1aI\x01\x99'</t>
  </si>
  <si>
    <t>b"\x8f\xc2*'\x83.V\xd3W\xd4W\xdbO\x0e\xd5}\x90\xeebJ&lt;%&amp;\xc0\x8b\x90\xf7\x08o\xff\x9eP"</t>
  </si>
  <si>
    <t>b"\xf8\x8e\x1c\xed\xa7\xbd\x8f[\x1c\xebb\xff\xd2i\xbc*\x86\x80\xd3\xed\x0c\x1eF\x13_\x94\xea\n\x954^'"</t>
  </si>
  <si>
    <t>b'h!$\x05;I\x0c\xf1\x82\x0b\xcef\xa1\xbb=\n\xd4\xf2S\xde\x9f\x9f"\x16\xe4\xd2\x96]\x86\xadq\xb7'</t>
  </si>
  <si>
    <t>b']\x81/\x01\xbd\x80\x9deJ\xe7\x7fM\xe9\xbd\x9d=\x93\xb7r\xdaS\xf1\xefe\xb6\x00\x8c\xad&amp;U\xcf~'</t>
  </si>
  <si>
    <t>b'M5+\x9a\xf4\xa7\xe0\x91_\xea\xb4\x7f\xe0\x90\xe3\x8f\xe4q\x81\x86\xc7o\xa0\x0c\x07\x0b\xef\xd990\xc0\x1d'</t>
  </si>
  <si>
    <t>b'\x17\xd3\xf1?\xa7\xee\x8a:\xf3;\x89#%\x0f d\xb6\x01\xcc(X\xe3\xb9\x01\xb2&gt;\xf0o\xae]\xbf\xe8'</t>
  </si>
  <si>
    <t>b'\xd3\xb6\xe4\x8bFr.\xbacd\xf9\x1b\xbb\xec\x7f6v\x83\xd5\x94\x9aQ\x8c\xa2\xab\xd6W\xa6rJ\x8al'</t>
  </si>
  <si>
    <t>b'\x1fA\xeb`N\x8c?\x9f\x10^\xdd\xe0\x16k]J\xfd\xd2=\xbc{\xbf\xa7\xd2l\xb3\xb0\x99H\x94\x93S'</t>
  </si>
  <si>
    <t>b'\x82M\xe8\x91\xd4BF\xcf\x15\x00H%\xa3\xc3\x16\x1c\xaaL\x08\x91\x0c\x94\x11\xcf\xb30gS\x82\xc0\xbe\xee'</t>
  </si>
  <si>
    <t>b'\x08PK\x96\x12\xcaOWV\xa1\xc7\xe0\xb1\xcf\xb5\xdbf\x1f\xd2D\x154m\x8c\x0cA\x98I\xe2&gt;\x0b\r'</t>
  </si>
  <si>
    <t>b'D\xe99\xf5\xea\xb5!\xa4\x92S7\xa4\xe3\xd8\x82\x8fN$\nBY\xbb\xed?\xd06&amp;*\x19\x96XP'</t>
  </si>
  <si>
    <t>b'd;\x92\xc8\xc3\xdde\x9f\x06\x8bc\xa6\xce\xb6\t\xe7\xaa\xeeM\x84\x06\x03\xb6\xf5&lt;\x0e\x1a2e`M\xef'</t>
  </si>
  <si>
    <t>b"'\x1b;\xd7\x1f\xfbH\xef\x9e&lt;\xa2\xf2\xa6\xb1\xb3,\x98\x1b\x04\x16\x9de:\x90\x03\xa1\xa1P\x0eDo\xe3"</t>
  </si>
  <si>
    <t>b'\x18t\xb7\xaaJp\x1a\xe2\xaa-\x94\xe3\x9b\x0e\x8fx)\xcb\xado\x911\x85\x94mJ\xae\xd5\xbaR\xa3\x1d'</t>
  </si>
  <si>
    <t>b'\xce\xf6-E\\\x91\xf1\xbe\xc3\x80\xc0\x1dr\xaa\xf1 \xae\xf2\xcc\x8f\xf3\xda\xdd\xda\xbf]\x8b\xe5\xfc\x8e,\xd4'</t>
  </si>
  <si>
    <t>b'\xedQ\tV\xa2W=\xc8\x87W\xa3WD[\xc8 z\x80Y\xf2\x97A\x91 b\xbd\xb2\xcbs\xceJM'</t>
  </si>
  <si>
    <t>b'D6|f\xdd\xe5+\xec\xb8&amp;\xb86\xa1\x97\x0b1"\xadx\x93\xa4\xa4s\xd7\x163\xb0(C\xc9u\xb9'</t>
  </si>
  <si>
    <t>b'\xed\x98\x8e\x0e\x8c\xe5O;\xdd\x80\x9cR\x9a9\xa2\xaa-\xac\x80\xcf\x81m_$\xecm\x8f\xc4\xd9L\xc48'</t>
  </si>
  <si>
    <t>b'V\xb3\xab\xca\xae\xcf^\xc5\x18\xb4F\xcd\xc0v$A\xd3\xf4\xa5~\x8e7u\xfb\xf6\x9b,\xf8\x01R]\x0e'</t>
  </si>
  <si>
    <t>b'/ \xf5/\xf6D\x03\x11\xcc\x9d\xdd\x1d\x91u\xbd\\Bi\x8d\xf7;x\x8aJ\xb3}\x86\xf2\x88\xce\x8dh'</t>
  </si>
  <si>
    <t>b'\xb5/IB|\xee\xd6)bCiq\xeb\xa8u\x83\x83[\xe7\xbf\xfc\xc8\x98\xebQl\xa4\xcba\xd6\x15\xf9'</t>
  </si>
  <si>
    <t>b'\xd8&lt;:\x90Q\x1d\x85\xbe\xe0\xf5Qn\xe6X\xe4KY\xc50\x97\x89&gt;\x04\xec\xed?\xb0\x83\x9f\x86\xb2\xf1'</t>
  </si>
  <si>
    <t>b'\xc1a(\x06\xf6\x10\xa9^\xc7q\xb2\x97Y\x1e\xa1p\xfca\xae\xf6\x9d9/\x92\xd8|\xa2\x17\x9e\x0e\x9f\x8b'</t>
  </si>
  <si>
    <t>b'\xcb\x1b+g\x7f\xf8\x8c-8\x13WHH\xc1\xa7j\x91\xb0\xb2S2\x9c\x9b~\xbb\xf2\xc1\xb9\x00\x88\x88\xf6'</t>
  </si>
  <si>
    <t>b'\tt2\xd8BK\x0c:\xa3\xc0\x04\x16\xc4`\xe4\x88\xf5\x9b\xa4\xc2\xcc\x0c\xbck\xd0\x9e\x84\xfe\x19\xe1\xfb\xf9'</t>
  </si>
  <si>
    <t>b'\x11\x98L\xdf\x83\xb8P\xa3a\xfe|g\xc2\xad\xa3N\x0b\xf7\x0f\x9b1\xf8\x00\x1f&lt;\xafm\xacZ\xf65\xa2'</t>
  </si>
  <si>
    <t>b'\x11\xcb4y\xe7\xbe\x8c\xd8l6_`\x03\xcc+\xd3k&gt;\xbd\xf4\r\x90\xeaV\xad\x11\xc1f\x04\x9caM'</t>
  </si>
  <si>
    <t>b"-\xda\x884'X\xb6zMM\x99\x18E\x12\x93EAe\xef\x9bV`E\xb4\xd7\xc1!$\xd95\xc6\xb9"</t>
  </si>
  <si>
    <t>b'\xf8\xd0\xcc\xdf\x9a\x12u\xc0\xed\x84\x9d1Y\x90\xfe\xef\x9b\xb4\x81\xca\x83\xab\x86,QW[\xcd\x85(\xdaD'</t>
  </si>
  <si>
    <t>b'8\xcb\xa5g\tk\xe9w\xb5\xc4\xd0\x8b\xc9\x9e\x82\x9f\xd3\x8a\x11p:53WwD"I\x9d8y\xc8'</t>
  </si>
  <si>
    <t>b'A\x98\x989\xde-\xb4\xbf\x0c\xa9\xf8\t~\x85\t\x8f\xae\xd7\x90`\xc9q\x03\xcd\x0ejGS\xc5\x87\xfa\xc7'</t>
  </si>
  <si>
    <t>b"j\xd7q\n\xe9\xd8\x96%sT9R4'\x1bf\xe0\x87\xabO5I\x80\xe7\xcb%\xe7\xace\x8b\x9dL"</t>
  </si>
  <si>
    <t>b'\x08\x89&amp;G\x9d\xbe\xeb\x9dG~\xcd\x1f\x9c4\x01b\xa1SW\xc6:c\xb0\xd5]B\xbbP\xa3a\xd3b'</t>
  </si>
  <si>
    <t>b']#\xdd\xdd \xa8@\xbe\x98k _\xe6\x84v\x92\x19\xc3\xb4\xa6\x82\x1c\x96\x1d\x1c\xd6\x93\x1fJ&gt;x\xd1'</t>
  </si>
  <si>
    <t>b'Ub]\xfb%\xef\x8a\xe9\xeb\xa4\xebj^N\xc4\xc0Bh\xbe\xa3\xd9\x11\x9a\x0f1\xb5\xafo\x98\xe9\x9aQ'</t>
  </si>
  <si>
    <t>b'}\xd0\x88\x12\xb9\x17\xe9\xbag\xea\xda\xe3\x0f9\xad\x8c\xde\xf5\xd6\x1c\xc8\x90\xf6\x1e\xed.tA+\xc9Uf'</t>
  </si>
  <si>
    <t>b'\xc90f\x13]\xe7&lt;\x81\x9f\xd8-\xce\n\xa3MdzU\xdc\xdd\xdc\x94\xab\xcd\xe6\x0e(\x07\xf9\x92V\x02'</t>
  </si>
  <si>
    <t>b'{=\n~\x9bj\xd9\xe1\xa3&amp;.)\xcc\x9a\n\x02\x88\x1b@\x14]\xb6a+\x14\x18\xad\x19l\xfe\xf1\xc2'</t>
  </si>
  <si>
    <t>b'\r?5h\xe5i\x91\x90_1K\x05\xefq;e\x94\xafhdk\xb2 3ukehC\xe2\xd9\xa2'</t>
  </si>
  <si>
    <t>b'"\x8c%\x13}\xb2\xa0\x81\xaa\xd3\x0b\xe7\x97\xa5.\x12X\x97\x92/\r\xdf\xd6\xe00\x14\xb6UZ\x0e}\t'</t>
  </si>
  <si>
    <t>b'\x08\xc7\xc2\x0e\xc9\xae\x07\xd13\xa5\x981\xf8\xeb}\xfe\xdc\xc66^tw\x1c\x9f5A\xf9\x92\xca;\x0e\x86'</t>
  </si>
  <si>
    <t>b"\xf5\xca^\x94y!9\x9b\xcf\x8c\xff0^\xf7p')I2\x05I\xaa\xaa\xee\x0f \x9f}8\xd0A\xf8"</t>
  </si>
  <si>
    <t>b'\t\xda\xc75\xe3\x04\xfe\x84\xf5\x81\xe0&lt;\xf5\x11\r\\\xb3e\xce\x9c\x85\x92\x0fm^\xc2\xff\xa6"\xc5\xb1H'</t>
  </si>
  <si>
    <t>b'\xc2\x03\x0ec\xdah\xce\x8c3\xf3\xc2og3\xc3v\x0c\xa4\xdc\xd2\xb5\xa1|\xdb\xe4\x9e\x94\xea\x98t\xf2\xca'</t>
  </si>
  <si>
    <t>b'+\x96]\xe7a\x84j\xdf\xe6\x92\xf1\xb0\xab\x0bK\x0f\x98\xebu\xb9T\x92\xda~\x8c\xc9\x0f\xf9\x9e \x15\xfb'</t>
  </si>
  <si>
    <t>b'\xacv\x8c\xe7%\x8a2\xd8\xef\xbcr\x0eXO\x14\xad\xc2c\x827\xd8\xff\xc4\xc9\xc5\xe9KP\xddQ\xdd\xd0'</t>
  </si>
  <si>
    <t>b'\x90\xcf\xdc\x96\x8a\xa8\xac\xd4C\x13\xc2\xa9\x16\xa0J\x17\xd5\xf2bCp\x86\x87\xe4*_\x81uU\xb8q\xe4'</t>
  </si>
  <si>
    <t>b"/\xb4\xff}\x17i&amp;'\x93\x99!\xe1L*F\xe5\xe8s\xc4\xb8\xce~~k5\xf1{\xd0\x97\x94\x16\xd6"</t>
  </si>
  <si>
    <t>b'\xda-{5H\xfc\x80T\xb1\x0f\xa3e|/u\xc6\xa0\xc4\xb5\xc0\x86\xad\xf8m\x17\r5\x97Y8 \xc9'</t>
  </si>
  <si>
    <t>b" p\xcb\xaeMk\xea\xd6f\x125\xcb\x15_\x8cP\xfb\xc4\xd5}\xb7\x9d'\xa3|N\xca\xc4\xce\xf7ob"</t>
  </si>
  <si>
    <t>b'\xd3RE\xf9\r\xd4\xfb\xd2F0q\x91\xbfU&gt;!\xfd\xb2\xf2h\xf1\x9b\xe6\xfcC@V\xbeW\x19gt'</t>
  </si>
  <si>
    <t>b'\xfaz\x1c\x85\xeer\xf2T4\xce\xd39\xe1j,\xb7\xcai\x94S\xe5\x00\xb5\x952`L\xc8\xd2\xd2\x91\xd9'</t>
  </si>
  <si>
    <t>b'\xc2\xceD\xe3\x7f\x073\x8e\xec-)\xd5\xbd\xf1E\xe7\x14\x7f\xe1\xf0d5;\x95\x81z\x061/\x9c\x82\xf0'</t>
  </si>
  <si>
    <t>b'qh\x16nY\xce\xf4\xf7\x83G\xc7A\x1eY"7\x10#\x196\x16\xdf\xe0\x83\r\xb4s\x92\xef\x8a\xb0('</t>
  </si>
  <si>
    <t>b'qg\xdd\x99\xce,y\xc0\x1bC\xa8\x8e\xa4\xcav\x16Z\xa07\xb6\t\r\xa8C7\x7fw/\x9a\x8a\xac\xb3'</t>
  </si>
  <si>
    <t>b'\xe8/e(\x10PC\x9b\xf3\xa3\\&amp;G\x1c\x18\x8f\x8f\x1f\xe3_\x16\x0c5)B"\xf6\xe1\x1d\xa7\xfb\''</t>
  </si>
  <si>
    <t>b'O\xbaj\x8cs\x95G\x1b\xcf\x7f\xe3\xe6\x07W\xb6(,\x17s\xb6|\x84a\x06=uN6Ix\xf2\xfd'</t>
  </si>
  <si>
    <t>b'XR%r\xed\xb6\x15S\x9b\xc6 \x86;$J\x87Bq5;[4\xc6\x82\xcf}\xe9\x7f\xe4\xcf\x066'</t>
  </si>
  <si>
    <t>b'\x07\xb0\xf0{\x03\xdez\xaft\xa4z\xd3\xa8r\x15\xc91\x11\xe6+\x1b\xdb\x88i\xd4"L\xec\xf0\xf9\xea\xa7'</t>
  </si>
  <si>
    <t>b'hF\x89)\xd27\xd4\xf6\x95[]\xf7\t\x12\x9e"\x05m5{\xea,\xec\x97\x99{m\x8c\xb7\xc48\xac'</t>
  </si>
  <si>
    <t>b'G{\xca\x83/\xb2\xfd\x83\xdb\x0b\xbeK\\\xae\x0bf_zu.A\x8f}\r\xdc\xb1Yz\x9aW\x99\xd3'</t>
  </si>
  <si>
    <t>b"\xa6\r\xfb\x17\x83\xcc'\x99\xe7\xc9\xdd\x97\xfa\xd4h6}\xf4\xec\xf5\xd5f\x00\xe5\t\\\xecqMYkb"</t>
  </si>
  <si>
    <t>b'9\x8bp?\x1e\xd7\x02\x96\xaf\xc7{\x832Fd\xea\xe7&amp;`\xf0\xb0\xa4\x8fM\x1e5\x8b\xf6d\xd2S\xfd'</t>
  </si>
  <si>
    <t>b'V&gt;\xb4Zv\x9bG*\xb6\xbbJ\xdcXz\x9a\x83\xe0\xc3OPI`\xeb\xd53\x00~J\x0b;S\x98'</t>
  </si>
  <si>
    <t>b'\x84/&gt;\x93(d\xfe\x02\xa2l\x9e\\|F\x7f\xb1\xf2~k34\x9b\xaf\xd1B\xc8\x9a\xb5\xab\x1b\xbc\xf7'</t>
  </si>
  <si>
    <t>b'\xc0\xb9\x84\x9e]\x96\xad\x9c\xaa_&lt;&lt;\x0c&amp;\xa1R\xcc\xee\xd9\xfeG\xeb\x89\xa8\xa7CP\x89h\x17\xc8\x03'</t>
  </si>
  <si>
    <t>b'\xc7\x1a\xddj\r\x15%\x9f|\xa2\x90\xb2G\xf2\xbdc\x99@\x1e\n`\x94\xf3\x0e\xbd\x13\x17\xc9vt\xde\xe0'</t>
  </si>
  <si>
    <t>b'\xb4WA\x10UY\xcd$mn\xa8Nh^[G\xadS\x011\xff{N/\x1f\x08\xf5\x95\xcbHI\x8c'</t>
  </si>
  <si>
    <t>b'\x93S\xac\x9a\x96\xde\xc1\xbe\x9d\xad0o\xf8\xee\xd5ne\xd4:*\x1e\xb3\x07\xfa\xd27|U\xc8^\x8d['</t>
  </si>
  <si>
    <t>b'\x04\xc5\x06\xdcM,^\xbe\x08\x05\xde\xca4O\xc4qm\xb3\x13\xcf\x02\xd6\xc6\x8c\x8d\xa2\x88\xf3A \xea\xa9'</t>
  </si>
  <si>
    <t>b" \xff\x9a\x1c\xec\x8d\xff\xc8\xd7\xfe\xeaXP\xb1\xd7\xad\xbcTS\xa6\xb2'\x8e\x90\x7f\xc9\xf4\x15A\xeed\xb0"</t>
  </si>
  <si>
    <t>b'i\xeeB0\x1b\xf7\xee\x059\x8b1\xf2\xd3\xf9\x9a\xa6\x9d\x1bc\x8e{\xc2\x0b\x8b\xdeje\x82Me\xba\xa6'</t>
  </si>
  <si>
    <t>b"\\E\x9c\xca\xb7'[\xd0y\xea\xa1XH\x81\x03\x01\xbcx}\x1fyu'jx\x1f\xae3\x8e\xcf\x1c\xbd"</t>
  </si>
  <si>
    <t>b'\x84\xc1s\xe2\x02\x8d\x1f\xedv49j\x0fSf\x01\x92\x16\xbf8Up\xb9\x93K\xbfs*\xf5[@\x16'</t>
  </si>
  <si>
    <t>b'\x8akZ\xa85\x18\x17H\t&gt;\xca;9^6J\xd6\xdc\x81\xba\xed\x97\xdf\xc3\x8c\xb8\xf4\t\xf9\xe0\xa9\xa2'</t>
  </si>
  <si>
    <t>b'\xd2\x17\xa4\xd7\x7f\x85\xfa\xb9k\xcb\xe5\xcaj\x08\x1f\x1f\x03\xabV\xb8\xcfb#\xae$\x11:9\xbb_\x05\x00'</t>
  </si>
  <si>
    <t>b'F\x90X\xa7\t:\xa2\xe2\x8bh&lt;\xf02\xa0hCX\xdb\xe8\xca/\xe9\xeb\xf4"\xb5\x05\xd5A?\x8ce'</t>
  </si>
  <si>
    <t>b"\xe9)V\xba\x94\xd1hs?\xe3e \t\xc2\xdd\xddnUD\xc1E'eD\xb3A\xc8\x07\x91'4`"</t>
  </si>
  <si>
    <t>b'\xa8yC\xf2\x1b\x9d\xc46\x0c\x9b`\xc9\xcb\xd1c\xe0\xeaH\x03\x16\xaf\x12:\xc4T\x94\xc5b\x93g\x17\xd0'</t>
  </si>
  <si>
    <t>b'\x93*\x97\x7f\x80r\xbe\xef\xc6eM\x85\x05\x82&lt;/\xfb\xde\xa8\xdfUM\x00P\x97\x97\xaej7\x17!w'</t>
  </si>
  <si>
    <t>b'\x12g\x96\x8d\x07\xfb\xdc\xccB \x82sa\x85\xe1\x8b\x95D\xd8U#\xd1+\x02\x1d-\xa3\x99\x99\xc3\xf3T'</t>
  </si>
  <si>
    <t>b'\x10\xc7:\xe6\x90\xc7\xc7%\xb3\xf5\xe4b\xa5w\x94|7\xb6,\x13$\x1b\xc2\x18|5\xcd\xa7\xf7\x9d,\x9f'</t>
  </si>
  <si>
    <t>b'\x87\xd0\x93\xd3\rPE\xa2%By\x0cZ&gt;\xd8s\x86\x07\x14i.[\xb6\x1b_\xa5\xfc\xa1)v\\\xb1'</t>
  </si>
  <si>
    <t>b'Yo|@\xb7\x8d\xc5\xe2 7{wh\x90p\xf6\x10\xdc\xcc\x1d\x901\xd9\xebc@\x07\x14\xee\x1c\xc0\x10'</t>
  </si>
  <si>
    <t>b'\xfc\xd6\xf47\xcf\xc9F\xe1\xe1\x020\xd7\x80s\x89\xeb6\x8a\x8di\x88\x8e\xb2/\x0b\x89\xba\xbd\xa2\x84\xdeL'</t>
  </si>
  <si>
    <t>b'\xdfu)\\\xd0(/\xeb\xf7M\x8f\x8c\xdapl\xe3\xbf\xac\xcdW\\7\x13\x16\xad\xbf\xa0\xbex&gt;\xa3\x96'</t>
  </si>
  <si>
    <t>b'IJ\xcc\xb4\xb3\xc7tvI\x9f~\xad_\xad\xc5\xf3\n\xa7\xc0\x11Q\xef\xa5%;\xaa\x17I1\xb4$['</t>
  </si>
  <si>
    <t>b'qk\xa4&amp;n\xa5fX\x8b\xf5\x008 \x00|u\xd82i\xcfdj\x03Mt\x9d\xcb\xeaG+m\xfb'</t>
  </si>
  <si>
    <t>b'\xc5O\xad\xb6\xb8\xfbS|LN\xb5\xce\x10\x83l\xf6\xeaX=f\\\xfa\xdc\xe5\xa5d8&lt;\xe5\x05%\x15'</t>
  </si>
  <si>
    <t>b'\x8b\xec\xb4~\x85X\xc5n\xd0-\x83s\x10v\xed\xc3\x89\xec\xaaP\xa1\x02\x80t|\xca\x14\xb16\xdc\xb3('</t>
  </si>
  <si>
    <t>b'\x01p\xd2\x10$\x80\xf1\xc9yB\xb1\xe7\x9fj\xcc\xa1:\x0e#\xa3\xd6\xe7\xaa0\x04\xee\x15\xd5V\x85V\x9c'</t>
  </si>
  <si>
    <t>b'\xd0S%|2\xf7,2.\x02\xa0U\xdb\x9d1\xb4\x8c(:\x8dj\xb5@\xc0\x9dUU\xa8KP\xa45'</t>
  </si>
  <si>
    <t>b'\xc9\xadl6N\xb6\xa5\x06\x7f\xc6\xe1I\xe8\xcc\xe5.\xa8\x89\xe6\x90\xf9\x15=O\x1aVU\xbd*\x04\x9b\x9b'</t>
  </si>
  <si>
    <t>b'\xc7uV&amp;\xe8\xaf\xdb7\xdf\xc0M&amp;k\xad\xc5\xdf\xd8\xe2.\x8aL\n-@]\x16\x0b\x9cc9\xd7E'</t>
  </si>
  <si>
    <t>b'Z\x8d\x90\x06^\xbc\xd1\xb9\xde\xc2(\x89\xaeD{\xd0+7\x1d`\x1d\x06\n2\x14\xa6\xf1h\xaa\x064\xf8'</t>
  </si>
  <si>
    <t>b"'H|\x84N\xd3\xb8\xb9\x89\xa6\xc9\x0c\x9c\x9a\xfd`\xb3wl\xc6\xf6\xa5\xd0&amp;\x88a\xf4^\xd2G\x9bm"</t>
  </si>
  <si>
    <t>b'\xf4\xd6\xa6\xe6&amp;7\xb6rW(c\xa5\xa2\xbe\xd1H\x965%\xf9\x8a\xab\\\x85T-9b\x11\xa2y\xc3'</t>
  </si>
  <si>
    <t>b'\xe2\xcc~\xe8\xaa\xe7\xfe\x90\xad\x01\xfc\xf2hI\xfe\xfb\xd5/^\x8b\xd6A\xa1j12\x07\xeft\x80\xe2|'</t>
  </si>
  <si>
    <t>b'\xc29qO\xa5\x16Z\xe7\xed\xc5;Fd\xe1\xab\xb7\xc3,\x88-=X1\xda\xb2\xc5C\x91\xe6ZQ\x1c'</t>
  </si>
  <si>
    <t>b'v\x06\xf5\xdbX@\xbc\xb8\x19`L\xab~\xe75\x95\x98\x80Jh\xf1\xa5\t.\xe7\xa2N\xe1\x894)\x02'</t>
  </si>
  <si>
    <t>b'\x97\x03\xd0\x11\x11L\x9b\xfc\xfen\x91\x9a\xf7\x8f\xedVD\x00U]\x9d\xd3\xf2\xf7^\x03\xca\xe0\x97\xd3\xa1\xee'</t>
  </si>
  <si>
    <t>b'\xa6\xc2\x8d\t\xeb\x9d\xde\xbf\xb1\xb8\xfb\x97m\xeb\xb5\x1f\xff\x86\n\xb4\x85\x8a&gt;\xee\x8c\x8f\x80\x9f\x97\xf7\x13\x84'</t>
  </si>
  <si>
    <t>b'\xf7\x01\x81\xea*-\xc9\xddM!\xfb\t\xde\xdfK\x19\xeb\x0c\x97\x1d\xe0\x01\xca\t\xb8\x88k\x9e3\x9e\xbc\xfe'</t>
  </si>
  <si>
    <t>b'ogt\x97#x\x0e\x94\xb8\x885\xfdKC\xc6w\x141sRh\x82\x15\xad%\xf4\x80R\x1e-\xa3\xe1'</t>
  </si>
  <si>
    <t>b'\x1a\x90\xf9\xaf\x0f\xef\n\x1dDg\x9d\xc8Sf\xb9,\xeaY4\xfd\xa7\xd09\xe5\x80\xd7\xcc\xae\xe8\xf3\x15J'</t>
  </si>
  <si>
    <t>b']e\xc0rg\xfb\x8cX\x90\x027\xe4\xa2\xbf\xaf\xea\xa2B&amp;\xbeB\xa05\xde\xbb\xee\xb4\x84\xb1W%f'</t>
  </si>
  <si>
    <t>b'r\xf57\x8c|l\x95\\z\xf1#N\xf2I\xaf&amp;\xac&gt;z\xd1\xa2Xd\x9f\x81\xfe\t\xebf\x95\x9d\xfb'</t>
  </si>
  <si>
    <t>b'\x1f\xfe\xba\xb0\xc2\x10\xad0Vt\xcf\x96\xd9\x05\t1\x9c\x0b!\x85;6\x99\xd0\xe6EU\xf1\xb4\xfdQX'</t>
  </si>
  <si>
    <t>b"N\xe4xZV&gt;\x199\xc2\xbfZ\xaa\xf3\xea\xb0\xc5O\x06U*=\x8e\x16'\xed\x1f\xf655\xf0\x87S"</t>
  </si>
  <si>
    <t>b'\xeeX&gt;\xf6\xb7\xd0\x9a\xc51\xd8X\xe2\x9cO+\xdb$\xe8\x96\xe4\xfb`\x12\xdb\xfd\xb1\xbdG\xf5\x86^Y'</t>
  </si>
  <si>
    <t>b'\x81h\xc2Z\xf6\x0f\xfa@\xcf\xf3s\xed\xcf\x8d\x8c-\x001\xd0\xc6v\xc2B\x8a\x00\x0e\xf3s\xc3\x99\x8a\xb1'</t>
  </si>
  <si>
    <t>b'Pu`h\x12W\xd7\x06\x887\x12\xe1\x9a\x02\xd8\xefIXD\xf3N\x7f\x80v\xe5\x92 \rl\xda1\xfb'</t>
  </si>
  <si>
    <t>b'\x05\x9c\xcd\xc3\xc7\xb2\x10\x89\xceK\x1fU\xf4UY\xc5\x91\x9b\rg$\xabJ\x80\xb1\xc4\r\xd2\r-\x87\xe8'</t>
  </si>
  <si>
    <t>b'\xf6I\xab\x12C\n\xe0xdu\xa5)\xc2\x98\x1aIB\x10Jn\xe7m\xa2\x19\xd3\x164\xf7\xf9\xb5i='</t>
  </si>
  <si>
    <t>b'\xc7\x05\xccv"+\xcf\xf2\x87\x1aPo\xd0FO)j0\xdc#L\x06\x81\t\xe75\x8e)X\xb0\x90d'</t>
  </si>
  <si>
    <t>b"/D?\x06\xbf'hX\xdaM\xad\x83OD\xb9)\xe39\x08\xae\xa8P\x99\xe8\xa64\xe2\xec\x9b&lt;\xb7\xd9"</t>
  </si>
  <si>
    <t>b'\xb1\x19t\xe0J|wK\xda\xb45\xa5[f ;\x96W\xd3\xc5\x7f\x98\xc3#K\x06\x1b\xb5\x04\xc1\x90!'</t>
  </si>
  <si>
    <t>b'\x83)TQ\xed\x8d\x11\x8d\x86\xd4x\x14n\x7f\xe5\xd4\xbe\xbd\xb1)\xba^\x07:\xcd\xb6\x13G\xa9o\xf3\xd5'</t>
  </si>
  <si>
    <t>b'`\xa4=\xdc\xca\x1b{\xf1\xe2\xf8\x13\xcb\xec\xff\xf4l\x19\xa9\x04\x0cM\xf7\x0b\x10\xe1\xd2\xf5k\xa4\xc1\x7f0'</t>
  </si>
  <si>
    <t>b'-*FW\x0f\x0b\xa8\xd3\x16\xb2a\xd6w/\x80\xc0\x00\xa4R\xc4\xba\xd5z\x1biQU\x87N\xc0\xbcP'</t>
  </si>
  <si>
    <t>b"\xa2\xf9A\x0f\x92:\x1b\x94?`%\xb4'\x1b=\\\x89\x16(\xa5?\xa8\x01\xb3\xfb\x0e\xb2\xe4\xe9M\xbeJ"</t>
  </si>
  <si>
    <t>b'\x8bD\x91\xc6C/\xfbbhws\x89\xdb\x04p\xe3\xd0Ug.\xd1\x1a\r\x08\x9b\n\x9e\x88\xb5\x14vK'</t>
  </si>
  <si>
    <t>b'\xc4\x9e\xd6\xc0&lt;\xbd\xd6\xf4\xb5\x08\xe1\x07\xe4\xf7[u\xdar\xf6\xb4\xd8\xc3\xf7H\x07\x04\x16\xa3\x92\xe3n\x96'</t>
  </si>
  <si>
    <t>b'bQ51\n\xbe_\xben:\x8fWQ|\xbaJ\xc4\xdd0\x0c\x9f\x11XC\xa4P&gt;\xdfE\x91\xb64'</t>
  </si>
  <si>
    <t>b'\xec\x95GL\x04\xc5\x90\xc5\xf2-\xdb\x00\x03\x05\xf1\xd4\x10\xd9\xc7]\x87\x8a\x11*,&amp;\xf5\xa9^\x95f\xca'</t>
  </si>
  <si>
    <t>b'\x14\x1c6\xe9;\x0c\xe3\xc9\n5\x0c\x04\x86\x801\xaf\xb4\\!4v\xc1"\xaa\xa03\xb4\x7f\xa4\xad%\xa4'</t>
  </si>
  <si>
    <t>b'h\xe6\xbfi\x83\xa7\x19\x14\xc6\x85\x85\xed\xd3\x0e2\xbea]\x08`\xe8\xc7\x8b\x0f\xc1Q\xb3n\xb3\x97\xfd\xce'</t>
  </si>
  <si>
    <t>b'\xa2\xa1\xfbu|]\xabv\xb9U\x08*\x81\x15\x89\x8a\xfd\x00\x9cd\xb2\xd1\xb7B\xcc\x94\xf3S\xada\xf0a'</t>
  </si>
  <si>
    <t>b'+\x1e\xae\xd9\n\x9e\x1bRGy"-\xd6\n\xec\t[\x19\x86\xa5oV\xf1k\x99vVw\xe9\xcd\x92\xab'</t>
  </si>
  <si>
    <t>b'\x92\xad\x8eez\xe0\xe4\x15\xbe\x86\x8d\x1e\xb5\xef\xc26\x0bm\xbbl\x1fk\xef&amp;\xa0\xf3Z\xb2\x99\xe5\x1d\xe4'</t>
  </si>
  <si>
    <t>b'0\xe3r\xa4+2:\x9ah\x81\xba;g\x01\xae\xa2\xde\x0e\x83\xcd\x03w{Xx\x1d3\x17ok\xc1\x10'</t>
  </si>
  <si>
    <t>b'\x079\xeb\t\x82\x87d\x16\x10\x17zp\xe1\xe9n\xb14\xc7jAp\x1b\xb8\xeb\xab)\x8c:\xa2\xe1\x86b'</t>
  </si>
  <si>
    <t>b'\x1b\xb3\xa0\x01W\xc8\x00@}\x958Dxk\xda\xff\xba\x8b\xa1\xed\xa4\xcb9:\x94\x92`\x88\x9a\x93\x9d|'</t>
  </si>
  <si>
    <t>b'\x01\x14u\x1aAw\xc4\xaaI|Y\xbb\x87h\xd6-\x1b\xc1\xf7\xe3\xad\x90\x16\x83\xee:\xcc\x0b&amp;\xec\xc4\x00'</t>
  </si>
  <si>
    <t>b'tb\xdc\xa1c\x8d\x10\x97\xd9\xe6\xbe\xd7\x95\x7f\x98\xb5\n\x9a\xf2&amp;\xd3p\x9c\xcdkT?\xcbH\xf0R\x17'</t>
  </si>
  <si>
    <t>b'\xbc\xf3^(\xeb\xb8\xaf\xf8\xf6\x162\x01\xec6Y\xc6io|\xfe\x0e&amp;\xab5&amp;3+_\\\xb0\n\xdf'</t>
  </si>
  <si>
    <t>b'n=\xd7j\xf1\xe1\xb0/\xff\x18F\xc81\xdbX\x1c\xf7\xf8J\xd5\x8aL\x81\x99Kg$.s\x03\xb8\x0f'</t>
  </si>
  <si>
    <t>b'\xc7\xd3\xe0\xc0\xedz\xd8\xcb\xac8\xe9\x04\xd9\xc2\xbb\xea9\xdb\xb7\x07.\x02g\xae\xbc\x91\xf2#x\x15&gt;R'</t>
  </si>
  <si>
    <t>b"\x7f\t\x81'Y\xc99\xaf\xe7\x81k\x8e\xb0\xbe=D#\xc8]\xd2&amp;S\xe0\x1a\xfe8\x05\xf6\xa83M\x1e"</t>
  </si>
  <si>
    <t>b'\x165\xec\xcc\x12s\x8d\x1aw\x91\x07Z\x9fu\x81\xa4\xf3\xcdZ\x8b\x83J.\xd1Q\xd7\x9bV\x15\x17\x96\x97'</t>
  </si>
  <si>
    <t>b'\xb9\xe9\xaan[\xd89\x15\x02}mZ[\xce\xb4\xb4\xe3:\xeb\xee\x1d\xc0@\xc5I\x89d-.\x14;B'</t>
  </si>
  <si>
    <t>b'\x84\xd0\xfdx7"\x87\xb2\x82}&amp;r\x9f\x9c\xfe\xbd\x08[gW!V\xcc\xb6\xa1\x12-\xfd\x95\xef"\x8d'</t>
  </si>
  <si>
    <t>b'\xdb\xa8\x9b\x06\x1b\x01\x08 \x10\xb0+t/ \xb50\xf6)\x8d\xd7\x89&gt;&amp;\x96\xcf\x9d\\\x9c\x89\xac4\xb4'</t>
  </si>
  <si>
    <t>b'\\\x81+\x9e&lt;\x15\xef\xd1\x971\xdb\x01\xf0\xf5\x81\xear\xd3y\x80`=\x1dlo\x18\xbeB\x9d\x8b\xf37'</t>
  </si>
  <si>
    <t>b'\x0b\xc7\xdcT0O\xfakWs\xc7\x88\xa4\x8dy?\x7f\xc5\xc8\x1fR7\xcb\xa0Ck\xf4\x02\x1c\xbf\xc7\x80'</t>
  </si>
  <si>
    <t>b"I\t\xfa\x16\xdby\x1c\xe2\xd0\x19\xd7t'#\xfb\x95\x86\xba\x15\x9d\x88\xb2^Au\x81\xe5\xf9\xf5\x18y\xf2"</t>
  </si>
  <si>
    <t>b'\xaa\xdf\x04\x04\x90/\xe7\xbd=~\t]\x90\x1a\x1d8Zr\xb5Q\xfb\x00\xe8\xd5\x8c\x0f\xa1\xec\x03\x95\xc3k'</t>
  </si>
  <si>
    <t>b'\xc5\x066\xea\xef\x9c\xc2k\xb0\x8bYr\xa7&amp;\xfcpUG:\xbb\x95\x19\x0c\x81L\xa7\xbb!#9\xdb\xe4'</t>
  </si>
  <si>
    <t>b'\xedkhR_\xcc\xb8\xa0\xa9\xe6\xf2Pi\xb6\x96\xe3\x07&gt;\xadr\x0e\xad\x8dE\xf1}\x19\xb8;T\x11c'</t>
  </si>
  <si>
    <t>b'\xf2$\xe0\xbeu\x10\xc1\xd3\x05\xe7\x120\xd87:\x89\xa0\x94Gj\x8e\xfd\xc5!.\xed\xb6j\xa8\xd6L\x1a'</t>
  </si>
  <si>
    <t>b'+\x0e&amp;\x83!\x94\x8a\xe1\xee\xe3\xae\x1b\x0b&lt;H\x1a\x9a\xacGI{\xed)M\xbe~:k6\xb2{g'</t>
  </si>
  <si>
    <t>b'\xfd\xea\xeb\xa9\xc1u\xfa_4\xe5\xba:\x9c\xad\x03\xa3\xef?\xf5\x8d%;de\xbe*\xe3\xcf\xf9h\xe8\xb8'</t>
  </si>
  <si>
    <t>b'\xb2\x9d\xccKH\xd0\xec7B\xbf\x14\xbc\xda\xbf(\x89\r\x00\xcd\x14\xd0(\xb6\x1a9\xb9\xbc\x98\x80P\x99\xd4'</t>
  </si>
  <si>
    <t>b'\xc0\xdcq\xc7N/\x89\'\xc3j\xff\x0f|\xf2\xe4k\x06\xacJW"d&amp;\x0e\xff\xf5\xdb+5\xa7\x1f\xac'</t>
  </si>
  <si>
    <t>b'\x12\x0c0Pa\xe3%\xf5\xd2`[\xceyxDQ\xa9\xe9\xef\xe8rl\xcfh\x13\x9f\x10\xd3~\x98\x84{'</t>
  </si>
  <si>
    <t>b'\\\x0e\x1a\xaff\xaeA\x14&amp;\x18}\xe1\xb2\xe19w^];\xfc\xa7[\x8f^d\x9d\xce\xa6\x93\xa9\xae$'</t>
  </si>
  <si>
    <t>b'\xe6}L,K\x94\x02i\x87\xf7\x15\x86\xc5;\x99Ev56ANB\xad1\xab4\xc4I\x19]\x1c\xe5'</t>
  </si>
  <si>
    <t>b'$pt:2J\x1a\xaa\x97\xf1\xaf\x1b\xf7\xef+\xc3\x9a\x9a\x17\xf9s\xd8\xef\xdf6\xacJL\x01-xz'</t>
  </si>
  <si>
    <t>b'~\x8b\xd2%\xe4\xa8\x85Z\xf57\xa5f\xda;\x01*\x0b&amp;_\xb8\xcf&amp;\xfa\xef\xfa\xd2\x84cw\x82\xc4\xf8'</t>
  </si>
  <si>
    <t>b'Yuh^+\x83\xef\xc6\x87\xe4%\xefxr\xd3\xd0\xc5\x87\xa4O\xd3\x07\x91\xd2\xcc\x99\x9b\xafL\x8a\xd7\xfe'</t>
  </si>
  <si>
    <t>b'\xedb\x9d\x9e\xf4\x94L\xec\xe2\xc8\x8f= \x8f\xda9\xcda\xb18\xda\x8eq\xeb\x00kP/24S\\'</t>
  </si>
  <si>
    <t>b'\xc3?\xde\xd6{\x8d\x8f\xe9\x80\xc1a\x063m}fu\x14M\x98\x18\xb4\x8f\x05\xc8gR\x93uh\xe5\xb6'</t>
  </si>
  <si>
    <t>b'\xf7\xa5\xa6\x07\xf8\x87x\x1b\x00i\xc9\xc1\x13\xf6\xecu\x1b!H\x86\x7f\x04\xf7\xdc\xc4\xaf\x04\x8bgp\xdd\xa1'</t>
  </si>
  <si>
    <t>b'\xc4\xf9s\xcf\xf6-\x8a\x12 \x80{\x04\x94\xb9bS\x89\xd0\xb8n\xa7\x02\xdd~\xab{O`\x81\xeeVY'</t>
  </si>
  <si>
    <t>b'FmJ\x9dR0j\x04h\x89\x18\xb8n&gt;`&lt;\xe4\x88\xea0w\xa8\xfb\xfa*\xf8\x93\xfc#M\xfb\x1d'</t>
  </si>
  <si>
    <t>b'\x1b]:\x13\xbb\x15\x9c\xad\xf4\x12\xd7\x87\xa5\x16\xc6\xd8\x05I\xa7\xcf\xf8\x9cE\xb6\xb6V\xbfUV\xba\rk'</t>
  </si>
  <si>
    <t>b'\t\xa0~\xdb\xea\x84\x93\xc0U\xaf\x1c\xad6\x1eT9\x99\xd2 H\xcb%nW\xdd\xec\x15\xf6EY\x05\xc4'</t>
  </si>
  <si>
    <t>b"\xf8!.\x1aJ5\xdfb\xe2\xdf\xb0\xd2\xd5\xda\xf1\\'\xf5\xab7\x1dH#{\x99\x83];\xa67\x08\xbd"</t>
  </si>
  <si>
    <t>b'4\x032^\xed\xcc\xfa\xcb\xac\xe4]\xaf\x0e\x1ea\x8eHc0\x07H4x\x1f\x16\x00\x01~"t\x9e\xda'</t>
  </si>
  <si>
    <t>b'5.\x81\xaa\xfbZZ\x8b\x8dH\xbaL\xcd\xe8[\x1cT6B\x86\xc0\rT"\xf5&lt;8\xads\xb4\x13\x88'</t>
  </si>
  <si>
    <t>b'\xf3\xd1\xffO\x91I&amp;\xd1D\xa5@2\x0c\xec\xd4\xf5I\xb3\x90\x8f\x91\r\x8e\x90\xe1\x9b|\xdc\x1a\xca\xd4\xa0'</t>
  </si>
  <si>
    <t>b'7x?$\xc0\xd6\x90\x1fa7\x93\xb5*X\x97\xac\x9b\xb2m\xe5\x16i`R\xf3&amp;|\xa0u\xacT\xbd'</t>
  </si>
  <si>
    <t>b':Z\x93\x13F6ZK\xa3&amp;&amp;\x12\xc6m\x9dwU\xfc\xa2nl\x8f8K\x00J0\x81\xa8\xa3\xa4\x92'</t>
  </si>
  <si>
    <t>b'\x1e$u\x073\x9cg,M\xf3,\xfe!\xc1R@\xcb\x05\x8f\xd2o\xcc7B\x87\x00g\x847$\xe8G'</t>
  </si>
  <si>
    <t>b'1A]\xc0]//7\xc7D\xa3\xb5\x05\x93\xdb\x83\xa2\x04fC2\xe7}&gt;\x05k\xf7\xec-j\x8a\\'</t>
  </si>
  <si>
    <t>b'C_\xe0\xe0\xa7J\x05\xe6\x1c-\x0ft\x01\x81=\xb8\xa9#\xf1\xdd~\xa7\xb5\x06\xa8smw\x1d\xbd\x997'</t>
  </si>
  <si>
    <t>b'\x1a&gt;Sm1\x95\xed\xb7\x93\x06\x89\xef\x9e\xae\x1fF\x07\xa8z\xc3Y\x11\xb9#\x7f\x04\x05\x80\xa0(\xc5o'</t>
  </si>
  <si>
    <t>b'n\x1d\xee\x81F\x90c\x14u\xe3\n\xa3\x92~\x90\xd6\x1a\t\xec^\x01\xad\x98\x89k\xba\xdep\xa6{\x01\xb9'</t>
  </si>
  <si>
    <t>b'uB\x84\x83\x89\xd4\xc8\x9bT\xec\x8fT#\xd1\xa0\xa5;m\xf9.\x9f\xfba\xd7E\xb5\xb6)m\xfeV\xd8'</t>
  </si>
  <si>
    <t>b'\x8e\xc4\xa2\xbc\x0e\xce\xcc\x9c\xea\xd1\x1d\xdd1\xe0\x08\x10[6\xf0r\xf0\x16Eg)@\x8f\xe0\x02A\xdb\x13'</t>
  </si>
  <si>
    <t>b'\x10`\xc5\xcaX\x064\xb8pt\xcb\x19do\xc6,ghJsG\xf6\x14\xaf\xd7\xb3\xe4x\xe4\x06\x93\x93'</t>
  </si>
  <si>
    <t>b'*:\xb8*\x0c@\x07-\x8eD\xe5\x0c\xef~\xd6\xe0Y\x8b\xd3\xe5\xd4\xab\xb7{g\xa6 \xebG\x11N\xc1'</t>
  </si>
  <si>
    <t>b'\xd7\xfc4e\xec\xbf\xec\x85\x8e\xbf#q\xc3(\xb9p\x06K\x00\x98\xd32\x7f\x02U|\xde\x00\x15\xd4\xbb9'</t>
  </si>
  <si>
    <t>b'\xb0WR\xde\xd4\x0f\xb9t\x9c\xf90\x98\xb3\xe3\x1b\xa8\xae\x82\x19\x00\xd9\xa9K\xfbM\xf4\xdd\xb7\x06B\xa1\x82'</t>
  </si>
  <si>
    <t>b'C\x1e\r\xaf\x01\x19^\x93\xa9\x156C\xba\xeb \xb9\xb49\xe8Rf\xb0\x93\x9e\xfe\x1b\xaaK\x9fK6\xda'</t>
  </si>
  <si>
    <t>b')I\x84\xdex\x9ayz\xf3\xf2\xb1\x87\n\xca\xdeF\xa3\xa5\x84\x12\x84O2\xc8\x9d\xb4\xb2\xb4\xbd\x0f~9'</t>
  </si>
  <si>
    <t>b"'\xbe+[\x1e\x86\xee\xafi\xa8\x1eC\xa9Oz\xcc\x01\x81\xe4\x9f\r\xb1\x89u\xdeV\x04\xa2\x9ce\x01\x96"</t>
  </si>
  <si>
    <t>b'\xe9\xd4{\xc8\xe4f2\t""\xaaa\x0f\x10\xd5\x84\x7f\xf8f\xb3\x84\x03\x0b\x17R\x1bB\x11\xa3\xfe\x0f\x15'</t>
  </si>
  <si>
    <t>b'\xf2)\xc8Vz\xa8=6\xf3\x01\xb0\xea\xc2\x01\xfb1\xbeV5\xe0)\xc3Q\xf9\xe0\xce\xb0~\xbf\xe5\x82\xae'</t>
  </si>
  <si>
    <t>b'\xd4/\xd6\x04$\x9b^\xd5\x1c\x18\xb4\xd3P|\xf23\x15\x83R\xc6L\x15\x13\x94z\x9d\x94\xac@\\\x03\xe7'</t>
  </si>
  <si>
    <t>b"\xfb\xb4\x95~gE\xb7\xbcp3\x8b\xb1q\x9f'\xca\r]$G\xbca\x14\x0eD_$\x92Rz\x1b\x12"</t>
  </si>
  <si>
    <t>b'\x1at\xc2[\xb3\x84es\x96\x9a\xe7M\xdfo\x9c\x01\xc9e\xa9\x96\x82%+`\xcc\xd3n\xb8\x1d\x1d#q'</t>
  </si>
  <si>
    <t>b'\x8cC\x08(X\xd6\x1a=\x1d\x8a\xc8\x7fI\xd4(y\x8a\xcdW\xaa+\xfb\x98\x90P\x81\x96n\xd9R]u'</t>
  </si>
  <si>
    <t>b'I\xd2\r\xacU\x8c\xb4\xfd/{\xc6\x80\x95\x01^~\x7f\xca\x98\xf4?3B\xa3Y\x8a\x10_^\xbe\xef5'</t>
  </si>
  <si>
    <t>b'\xf8\x11EH]2g\xeaq\x82\x00\xfb\xa2\x95\x93\x01\xaf\xb7\xa6\xb2y\xb5\x99ix\xea&gt;\x9b\xf3\x07(\xe7'</t>
  </si>
  <si>
    <t>b'G\xb0\xfe\x85\xb0#\x99\xd5\x8a\x16\xbdK+\x1c\x08\x18\xa8\x0b=\xfe$\x9c\x94\xbf\x99\xcf\x8fJ^\x0cX\x17'</t>
  </si>
  <si>
    <t>b'J\xb6\x8b\xc3&lt;V\xc8g\n\rA\x81\x9b"\x82\xd8\xc2m\x13Y?\x18\xd7\xd6a\x034\xc5\xe7q\xcbC'</t>
  </si>
  <si>
    <t>b'\x035_t\x00\xfb|\xc9\x05\t)\x08w\xdf\xbc;\xc3F\xb0\xf7J&gt;#}\x13\x1eA\xcc\xc8\xf2\x17s'</t>
  </si>
  <si>
    <t>b'\x81\x1e\x8b\xd8L&amp;\x8bq\x81\xe5\xe5\x9c\xff\xe00\x9e\xc7X\xfbF\xb4\x16l#\x82\\\x89\xbc\x88\x97\xc0\xc7'</t>
  </si>
  <si>
    <t>b"\xbf\x1bux\xb0\x85\xdb'\xf0&gt;(\x03\xc9\x0e-\xc5\x8e;\x12T\x02\xa0\xf5\xf4\x83-\xd42\xc9U`\xfd"</t>
  </si>
  <si>
    <t>b'%\x03U\xebY\xdc\xec\x15\xd4\xba|\x97\xc7\xd4\xb7\xd2\x7f,\x84\x17J\x18\x83\x84\x8d\xd8\xefO\xe9\xc6\x00X'</t>
  </si>
  <si>
    <t>b"]\xe6\xbe4#\x93\x97\x85NS\xdd\xc2@\xe5t\x19\xd3'\x00\x04~\xbe/\xdb\x06\x91\xe5`\xd5\xa9\xbc\xbe"</t>
  </si>
  <si>
    <t>b'o\x03\x87\x02w\xb6\xa4\xdd~\xaf\xda\x8bK\x85J\xd2\x05.\x99\x92=\xefG*\x81\xab7\x06_\xc2\xa7R'</t>
  </si>
  <si>
    <t>b'\x9a\xf6\x08\xeb\xc3y\x894\xb4\xad\xf7!\x86\xbb\xb7r&lt;jND\xef"*\xa2\xda\xa5Pex[\xffD'</t>
  </si>
  <si>
    <t>b'\x87c\xe7\xab\xc30Dt \xb4E\x19\x83\x19\x81\x81P\x91\xe4\xf68\x81\x13\xd0L\x9b\xb8Z\xa4\x99\xcc)'</t>
  </si>
  <si>
    <t>b'\xe2_\x02\x11\x15\xad\xf8\xd9*\xc7O\x16o\xd8\xbb\x8enN\xed\xcb\xb6\xf7\x1aZ\x1d\x88\xe5\x15\xfb\x11\x9c/'</t>
  </si>
  <si>
    <t>b'R\x00\x96\x89\xd5\xacK\x9a\x15\x04\xa5.IW\xb4\xef\x16\xc0H\xff\x85\x84F^\xd0Q\xee\xe1\xbd\xb5U\x8f'</t>
  </si>
  <si>
    <t>b'\xc2p\xe6[{\xcd\x88s&gt;i\x99E\x05\xe4%\xd1\x80g\x88\xed*\x03C\x91\xc36\x97iC\xb2\x89\xbd'</t>
  </si>
  <si>
    <t>b"\xe4=\xfb\xa6\x8a@\\x\xfd\xa1X}ac\xff\x9f\xac\xbb'\xdd\x1c\xcd\x8b\xa8F\xd7w\x02L%^\x89"</t>
  </si>
  <si>
    <t>b'\xf0]\xe3\x0c\xe3-\xce\x15\xdf5\xb3X\xa3\x96\x10s\xd6\xa2fe\x14\x06\x9eI\xa9x\n\xc1\xf7\xfa\x88P'</t>
  </si>
  <si>
    <t>b'f\x02x\xbf\xa6\xda\xc6\xfd\x15V\x0eR\xe51E1\x0f\xd8\x8eIM\x02\xac\x8e\x82\x16Z(Ge\x8bl'</t>
  </si>
  <si>
    <t>b'\xa2O\x1b:\x97\xf5t]E\xf6.\xa5\xf0\x16yE\xb1\xd3\xb3\x19z\x06\xe7\x0ek\xa0\x18\x87\x85\x9fr\xc2'</t>
  </si>
  <si>
    <t>b'\xdbw\xfaXG\xb8p\xc9\xc2\xa5C3h\x92\xbe\xb4\xce\xce\xb3{\x83wy\xe8\xb7\x87&lt;\x8br\xe1\xb2V'</t>
  </si>
  <si>
    <t>b'iZZ\xea\x12yH\x1ez\xe8\xfe\x90\xdd\xc2f4L8=\xc9\x03"\xbb\xcem\x97"\\\x11\xcf\x02A'</t>
  </si>
  <si>
    <t>b'\xb9j\\\x88,\xa4\xe8}\xd4\xe9x\x08?\x8f\xd7\trj\x11\xe1\t\xdea.[md\xed\xa0\xf6\xca\xe9'</t>
  </si>
  <si>
    <t>b'\xbfv9|[\xde\xf5I\xf6\xe4"\xfaJJ8\xf6\xc9\x19\x11\xbf[.O&lt;\xb1\xd0p\x04\xd4\xd6\xa9\xba'</t>
  </si>
  <si>
    <t>b'\xaf\xa5c\xe7\xa4\x1cW\x96@}\xac\x1f\xce\xab&lt;\xee\xdf)\xaf\xf4m}\xf0\x18\xee\x9e\xda\xa5m\x00v\xe5'</t>
  </si>
  <si>
    <t>b'\x90\xa1\xf2\xbc\x8fp\xe8-Y\xa0LJ6\xf9\x03\xa6\x8f\x8c]Ox \x94pg.M\x92[\xb3\xfa\xb0'</t>
  </si>
  <si>
    <t>b'\x1c$\x03\x8d+;\x17\xbb\xb7\xd3\x1bK?\xf9\x0b\xe1\\R\xe8\x0c9\xa4\x89\xfd\xb8Y\xfcs\xb3fE\x01'</t>
  </si>
  <si>
    <t>b'J\x05h\x1a\xc06\x17)+|\xe5\xa5\xec\x1c{\x1e2\xc5o_\x08\xd22\xf5.@1\x9fg)P\xf4'</t>
  </si>
  <si>
    <t>b'=\x16\xdc\xba\x19\x1d\xffK\x10\x03\xb8\xfc\xe2\x11\x1f\xec.Y\x91\x9c{\x82\x8c\x1c\xbe\x98c\x9b\x86\xdc}p'</t>
  </si>
  <si>
    <t>b'\x1a\x17\xe4\xdd\xb5\xda\xcf-\x9c\xd1\x03I-\xe5\xcc8\xff\x97\xd7F=\xe0\xdb\r\x12G\xb2\x9e\xe9\x9d$\xec'</t>
  </si>
  <si>
    <t>b"C8\xdd\x8b\xdemBD+8\xd9\x1a'=\xefA\xa3\x19\x87\xa7\xcb\xa8\x8d\xdc\xf0\xbe\xe5R\x8d\x10kU"</t>
  </si>
  <si>
    <t>b'\xc7\xa0\x1b\x86\xac\xd6b\xbe!\x9e\x96\x19K\xd8!\x85Q!\xb3\xa7\xc8W\xc0\x8e\r2\x9a\x9d\x16\x13\xea/'</t>
  </si>
  <si>
    <t>b'kTG\xda\xaf\xe0r=\xcax\x81\x86I&amp;\xba)\xafHU(:\xef\xbc\xd6\xd6\xcam\xea\x97A\x87M'</t>
  </si>
  <si>
    <t>b'\x82\xd4\xfcD\xbc9\xf7\xd2\x81,\x8a\xac?\xf7\xac\xa5\xc4\x95t\xa17\xf3\xe9\xb7\x95\x1c\xf6\xcf\xdc\x8b\x8b\xc9'</t>
  </si>
  <si>
    <t>b'=)5\xfd!Jm\x1f\x05\xe1\x8c\x9b\xee\x8d\xae%"\xd8\x04\x94y\x0e\xaft\x87L\xff\xb1`\x97\xe3\xb8'</t>
  </si>
  <si>
    <t>b'\xa1\x8e:,^\xb4\x12?\xcfO$\xb6\xd8X\xac\x86\xaec\xf5&gt;\xa1\xd9\xae\xe2\xdb\xb3\xeak$\xaa2\x83'</t>
  </si>
  <si>
    <t>b'\x8f\x04\xbeL]\xa5\xf3j\x0f5\x97\xd8\xa9\xaep\x80\xd23\xab\xefi*\xb5\xce\xd9\x89\x88\xf8tq\xb7\xff'</t>
  </si>
  <si>
    <t>b"\x90x\xac\xd5\x99.\xf0\xf2\x92\xd3\xb7\xcd\xb4\xe3\xe9E\xb2@,'\nK!\x98_A`\xf4\x88H\xc1\xaf"</t>
  </si>
  <si>
    <t>b'\xaa\xf5\n\xfd\xc7\xa6\xad\xd0hV6\xb6\x9cJ/\x12S\xcb\x85?\x9e\xb2\xc0\x12\xcd\x89\xdd\x9b\xf5\xfa0\x17'</t>
  </si>
  <si>
    <t>b'\xf8\xfd\xbd\x14\x9dh\x02\x0f\xd1\xf9\x0f\xb2o\xd1Of\xf8\xa3\xf3go\xf8\x97\xf5\xed\x85\xf7R\xfd\xe2M\xda'</t>
  </si>
  <si>
    <t>b'\xd5\xf8\xc0Z\xea\xc1\xd6\x8ds\x94\x95\xdc%\x02\xeb\x19\x8e\x11\x1ceZ\x80\xc7\xe7\xbb\xcf4\x06\xa7\xa2\x10\x1e'</t>
  </si>
  <si>
    <t>b'\x93\x0f\x99E\x83\x9a\xce\xd6\xa0\x88\x80\x883n(\x9b(\xf5\xdd\x03n\xbf\x8cG`\xb5\x10\xf5\x17\xaf\x17u'</t>
  </si>
  <si>
    <t>b'\x077\xeb\xb7\x9a;\xdcB\xf9\xd3I\xb1zt\x97\xaa%\xa0\xc47\x10\x7fo\xd3\n\x81\xb5D\rz\x88\xa5'</t>
  </si>
  <si>
    <t>b't%}\xf9KzZ\xd0\xe1\xa7\xfa\xa1\xa7l$\xa6\x075\xdf\xd0\xf16\xbab\xf4\x86\xd8\xaeB\xbb\x16j'</t>
  </si>
  <si>
    <t>b'\x7fBu\xd1\xd9}\x96,\x85\x8a4\xea\xc9\x172u\xa8\xaa&amp;\x9dZ\xc10&lt;\xc9\xe9\x7f\xe8t\xd2\xde\xcf'</t>
  </si>
  <si>
    <t>b"`\xf3\xe9\xda$41e\xfa\xec\x87\x9f\x06\xe0v\xef\xd3\x97\x9be\xf0du\x9f\xee\x01]I\xc7v'\n"</t>
  </si>
  <si>
    <t>b'0z\x83\xdf \x9e\xfel\x8f\xb9\xdd\xd4\xe8\xb8\x86\xdb\xf7;\x0b\x96*U\x98\x94\x92\xa7\x8d\x05\x84\xd3}W'</t>
  </si>
  <si>
    <t>b'\xcab"\xc5\xe2\xf2\x97d\x86\x8a\xc2I\xd8\xa6C\xe6^\x07\xad_\xcc\x7f&lt;X\xcdO\xf3\xbf3a\xd2\xab'</t>
  </si>
  <si>
    <t>b'&amp;&gt;\xe1\xa1M\xc26\x7f\x18\xc7\xd8\x87\xdc~x\xd9\xb2j\x7f&amp;\xcf\x8f\xa7[\x88s\x1c\xe8\xf3\x01\xee\x1a'</t>
  </si>
  <si>
    <t>b'\xedi\xdd\xd1gh]\xef\xc0+\xdb&lt;\xcb\x1fpY\xce\xb7\xb5`\xd8\x0b\xd36\\A\xd7\x14\x87QO\x95'</t>
  </si>
  <si>
    <t>b'\xe8\xd2\x03\xa8\xcc\x19\xf5\xd6i9\xf7..\x18V\t\xa2r\x89w\x91^y\xd7\xd1\xd0xn_\xd3#;'</t>
  </si>
  <si>
    <t>b"\xc0'j\xe3\xee\xcc\xf7\x96\x1a\x9e\xe3\xb7j\xcaoV\x8a\x81)\xa4\xc8W \x07U\xf9\x8eQ2\x99\xd9\xca"</t>
  </si>
  <si>
    <t>b'nZs6\xf1\x86D\xe0=C;="\xc5rW\x06\x7f\x8eq\x1f\x1e2cyU\x85\xe5\xa7\xd9"8'</t>
  </si>
  <si>
    <t>b'\x96[\xee\xa5\xc6\xff\x8b\x8d\x87U\xc4\x03k&gt;?L\xc8\xb0\xaa\xa4FK\xb0r\xf9\xe9\x89}\xa2ZT\xf4'</t>
  </si>
  <si>
    <t>b'\x14\xcb\x7f\xcf\x7f\x9a\xa2\x92\x8fb+\x16\xf23\xe6\xd28S\xce\x8c\xbc\x98\x88s\xa7t\xdb\x95kY\x92K'</t>
  </si>
  <si>
    <t>b'a\x15\xdeK-\x0f3(Nf\x81-\xa0P\xa4J\xc8\x07\xd5\x0c\x19C\xee\x04\xefYVx\xd5+\xe0\x9c'</t>
  </si>
  <si>
    <t>b'\xb3\x9eL\xdd\x8949gDg\xfb{\x94\x92\xfeY\xbd8\xefN\xa7\xe6&lt;$\xbdS\x04\x185\x9a\xe9\xd5'</t>
  </si>
  <si>
    <t>b'\x0b\xe6U6\n\xae\x0e\x11([\xf6P\xc8.\xda&lt;:"\xf0J\x84\xf4\xff#\xc8\xb3\xb8\xe6\x12&gt;\x01*'</t>
  </si>
  <si>
    <t>b'v\xb8]I!=\x82n\xd2\xf8#\xf2\x04i\xc8nB:R\xb1\x9b\n\nw\xc9}\xb2^{K\xb2\x8d'</t>
  </si>
  <si>
    <t>b'q\xee$P\xf4\x92\x1br\x817}\xe2\x02\x11\xf65\xaa\xd6iw2k\xeeu$W\xa4\xcf$\x0f\xdbF'</t>
  </si>
  <si>
    <t>b'\xba\xef\xb9\xe9\xdai\xc0C\xcc?\xd3m\xc7\x83X\xf6\xc4\xfa&amp;\xd5\xb1\x0cc\x9a;M\x7f"\xacI/\x92'</t>
  </si>
  <si>
    <t>b'}\xad\xa42\xd0\xab]@22\x97\x8d\x8f\x01&amp;\x82\xee\xdb9O\xfd\x1eN\xa7m\xdc\xcb\x07\x06\xc6\x05\x9d'</t>
  </si>
  <si>
    <t>b'5\xce\x7f|~\xe8\xc1I\xcb\xd23\xb2L}v\xdb\xa8\xc6q\x9f\xa9\xb6\nI&lt;\xdcQa\x1e\xe0\xf1;'</t>
  </si>
  <si>
    <t>b'\xcd\x97\x11\xb5\xec\x07\xaf\xe9\x8bv\xb4\x1b\xcf\x93Fp\xab\x9a_\x0e\xa2\x8a\x04\x14\xc3!\x9c\xff\x8fD"\x99'</t>
  </si>
  <si>
    <t>b'\xde\xd6Y\xd6C\xe4\x8bG\xd3i\x85\xbe(kF\x13l\x9c\x1d\x08\x05\x94\\S\xd6.\x95\xb6\xc7\xe3\xb1\x1b'</t>
  </si>
  <si>
    <t>b'\x9a\x1f\xfe\xc9\xa6\x84\x8d0\x9d\xfc\xfc.[^Fa@&lt;\xdc"\xae\xe4\xf2 I\xc7\xac\xc48*\xa5\xba'</t>
  </si>
  <si>
    <t>b"\x89\x99\x82\xc1\x11w\xfaKx\xca\x1c\x98C\x1e/\x86'%\x1c\xef&lt;\xa2\x18\x17\xb4\xbfm\x98\x83\x94Q9"</t>
  </si>
  <si>
    <t>b"`\x9b\x9b\x07'Z\x18\\\xc3\t\x9ca\x8f^\xd2ib\n\xc0\xfbS\x8a\xd5A\xd3\x8a9\x96C#\xdb\xaa"</t>
  </si>
  <si>
    <t>b'\xd7\xda\xeenKq\x07\xa0\xe6\xb0\xd2\xc4\xd6\xffX\xc7\xd5\x84\xf2\x0e(\ry\xcf\xc0d\xcb\xc1?O\xb9\x12'</t>
  </si>
  <si>
    <t>b'\xe8O\xda\xeaP\xd2K)\x91\x08\x9a\xb7oo\x84\xe4"\xde|\xccH\x14\xd0\x9dL0&gt;&amp;`\xc4ll'</t>
  </si>
  <si>
    <t>b'\x10\x85\xc3\xdbi|\xd0\x86\xd7\xee\x1c\x98\x97\xc4s&amp;J\xa6\xdf"\x9d\x13\x18H\x8efM\x0eH\x14\xc2\xab'</t>
  </si>
  <si>
    <t>b'j\x9e\xf9g\xf5~a~\xedk\xacn\x02\xd6:/\x94\xfa\xb3)\xdb[\xfa\xe3\x7frds\x1dy\x8b\x96'</t>
  </si>
  <si>
    <t>b'\xf5\x98\x8b\x88w&gt;\x8b\xef\xa2\xe4\xb9\xf1%\x88\x98O\x7f\xbcd\xb6\xfcX\xe8\xc7d\xc9&amp;\xae-\xbf\xfa\xa3'</t>
  </si>
  <si>
    <t>b'B\x81U\xec\x10\xf0\x18\xcc\x94E\x15\xdda.\\\xaf\xdam\x9f0\x8cP\x1b\xd2?\xba\xa8\xd3 \x0c\x9cP'</t>
  </si>
  <si>
    <t>b'\xf1@\xe2\x03l\xd3\x1dPR\xcd\xdfxf5N\x84\xeb\xf4\x9e\xff\x02\xc0i]\x81\xd6\xade\x87\xf5\n?'</t>
  </si>
  <si>
    <t>b'\x117yy\xa3\x01A\\\x97$J\xdaF9\x9a\x96k\xc7\xbf6\xa7\xe5\x87\xc8\x04E\xech\x82\x7fJ\xb8'</t>
  </si>
  <si>
    <t>b'o6O)\xc9\x92\xf75\x8aD\x07\x0c\xdc\xc7\xbae\x0f6\x9f (g\x10\xf1\xe0R\x05\xbe\x8c\x84-\xcb'</t>
  </si>
  <si>
    <t>b'\xb1(\xc4\xeb_\x8e\xf2E\x89\x91\x1c&amp;7\xdfo\xcfLW\x9b\x86\xbd\xf7Rv\xbf~!\x97\x13\xae\xb5J'</t>
  </si>
  <si>
    <t>b'\xc9\x02\xdb\x03\xb9\x93:G8\xb2\x18\xbeQ@[\xb7\xd1\xb3{\x89\xab\x10X-\x96TEJ\xd1Z"\xd3'</t>
  </si>
  <si>
    <t>b'\x88\xe8\x98sQ\x13,o\x85\xd5\x85\xf2x\x89%W\xaa\xbb\x02\x00\xc2E\x9a^0+\xf93\x8d\xb1\xadt'</t>
  </si>
  <si>
    <t>b"'j\x87T\x9e\x00\xcf\xbaV)\x16\x81\xdb\x1a\xe8\xe9@T\xb8\xe5\x83s\xe7\n\xe9V\xeaYc\xbdY\xe0"</t>
  </si>
  <si>
    <t>b"\x15\xcc\xf9\xaa\xab\x0bZ\xb1\xea{\xb7\x9eJ^\xab\x8d_84{\x90\xbdh\x1a*\x88k\xc1'\xe2\xf7."</t>
  </si>
  <si>
    <t>b'\x83Hq$\xff\x87\xd6\x17\x06[y\x18\x81e::\x01\x1b+\xfc?7,T\x95\xcc\x0b\xec\x02\x9bZH'</t>
  </si>
  <si>
    <t>b'x+\xd2n\x96\xf3\xb9 \xec\xeb\xa86\xd9\xdf:.l\xb4\xc3\x1f\xd3\xfc\x05y0\x83W\x021\x8bA\x1a'</t>
  </si>
  <si>
    <t>b'\xfd\x8a&lt;R\x08\x8b\x1cu\x98y\xbdG\x1d\x94&amp;\xda\xc4\xef\xb9\xdb\xf1I}p\x19&gt;B\x0f\x1f\x9b\xa9\x18'</t>
  </si>
  <si>
    <t>b'\xd1\xfe\xf4\xcc\xediA\xda,\x88H\xf9\x95\xfa\xcdW|\xabd\x96\xc5\x89\x14d\xe2\xf7\x89\x19\x84\x7f1"'</t>
  </si>
  <si>
    <t>b'U\xc3V\x83\xa3\x84.\x82h\x02\xa4\x8e\x0f\xd3\x9f\x0cKW\xff\xc9\xef\xbb\xb2i\x175\x06\xb6\xa1\xcd[l'</t>
  </si>
  <si>
    <t>b'J9\x9d\xcbK*\xc5\xfa\x8aI4\x82GhEt[\xdcg\t9@3b\xb8\xd3}:\xe1\xaf\xbf\x0b'</t>
  </si>
  <si>
    <t>b'\xa0`(c#F\x96\xdb\xda.O\xac\x08\x16\x15\xbcKw?\xbco-y\xce\xfe\xdc\xd0QU1\x89\x05'</t>
  </si>
  <si>
    <t>b']*\xdf[v0\xe1\xe1\x1dR\x1f\x18\xb0}\xe6e\xc8\xf1\x19\xb8\xa4\xeef\xe2\xd6bP\xa9\x01\x181\x04'</t>
  </si>
  <si>
    <t>b'q\xce\xba\xc7\x07\xdd\xfd\xee\xf3\x1b\xcb\xea`&gt;\xd2\x81c\xd2\x84\x1d\x02\x12\xb5qe`\xb0\xb01\xc3\xe5\xf9'</t>
  </si>
  <si>
    <t>b'(Z\x94\xb2n4\xecQi\x14\x9d5\xbar}\x9c;x\xf9\x9fnW\x81"\x1e\xf7Eg0\x13\xa9.'</t>
  </si>
  <si>
    <t>b'\xc4!\x16\x1d\xf6\xe6\x88n\x87$\xcb\xe1T\xfb\x118\xb5_-U\xfa\x98VZJ\xca\xe6]#,%\x82'</t>
  </si>
  <si>
    <t>b'm\xdf\x9dlJ~V\xafa\xc2\x01\x8d\xfd\x0b\xb1\xee`\xef\xd2\xd0\x82&amp;mR\xd9\xcd\xeeU\xd5\xbd\xca\x90'</t>
  </si>
  <si>
    <t>b'4;\x1b\xb1\xe6\x9a\x0c\x16\xdbW\xb6\xdby\xa4\xa1\x86\xaco\x17\x10\xa1\xf10iG\xdcI\x06\x823.='</t>
  </si>
  <si>
    <t>b"\x8e\xd2\xce\xa2\xbd\xeb\xe4\x15#\xa1\x16\n\x9c\x87\x1fd\xaf0T\x94\xe4\xf9\x10z\x81\x00\xa1'X\xac\x8e\xf3"</t>
  </si>
  <si>
    <t>b'\x11p\x802,\x03\xaa\x96(\xbdT\xbf\x1aY\xa4\xa5\x8dc\xd6\xac\x14\x02\xb2\xdf\xdf\xaf\xda\x96\x93\xb1\x86E'</t>
  </si>
  <si>
    <t>b'J\xbdeg}\xe8\xf0|\xc6C\x84c:z\x8e.$\x1b\xfb\xc7\xfeS\xfd4\xb0\xb2\xbf\x99\x1f\x80\x81\xdc'</t>
  </si>
  <si>
    <t>b'DG\xf6\x9b\xce\x14Q;C\x10\x11\x10~$N\xa9C\xb7\x87\x8b\xda\x9d-\x88!\x07\xda|\x07\x90\x1c\x85'</t>
  </si>
  <si>
    <t>b'Y\x0e?\x1ffmcu\x11\xf9p\xae%\xc0\xf0k\x9cld~\xd6\xdc\x86\xc14\xf0\x19Z\xa3\x8e\x80F'</t>
  </si>
  <si>
    <t>b'M\xe8\x08\x87pzG\xb7\xa7\xea\xb9\x97\xa5X\xca\xab\x9e\x12M@\x80\xde\x17\xac\xa1g\x97\xc1\x00!\xa0\x04'</t>
  </si>
  <si>
    <t>b"\xe8|\xb8;\x0e\xceQ&lt;\xb6\xbf\x8d\x94\x8b\xc1'\xf9aB\x96\xf5I\xde\x14\\m3+\x90D\x7f\xdfE"</t>
  </si>
  <si>
    <t>b'\xeeL\x0c\xc9\xb9Nj\xd1\x17\x18\x03(\xa3\x1e;m\xb6\xbb7\xc1\x93EG4\x96.\xf2\xe7\x8e\x95h%'</t>
  </si>
  <si>
    <t>b'\xbaA\xb6\rL^\xa8\x1eS\xf6\x93g\x05B\x80\xd5t\xa0R\x16\x88\xe7\xe2\xc8\x89\tw\xd2[\xfb$^'</t>
  </si>
  <si>
    <t>b'?\x80\xe6\xbf\xed\xb9\xc5\xa2]TI\xda\x18\xc4\x07\t\xca\x05\xc9\x96\xa1-\xf1W;-"\xb5\x80\xdd\xd9\xcb'</t>
  </si>
  <si>
    <t>b']\x00\xad\xa4\x9d\xa4\x82\xa0K\xfeK\xe3\xeb\x80H2G=\x8e\xbf\xd2\x19ee\x1b\x0f\x1e\xe6\xaa}L\x85'</t>
  </si>
  <si>
    <t>b')w`@\x89\x95\x17\xab\x7f0\xaaa\xeesi\x87\xad\xae\x16EY`\x19Ow%3\x167\xdcx\xf9'</t>
  </si>
  <si>
    <t>b'\xa6|\x7fZm\xaa\xa8E\\\x80\xf6\x93Z\xee\x17\x106\x7f\xf1E\xc3\x91\xed\xfb\xcf\xa8\x1bz\n\x88\xcd\r'</t>
  </si>
  <si>
    <t>b'\xee\xa3\xb8d\xc3\x9d\x9d\xcer\x10\x01\xe5\x01:\xfa\xd7\x1c\xd4r\xb063\x13\xb6D\xea\xb7\xf2\x9e}\x01\x01'</t>
  </si>
  <si>
    <t>b"\xcaM 8Q\xb2'\x97\x15\x83\xf7&amp;\xdf\rn|_\xcf\x83\x00\xad_\xb5\xa6\xf9\xb8+C\x99t\xd3\xea"</t>
  </si>
  <si>
    <t>b'\xc0\x02]#WaU\xb7\xe6X\x87\xedC\xdc\x97\x0c\xe0`\xb6M,\x8f\xe2w\x83\xd8\xd4]\xbf\x81\x0b\xc9'</t>
  </si>
  <si>
    <t>b'd;\x9a2&lt;\xdc\xaa\xb6\x15&amp;!\x97b\xd2l(\xeb\x8e\x1c\x1b\xb7\xe35\x8b\x18\x1b\x00\x1d\x0flzw'</t>
  </si>
  <si>
    <t>b'g7\xc3\x8cqy\xfb\xa2~7\x95ZX\x95/\x80N\x85hR]A\x90i\xdf\x87\x00J\x95?g\xa6'</t>
  </si>
  <si>
    <t>b'\xec\xee\xe5U\x9b&gt;y\x14\xb6P\xe6\n\x7f\x01\x10 \xdf\x08d\xb9u\xb8\x88\xd6\x16\xe99\x9c&lt;\xfd\xeb\xf9'</t>
  </si>
  <si>
    <t>b'\xcf\xcc\x81Odv-"tJLiZ\x85\xf6+F\xc5\xb4\xa1\x03\xd46\xf7]A\xad\xf1\x82\xa5\x80\x05'</t>
  </si>
  <si>
    <t>b'\xd7\xf1\xa7rvR\xa5_\xa6\x95\xb6\x96\\\xca\xad_r\xda\xb9\x8d.\xf3Y\x11n\xa4\xea\x02t\xd0?\x9b'</t>
  </si>
  <si>
    <t>b'S~\xb9nT\x94R\xddO\xd3\xc8\x00\xcfq\xd1N\xe8\xa2\xc4\x12\xcc\xc6O\xd8DW\xdd\x9d\x85\x11K6'</t>
  </si>
  <si>
    <t>b'x)\xef\xf6\xe5\xea\xcd\xbbR\x80;8\xd3\xa2\x89"\xbc\xdfLl\x98z\xb4\xe7\xc6\xf6H^\xb4\x19\xccc'</t>
  </si>
  <si>
    <t>b'J5\x80U\x8e*\x1aXI\xeb\xbao\xa7\xe4\xb0r\xf5\xdb|\x06\xe1\xb2\x1a\x94\xb5%\x93$A"\x857'</t>
  </si>
  <si>
    <t>b'8\'\x91_"Vc\x02\xe1h\xc4l\xacZ&amp;\xc3\x17\xe3\x9b\x12||\x8d\xb7\x82\x92K\xc0\xb0\x14#\x85'</t>
  </si>
  <si>
    <t>b'\xb9\x89\x19^\t\xb8TL\xa0\\\xa4"\xfa\xdc\xda-\x01\xc0_\xaa[\xac\xed\x8c\xef\x0f\xf3\xd9g]\x11\x82'</t>
  </si>
  <si>
    <t>b'J\x13\n:(w\xbb\xaa\xfc\x19Vdo\xa0\x93\xed\xdc"\xdb\xef\xb2e\r]G\xdbN\xc4[F\xa8\xb0'</t>
  </si>
  <si>
    <t>b'Uf\xa6\x0c8D\xd0L\xcd\x8e"\xe6\x95\xaf`\x17c*\xb1\x97F\xbc\x85\xe8DX\xe9\x83\'2\xea\x8d'</t>
  </si>
  <si>
    <t>b'\xd33\xf7\xa9\x93\xb7e9\xeb^/\xa9"\x05$\x0b\x90a`\xd9\x0b,\xf3\x90\xd3\xf7-\xda&lt;\x88\xf9\x08'</t>
  </si>
  <si>
    <t>b"\xdf\xba\xd8\xcdX\xc4\xe4\xc0r\x12\xbf\xf6\xdcfXvI_\xfe\xbb\xa4\x9b\xa1fYp'\x80\xb4`\xe8A"</t>
  </si>
  <si>
    <t>b"\xbd$ZU$xe\xf4\xb8Y\x19\xdb\xa24\xf4\x02\x89?\xcf\xe8('\x94\xbb\xb7\x0c9j\xd759\xfe"</t>
  </si>
  <si>
    <t>b'\xaa\x00\xa5a\x80fD\xddk\xf5\xd5~Ss|\x18\x0cfAT^\x82\xbdr\x1e\x85\x80\x97\x9d\x1a\xcfj'</t>
  </si>
  <si>
    <t>b'=BE&amp;G\x92M\x18Q|\xaf`]A\x02\x166\xfa\xdf\xc6\xaea\xf9\x929\xb7j\xc1\xeaK\xfa\x12'</t>
  </si>
  <si>
    <t>b'\x9b\x92\xc7M`k\xb12\x9e|\x8a\xdc3\t\xf1\xd9\xb4\xfdY\\\xe2L\xb4\xd6U\x83X\xf3\xaf\x9a\x8c)'</t>
  </si>
  <si>
    <t>b']^~p#r\xf7\xf5k\xabG\x15\x12=:)D!\xeb=r\xd2s\x86&amp;\x95\xf3C\x9a\xa6\x97\x0e'</t>
  </si>
  <si>
    <t>b'\x93\x9f{\x1bv\xdf\x86\xc23G\xc3\xe5\xe4\x14\ty+\xe5v\x04\xa0f\x84JK\xd4\xfb\xeaA\xc7\x9a\\'</t>
  </si>
  <si>
    <t>b'\x8c\xe1k\xe5\xfb)L_\x00\xa19&lt;h\xe0\xcf\xff%\x9d\x18NH\x86\xa0H\x03\x85\x97\xda\xc9\x06\x90\x82'</t>
  </si>
  <si>
    <t>b'\xad\xc3\x12GW\x89A\xa0T\x81\xb7\xbf\xf9\xfb\xe3\x13\xd9\xd8\x8f\x91JX%\x175\x19\xd1b1\x0bb\xed'</t>
  </si>
  <si>
    <t>b'#\xc0\xbf,\xe4\xfbT\x1d\xde\xdaj\xa2b\x14\xe5\xdc&amp;\x87\x9f\xd2!n\xb1I\xac\xde\x8aH\xc0\xb4\x8f*'</t>
  </si>
  <si>
    <t>b"'\xfa\xcb%\x80\xfa'\xac\x1b\xb4\xd6\x87\xf8\xd9Q\xf0\xab\xf8\xf6&amp;\x03\xa2\x0eJ#\x99\x15\xda\x90q\xb6H"</t>
  </si>
  <si>
    <t>b'\x1d\xa0\tJ\xa4\xe6{\x04XM\xcd\xd1#\xa2\xe6\x97H:e\xb1\xf5\xed/\xeaZ\xa9h\x8ez\x95\xaaJ'</t>
  </si>
  <si>
    <t>b'/[\xe9\xfa\xbbV\xbe\xe5\xff\xc3\xd5\x9f\xe7\x12t/\xde\xdb\x06\xde&lt;r:\x0f\xf3\x0b\xf5\x9bW\x9e\xae\xbd'</t>
  </si>
  <si>
    <t>b'\xa5Ys\xfa\xc6!L\x9b\x0b\xf0\xd0Tc\xe7\x08ORah;\x16\xb9\xc1\xa3\xe3\xfe{\x90\x05wK\x1a'</t>
  </si>
  <si>
    <t>b'9$\xa1\xa2\xde\xe9a0=\xb6$j\x1a@\xd4\xe0\x90\xf10V\xd5\xb5\xdf\x184\xd6m\x9f\x91j\x17O'</t>
  </si>
  <si>
    <t>b'\xb2_D\x94\xf30\x9f\xf4A\x83K\x04\xca\x86n\x93\xf5D\xe9&gt;3SU6V=M\xff\x9cu\x9e\xba'</t>
  </si>
  <si>
    <t>b'\xad(\xeaR\x1ex%\xf8\xfc\xf7\xd4\xe2\x97#\xf3=`\xe7*\x1er\xb5\tr\x90\xe8\xb2u\x1b\x0e\xbd\x17'</t>
  </si>
  <si>
    <t>b'\xaa\xba\xca\xa89\x8b\xad\x118MM\xae\xd7]\xeb\x11V\x9a\xcb\x9f\xb3\xba\xff\xc3q\xc2\xa3\xf2A\xa6\xe9!'</t>
  </si>
  <si>
    <t>b'\x90\xbbt\xa6\xf4\x89\xcb\x11#4\xc1\x91\xe4IK\x9c\x01 \x95\xcc\x18\xe9uj\xc6C\xb1\x9dl\x94\x96\x9c'</t>
  </si>
  <si>
    <t>b'B\xd4y\x85\xbe\x8d\xe7\xae\x96m\xd4\x8a\x7fA&gt;h@\x18\xaa9\xcb\xb4\xe9\x83\xa4L\x0e\xde~V\xc0\xe0'</t>
  </si>
  <si>
    <t>b'(\xe0by\xb2\x15s\xd2\xf6\xc1\xbe&amp;\xce3,\x97B\xb3\xa2K\x01\xe6\xb7\xdd\xdd\x15_\xe3\x01K\xd5\xa3'</t>
  </si>
  <si>
    <t>b'|`Y\xf2h\xea\x12]%\x85~\x8dX\xb4\x8e\xc8\xc6\xb8\x1f\xc8S\xd6g\x88\xb9\xf3\x15\xda\xb6\xfd\xa4\x81'</t>
  </si>
  <si>
    <t>b'\xe4\xee^\xa5\x8d,M\xfed\x89\xdf\xde/\x02\x0bF\xc7\\\x16\xed\xe7a\x1c\x10cF\xd8\xe7R\xb5M\x1e'</t>
  </si>
  <si>
    <t>b'0w\xb4\xd5\xd3\x12\xe6\x9d\xd88g)!JP\xde\x943\x16\xdb!\x7fIP\xf4f;h\xf2\xdf\xeff'</t>
  </si>
  <si>
    <t>b'\xb6)\xbb\xaf\x95-\xce\xaaZ\x96A\x9c(\xb0\x88#\x07\xfb\x98s\x94\xf9\xa7^2j\x18\xa7\x0f\xe0\xa0e'</t>
  </si>
  <si>
    <t>b"\xcc*#@\xff\xf1\xe3M/\xbc\x88\x94\xec\xcbhb\xd9$\xa2\x96\x92b\xc1\t4\x137\x0f\x08\xd1m'"</t>
  </si>
  <si>
    <t>b'Wz\x8ck\x8b\x9c\x84z\xba\xe0\x9d\x04\x16\xb1\x17ga\xf44\xf56o\xfe\xd3\x7f\xff\xa4\x0c\xed\x8f\t\x8b'</t>
  </si>
  <si>
    <t>b'\xe6\xa8a7\x8f\x0f\xbf\xe6\x12&amp;\xa9s*\x96\x9c\xc9\x1d\xe0v\xd4\x01Sj\xf6\x93&lt;\xd0\xf1\x8e\xb7u\xe8'</t>
  </si>
  <si>
    <t>b'Q\xc4q\xb5[\xab\x866\xda{\x8a\xa2|\xf0M\xd3\xb5t\xb5\xeb\xe1\xe6\xd7\x91\xff"\x95\xb7\xf1\x07\xd8\x85'</t>
  </si>
  <si>
    <t>b'\xce\xde/M\xb6\xdcKt\xa1\xf3&gt;\xd1\xee\xf0=i\xfa\x14\x98FlJ\xeaY\xd9k\x90\xfc;L\xbf\x15'</t>
  </si>
  <si>
    <t>b'}\xd2H\xd8\xda\x9c\xfa\x93f\xfa2lS\xa3\xe2\xc9\xc8\xa9^GJ\xc9\x1a\x05\xed9`.\xbf\x03\xa0\x03'</t>
  </si>
  <si>
    <t>b'HR\xf4\x87\x04\xd5\x8f\x0c\x19J=A\xec]\xa7\x8d\xc0\xe7\xd3\xd8\xac\xab\xb4\xe0\x1e7\xf9\xe4\xa5h\x86\x89'</t>
  </si>
  <si>
    <t>b'E6{\xdd\x12\xb0\xdc\x9f\xd2\xc6\x0b\xa8\x8eM=bZ\\\x8eq\n\xdb\xae2\x1f\xa6\x876\x1c\xa4\xb9"'</t>
  </si>
  <si>
    <t>b'\x0c:p\xc2L\xb5\xab|\xd8\xcaIc\x06\xb8\xfb\x89y+\xe3\xf8h\xad\xf5;\xdaV\xa6\x06bO\xad\\'</t>
  </si>
  <si>
    <t>b'\x01-L\xfc\xd6\xbe\x8d\x1c\x98\xa3(\x80:|!N\xcc\n\x8c\xfew\x94\xe5a{\xe7\x83W+\x02\xfa\xab'</t>
  </si>
  <si>
    <t>b'ig\xc8_\xc3\x8a\xe3\xa6\xbd\x15Y(\x8b\x9231\xb9\xea\x81\xca\xa5\xc6\xff\x12!\x08*\xc1B7\xf2\xe6'</t>
  </si>
  <si>
    <t>b'\xd1\xe9\xca\xc4H\x8cjL\xc6qN\x90 \xeaz\xed\x11u\x98\x01\xab\x16\xbbEyl\x99\x9b\xc0\xc3\xe2f'</t>
  </si>
  <si>
    <t>b'\xa4\x8a\x059\xe5\x19l\x80\xbf\x06(zt\xde&gt;\x847@E\x9fQ\xb2\x8bg\x16\xc4\x93K\xce42$'</t>
  </si>
  <si>
    <t>b'\xe5\x8eP\xb0\x8b@9\xbe\xd3/e\xd6\xb2\xc6l\xdb\xe8\x81&lt;\x91\x1e\x89\xc0\x80&amp;\xd3\xe3\xca\xcd\xa1\x00L'</t>
  </si>
  <si>
    <t>b'\xeee\xca\xb4|v\x07\xdb\xca\xb6\xcb\x94\x17\xa1\xe2FT\xf9_\x1d\x0f\xfd\xb9\x8a\x10;(\xb3\xc3#\xbcv'</t>
  </si>
  <si>
    <t>b'\xa5\xf2l\xc9\xb7$\xde\xe2\xb8Cu\xfe\xb6\x87\xef0\xed\xab\xc7\x85\xb7\xcaw(\x1d\xd2\x9e+GF\x145'</t>
  </si>
  <si>
    <t>b"\xf8\xd3h\xdd1V\x02\x99\xda]\xc4\xb6\xaa\\\xcav\xd0}'\x88^^)\xb0)\xcd\x16\xfe\xb0?\t\xb7"</t>
  </si>
  <si>
    <t>b'y\xab\x95\xdb\x15t\x14\xc4\x02C\x1e\xd0\x0c\xc9\xfa\xa0\x11N\x84x\xdfiq\x83\x99c\xe0m!Y\xca0'</t>
  </si>
  <si>
    <t>b'_{\xd9-\x1fn\xdc\x0b@\xe8p\xd7\x81^\xbd#$\x07\xc0\x17X\x11\xd1/\x9e\x8e\xbd{\xe8k\x04M'</t>
  </si>
  <si>
    <t>b'\x0f\x02\xc1\xa8\xbd\xcd\x18\x96\xa6\xec\xf4\x88\x97\x94?\xaa\xbb=\xcf\xcf^\x02\xfex\xb3\t!\xf6n\xf3&gt;\xbf'</t>
  </si>
  <si>
    <t>b'M\xe3\x97w\xf2\xf1r\xac\xc0\x02"\x05\x1ecl\xceGEs\xa8e4{_E\xfb~\xf9\xd9j\xe9y'</t>
  </si>
  <si>
    <t>b'\x95\xb8\xe4#\xa5\x02%\xa7^#Z\xbaq\xe5\xfd\xf0\x96Uv\x1dT\xda\x89\xb8N\x94\x82\x06\xe9\xe5\x10\xa6'</t>
  </si>
  <si>
    <t>b'}\xf0}6&amp;\xec\xd64\xd1\xee+\xb0\xd2\xa0\x82:\x99\xd3\x8e\x06\xe5_\xcc\xbb\xd6\x86\xadC&amp;9\xb0p'</t>
  </si>
  <si>
    <t>b'u\xa6LW)es\xf9ar\x13\xa5\xed\x1d_T\xecs\xde\xeai\xa5I|=\x94\xffm+\xd3V\xaa'</t>
  </si>
  <si>
    <t>b'00\x18Y\xf1\xf6\xf3\xab\x8b\x12U\x8e\xdbx\xf4\xb6\x1ao\xe4\x80\xdc`\xb4\xcd\xed\xa5x\xdfw\xe0#\xa9'</t>
  </si>
  <si>
    <t>b'\xca\xc7\xbb4\x7fs[\x82\xb1\x05#\xa6\xd8+\x17\xe10\x08\x19\xaa\xa0\xd9\xaa\x1c\x9e\xce_d\xe1uv\xf9'</t>
  </si>
  <si>
    <t>b'\x91\xb0\xb0Pem.\xc1\xff\x02PC\xc3\xfb\x8c\x86/~zA\x1ec\xbd\xb0\x8cA\xc2\xfe\t\x17*\x00'</t>
  </si>
  <si>
    <t>b'\xdc\x12@R4\xf3n\xd6X\xda \xeb\xe49k\xdbJ5\xcf\\"\x87\xc7\x8a\xecZ&amp;\xdc\xfb\xe4\x84\x94'</t>
  </si>
  <si>
    <t>b'\xfe\xbdj\xb4\x05\xa4\xa3\xfbRpf=\xdec~\xbbD\x05\xcb\xc7j\x9f\x1f\x9b\x84\x8c\xc7\x1e\xf1\xebR\x03'</t>
  </si>
  <si>
    <t>b'\xfe\xdc\xc0\x96\x0be\x90\xce1}\x02\xf2\xbc\x90\xe0\xc1"[\xa3\xd6tb\xa4\xfb\xa5\xf9U!&gt;\xd6\x8c\xae'</t>
  </si>
  <si>
    <t>b'\xedx\xe5\xea\x14\x10Q\xe1\x1al\xc9\x83@\xb9\xbb\xca\x07E\x05\x8bw\xbc\xdd\xd4\x1e\xe53\xf4S\x86\xd1\x8b'</t>
  </si>
  <si>
    <t>b"J\x06\xf5%\xfd&amp;_\x17\xe2\x05\xc7\x8c6\xa7\xf3\x18X\xf4{'#]=\x96\x14\xb7\x81\xae\xaf\x82\xac\xae"</t>
  </si>
  <si>
    <t>b'\x05\xa5\x96$([\xf2\xc8K{\xa3\x14\x14\x061\xf6\xca\xcc\xd0\x84\xa8%\x1e\x01\xec\x8c\x9al\x989\xa3\xc4'</t>
  </si>
  <si>
    <t>b'\x0e\x19\xdd\x89\xbc|\xb9\xde\xb9=\xe3m\xd7v\x9e\x9b\xd2\xe8[\xccK\xf8A\xe2\xd6GBn{?u\xbb'</t>
  </si>
  <si>
    <t>b'e\xac+c\x94\x1ee\xe2\xb9D\xb6c\xb5\xea\xe6\xbbp\r\x89\xed\xf8\x12u;=\x07\xf1"1\x80\x07\n'</t>
  </si>
  <si>
    <t>b"/\x11\xae\xc8q; x\xa7'o$\x1aA\xc3\xaf\x9b5\xf2\xaa\x8d\x0b\x15[u\xaa\xf8w\xcf5\x11\x8b"</t>
  </si>
  <si>
    <t>b'\x9f\x055\x94w\x1b\x8a~\xd2\xb9\xb7\xfd\x99&lt;\xe0UH8*\x12/\x8b\xc6_\nZ\x92\xcf\xc9+&lt;\x9c'</t>
  </si>
  <si>
    <t>b'\xd2h!(\xdaQb"3E\x86\x0c\xb2\xf8\x9c\xa7n\x18R\xd7\xc0\x90\t@\xae\xa3m\x8c\xa6Y\xf6\\'</t>
  </si>
  <si>
    <t>b'h\xfcZJ\xb8\x82\xfc,\xad\xf0\xfc\x1c\x1eRJ\x84\x85\x86f#\x03\xd7\x7f1FZ\x0cl\x9aS\x174'</t>
  </si>
  <si>
    <t>b'\xd4&lt;U\xe1\x10\xde=\xca\xd1\xce\x0f\xd08Z|\xc2\xed\xb1\xb8sc\x99\x8d\xa8\xcf\x9a.\xe7\x7fY\xd8\xe3'</t>
  </si>
  <si>
    <t>b':u\xd8\x1fU\xeey\xc8Fn\xe4\x00\xf9\xb0b\xfa\xc9\x0c\xa1\x93\xc8\xb3\x88\xda\xcb\xdc&amp;\x07\tT\xf6~'</t>
  </si>
  <si>
    <t>b'x\xe5\xa4\xd2pz&gt;\xc4\xf0\xb1\x9d\x81\x9b\x05\x11\xcc\xb3\x17\x1e\xa4\xd9\xbf\x8f\x80\xf9\xef\xaar\x1a\xcdJ6'</t>
  </si>
  <si>
    <t>b'e\xdc\xfd\x7f\xe4l\x1d\xe4\xa4a\x1e\x1c\xb7\xc8$R\xae\x82\xfd\xf1\xbc\x9c\xe1G;b{\xa9P}\x1c\xf6'</t>
  </si>
  <si>
    <t>b"\xdd\xd0k'5C\xe9\xdb[;w\\\xedB\x12\xed\xf4\xda\x11\xde\x99\xca\t\x11\x05\xdc\xbf\xb4O\x83-\xb8"</t>
  </si>
  <si>
    <t>b'\xde\xb5\x11x\x9b\xec3\x7f\xc6bt\xac\xd6\xa0[\x81\xfa\x01\x01\xee:L\xa5\t\xcf\x145\xcc\xebr\xffO'</t>
  </si>
  <si>
    <t>683xx</t>
  </si>
  <si>
    <t>b'1Z\x8fZ\xae\r\xda4\x9d\x15\x94}\x04[S\xc2C\x03g\x18\x0b\x90f\x7f\x91\xa9\x8axH\xdf\xdfw'</t>
  </si>
  <si>
    <t>b'+E\x18Vz\xfe\xca\xb7\xdd\xd7\x02d{\xb5\xedl\xb5\xd3\xb2\xae\x0c_\xa8\x8e\x7fE\xb7\xd96\x81\xb2\x87'</t>
  </si>
  <si>
    <t>b'n{\x9f\xd5\xd52=?\xba\xb1\xd7\x1a\x00\xcb\xa4\xc2hc\xf3\xca\x979L\xdc\x98\xdf\x11\xdc\xf5\xd6\xef\xdd'</t>
  </si>
  <si>
    <t>b'\xf4\xca\x94\xcdds\xb0[\xdd\xf7v\x80\x14iO"\xfa\xe8\xb6\xc5\xab\xf2\x81\xac\xba0Mi\x16\x1f\xc0\x9d'</t>
  </si>
  <si>
    <t>b"\xd7\xd2\x1c\xa0I\xf5\x1a\xeaF\xae)\xf4\xad4\xc1\x13\\'\xfa\x1a\xc6\xd0oS\xcc\xc4\x9dd\x0f\xafy\x19"</t>
  </si>
  <si>
    <t>b'd\xe7\x0b,Q,\xc0DU\\\\\x03\xa1\xbaNX\xe6\x8f\x16n\x83!!\x7f\x06F4\xae\xa9\x81\xebn'</t>
  </si>
  <si>
    <t>b'\xcfQH\xb3\xb1\x88\x11i\xe9\xe4\x00\x07(\x87q\x05\x1c\x08F\x12z|\xd0\x02\xb7o3\x8cKmQ\x01'</t>
  </si>
  <si>
    <t>b'\xea\xc2O;\xb5\xcb\nm7.\x96+\x8b\xab\xc3-\xcd\xd9\xceF\x93Md4\xe8\x91\x89\xbbn\xf8\xb1V'</t>
  </si>
  <si>
    <t>b'\n\xac\x141s\xf4O+f(r\xb1V\x9b\xf7 ^\x05\xe0ZR\xc4M\xabR\xecW\x8d\x9a\xa8j\x06'</t>
  </si>
  <si>
    <t>b'/\x1cc\xd5\x9f\x04\x1dq!\xd6*\xbb\xd3\xb1\xf97\xd0x\x85\x0cj\xd5\xc4|\xfe\xe0\xdbB9\xd5@N'</t>
  </si>
  <si>
    <t>b'\xe5\xee\xbc7{\x82\xb0\x87un\x88\xe1\xc2^\x01\xd1[\x10\x073\xfb\xd8\x1a/ \xc3a\xaf\x81]\xce\xe8'</t>
  </si>
  <si>
    <t>b'\xe7M\x87\x0c\x06\xd2\xec\xfe\x88u:\x8a`I\xfa).B\xc9\xfesDI\x90]\xa9\xc2w\xd7.\x1b\x13'</t>
  </si>
  <si>
    <t>b'\x89\xc2J\xe4\xce\xfb\xfd\x0f\x0f\xb8\xaa\x9dR\xec\xfc\x82\xa0]\x85xc\xe0e\x81\xd6 s\x9c\n\xdd\xbe\n'</t>
  </si>
  <si>
    <t>b'\xc5E\xa9\xb7\xf9\xe7\xfb\'((\x82\x8a"\x8b\xdb5\x96j\x04^\xae\xd5\xd1\xa38\x9e\xbc(C\xe0\xa3\xce'</t>
  </si>
  <si>
    <t>b']\x9f\xb5\x80c\xd1\x1ao\xd9\xc6\xc1]\xd7B`CYb\xday\xf1V\x1d*\xac\xdb\xef\xe8\\N\t\x8d'</t>
  </si>
  <si>
    <t>b"\xd1\xd1\x87S\x9e\x16F\x05cS\xb5\xbf'7(@&lt;\xf7\xd2V\xf4:\xbf\x05\xa43cF\xf7\xa4\xd4\xf5"</t>
  </si>
  <si>
    <t>b'\xa5\x14\xf0\xa9R\x17\xf9\xc3G6\xbe\x00g\xda\x10$W\x03\x7f4aqw\x82~z0\xf3\xf3F\xcd\xa9'</t>
  </si>
  <si>
    <t>b'\x1dK\xe8\x82B*\xc0*)`\xeah\xa2\xbf\xd9=\xc8r\xb6\xc8^\xce8\x01\xfb\x82\xc4\x85\xc3n\xbb\xe0'</t>
  </si>
  <si>
    <t>b',=mG\x96\xbfWx\xe5\x13\x18Z\xfd\x152J\x1e\x81\x01\x89\xa1|\xdac}My1\x9fB\xb4\xe3'</t>
  </si>
  <si>
    <t>b'\xae\xdfW\xeb\xc2\xaf\x1c\xd1A\x18v\x87\xba\x04q\xc8\xbd\nq\x88#Q\xc2\xf7:\xcb\xaf\x1eAS\x01\xb7'</t>
  </si>
  <si>
    <t>b'\xcdI\x04\xdc\xab\xd7\xf6\x0f\n\xfa\xad\x8c\x02S\n\xd5\x92\xf2Z;\x035\x03\x18\x08b\x19\xbd[\xacu\x9f'</t>
  </si>
  <si>
    <t>b"\x80$\xa61d\x1e\xb4!Y\x9e\x12\xd8z\x10/;x\xed}\x00\xb9\x1dFy?\xfd3a'.X;"</t>
  </si>
  <si>
    <t>b'\xc19\xa1\xc4\xc6\xf2\xc5\xd7e\xfb\xe8\xfdf\x84\x86\xb1\xd3fF\x1d\xef\xba\xb1k3\x98\xeb\xd2\xab[\x0b\xdc'</t>
  </si>
  <si>
    <t>b'`\x07\xf5g\x86\xa4G\x05\xb3\xb1uG\xe8\xde\xf6:\xfbZ\x92w4\xc8\x9f\xa5[P\xf3o\xeaV\xc6\xae'</t>
  </si>
  <si>
    <t>b'\x84\xac\nv\x02\xe6\xdb\x94\xc0\xfe\xf8\xc0w\xcbZ\x8b\xd7\x0b\x8f\x9f\xbc\x95\xe6\xbd\x93;y\xfa3q\xcb\xd3'</t>
  </si>
  <si>
    <t>b'\xce\xb8\xe9\xe3\xcb\xfe\xf6&gt;\xfa\xf5WT\xf9\xbd\x1aFEX\x84O\x11K\xf1\x13\x132ZE[\x9e5$'</t>
  </si>
  <si>
    <t>b'z\x7f\xb0&amp;l=i\x05ma\x03&amp;.\xf7\xb1(\x0b\xcf\xed\xb6\xb7d\x18[\xa02\xd3\x0bf\xc2\x8aX'</t>
  </si>
  <si>
    <t>b'.\xdaE{\xec|\xa8"\x94\xe1\xf5\xedW\x0f\x8e\xb6R\xfb\xcf\x00\x16\xec\x9aF7s\xb0\x15\xd1\xb1m2'</t>
  </si>
  <si>
    <t>b'P\xecV\x99\x96\xaa\x12&lt;\x15h\xd1\xb1\xe7v\x1c\xef\x8f\xca\x938\xf0#j\xd2\x8e\xe7\x0e\xa9H\xb0@\xc8'</t>
  </si>
  <si>
    <t>b"\x8cO\xc2\x1cW\xf1\x8cm'\x18l\xdd\x18\xabG&amp;\x97\xf4\xebr=\x82+\x9e5\x1a\x1d\xb1\xe1\xfevg"</t>
  </si>
  <si>
    <t>b'z^P{=\xd2O\xf3)fX+T\xe8q\xeb\xbc\xca\xdb$\xda9m\xf9\x0f=\xb0oPx\x8a_'</t>
  </si>
  <si>
    <t>b'{\xb5Wuk\x80\xe9M\x11\xf0\xae\x03F\xb5\x11G,\x06\xe3\x17\x15\xd9\x8fI\xe9?\x12\xd2}\xc3\x8e\xba'</t>
  </si>
  <si>
    <t>b'\xa9\xfb\xdd\xee h\xf0\xf1\xa6uk\xb8\xab{yE\x02\xf8~\x91a\x9e\xe7\x02\x97\xcf\xcb\x84;\xd7\x8e\x89'</t>
  </si>
  <si>
    <t>b"\x1cF\x88/\xc9!(\x81\x06\x92n\x87&amp;7\x0c\xd1\xfe/\x1e\xee\xb1\x83^\xc0\xd6\xe2cB'\x01T\xf2"</t>
  </si>
  <si>
    <t>b'R\x0f\x83=\x13\x95\xdc\xf6\x00\xdd\x88#\x00\xb2v\xcc\x8d\xd6?x\xfa\x16\x0b\xe6\x1d2\xd7\x8cn_\xc4m'</t>
  </si>
  <si>
    <t>b'\xc6\xa4$\xa4\xde\x7f^+\x81%V\xbf\xaca\x0bn=\x99\x96d\x93\x1cR\xf8\x81\x80\nF\x9a\xa5\x8c\xa0'</t>
  </si>
  <si>
    <t>b'N\xbdV\x11\xcc\xd8\x00\xd2\xf7{rw0WG\xad\x0f(\xba4U\xc9;\xf1*\xc7\x1d5\x83\xb8\x9b\xa0'</t>
  </si>
  <si>
    <t>b'\xdc\xc2\xe8z\xa4\xe7W\xdct\xef\xe0A\x96N53i\xf0F\xaa\xaeC\\\xe3\xb9\xba@\xf7\x96\xc0\x0c\xd6'</t>
  </si>
  <si>
    <t>b'\xdb\xb9\xb6\xe3*[\x04\x0b\xe8J\xd76\x16\xae0\xaa\x9b\n\xbe\xa4\xa7\xe8N5\xe0j\x82\xafP^\xf6\xed'</t>
  </si>
  <si>
    <t>b'\xaa\xa080\xb5\xbf\xda\xb1\x8b0\xca&amp;\x86\xac\xa2w\x9a?\xe9\t\xdbg\x89A\xd0E\xd4\xd4\x16\xa7\x0ep'</t>
  </si>
  <si>
    <t>b'\x0c\x84\x9a\xcc\xcd\xa3\xfa\xce\xcd-"\x9d\xc4\x0e\xbf\x9c\xb7om\x08\x84\x8f\xb7+{K\xef%9\x8a(\xcb'</t>
  </si>
  <si>
    <t>b'\x13L0\x8d`\xec\x00\xa6\xdat\xa2\xe2RSS&lt;\xa95\xb4y\x1e\x84\x1bu\xdc\x0ce\xde\x04S\x1d\x08'</t>
  </si>
  <si>
    <t>b'\xa6\xeb\xa7\xb3\xf4_*\xe4R\xc2\x81&amp;Og\xbd\xf2{\xb2\xc4\xa8S\xf2F~1\xa1\x07\xf5j\x18H9'</t>
  </si>
  <si>
    <t>b'sA"\xdeJL\xc5\xe4\x04*\xe0\xca\xb7\x0eQg&lt;\x0b\xde\x9a\xf0\x85\t\x83D\x04\x91k/\xdb\x07T'</t>
  </si>
  <si>
    <t>b'\x97k9@\xb1\xf3\xd0\xe6q\xfc^~v\xdd\xf8gA\xc5\xbf\x1a\xdcK\x06\xab\x7f\xd7\x9f-\xf1\xfdHp'</t>
  </si>
  <si>
    <t>b'\xedN\\\xd4\xeb\x01)\xf7\xdb\xd3\x81O\xd1_\x8e\xab\x90\x99\xabN\xa3\x1a\xf30\xc0a\xfb\x97\x82FK\x04'</t>
  </si>
  <si>
    <t>b'\xf4\xd4\xcc\x8d\xfd\xb0\xe1\xfa\xb2\x08\xcd\x11\x03Z\xfd\xea\x1d\xef\x00\x0f\xae\x85J\xd6\x94%\x03\xcdr\x89\xbf\xe4'</t>
  </si>
  <si>
    <t>b'\xfd\xc6\xd6`,~v\xdf\xfc\xea2\xd8\xab\xf1\xd4L\xa2\x10\x01\x00:{l\x83\xeeB\xdb\xb7\xd2~\x9d\xe8'</t>
  </si>
  <si>
    <t>b'\x1eD\xc5\x1b\x9f\x02\xd1\xb5*\x83xk*u\x9fW\xae"\x02\x81\xc5d\xe5m)\xa7V\x01\x05R\xf7\x0f'</t>
  </si>
  <si>
    <t>b'\xeb\x82\x95\x005Cs\xa7U\x87\xacr6\xc5\xa7\x88\x90\xcaj\xe1\xce9\xc4\xfc\xae\xa5h\xa2\xa14Ti'</t>
  </si>
  <si>
    <t>b'\xe6\x80Z~S\x8d\x85\x0c\xdc#\x8ak\r4\xc54\x9b\x17\x16\xb2\x0c\xe3\xa7\xec|g+\x81*\x019\x1d'</t>
  </si>
  <si>
    <t>b'\xa3\x81\x120\xa5\x90\x1f#EM\x14\x17\x9c\xb2B\xf3\x15\x14\xea"\x11\x05\x1c\xf8\xa6\xf4\xc7\xc7m\x05\xa8C'</t>
  </si>
  <si>
    <t>b'\xbcs*?+\xd4\xf3\x19~P\x8d\xce}\x9e\xc1\xdf3\x84\\jm\x18yH\x97@^\xe3D\xde\xea\x9f'</t>
  </si>
  <si>
    <t>b"\xb8\x06;\x91\x8b\x9fJo\xf5{\x1b4\xe8ah\x9d\xc0\xc4\xab\xe2\xa3\xfcV\r2\x8b'\xe1w3\xc8\x1f"</t>
  </si>
  <si>
    <t>b'\xf8\xdbz\xfa\x9ee\xff\xfc \x13\x11W\xb9\x9c\x009\x90c/rW}3`r\xc3\xd56\n\x83\xdb\x16'</t>
  </si>
  <si>
    <t>b'\xd1\xa9\xaaQ\x88Z\x08\x98\xa6Y%9\xd2,\x99\x06\x04\xff\xc11t;\xcf\x98\xdf\xc7\xd6\xc0-\x85\x1d\xa8'</t>
  </si>
  <si>
    <t>b'0.\xc3"\x86_3\xce\xa9\xfe\xb2?K\xf6\xc0\xf0\xcb\xd1y\x01\xab4\xdd^\x9dq\xdc\xf0\x8a{ q'</t>
  </si>
  <si>
    <t>b'\xe7_\xdc\xe0\x1a\xfe\xe9\xad\x04\x1f\xc3\x0fJ\xb7\x8b\xec\xe0\x18\xab)Gg\xaa\xb0q\xd2O\xab\xe6z\xfe!'</t>
  </si>
  <si>
    <t>b'l\xbect\xe5]\x804/\xbar6\xb5g\xcc\xac\\l\x00\x10\x8a\xda\xfd\xef\xcb*&lt;\x93\x86\x9b\xd3\xc2'</t>
  </si>
  <si>
    <t>b'\xae\x038x\xabx\xce\x1e2F\xb4\xeb\xce*\xe6\xc8=\x1fX\xbf\x08\x9f\x9b\x08\x0b\x1di\x1cxWT\xec'</t>
  </si>
  <si>
    <t>b'\xa0\x1f\xd8\xc8\x95\xf6\xbc&lt;\x0c\x88\xf8\x90P\x1f\xba`\x7fkBL\xc8)\x83\xc3*u\r\xeaI^\xaf^'</t>
  </si>
  <si>
    <t>b"\xc3LK\xe6\x82\xcbNZ\xd4\xe4\x0ee\xb1\xf0\x00'\xde\xc7\xee\x8d\xe3\xccT6zaW&lt;\xd2\xd72\xf7"</t>
  </si>
  <si>
    <t>b'\xaa\xc4\x04\x08\xaf\x9f\xd7\x0eX\xd3\xed\x1a\xcf~4t\xe4\xe7\x14\x13\xf4&amp;5r\x97\xb4\xbf\xf3\xe6\xe5\x05\xb4'</t>
  </si>
  <si>
    <t>b'\x0fx\xcb\xc5T27")l\xcaV\xbd52\x8a\xcbt\xb5\xc5\xb8\x92f\x7fg\x85\xac\xb9{\x83\x1b#'</t>
  </si>
  <si>
    <t>b'\x8bBw\xa3\x10\r\xa2\xca\x86zq\xd7k\xf7\xfe}\x9e\xeeL\xe5.q\xae\xb4\xf6\x8b \xa4 \xc1\xb1L'</t>
  </si>
  <si>
    <t>b'F_\x18\x14\xdf\x85QD\x15\xfb{=\xf9\xfd\x9d\x82\xa91)\x8c\x85\x84\xbbT\xed&amp;&gt;\x8a\xa4u\x08\n'</t>
  </si>
  <si>
    <t>b'\xde.~,\xf4.t\x18\xe7\xd3\x98g3l\xd9\xa1\xdb\x80\x84$\'{\xf1\x1f\xca;\xb1\x18\xd8\xdc"\xc2'</t>
  </si>
  <si>
    <t>b'\xfb\xc1\xed\xfc\x13\xb2eE\x16\xe34\xcex\x02["jW\xe8hx\x08\xf3\xf9=\xc2i\x9fb\xcc\x0c\xcb'</t>
  </si>
  <si>
    <t>b'H{M\x05\x9d\xf7\x0c$U#S\x9d\xe9\xcb_\xb2\x1c\xe3\x1e*\xe4\xb4\xdf" Z\xad\xc0\x92\x8c\xfa\xaf'</t>
  </si>
  <si>
    <t>b'O;)7r\xc9\xdc\xa0OV@\xd2\xe2\xc1S)0\xb9\xde\xc1&lt;?\x17\xdem68\xe0\xf4\xae\x14\x0c'</t>
  </si>
  <si>
    <t>b'\xb9Q\xb0\x8d\x8b\xaat\x0c2\xc1\x94\xf7\xb9\xbf\xbf\xdd\x0b\xed\r\xb5\xf3\x87\xe5\xa9\x0e\x08\x1b\xaf^\xb8\xd2\x86'</t>
  </si>
  <si>
    <t>b'\x97\\4\xc3a\xfd\xef\x97;\xf4\xf6\x8f\xc1g\xcf\x00=d~\xc3\x032\xb6\x14\xa8\x82\x8f\xe8\x0f\xd4\xc8\xbc'</t>
  </si>
  <si>
    <t>b'\xd6\xe3\xf3\xde\xda\xd7\xf5d\xe4U\x8b\x1d\xa1\xac\xb0BD\r\xe3\x01\x0b\x90w\xb3e\x9e(\xdf\xb8\x19\x93\x8e'</t>
  </si>
  <si>
    <t>b'w\xa26\xd8\x8b\x12\xb1\xf4\xbez\x1c\r/\xecR9\xc9A\x85\x86\x98\xed\xe4%#\xaa\x97\xb6\xed\xac\x9e\x8e'</t>
  </si>
  <si>
    <t>b'%\xcb\x06\xc4\xf4\xee\xae\xea\xf5/\x93\xad\xbb\xd7M\x90\xf9\x8aY\xea\xce\xbdU\xe9uf\xdd\xf4\xce8g\xab'</t>
  </si>
  <si>
    <t>b'\xce\xc1\xeb\x16\xd4\x15\xac\x1fj\xe46\xa3|\x89\xb7\xf6\xf3\xd9\x12D\x1e\x11X[\xcf\x19\xe2\x0c\xdc^7\r'</t>
  </si>
  <si>
    <t>b'v\xc4\xc0\x87\xb5\xd0\xdf_pP\xb9\x16B:\x9a\xff\xf2\x1a\x1b&amp;\x9c\x94u\x15\xd5\xdd\xc80\xd9\xc2\xcd+'</t>
  </si>
  <si>
    <t>b'\xb499\x91V\x1f\xe6\xfen\x9a\xe75\x904L\x18?\xd1\x9dD$\xbc\xc6?\x86e\x84\xb7\x82\xc5\x95s'</t>
  </si>
  <si>
    <t>b'\xd4\x1dA\xb79\xa4\x10\x13\xf0\xa2\xe6\xdbvM\x0c\xac\xf5\xd6\xac\x0eE]W\xef\x06\xdc\x18\xdb\xf4Y\xe8\xd1'</t>
  </si>
  <si>
    <t>b'\xbd\xd2\x14\x1f\xb5\x07\xc6\x0b|\x19\xef\xc0&lt;-\x1f_$\x9a%\x9b9\xf6\xfc3\xd6\xef\xcf\x9f\xaeR\xff\x9d'</t>
  </si>
  <si>
    <t>b'\x11&lt;/\xd7\x82\xcc\x8b\x80\x8b=\\Z\x1b4\x99\xdb\xff\x1eB\xeb\xe0\x9bZ\xce\x95\xc0#"\x8f\xe5(\x85'</t>
  </si>
  <si>
    <t>b'\xe1\x00\xfd\xb6WM$\rA\xad"\xf1\xa5p\xd0\xdaJvZ\xaaA\x7f\xdc\x1c\xc3\xdb\x99\xd6\xa8\x1d\xe9T'</t>
  </si>
  <si>
    <t>b"\x12Hh\xd8\x83\xd4f\x98\x18WT\xd5i'_SC\x1f\x96\xf9E\x83|\x9dY2\xc02iS\xf3\xc2"</t>
  </si>
  <si>
    <t>b'm\xac\xceFZpH\x04\xae\x99\x1fPC\xben\xf12\xee\xdaf2\x1d\xe2`\\\xba\x06|+\x11\x00\xc5'</t>
  </si>
  <si>
    <t>b'z\xa2\xae(\x9a\x94\xbc\x8a\x12\xc9\xd6rd\xd600A\x98\x1c\x19\xd4?\x16\xb0\x89S\xe3\x1dP\x19\xbd\x14'</t>
  </si>
  <si>
    <t>b'\xc5\x02\xbfU\xeb\x7f.\xac\xf4\x9dO\n\n\xac\xe6K\x15\xc8\x06\x84\xf7&amp;\x9a\xdd\xe4\xed\xd3\xd98\xe5\x07\xf6'</t>
  </si>
  <si>
    <t>b'\xb9\xab\r\xc2\xf7\xe7%\xeb\xbc\xcd\xd6`V\x82-z\xe2:t\x91*t*\x0b\x17\xd4\xea\xedz\x93\xaa\xae'</t>
  </si>
  <si>
    <t>b'\xcaY\xb6\x7f-\xff_\xf8E\xd4\x9b\x9a\x17b~\x90\xdc\x9d\xa1o\xf6\xfeV\xc78f\xdf\xd8\x8b\x1b\x11\xad'</t>
  </si>
  <si>
    <t>b'\xbd\xc4,\xf3\xfe\x9d,vE\xba\x00K\x1a\xcc\xd5\xdbI+\x0f+\xfa#\xe2\x19\xee\xa6\x98\xf2\xe8\xb0\x03o'</t>
  </si>
  <si>
    <t>b'PL\x0e]w&gt;B\x90\x15\xbe\x14Q\x93r\xbcd\xcf\x85\x83J\xed3\x0bV\x9a\xf6L\xe0\x11\xe2G,'</t>
  </si>
  <si>
    <t>b"\x8fV\xd6\xbd&lt;X\xec\xc7=\x11\xd2\xc3\xc8a\xfe\xdf\xff\xee\x82\xbe0\xa6O\x1f\xa2\xfd=\xba`\xca'\xb9"</t>
  </si>
  <si>
    <t>b'\x93)P\xe7\xdb\xd6\xb6\x95\xd0\xfd&gt;Ou\xb3`\x9as&gt;\x986\x988\xe9\xaaP\xf2\xb8\xd41\xfb\x7f\x00'</t>
  </si>
  <si>
    <t>b'\x10\x91&lt;\xe6\xaf\x9a\xaa\xef\x08\xb7\x1cc~\xb6\x92)k\x07,\x0fi \xc3x\xba\xd0\xf4I\xef\xd67A'</t>
  </si>
  <si>
    <t>b'\xaap\xf4\xb0\x8ctk\xc9\x0f\xbcJi\xccy[\xb6\xdcu\x96\xb3`\xd6\xa6\xd5\xba\xa9\xfa\xc8\x9a\x87\xed\xbd'</t>
  </si>
  <si>
    <t>b'\xa4|jeq\x9b\x9fmN\xab4\nq3G\xf8P)=VtQn\x14\xf7\x04\x0c\xd3\xa8\xe1;\x83'</t>
  </si>
  <si>
    <t>b'a\x80C^\x1b?%\xe6\x0b/$C\xe0\x8a+E\x1b\xb5\x06+\xeb\xb0\xbb\xe3.\xc0\xb2\x1d\x96\x9a\xea\xfa'</t>
  </si>
  <si>
    <t>b'S\xbdB\x95\x99w\x1f\x06P\x87JJ}(Fx\xad\x98;\xc5\xa0\xfbH\xa9\xceR\xa2I}\x0e&amp;\x94'</t>
  </si>
  <si>
    <t>b'\xf6(g\x13\xdf\xb1\xb0Xf(\x14}/3\x13\xf3-\x14XEp\xf3\x10\xb8C\x83\x91\xaer\x85\x82\xe5'</t>
  </si>
  <si>
    <t>b'\xa1\x00 #i\xf9\x82\xb5\xbc\xf4\xf0\xaf\xefr\x92&amp;`\xf8\xa8\xaa\xe7\xfc;\xe6\xa9E\x12)\xdb3x$'</t>
  </si>
  <si>
    <t>b'AR\xe2W\x17_\xc5\x0eGb\x82\x9b\x0f\xe2\xf7\xce\xac\xa2\xd3\xdd\xf6\x94\r`F6\x00\xf2+\xb0\x1b-'</t>
  </si>
  <si>
    <t>b'\xec\xf3(\xdb\xf2i%|}\xd9\x17\xfbL\xc0\xf7e\xfdl\xc3\xa8\xd8\x97\xcbL}\xa7\xd8`\xceE(\x18'</t>
  </si>
  <si>
    <t>b'D\xf8&gt;\xf7\xd2\t;\x0eb\xb9\x00C\xb4\x99^\xf3\xb7yGP\xf0\x19\xe5#u?:5\xa7SY|'</t>
  </si>
  <si>
    <t>b"\x7f\x8d\x0e\xcc'kk\xb5\xb7\x81U1\xd1&amp;U\x1eS\xa5\xff8\x11\xcbT\xebs\xf7\x97\x9f\xf1J\x19\x08"</t>
  </si>
  <si>
    <t>b'A\xaf\xb6$\x86\x90lRQy\xee\xeeL\x9b\x8d\x91\x1f)\xe0:\xb8\xe0CS\xbb\xe0\xc1\xb0\xd2AL\x02'</t>
  </si>
  <si>
    <t>b'a4\xc8+\xaf\x91\x95r\xc3\xab&lt;\xb2\xbf\x98\x8c@\xad\xc8\xebcn5z\xf7c\xc8O\x81\x973q\xe7'</t>
  </si>
  <si>
    <t>b'\xf1\x9c\x9d\x04*56\\\xb39\xaf.\x0e\x1ci\xa6\x0f\x84\xfa\x13\xd0\x93 \xc9\x0b\xf2\x8c\x926/\x8d\x1c'</t>
  </si>
  <si>
    <t>b'\x98C\x8e\xd7\xbf?@2x\xb6\x90\xc4\x91{Ms\x9a\xdc;\x11SK\x04%UqC\x10\xa2\x9a\xcf&amp;'</t>
  </si>
  <si>
    <t>b'\x01\xd5\xc3`\xc1\xe8\xf2\n\x14\x8aG\x97\xb6S\x0c\xf4=\xa2\x0fW\xe4\x0c*\t!+\x87\x1a\x02\x80\x19\x89'</t>
  </si>
  <si>
    <t>b'\xc0_/F\xbc\xf7\xd3\xe6\x86F\xa6\xe5\x07:\xd3e\xf7\x16\xa7\xbd\xb8\xfc\x98 \x17\x86\xd0\x13 \x8a\xf8Q'</t>
  </si>
  <si>
    <t>b'U\x1eW\xcaq\x00\xe7\xc6\xaf\xb8\x0b\x85\xb1MC\xf2\xb49\xaa)#;\x10\xbc\xed\xce\x1e\xb8\xd0\xfa\x19P'</t>
  </si>
  <si>
    <t>b'0I1=\xea\xd4u!\xfd\x11\x1fud\x1b&gt;S =\x0ez,\xc5\x17o;\xa8\xa8\xc9\xcf^\x1a\xee'</t>
  </si>
  <si>
    <t>b"\x93\xcd\xe6\xd0\x8f\xf4\\\x8d\xdb\x1a\t\x87\x97S#\xf5@\r\x1a\x83ZE'\x10.:\xff\x82\xba\x0b\xa8\xc3"</t>
  </si>
  <si>
    <t>b'\xab2HK\xf3\xef\xb4\xcf"S_6\xe0\xb4=\xab-r\xba\x80\xbd\xeb\xb8\xbe\xa0\xc4\xe2{\xfb\x98\x94&lt;'</t>
  </si>
  <si>
    <t>b'\xd1\xbe\x94\xedVL\x12\x13V\xa3\xdbunn\xf4\xec\x15\x0768?7$\x0fmf\x9d\x0cjN\xff\xdf'</t>
  </si>
  <si>
    <t>b'~\xb0\xb3k+\x1a\x99\xdcy\xe1E\x90\x13\x86\xd7\xb2Td\x87\xee\x06m\xc0n_\x13\xca\xdby\xff\xdbL'</t>
  </si>
  <si>
    <t>b'K\xef\t\x19\xaa\xc7h\x0c\x17lxg\x17\x9bJj\xb6,\xb4\x19\x96\xcd\xcfc1S\xf3\xde\xcbG\xc7\x15'</t>
  </si>
  <si>
    <t>b'\x03\x8bG\x11\xfa\xd2\xc6H}\xd0\x1c*\xceXY|\xb2\x0b`\xfcO\xad3\xc5\x9f\xa3\xbe\xdf&gt;\x0b=\x9d'</t>
  </si>
  <si>
    <t>b'n\xfd\x96\x84\xab\xc4\x0cD\xa6\xa8\x9d\xfcI&amp;\xcf\xf70j\xec\x84v\x12N\xe8\xb5\xc35\xc8N\xed\x0e\x00'</t>
  </si>
  <si>
    <t>b'\x9a~U\x1d#\xea\xb1\xa6\xe5\x99%,dD\x88V2\x94\x0e\xb6\x0c\x8f\x8d\x97\xf4byO\x87\xbf?B'</t>
  </si>
  <si>
    <t>b'\xbc\xe7v^\xb2\x93\xecY\x00\xa4\x1a\x84b\xdcC\n\x8b\x98K\xec\xc6\xc1\x07\xd1\xb4\xe0\r\xe6B\x95M\xb0'</t>
  </si>
  <si>
    <t>b'\x96 \x98\xd0C/\xeaFn\x88\x98\x92.&lt;\xaa1\x15&lt;\xd2\xb6S\xacj\xfb\xa8\x03\xd8\x02\xa9\x076\r'</t>
  </si>
  <si>
    <t>b'\xc8\x01\xec\x01\xec\x1a\xfe&gt;\xcf\xf0?^m\xea\xae\xf0\xe2\xcd\xc9\rc7\x9d\xd9\xce\xe4\xff\xaf~\xfb\xed\xfd'</t>
  </si>
  <si>
    <t>b'#"\xf7^t\xe8\xdb\x8a\xc6K\xbd{\x02L\x0cVHh\x8d\x11\xd2\n\\\x8eV\xcf\x9d\xfc\x96c6\xae'</t>
  </si>
  <si>
    <t>b'\xd4\xfcZ\x81\xb10\xd7\xd0d\x8c\x875\x0c4\xf4\xf8\x87W&lt;\xc3p\x88\x88\xc9R\x05\xe3\xa8\x02\xfc\xadQ'</t>
  </si>
  <si>
    <t>b'8\x0b\x02n\x05\xf9\xd5\x9e\xff\xcc-\xdcw\xef\xe0\xd1\x884QK1)E\x0cF\xc0\x9f%\xef\xe3\x8bD'</t>
  </si>
  <si>
    <t>b'\xd4\x0b\xf3\xaf\xd1\xac99\x88;\x90\x91`\x14\xfbo\xc4\xf0\xf2\xcfH\xf5\x93\xdcP\xcd/\x98V\x14\xd1\xc8'</t>
  </si>
  <si>
    <t>b'36\x8bw\x19\xf0s\xae`\x0e% \xdd\xf7^\xd7\xe0\xae\xedm&gt;\x0e\x96q0\xe5\xf9&amp;K\xca\xc5\xba'</t>
  </si>
  <si>
    <t>b'\xde\x11\x8c\xaa5\x8c\xaeM\xa6#\xa2V\xa5\xb5\xb9q\xbb\x953\xa2\x11\xc0f\xb6\x94\x0b\xe4\xd3\xed\x9f{\xe0'</t>
  </si>
  <si>
    <t>b']/\x9f\xec\x87I\xca\xa2=F\x10\xee\x7fh\xf6\x141ek\x82\x82%N\xf6\x8cQ\xcc\x15\xef\xbd\xd3\x08'</t>
  </si>
  <si>
    <t>b'g\xb8J`_\x1f\xd5\xacz\x06\xa1T\xc37\xafAj\x84\xa1V\x1c\xb5\xb7e8\xc1\x84`\xdf_N\xd2'</t>
  </si>
  <si>
    <t>b'\x9eK\x9d\xff?\x0fK\xda\xb9\xae\xf6\xba\xe7\xa2\x8d\n\xd7\xf6\xae\xd4?\xa54\x9c\xaeq\xe9x\xee\x06\xf3\x18'</t>
  </si>
  <si>
    <t>b'\x89\xbbI\x848\xd6Q\x11JX\xe2_x2O{%\x8d\xacR\xe6\xa5@B\xef\x1c#\x9c\n5\x8af'</t>
  </si>
  <si>
    <t>b'&lt;\xf1\x9d\xf0\xb6Bj%e\xe0\x80\r\xd70\\\x12\xa4\x0cN\x05\xc4i\x87b\x8d\xca\x9c\xad\x91\xcb\xdbM'</t>
  </si>
  <si>
    <t>b'\x89\x83\x96?\xd8G\xd2!\x12.[s\xb1\xe2}!\xffeV\x06\xc2\xb8\xe5\xe0\x9e%s \xb1\x13\x10\n'</t>
  </si>
  <si>
    <t>b'D\xfb\x93A\xad\x1f\xd7P^\xacZ\xd1j\x1aP\x02\x1f\x0b[\xe8\xc2\xedVI\xc1\x8f\xeeYq\xcd`\xed'</t>
  </si>
  <si>
    <t>b'X\xbc{\xed\xd9r\x9b\xc0\xdaF\xc3i\xec\xc8\xd5\xae\xa37\xbe\xf2A\x97/;\xfd\xef;Fx\x99\xe2\xd5'</t>
  </si>
  <si>
    <t>b"\xf3N\xd9\xd6\x7f\x162\x93\x189\xd2g\xf5\xf1\x93!'8\xf0v\xa3\x05T\xcb\xf42\x05\xf6\xbcVT\xf0"</t>
  </si>
  <si>
    <t>b'\xdb\xb2Mq\xebU$\x0c\xd1Y\xef\x0e\xac@Y\x7f\xaa.\x8e\x81\x19aB\xc8%\x9aG\xb1\xa8\x1c\xd7\xa2'</t>
  </si>
  <si>
    <t>b'\xfa\x9f^\xc0\\\x14\xdd\x06\xdfF\xe0\x7f\xe1+9D7\xcc\xa7\x02\xeaj\xb0\x8eq\xa5\xa7\xe3\x05\xc3\x98\x91'</t>
  </si>
  <si>
    <t>b'\xcc\x1dE\x17\x91\x04\x88\xd0`\xf4G#\xfa\x85\x0cM8\\\xa3\xbb\xcd\xf3DDf{U\xf0Hi*\xcc'</t>
  </si>
  <si>
    <t>b'\xc5D\x98\xc0\x84\x1fQ`\xc2\xeb\xc8\xc2G6\xd8^:\x84\xc4\xc4@an3\xc8\\\xc1\xe4_\xc4\xa8\x9b'</t>
  </si>
  <si>
    <t>b'\x04f\x91u\xae\xca:_0\x08\xdd|\xc7\rK\x16\xdf\x94\xd6Q\xc7\x90w\n\x10\xab\x89\x83Jm[\x07'</t>
  </si>
  <si>
    <t>b'\x18\xabww\x17\x8cv\x05\x17\x9e.\xc7\xdf\xa5)\x02\xaf\xabd\x88\x86\r\\\xb2\x9bh|\x1d\x9fz\xa09'</t>
  </si>
  <si>
    <t>b'J2:\x14\xb8\xdc\x81\x0e\x84\x00kX\xd3L\xbd\xc8d\xd9k\xc4}\x0cx&gt;\x01\xe1\x8erpcb\xc9'</t>
  </si>
  <si>
    <t>b'6\x06\x10\x0eIE\xec:\x1a\xc0;\xda:wK\n\x8b\xf6\xf5\x13N\xf6h\xfcU\x88\x87\xf3\x8a\xea\xbd\xc9'</t>
  </si>
  <si>
    <t>b'\x9c(\xc5\xe7ej\x8d\xe4e\xfd\xfb\xb1\x93/;\x1bp\x88m\x9f\x81\x11~\tF\xae\x8a[2.\xd1\xe1'</t>
  </si>
  <si>
    <t>b'\xd3\xf3R\xaf\xaey\x91\xd1\x8e\xb4\xb6Id)\xde\x1e\xe7\xda\xb8f\xf0\xe6\xa5XEM^\x80%\xf2C\x05'</t>
  </si>
  <si>
    <t>b'\x16y\x0f}\xd97\r\xbbnT \xb5\xd0\xbc\x8d\x0fp\xa0\x1a[k\x05o\xca\xd2wo\xc6\xdf\x81u\x9e'</t>
  </si>
  <si>
    <t>b'q\xa0\xe4\xb2\xf2\xf59\xaa(\xf1\x17k\xc7^\xde\x0c\xeb[4:\x910\xf0\xbc\x060\xabi,\xa0{\xc1'</t>
  </si>
  <si>
    <t>b'\xc4"\xcc\x83%\x84\x13\xa2\x15\xd1YR+J\xa0\xcf\'\x92\xf2\x9e\x00J\xf3\xdc\xae\xe3(ty\x15\xe1\xfc'</t>
  </si>
  <si>
    <t>b'\xc0r\xdbJ\x06v^&lt;\xb1*\xc0\xe5\xd8\xea\xad\x1buc\x02\x10\xe4\x8f\xe8P_\x04\xf2\xf5\xf2\x8d\xef\xbd'</t>
  </si>
  <si>
    <t>b'a\xd3n\xe8\x8b \xb6\x8c\xa9\xe1\x19\xbf\xd3\xde\x1d\xa2\x04@\x84\xbd\x19\xdf$E\xc69\x1f\t\xef\xf2\xa8$'</t>
  </si>
  <si>
    <t>b'\xbb\xe7\xd5\x95K\xcc\x06\x8a&lt;M\x8e\x88We_\xb7\xa6"\x0eRh;\xdd\x00\x13\x1e\xa8\xab\xc7p\x01\x92'</t>
  </si>
  <si>
    <t>b'\x97\xe6:\xe43\x97n\x9dWT\x95\x9b\xf0k0\xed\xf0(\x1b`4O\xdb\xd8\xcd\xdd\x84\xf0.\x17\xa3\x9d'</t>
  </si>
  <si>
    <t>b'\x98\x1c\xc2\x0ckn\xaa\xc1L\xf5\xe9\x0f^\x17\x0bj\xe0x"\x8e\x80\xdd\xe8s)z\x1f\x12|v\x11\x08'</t>
  </si>
  <si>
    <t>b'\x99\x87\xb9\xbfP\x82\xa8|\xb0\xdc\xa3\xaa:Q8\x85\x87V\xa98\xa0\x8b\x90\xbcv\x81Mm\xe7\xb2\x03g'</t>
  </si>
  <si>
    <t>b'\x9e\xb5\xb5*\xe8\xbd`H\x19\xfc|\xb5kJ\x15\xc0\xdb\xf3X\x14\x82\xbb\x15\xd2M\xa8\x95&amp;\xdb\xfc\xdd\xf8'</t>
  </si>
  <si>
    <t>b'\xbc\xc6\x80;\xa0\xcfs\t\xd1K*\x88\x1f\xf4\xf2{\xe2\xb9OZ\xac@\xf9\xfc\npg\xbd\x00u\xc9\x90'</t>
  </si>
  <si>
    <t>b'{\xc8\xf9\xdb\xb3r\x8f\xad0\x8e\x95\xca\x99K\xa7\xcf6\xa6\xba\xb6\x1d\t\xd7\x82\x12\x90\xa9\x1b\xf2\xb1\x81U'</t>
  </si>
  <si>
    <t>b'\x92\x08\xd7\xb3\xc3\x1e\xc1\x00;h%*s\x14\xfb\xa4W\xbeF\x87c\x95\xe2?\xb5\xd5\x02{\x85\xdcZ\x11'</t>
  </si>
  <si>
    <t>b'L\x1c\x9e=W\xad#\x1a\xd6\xd7V\x07\x9c\x12\x0bq\x00?\x86\xee\x1a\x1c\xbbf\x1b\x98\x83S\x07\xf9!\xb0'</t>
  </si>
  <si>
    <t>b'\xbe\xb4\x7f:\xdf\xe4kgQ\x18\t3\xfc\x1c(CcyK\xe9F|$D$m\xde\x0c\x01L\x8a8'</t>
  </si>
  <si>
    <t>b'A\xf6\xc1\xa0t3\xcfx\xcd\xa8\t\xa3\xa8\xedF\xf7p\xe0\xe9b^h\x19\x1b\x9cQ\x92\x85\x0ej\xc5\xca'</t>
  </si>
  <si>
    <t>b'\x1dQz{$\xb2\xef\xec\xf1\xc4\xc6A\x91\xf8\xc0\xa6Q\x06\x15\xa2\xfc\x16Q\xda+\xcd\x05\xe2\xf5F\xc4\xa0'</t>
  </si>
  <si>
    <t>b'\x8b2\x9e\xfd\xa2\xdb\xb1Q3\xa9\n\x97\xe4}L\xae*\xfe8\xfe\xd9\x9a\x8dL\xcb\x1c\x04r\xbc\x8a\rY'</t>
  </si>
  <si>
    <t>b'/q\\VP\xfc${]\xcd\xac\x87\xed\x9ey\x97\xfa\xdb\xfbF\x0c\xee\xe0\x81\xae\x14K\x1cy\xc3\xff\x00'</t>
  </si>
  <si>
    <t>b'XH\xb8{\x1f\xf2x\xde6\x9a\x17\x82\xa3\xd5\xdd0\xf3\r\x00\xa8J\xc8\x16\xe8@\xb2\xc5\x07{\x0f\xe4\xaf'</t>
  </si>
  <si>
    <t>b'\xd6A\xf9L\xb51H$\x83\xcbZ\xdd\x93\xb4\xf4\x9d\xf4?\x87\xae\x91\x1c\xab\xd0\x9fcN\x0c\xed\xf0\x10\xa3'</t>
  </si>
  <si>
    <t>b'\xfeV*\xef\x8d-\xd2g\xd1}\x11\r\xce\xf9\xc9\xb8\xef-^\x86\xa9\xc8q\xd5\x13\x14\x14;\x0b\xb8\x08\xcb'</t>
  </si>
  <si>
    <t>b'i\x93E\xfc\xe6t\xb9\x89\xc3\x9b\x04a\x16\x82\xe8\x9b\xa8\xea:]e\xef\xe2\x15#\xdev_\xfe\xc8\xeb\xbe'</t>
  </si>
  <si>
    <t>b'\xa57\x00\xc5\xa1s\xc7\xa9\xf8\x93a.\x85\x1f\xc9\x0c\xcc\x00\xb8+\xd8S\x10)zt\xc7o\xb5W\xc4a'</t>
  </si>
  <si>
    <t>b'\x88\xf5u\x82\x81\xf2\x00F\xfe\x9c3\xb6G\xf1\x824*Z\x19\x9c\xfc\xcb\xfc\xc6r8\x92\x8dA\xc69Y'</t>
  </si>
  <si>
    <t>b"\xb3\x9b\xd0\x8c\xff0K]E\xf7\xdcpdD\xa0\xc8'\xd0\xa6\xf2\x1f\x9d\x98M\xbf\xa2\xfd\xd7\x1c_&gt;\x1a"</t>
  </si>
  <si>
    <t>b'\x92t\xfb\xba\x1a\xd1\x88&amp;\xdaC\x81\x1e\xa5\xa2\xf8\xff\x1c\xd84\x99\xffY?L\x9a\x14\x11b\xc9\x06\xc1\x80'</t>
  </si>
  <si>
    <t>b'\xe1\xc7c\xb3\xe0\xd0\xdd\xfe:jD\xefQA\x9cS\xfe\xcf*d4t\xed\xb3\xd5\xc8+Ny\x17\x0c\xca'</t>
  </si>
  <si>
    <t>b'-\x1fz\rP\x98\x13\x04\xb8\xc7\xb3\xef\x94\xf6\xa6\xf3\x86`\x95E\xad\xc6\xd6\xa9\xb9e\xebP\x8e\x88x\xd3'</t>
  </si>
  <si>
    <t>b'\\\x16maA\x0b\xd6\xc1\x0e\x0c\xa9n\xd2\xad\xd4\xe8@#\x19)\xf7?\x98\xfb\xda\xb5\x12\x9f\x15t\x95y'</t>
  </si>
  <si>
    <t>b'\xff)8\xf6\xf5\xe8\xbb\xa3\x93\xe7\xa0C\xfckO.\xc1\xbd}\xe7\xd59\x18U\xa0l&gt;(8aG\xc2'</t>
  </si>
  <si>
    <t>b'\xbem\x9b\xbc!\xef\x90\xf8\x19\x94\x0feg\x19\xa0\\\x03\xf0N\xfd\x97\xee\x8a\xee\x9d\xe2\xc7\xf0?\xc3\x83\xa4'</t>
  </si>
  <si>
    <t>b'~\xf6\x8d\x91h\x9e\xe3\x00I\xe2Y\xf3\x07\xb3\xd2\xd5E\x05\xbe\xb49\xd6\x93\x8em\xb8\xa1\x99\xae5\xcf\xd4'</t>
  </si>
  <si>
    <t>b'\xa1\xc3\xb8\xfb\x1e\x8e\x92\xd4!s\x9d\xce\x04\xe6\x88&gt;\xf9+\xe3\x04\x8c\x90\x9d\xcaA\xe56]\x96\xa93\xca'</t>
  </si>
  <si>
    <t>b'\x8e\xd6\x00\xa9qug\x97\x99\xb1\x8b\xe2\x89\x99\xf1\xd3\xe4+n\xce\x03\x8cz\r#$\xf2\xd5\x03\x9e\x922'</t>
  </si>
  <si>
    <t>b'\xaa\xbb\xd0\xdb\xea\x0c\x1f\x15\xecW\xeb\xea\x80-\x94\x16bE\xd3e,\x97\xd2\x06d!\x1c\x14{\xe2\x7f\xc2'</t>
  </si>
  <si>
    <t>b'\xec\x18\xef\xb5O\x19\xfd\x07V\xcawq\xd1\xdc\xa8\x95Q&lt;IW.}*\xba\xd5\x16\x8f\x0b/6|Q'</t>
  </si>
  <si>
    <t>b'\x1e\xf1}\x9a\x9f\x88\xd3w\xdb\xb9\x183\x7f\xf8\xb1|\xc8\xbb\xeev8\xcd\xb1b\xacd&amp;&gt;\xd9\x9f"\x1c'</t>
  </si>
  <si>
    <t>b'j%\xb5C\x9bV\xe3\xabG\x05\xa7\xf8\x06\xc0\xf2\xcb\xd2\x85\x81b\x96Sk\n\xbe\x1c\x84\xb6\x19r}\xe1'</t>
  </si>
  <si>
    <t>b'\xe2\x10L\x13G"\xa8\xd5X\xbe\xaa\xcc\xb8b\x13G\'\xb5O\xca\xc1\x19fO\xcd\x15-~\xf4\xe5\xfa\x85'</t>
  </si>
  <si>
    <t>b'\xb2\xecv[\xea)V=w\xf6\xf7\x8b\x19\x0f\xaeO&gt;\xcb\n\xb4t\xe9v\xa1\xcc\xbb\x9e\x0e\x0f\x9an+'</t>
  </si>
  <si>
    <t>b"pD\x1f\xcf\x9b\x94\xb0\xc6\xady\xe4'T\xf9\x0c\x83g\xa9\xb1NM\xb0\x07\xd5\xf4\x15\x9e^m\xf4q\xfe"</t>
  </si>
  <si>
    <t>b"\xdeR\x0b1\xbe%.J\xaa\xcf\x1e\x14\x1a2+@\x83\xff\xc0T\xc2,\x82&lt;'6F\x05\n\x08q\x89"</t>
  </si>
  <si>
    <t>b'\xb8\xcf4\n\x9e\x1f\x99\x98\x8c4\xd2\xb0y*A\x1e\xf3w\xdd\x12\x94\xc7\xb9\t\xe1\xad\xf4)"E\x92`'</t>
  </si>
  <si>
    <t>b'n\xef=\xdb\tQJ#\xbf\x94:\xc2\xa5\x9a\x8a\x93\x02\x07nuT\xce\x141\x10\xe4\xedT\x9a\x13{\xec'</t>
  </si>
  <si>
    <t>b'4z1\x05\xbdWZzDf\x83BQ\x85e\x8c\xc8l\xc1&amp;\x94\xb8\xf9\xce^+\x83\x1acC=\xf4'</t>
  </si>
  <si>
    <t>b'\x12\xc4\xe7&lt;A\xf5~\xadYa\x10[\x01s}g:b\\.\x06\x1aN\xd7\xfb[!\x98\xa0&amp;\xca{'</t>
  </si>
  <si>
    <t>b'\x9b\xa8\xbf\xd4"[lk\xda\x9d#\x10\x98\xdf\xd1.\xb9\x81\x00 \x0c\x017\xe2\xedd\n\x89s@\x80\xb4'</t>
  </si>
  <si>
    <t>b'\xca\x0e16\xae\xc4\xcc\xcf\x0f\xcb\x828\xaa\xbf-\x05?\x016\xd1\xb9\x92\x9d\x13\xe3m0\xbdh\x86^\x8c'</t>
  </si>
  <si>
    <t>b'\xe9\xb9\x05\xea\x88a\xa2\x1a\xfeo\x1b\xb5^Q\xd4|O\xef(\xe2\xae/w\x0ewH\xa8\xa3\x11\xed\x0e\xb3'</t>
  </si>
  <si>
    <t>b'\xae\xd1\x075g\xfesS\xc6\xc4\x99\x12\x9a+\x90x8go\xf2\x893\xb9\x93Sm\xe2I\xa6\x9c\xecF'</t>
  </si>
  <si>
    <t>b'\x1f\x00f.)\r$\x06\xee\xc86\x15\x97s\xb5\x1d\xaa{Z\xa8k{4\xab\x85\x9e\xd0\xf1C\x8d\xd6\xbe'</t>
  </si>
  <si>
    <t>b'z\xf2\xaf\xe8\x8cK[?-\xea\xda\x929/\x9e\x15\xe1\xfaw=\x1ce\xc0p\x84\xe8G\xfc\xfa\x18\xc4\x89'</t>
  </si>
  <si>
    <t>b'\xe9\xb6\xa4\xa86\x97C=\xcf\x97c)\xa8\xb7\xf7\xa9L\xd0\x1d7\xe6\xfbu\xae2\xf2D\xb0\xdcO\x8a\x06'</t>
  </si>
  <si>
    <t>b'\xc7t\xccfe\x16X\x9b\xb7A\x07#IG\n\x92\x0f\xf1\xb7o\xc4\x9c\xa2\xa0\x0cB\xf3\xfe{fQC'</t>
  </si>
  <si>
    <t>b'\x1f\xacO\xdc2\xe9ngL\xeaP\xa0\x1c4;\xa8;)\x7f&lt;\xb7\xeb\xd7\x9b\xe3\xe9\x84y\x064\x85c'</t>
  </si>
  <si>
    <t>b'\xb14`\xc3!\x01`\xb2\r\xca\xfc\x1e\x19\x04c\xc2\xd7\x16 \xce\xdd\x83\xd1\x17e\x0f\xbf&amp;\xb5{\xb7/'</t>
  </si>
  <si>
    <t>b'\xfe\xac\xd0\xb1\x00f/;\x7f\x0b8\xf7o\xc9x\xc8\x94\xbe0\x94\x8c\xf5\xf7\x8f\x83\x935.1\xf5\xe7\xf5'</t>
  </si>
  <si>
    <t>b'\xf5\x99\xc5\x00\xda\xb6nkP\x8b\t\xa9\xa8V\xb2 43^\x87\xbe\xeb\xb6\xb6AC\xb3\x1dV\xe1\xc6/'</t>
  </si>
  <si>
    <t>b'\x1dm\x97\xc2\x9d\x16\xfd\x98U\xc6\xca\xe2\xe1N2\xfa\x13\xf5"\xc0`\xbe\x95\xc5\x04\xefg#\x9fd\xd2\xbd'</t>
  </si>
  <si>
    <t>b"\x89\x02\xcb\n\xf3\xdf\xc3\xf7\xf9\x85\xc2\xc5R\xd3K\x7f\xfc\xe0'\xe1\xbf\xa9\xf2\xb8 \x9b\xfa)T\x8d :"</t>
  </si>
  <si>
    <t>b'\xc1*\x1c\xa3RQ#\x15\x17\x8d\xa0u\xb8\xc2\xd2\x1eCE\xd9\xddj~\xd6Vj\x1c\xc6\x18{8pE'</t>
  </si>
  <si>
    <t>b'd\xfaAMf\x82\x0b\x81\x9dp\xbb\x11\xf7hz$\xee\xd4\x9a\xb0\x86(D\x7f`p}p\x1f\xfb/\x08'</t>
  </si>
  <si>
    <t>b'\xc8\xba@\xa6E\xd5\xbf\x04\xae\x92\x08\x99\xb9H:g\xbe\xbdS4\x81\xb3\xd4\xacZ7\x03\t\xc5t\xd79'</t>
  </si>
  <si>
    <t>b"\x10l\xb0\xbc\xa2\x8a'8\x8czZ\x08\xca\xad\xd2#r\x86_\xd0\xbb\xae\xb9\x83\xcb\xa2\xa4B,\xe9\x14\x80"</t>
  </si>
  <si>
    <t>b'"\x18\xd3/\x96\xaa\x90~&amp;\x1f\x0f\xb0[\xf7t\x05@\xf8\x93\x0e\x1f\xa5I\xa0\xcfy\\\x15#\xa4\xf1\xc1'</t>
  </si>
  <si>
    <t>b'\x16\xd7\xf0gW*\xca?\xb6f\xf2\x14r\xea\x9dB\xe6S\xfe\xf6\xba\x8eA\xd8\x14\xdf\xc4\xfd1l\x92\xeb'</t>
  </si>
  <si>
    <t>b"\xac^\xab\xca\x8e7\x8eE'\x7f\x1aBf-t\x89\xb5\x8bR\x88\xa3(\xfa\xb2ay\xee\xa2\xe0\x85\xd9!"</t>
  </si>
  <si>
    <t>b'x\xcc|\xfc\xe6\xc0w\xe4\xcfe\xd10\xfb\xea\xae\x8b\xd0r\x017\x87M\xfb\xb0\x12N*\x0f?\x08\xd6&amp;'</t>
  </si>
  <si>
    <t>b'\xd5\t\xae8\x97S\xb1?\xa9=\xa5\xdcM\xdd\xab\xb1\xdb\xdd\x0e\xee6\xb8\x95\x91\xea\xebM\xe1\x85\xdb\x13\n'</t>
  </si>
  <si>
    <t>b'\xfa\xf3\xb4\x14\xda-|L\x17hee:\x81\x8f\x84\xdaoZ\xeb4\xad\x19a\x85\x03{\xe0\xed\xcc\x9d\xb5'</t>
  </si>
  <si>
    <t>b'\xad\t\xb8h\xd0\xde\x17\xd6b\xa6R\xf7i\x94V\xac\x95\x8a,3\xacg!;x \xa9\xd7\xa0\xedV\xf0'</t>
  </si>
  <si>
    <t>b'\xc4\x97\xb5\xb0\n\x84\x11\xf1\xd5\\\x1ex\xe2wZ\x05r0I\xd2\xfb\x98\x8b4\xb2O\xe9\x7f\xf5eB\x87'</t>
  </si>
  <si>
    <t>b'c\xb6\xad\x89&amp;G2\x94\x84\x08I\xe1\xa7&amp;\x82\xf6\xd5\xb9s\x8f1_\xa4nU/\xd8L\xf226\x8d'</t>
  </si>
  <si>
    <t>b'\t\x89\x9f\xefQ\xd8D\xbc\x99w\x8a]\xd2\xea\xbd\x94\x03\x05\xf6\xad\xf2]\xb3\x99\xe8k\xbcEP\xe8\xc6\x1e'</t>
  </si>
  <si>
    <t>b'\x0en\xee\x86\xd1;\xcf\xc2\xff\x7f\x82\xf5*J\xe7\xf8\x90\xd3\x15\xc3\x7fY\x80\x07&gt;S\x02\xe4V6z\xe0'</t>
  </si>
  <si>
    <t>b'b\xad\xf4\x0eq\xce\xfd0 \xe9\xac\xf2\xbc\xa6\xd9\xa5\xec\x1cQ\x06"9\xcc\x92^\xca\xcd\x1d\\\xdaI\x9e'</t>
  </si>
  <si>
    <t>b'+\x93\xc8%m\xfa`M\xfbH\xb5\x99\xcb\xde\xd9;\xcb\x9a\x1f\x1fDm\xd9\xb3\x06=\xe5\x83\xe9E\x99\x9e'</t>
  </si>
  <si>
    <t>b'c\xe1\x8f\xf7:n\xb7\xb5;(\x98\x8d&amp;\x17~\xce\xb8\x91K&lt;\xa9\t\xa8\\\xa2\x03&lt;0_\xc0\x14K'</t>
  </si>
  <si>
    <t>b'\x133`\xfa\xaf,\x0cq)\xe6\xd5\xaaQ(\xa0\x95\x9e\x94G\xe2\xa3\x05\x97?\x1a\xd3\x88\xc8U\xd6\x92\x1c'</t>
  </si>
  <si>
    <t>b'*\xff\x0e\xe4k\xacd,N\xe3y5\r\xbcoV\xbc\xc9/\xafq\x18\x07\xb0\x95\xf6\x96c\xf5^\xbbq'</t>
  </si>
  <si>
    <t>b"1\xa6)E\x0bexeW\x80\xb0O\xba\x91G\xc1\x8f\x1fMc\xfc\x91@C\xf7\x16\xd1\x03\xa5'+k"</t>
  </si>
  <si>
    <t>b'\x91B\xd43\x0c4\xfc\x9b\xe0R\x0e\xaa\x8b\xa0|\xab\xee\xf8\xea\xf6\xe4\xff,M&amp;\xec\xb59\x14\xc6\xe6\xfd'</t>
  </si>
  <si>
    <t>b'\xaf(\x17\xc25\xac\x82\xc3\xc3\xe9T&lt;\xfc\x96\xe3\xcf\xec[:&amp;\x8e\xf5\xb4\xcd"R9\xe8\x13\xafx\xd2'</t>
  </si>
  <si>
    <t>b"W\xc0|\x91IM\x06\xa2\x86\x17\xe6\x9a\xd8\xb3d\xa3\xf3\xb0'\x18\xee\xeb\x91\x99\xfd[\x0e\xefs\xbe\xb26"</t>
  </si>
  <si>
    <t>b'\xe1\xf5|\xab\xdf\xae\xe7B\xf7\xcf7Y-Wh\xea\xecf\x1aF\xed\xa1}\xd2\xc4\x9d\xdb\xa0\xcc|\x18='</t>
  </si>
  <si>
    <t>b'\xa9&gt; \x8e\xab\xf9\xa1u\x91\x16\x93\xd8\xf7\ti\xc3"8r\x94\xdd\xed:\x18g\xad6\x82\xbcm\x17\xe8'</t>
  </si>
  <si>
    <t>b'\x10m\xa8\x95\x8f\xb5\xd1\xefB$p\x15N&amp;\x902N\x9a\x11]\xd0\xc7\x9f\x151\x9b\x8c\xb8\x17\xd1\x1e\xac'</t>
  </si>
  <si>
    <t>b"x\xc9\x85\xe7\x89\x19\xf0\xdd\x01P\xc6\xd2v*&lt;\xca\xd1\xe1\xe3\xf4C\x1fg\xd3\xbd\xb1\x9dk'\x87wY"</t>
  </si>
  <si>
    <t>b'\xde\x16]L,l"\xb8\x9d\x83\x0c&gt;\\\x15\xf4\xcdS\xc8\x06\xb2zl7\xc0*YB8\xed\xda\x95i'</t>
  </si>
  <si>
    <t>b'B\xc3\x14\xee\x91\xfb\x0bJ\x0fG\x18\x9d\xe210\x105\xe8M\x9c\xb8W\x00\x97TD\x05sK\xad9\x8e'</t>
  </si>
  <si>
    <t>b'\x9b\x9f\x84*E\x8b\xd9\xa6\x00\xda\tc\x80\xa2~\xb6}:\xef\xe7\xd2f\x8b\xfce\xb3\xa8\xa5\xbaLN\xe2'</t>
  </si>
  <si>
    <t>b'\x15\xca\xb3ZO5[|\xb0v\xa5&amp;\xe8Z\xcck\x9f+\x1e\x81WXS\xf6\xc3\xe2\xdd\xe5\xdd3\xa0k'</t>
  </si>
  <si>
    <t>b'\x99d\xe7\x96V\xfe\xd8u\x9b\x81\xcdm;\x10\xef,&amp;*&gt;k\xff&lt;\xd6\xbfQ\x15\xdd\x9f\x1a7qH'</t>
  </si>
  <si>
    <t>b'\x81\xe4\xa4\x9d\xcd\xda\x98\x97e A^n\xa1s/\xab\x0e\x01)\x1ca\xe6\xdd\xe6\x9a\x08\x9f\x0b\xcaJ\xaa'</t>
  </si>
  <si>
    <t>b'_`\xe5\xd6\x93\x03\xe1\x8e\x9cw\xb7\xb2f\xa3\x95\x0fBl\xc1\x8c\xb4\x96\xec\x97y`\xaa\x01\xff\x1d\n4'</t>
  </si>
  <si>
    <t>b';E3\x8c\xe7\xc2{\x1f\xaaV\xba\x9c\x1a\x83\xfe\x95#\x1d\xb0.\xd5\xeb\x82\xe0\xe1\x00X.\xd7\xfa\xd6\x11'</t>
  </si>
  <si>
    <t>b'\xf1n&gt;\xe9v\xa4v\x13FT`\xbd\x7f\x19\xf7\x96\x94\xaa\x13~6Y\xb6\x14\xd3\x07A,\x88\x06vE'</t>
  </si>
  <si>
    <t>b'\xa1\x8cc`y\x05.\xcc\xd3\xbc\xd2\x97W\xbc\x88?\x0f-\xbd+\x1di\xc7\xce\xa01t:e\x0b\xa5@'</t>
  </si>
  <si>
    <t>b'\x87\xa9\xec\x86\x92\x07Y\x18\x98\x85\xf5\xbb\xfb"is\xaf\x1a\x03v\x87\x10\xdd!\xed\xe3\x9d6^\xb5\xf5Q'</t>
  </si>
  <si>
    <t>b'\xe8m_\xc4\x9dR\xbd\xe3\x18\x16m\xbe\xab\xe8\xe1nj\xe9\xca\x90\xc4\xe4\xb1j\xe80\x92\xb4\xf8\x92\xac\xc9'</t>
  </si>
  <si>
    <t>b's\xc0\xdaT9e\xedY\x94\xa0\xf9\x006\xf4\xbc\x1b\xd2\\^\xfa\x9e\xdb,\x11l-/\xd7FM\xab\xd7'</t>
  </si>
  <si>
    <t>b'"\x84\xb7\n.~\xdd\xe9\x18|\x02\x82 \xfc\xcc\x00\xf8i\x9b;\xf4B&lt;\xa6\x12D\xdd\x0f\x06\x8ei|'</t>
  </si>
  <si>
    <t>b'\xab#\xf0L\x00T\xbf\xb7OZ\xdb\x8b\x017\xb7\x87\x92[J\x0f\xd5\xad9w\xaa\xaf\xffQ\xea?\xb2.'</t>
  </si>
  <si>
    <t>b'/{^O\xf76U)\x93R+\x12\x13\xc3\xc3?\x98\xdd\xcc\xde\x1bJ\x0fB\xf5\x8c]\xe2\x19V\n\xa0'</t>
  </si>
  <si>
    <t>b'\xf3\x04\x87n\x1e8C=\x06\\\x8da\\\x86\xce\xc04\xa6\x02\xe7\x83\r\x17&amp;\x0e\xe8\xe1NR\xac\xdc\xe3'</t>
  </si>
  <si>
    <t>b'\x86\xb9\x11\xdfH\x02\xbfb\xfc\x8b\t\xc7\x8b\x9f\xb6;^\xeb\xd2\x13\xe6\x97)\xa4\x08F?k-\xab\x11\xb9'</t>
  </si>
  <si>
    <t>b'\x9d\xe9\xbc@KZ\xe8\x91\xfb\xe6\x10\xf0\xe9k\x9b\x05\xa8\xf5W^=2\xc3d\x8c\xc8Z&gt;x^\xedp'</t>
  </si>
  <si>
    <t>b'\xe3\xdd\xf90\xe6&gt;\xcc\x06i\xb2\xe7\x93\xd8Z9\xb1\x83\xec\xb8]\xd9s\xdc&lt;\xe8\xec\xfe\x90\x8a\x83\xa5\r'</t>
  </si>
  <si>
    <t>b"\xa6\x91N \x95\xebiU^T'\xad\xfa~jG\x88\\\xf5\xb3\x92(\xeaV\xa7d\x84\x8fh\x00\x16\xe1"</t>
  </si>
  <si>
    <t>b'\xcb8\x96\xe7\xaf\x19@\xc0\x88\xd2%\xd2n\xde\x8b\xdf\x94\xde\xda\xb2u\xc5\xca\x1d\xa3\xc5;\x9dg\xb4\x01\x10'</t>
  </si>
  <si>
    <t>b'\xf8\xb5\xe0\xbb\xe8&amp;-\x12\xe8\x84\xc7\xbf\xa8\x92\xc4\x03S\xf1\x0b\xf1\x16\x11^Cs\x14\xfa\xad7\xb2/\xb1'</t>
  </si>
  <si>
    <t>b'\xcb\xae\xa8\x1c\xd3\x91]q2lr\xc4\xb4\x80\xa4\xe8\xd2{t\x1bq\xa5f\xc7\x92\x9c\xdeK\x9cs\x9aM'</t>
  </si>
  <si>
    <t>b'Z\xeb\xfb)\xdbQ\xc9\x8c\xec|g\x1a\x92\xd1\x06\xd1\x86i!7g\x9b\xe0\xe4\xf1\xffS\x17\xa4\xfdrY'</t>
  </si>
  <si>
    <t>b'k\xf5\xd5\xe1\x9bD\x9d3\xc0\x1f\xbeo\xbf\x913\xed[\xf9\xe9\xa8\x90`6;"\xb5\x90\x03\xaa\xda\xdd@'</t>
  </si>
  <si>
    <t>b'\x84\xe8\xec\xa0\xbf\x89\xa9\xe4\xdaa\x04\x15 \x11\xa1@\xdd\xfa\xb8u\xc1H\xfb\xd4\x84\xe6\x82\xf8\x07\xb87t'</t>
  </si>
  <si>
    <t>b"8\x14_\xd9\x82\xf0\xf0\x7f;\xd4\\\xe9\xeb\xe4lo`\xfd\xd1\xba4#\x01\xf9\r&lt;\x00\xe1e'\xbe\xca"</t>
  </si>
  <si>
    <t>b'\x14\x80\xff\xb1\x98\xb6\xfe\xe9\xd2K\x15\xbdS\xd7;\xc6\xd5\xcc\x1b\x8c\xe1\x90\xdc\xaf\x0c\xea\xe5h\x8c\xb1\xd3\xb8'</t>
  </si>
  <si>
    <t>b'\xc0\xfaI_\xa7+w\xee+\xf6\xd9\x04\x97jMY\x8ey\xfc\x0c;Aa\x07l2\xf3\xbf\xe6b\xac\xa7'</t>
  </si>
  <si>
    <t>b'y\xf6#E\xdf\xca\xaf\x8a\rkK`\x88\x11\xfaBy\x0e\x17b\x8f\x18\xdbq\xd6\x8d\xd8v\x1a\xc60M'</t>
  </si>
  <si>
    <t>b'\xb0\xaf[\x892\x95\xd8\xa9\x01\xfc\xc2\xb4Kp\x15\xb9B\xd7\xebm\xb1\x0e\x85UC\xa7\xbd\xec=\x01a\x86'</t>
  </si>
  <si>
    <t>b'\x1a\x97\xb1"`cC5\x01\x96\xfe\xfc\xfeB=\xb3\x16\xd0\xf0\x9a\x881:c/\x80!\xeb/\xbd\xba\xce'</t>
  </si>
  <si>
    <t>b'\xedl\x11\xff\xb2\xb9\xdf\xbb\x11\xf2k\x90y\xee\x10\xd9\x8e\x10\x02\xa7\xc0\xaf\xf1\x16\x0b\x81\xe3\x11o\x9d\xb1\xb0'</t>
  </si>
  <si>
    <t>b'\x9e-\xc4\xa1\xb1\x9f\x10{B\x12\x81\x00M)-)\xab\x08\x9b\x0c/\x01X+b\xad\xa1B\x97\x15\xfb\xaa'</t>
  </si>
  <si>
    <t>b"\x01\x87\xc2\x8e/RW\x19'@\x94Y)[Z\xbbW\x96\x10X\xd1\x8f\xf0E4h\xdbP`\xaeN@"</t>
  </si>
  <si>
    <t>b'\xdfB\xde\xb4d\x10\x0bp\xbf\xb9n\x95}\xa9c\xe3\xcf\xf3\xac\x80w\x8e#\xffpb\xa3\xbe\xaanhL'</t>
  </si>
  <si>
    <t>b'\xad\xb2dlBX3&lt;\xf5\xea\x1e\x98\x13\xc7`\x85\x01\xc8\xfd\xc0\x8e\xcf\x9e\x9f\x0e\xa7\xe9\xf8\xc1/j\x7f'</t>
  </si>
  <si>
    <t>b'\x92\x84\nY\xc8r\xa9\xbe:=\x01n\xef&gt;\x1eO?\xd4\xbe\x0b\xc4\x06\xe3\xb6\x0fw\x04\x05\xda\x87\x84\xa8'</t>
  </si>
  <si>
    <t>b"0a\xfd\xf8\x99z\xe0Z]m'\x80\x8a\xf8S\xcf\x1c)3\xb2\x84\xff\xfd\x03\xffs4\x130\xae\xfa\xed"</t>
  </si>
  <si>
    <t>b'\xc1a~\x03\xbbMT\x17^\xc8\x94\xf1\xe2\xce\xc1S\x13\xba\x90\xbaML$\xbb\xd1i\x1a\x98\xf7\x99L\xa5'</t>
  </si>
  <si>
    <t>b'N\xb1s/\xe3\x94\xce\x82\xb65\xc3O\xc1\xf2]\xc5\x14\xaa\xc29\xbf\xd5\x87x8c\x98\xecVb~\xf3'</t>
  </si>
  <si>
    <t>b'\xc5\xe0\x1a\x84\xfa\xce\xee\x16\xbb\x89\xf7\x81\xden\xf4E\xa4VdvZ6\x1a\x9dWK\xe9\xaba\xab\rV'</t>
  </si>
  <si>
    <t>b'\xf7n\n"[-\xe3\x8a\x9e\xb2\x92\xd9\x90\xe5|\x99-R\xdbd\x11e\xac\xf2\xf3e\x89\xbf&gt;\xbb\x1d\xc0'</t>
  </si>
  <si>
    <t>b'Ih\x98\x0e\x87\xf2\x88\x03&gt;I\x08\xcewPo#\xfde\xd0n\xe17=\x8d\x9a\x1d\xb5\x01\xa3\x00\xc5\xc8'</t>
  </si>
  <si>
    <t>b'\x86\x803\xacL\x15e"K\\\xe8"\xcd\xf7`\xb0P{\x9e\x15\xd1\xd9\xaaT\xd3Q\x8b\xc7\xba\xf2\x0c\xe0'</t>
  </si>
  <si>
    <t>b'7\xb0\xea\xcd\xc5\x7f-\xac\xbe\x86\x07\x86\x9a\xdf\x0ej\xdebO\xad\xb9t\x13\x98`\xcb^_\xba\x16\x04\x89'</t>
  </si>
  <si>
    <t>b'\x93U5^\xfc\xe7:7)\xdc\x9d\xf03\x06\\u\x9a\x80\x93\xf9\x18v&gt;\xdcU.\xae\xceil\xf2\x96'</t>
  </si>
  <si>
    <t>b'\xb7#\xf4\xd1\x82\x14\x93\xaf\xd7T$\xfd\xcc\xe2\x0b\xc2\x9e\xdf\xd2@{\xb4T\xcc\x93\x1d\x1cA7\xdc\xfe;'</t>
  </si>
  <si>
    <t>b'HO\xf5\xb4\x06\xda\xf7D\xcc\xba)\x88\xd2\x9d\x85\n\xca\xbd\xac\xcf\xeb\xa8\xfe\x08b\x96&lt;\xcb~l9\x11'</t>
  </si>
  <si>
    <t>b'\xce\xb7\xed\xad^\x81\xdb\xdfR\xdf\xcd(\x87.\xd7#r\xe9\xf5Q\xf0\x88zs\xdc8\x1f+\xaa\xf9\x80\xb0'</t>
  </si>
  <si>
    <t>b'aoOG\xf9V\xd1B7%\x128\xcf\xe1#I\x1f+\xd5\x92\xfe\x18\x15\xcc\xcc\xf0\x9dL\x0b\x88xu'</t>
  </si>
  <si>
    <t>b'\x95\xf1C\xdb\x99i\x80\xef\x08\x91\xc7H\x96\xcb\xd3%E\r\xad\x82E\x89m\xd4\xa7\xaf\x12\xb6\n:j\x8d'</t>
  </si>
  <si>
    <t>b'\xcc&gt;Z.\xde\x9a\xcd\x8d\xb2\nc\xedl1l$\x14^\x91\xd6\xddC\xdf\xfe\xees\xa2\x10\xf5\x81\x95\xb1'</t>
  </si>
  <si>
    <t>b'\xab\xeb\x14Nm\xc034\xea\xfb[\x82\xe9!\x91\xc4\x8c\xa9J\xa4\xb4\xd4\xc6?\xb2z\xb1\xca\xa1\xba:\xf2'</t>
  </si>
  <si>
    <t>b'\xe7\x03\x88\xae\xc1\x8b\x98\xafO5\xfb\xfb\r\x03\x0f\xa5\xb66&gt;7\xbd,\xc8\xe8\xf6$\xaa(\x16\np('</t>
  </si>
  <si>
    <t>b'\xfck7\xb9J\x83A\x8ac\xde\x03-\x07\x99l1\xf5\xc0\xaf,\x99\xbdL4\x93\x16\xb2\x91D\x87X\xd8'</t>
  </si>
  <si>
    <t>b'TQ\xbd\x8d\xf4\x11w\xdf\x9f\x9f@$\x960\x1eI\x1d\xa8\xa0Dz\xd8\xa9\xaa\x94\x1d\xc4\x98*\xbe\xb0\\'</t>
  </si>
  <si>
    <t>b'\t_\xb7)\x1a\xfb\xe2\xee\x90\x86\xbb\xcc\xb5Gi\x98\xc8\x86\xb9\xd3\xa4_\xb1g\xe7\xc5\xf0\xf6\xb3^\x19&lt;'</t>
  </si>
  <si>
    <t>b'\x80\xc8\xef\xef\xe3\r\x03\xd6\xe9\x1c\x82*\xc5\xa7a\xcf\x8e&gt;\x13\xdb@n\xe1\xc6xBG\x1fs\x0f\x81\x06'</t>
  </si>
  <si>
    <t>b'\rI\x8c\r\xa8a\xd2%\x93\xd9\xf3,\x07\x19\xcelG`\n\x98k\xf2\xfa\xe7w\x85W\x84{\xf7\x8a\x8b'</t>
  </si>
  <si>
    <t>b'\xeb\xc6c\xa7\xcb5\x81\xdb\x9f\x95\x85\x83\x8b?p+a\x98\x8c\xecJ\x98\xc8\xc9\xfb\xda\xe4q/\xac\xc8\x1f'</t>
  </si>
  <si>
    <t>b'\x99]\xd9\x8d :\xa0\xea\x04\xadQ~\x0c^\xda\xba\xb9\x12v\xac\tgk\xaf\x13N9\xa1\x1dt\xc4\xed'</t>
  </si>
  <si>
    <t>b'\xfb\xda\xfcV\xdaTa\x86\x90%\x1fWm\xefd\xbb\xb5/\xf2e\xb5 r\x08-\xb0 pK4\xba\x15'</t>
  </si>
  <si>
    <t>b'`\xcf\xe7\xabnY$J\xabn\x13\x9e\xd0\xfd\x9a\xd9\x1e\xb4M\xf0t\x95Y\x99\x03E{@\xbd\x12\xd9\x1a'</t>
  </si>
  <si>
    <t>b'\x13\x05\x92e\x8d\x10\xad3\x00\xde\xb3)@\xd7d\x92WS\x158\xb9\xb86G\xa4\xf2\x12\xcd\xf5n\xba)'</t>
  </si>
  <si>
    <t>b'C\xb2\xb3\x19|Jz\x1aIX\x80\x7f\x11\xfb]\x08\x12\xa9&gt;\x0b\x1d\x18\xa4KA\xb0\xc5\x8e:}Z7'</t>
  </si>
  <si>
    <t>b'\xc3dR\xbeN\xaa\x15\xbe_\x18,e\xdd\r\xfbSAIj@\x91]\xef\xacO\xf7+\xf3\x96\x88\xba\xa3'</t>
  </si>
  <si>
    <t>b'\xc5\xd2\\\x88\xf5\x98\xb0\x96kk\xab\xbe/\xcb\xcd\x8b\x0bXlxR\x14\xfb\xee$\xe7\x0e\x86\x9c&amp;&amp;&lt;'</t>
  </si>
  <si>
    <t>b'\xb71\x81\x85\x93\xc6\x7fI\xc5\xd0\xa00\xd4T\x8f\xea\xd1h%;L\x11I-\xbd\x17\xb7D\xe3\xc3\xfde'</t>
  </si>
  <si>
    <t>b'`\xb0\xe7\x1d*\xd6\xd96\xf5\x00\xdb\xcc\xee\x94\x13\x81\x1b\xa4l\x7f\xca]u\x12\x02?^\x97R\xf2K\x18'</t>
  </si>
  <si>
    <t>b".\x92%q\x8e\xb0\xa8eD\xb1\x19?\x16\xc2\xec\nE\xbd\x86\x9d\x0eo\x89'\xe5\x08\xb8Y\xfc\xad9\x99"</t>
  </si>
  <si>
    <t>b':I\x0c\xbdv\xe4x\xc9\xfd\xa9\x199\xb1\xf4*\xcc\xe6\x82\xa8p\xc0\xb3\xcaFB\x9c\xc5N3\x0c&amp;\xbe'</t>
  </si>
  <si>
    <t>b'\xbb=\xe5Q\x8c\tX\xcf\xc6\x838\xca,v\\\xc3\x14Y\xb9\x84\x90\xa4\x0c0\xd9\xbd6\xf5\x1b\x88\xa1|'</t>
  </si>
  <si>
    <t>b'\x03\x99\x08\x10?E\xe7\t\xe4\xdf\xfb\x18\xd5f;\xa9\xc5\xe7\x10\x86 \xdda\x92}\x7f\xb4:\x12\xf3\x18\xe7'</t>
  </si>
  <si>
    <t>b'&lt;;\xf1\xc3p\x93#\xaf\x0f\x9a\xb2\x90\xc6&lt;I\xab\xeb%\x10\x966\x0b\xaa\xf5aGG\x00\r\x175\xff'</t>
  </si>
  <si>
    <t>b'\x8e\x93\xca#\xa6F\x0e\xc1(u\xff\x1dx\xe4y2W]{\x17\xd4\x94\x04I\xc6 \xc4\t\x8c\xf5\xbd\x02'</t>
  </si>
  <si>
    <t>b'\xeb\xac\xde\x92\x97df\xe85\xc9;\xec`\x92:g.I~\x13u\x0c\xf7vE\x89\xc4 \x9cM\xdf?'</t>
  </si>
  <si>
    <t>b'\\\x08\xa7\x1e$\x13\xc7\x9bjur\xdc\x86c\x87\xef+\xb1r\xe5\xf3\xe9\r\x06\xa2\xec\xae\xb9\x9f,\xf3\xb6'</t>
  </si>
  <si>
    <t>b'\xd2kg\xa7\xad\x8c7N"e\x89\x8b\xd0\xe3A\xaf&lt;_l1\x13\xef\xb5{1\xe1oC-\x111\n'</t>
  </si>
  <si>
    <t>b'\xd1\x1f\x14\xfb\xd7z\xd9\x8e01\x06\x01&gt;\xd5$\xc4*d;B\xaf\x87\xc3\xc9d"\xc9\x92I\xdb\x1cl'</t>
  </si>
  <si>
    <t>b'8\x04jd\xf7H\x87{\x7f\xc2\xc2~&amp;\xb3\x1f(\xed!\xc1U\x99\xfeM\x9fi\x92\xa9R\xd8+\x7f\x9a'</t>
  </si>
  <si>
    <t>b'T\x8a\xe5\xbd\x1e~!\x99t\xb5L\x9f\xc3\x80\xd1\x8d\xd2\x87\x1aS\xc0\x94G&gt;&gt;\x18\x10\x90\xc9\xffxr'</t>
  </si>
  <si>
    <t>b'Z\xac\xbd\xd5\x88\xf9\xd3z0\x1075\x96\x96\xe3\xf3\xaf\xb1\x120\xba\x9am\x86*\xae\xf9Y"\xeb\xc7='</t>
  </si>
  <si>
    <t>b'\xef#\xda\x0f\xee\x12!o/\xbd2Y(&lt;%\xbe\x1c\xe86\xf6\xe8\xc9\xf6\\\xff\x81j\xcb\x1e\xa1\xb4\xd9'</t>
  </si>
  <si>
    <t>b'\xa4\x03P\xf0\xba\xbfwb\xb8L\xf9\xd8\xfdt\x87\x1bo\xe0\xf2\xe4\x05\xee\xe8\xd7\xea}z\x1f\x19\xa7\xe1\xe5'</t>
  </si>
  <si>
    <t>b'W8\xf9\xb2\x9b\x01J\xb2\x0e\x9a\xa2\xeaY\x8c\xb4f\x92?P\xd6i_?\x8e\xe5)\x06-\x16~\xf6j'</t>
  </si>
  <si>
    <t>b'\xf4\xd4p\xe7\x1f\x1cG\rz\x8d7\xc9Qj\xebLKT\xa9\xdd\x06b\x9e\xfd\x955\x19\xc0\x0c\x1b\xe7\xf9'</t>
  </si>
  <si>
    <t>b'\xea\xf3?u\x94\x10\x8dp\xd7d\xf0\x8dZ\xef\x8c\x90\xa4\x08\x12\xbci\x02\xd1\xef\x981@\x84\xd92\xdc\xc5'</t>
  </si>
  <si>
    <t>b"0\xc3\xbe'\x9b\r\xf8\xdc;\xe8\x99\xba{\xe0kP\xb76a\x9f\xea\x81B\x86\xbeq\x0b\x9e\x91\xccJ\xad"</t>
  </si>
  <si>
    <t>b'l\xf6^\x96\x06\x10[*\xb13\xc2\xbf\x05\xf4G\x00\xc2\xb1\x97\xcd\nb\x95\x0c\x88`\x8a\xf6\xd6\x17\xdex'</t>
  </si>
  <si>
    <t>b'\x19\xff\xea`\xe0T\xa5\x11\xb6\x94d\xbc\xbb\x9a,\xd4\xa4Cc\x891\x8b\xb2RY\xa8\xafg\x15\xd7\x19\xd4'</t>
  </si>
  <si>
    <t>b'y\x15\xb5\xc0\x8a\xb2\xf2\x88\xceb~\x06W7\x02\x9c\xdf0\xbbj\x15\x96LKz\xf0\xe2\x89\xe3R"U'</t>
  </si>
  <si>
    <t>b'\xcaO\xa8\x9bO\xdev5E\xa1\xd9\xd5r\xc0\x9be\x07{\xaeNt\x10\x871I\x9a5\xebv\xae_\x96'</t>
  </si>
  <si>
    <t>b'\xbe\x942&lt;\xc1\xfd\x81L\x1b0\x84\x82|\xad\x1c\xaf1n\xb1\x85\xbdJ\xfa\xb9d\xf0p\x92\x0b1\x9f\x8c'</t>
  </si>
  <si>
    <t>b'\x0c\xba\xe7\x8f\xc87\xc61\x1a+\xf6\x86\xe0[\x1a\x1eo\xe9\xaa}\xc7Nc\xafl\x01Tl\x9e\xc8\xe0%'</t>
  </si>
  <si>
    <t>b'lH\xe1\xe3d"~\xb0\x15\xd5]M\xac\xa3H\x97t\xaa}\xe75;$?\x04\x91]\x8f\xc5k\xe5\xca'</t>
  </si>
  <si>
    <t>b'\r\xb6\x01s\xb4\xfdE\xa0Z\xa0E\xb0\xb9n\x98\xa1\xc2\x0e\x9a\xe9\xc8\xf0\x13\xcd\x1b\x00\x97\xfe\x7f&lt;f\x19'</t>
  </si>
  <si>
    <t>b'*8\xdb\x85`\xac\x82\xfbV\xae\xda\xcb\xe0D\xc9x\xb2\xbf\xa5L~\xe6\xbaf]f*\x9c\xf7D\x8b\xa4'</t>
  </si>
  <si>
    <t>b'\xebjo\x1d\xf0_\x950o\xb2+\xd0\xcb\x14wb\xf8\xd3x\x84?\xdd9a\xd7\xfc\xf0\xaa\xba\x9b\x03\xb6'</t>
  </si>
  <si>
    <t>b'\xf0&lt;\xbf\x9du\\\xff\xb2A\xd2\xd8\x14\xa6M\x9b0\x91`\xa6\xcae\xaa\x06\x1d\x97\xc40\xc1P\xf3%\x10'</t>
  </si>
  <si>
    <t>b'\xe1\xa7k\xddZ\xb8\x85\x0e\xc1\xa5\xef\x12jj\xe2\xbe\x9c\xbaH\x83\xff.|\x8d|b\xa84\xd7\xa3AW'</t>
  </si>
  <si>
    <t>b'\xc7\xb6{\xbb\x1a6\xfb!\xca\x95L\xc0\x8369\x95\xc6B\xe7\xcb\x83Z\x0e\xe06\x8b\xf5\xf8\x7fO\xe5\x8e'</t>
  </si>
  <si>
    <t>b's\r\xe6\x12\x00*E\xaa\xcd\x93\xad\xa0\xdc\x88y\x81\x9a\xc1\xd3_\xd0\xf5\x82\x16\xa0\xe2r\x0f\x89\xa5s\xbf'</t>
  </si>
  <si>
    <t>b'd\xc0oJ\xb5\xf8D\xa1Y\x9d\x95\x81,%\xa7A\x04"\xd8Q\xec{]!Q\x01\x15i\xeb|\xff:'</t>
  </si>
  <si>
    <t>b'\t\xf0\xb1fF\x8d\xf6B\x1d}8}\xe5\x9fod\x9eFM\xbb\x88\xe1\x13\xbb7\xb0\xa2?\x01W{\x8f'</t>
  </si>
  <si>
    <t>b'\x8dU$?:\x03\x1e/\xa4JY\x0f6p\x12^"\xe6\xe7\xe2W\x1d\x00\rx|Q\x1f0\x17\xdd\xb7'</t>
  </si>
  <si>
    <t>b"P\xc7\xb2\xf3\xa5\x91$Q}\xd1\xf1s,,#\xc9\x11\x08X\xf1\xb1t\x1dW'_\xbc\xdc\x98\xb7\xc4\xd4"</t>
  </si>
  <si>
    <t>b'`\xc5\xcfS\x02\r_\xd3\x8dj\xea^\r\xe4\xc9\xf7\xa6z\xdbr1\xb1\xca\xc5\xfb\xfd\x11\xbdg\x81\x05f'</t>
  </si>
  <si>
    <t>b'\xf6&gt;\xe5\xfb*x*\x14J\xdft\x12\xab\x01\xed\xf8\x81Jq\xa7\\\xcd\x89F\xde\xb4\x8a\xa4\xcdY@7'</t>
  </si>
  <si>
    <t>b'\x1c\x94$\x90\xfa\x8c?\x13\x95\xbd\x9e\xcf\xd8Wq\x80\xe2&lt;\x8e\xed\xd2\x90\x01!\xbb!\xc5,\xeb\x08\\8'</t>
  </si>
  <si>
    <t>b'\xf7\xabF\x99=\x0e~\xd8 S\x1f\x8c\xb1\x81\xdb\x1b\xb7\xa4%\x88\xe5%\x1a\x86\xb1\x91\xf6\xaf&amp;M\xda6'</t>
  </si>
  <si>
    <t>b'\x1f?X\xde\xde\xd2\x1c\xe3\xbeE\xab\x8c\x15\x95\xfbW3#\x0b\x82\xfe\xea\xbaJ\x17\xb9\xad\xf1Y\xa94\xe9'</t>
  </si>
  <si>
    <t>b'o!\xc9 \x10\xfc\x8d\xed\xb55\x91k9\x11d\x85!W)\xee\x16\x1d\xd3fO\xe1\x08\xa8\xc9\xd4\x97\xcf'</t>
  </si>
  <si>
    <t>b'\xb2\x06\x05K~b\xcb\xd3&amp;&lt;*\xf2\xccE\xdf]\xc1\xecz\x82{m&gt;?\x0e\xa1\xbe\x87\xf9\xb1T\xba'</t>
  </si>
  <si>
    <t>b'\x8f\xaaD&amp;\xb9E\xa8\xddj\xa8]\x91\x92\xb5\x8f\x1c\xba\xbd\xfd\x93&lt;\xc6=\xd1_\xa5\x1d\xf5Dv\xda\xce'</t>
  </si>
  <si>
    <t>b'[p&lt;\xae\xff\xce\x18\xbe\xf5\xb8\xd9\\\xac\xe1\xe0\xa7\xa1\xc7\x98\x9d:\x1eJ\x05\xa0\xbfzub\xa5\xf9\x9e'</t>
  </si>
  <si>
    <t>b'&gt;.|\xc3\xf1\x12p\r\xe2z\x070\xaf\x02\x97\xf49\xaay\xe6Q1\r\xa8\xab\x02\x91\xc0r\x19L\x90'</t>
  </si>
  <si>
    <t>b'p\xa5\xa0\xcc^\x1b-\x98^{h\xf1\x01c\x7f\xc0\xe7\xcb.N\x02\x9c\xc7|f\xcfk\xa6\x1f\x02\xc8\xbc'</t>
  </si>
  <si>
    <t>b'\xf1\xe8\x03?\xbe\x1f\xbb\x98\xd2c\x87?\xd7\x0e\x9bR&gt;\x10 \xe5\x8a\xab\xba*\xf1\xe2\x7f\x02Y\x0bZ\x0e'</t>
  </si>
  <si>
    <t>b'\xfb\xa8O\xc7\nWM\xeb\xc3h e%\x00\xfa\x1d5\x91w\xfar,\x8at\xf2\xe3\xe0@_;\xf7\xb2'</t>
  </si>
  <si>
    <t>b' \x9ea\xb3D\x9e\x19\x11\x1a\xb0^\x92\xd7\x94\x1f\x10\xca\xb9#\xc5\x95F\xc7\x97\xd7\xcf\xc6xG\xef)\xae'</t>
  </si>
  <si>
    <t>b'\xfd\xb4\x1a\xcb\x8aP\x1aG@\xaeg\x9e\x81\x06\xc9\x86S\x85\n\xda\xf1\xae\x0c\x19AC\x0e\xbf\xe0\x83y('</t>
  </si>
  <si>
    <t>b'\xf9\xe8b\x85z\x02\xe9\xe6\xa0\xbb\xf2\x91\x03\xd1U\xe8\x06\x94\x8e\xd8\x03\xe2\xd2\xb2:q\xb6z\xc0\xde\x17\x93'</t>
  </si>
  <si>
    <t>b'\x17\xa8\x85p\xa4\xe0\xb7~\x14\n[F\xab_\xfe\xd1\x8b\xb7\'\xb5\x8b\x89\x88"\xdep\xd9\xfc\xc2F\x17\xdc'</t>
  </si>
  <si>
    <t>b'\x0e\x81\\\xeb\x9c\x11\xda\xa2\xfa\x01\x0b\x8e!\x93\xbf\x03\xb9L\r\x9a\xc5\xea\xa9\xd4\xc9CQk\x1b\xe1g\xa1'</t>
  </si>
  <si>
    <t>b'nV\x0bM\x9a\xbcV:ha\xd4\xd9\xa1\xd3\x94"\x9d\x03\x15\xf1\xb1\xb5\x91R\xd7`\xae\x84\x11q\xb7\xba'</t>
  </si>
  <si>
    <t>b'\x1b\xda\xa8\xb1\xf51\xf2\x97\x86\x11qg\xf7\xe5V3\xd1~)\xc7}P\xc8\xb9S\x1b!\xb6C\x9d\xb8&gt;'</t>
  </si>
  <si>
    <t>b'D\xe8\xef\xb3^\x95&amp;\x06P\x17\xe5l\xa5\xdbq\x80\xc8\xc4\x96\x8d!\x87\xd1d\xa8\xb6\x9b\x99e\xee\xda\xf4'</t>
  </si>
  <si>
    <t>b"\xf7\xe9d\x8c\xfd\x8c}`;S\xa0_\xbf\xf9\xfa\x9b\xe9@\x1a\xf7\x0b\x07\xef'z\x9d\x99Y7\xd0\x02\xe1"</t>
  </si>
  <si>
    <t>b'(\x83\x99s\x80\xc9\x17\xceu\x8b\xe0\xfdemtz\x90\xb4\x0f\x95\x07\x185\x10\xbb\r\xfd(\xd5\x1c]\x93'</t>
  </si>
  <si>
    <t>b'(\\\xe3m\x93\x05\xf1T\xef\xb6W\x00\xc9\x16\xa0"Z*\xc2\xce7\x91j\xe6,\xb9m\x16!\xf4$?'</t>
  </si>
  <si>
    <t>b'g\x8a\xdb\xd7\x08\xf0q\xe9mQ\xbaNs\xfd\x02\xb6t\xdf\x1dt\x0c=A\xf4\x03\xba4\xa1\x9f\xb5L?'</t>
  </si>
  <si>
    <t>b'\xb4\xf1\x94\xdc\xabW\xac\xbe\x02\xc4v\xbc\x1a\xd2\xadM!M\x1f\x0cMv\x1aD\xac\x87K\xfa\xcc\x13\xa3\x88'</t>
  </si>
  <si>
    <t>b"s\x12xqK\x00S7\x83rC\x8eh\x0b\xb8B&amp;?\xd0\xbb'\xf7\r[=\x82\xe6n2\xb4\xefc"</t>
  </si>
  <si>
    <t>b'\xca\x1f\xa2T\x96\xbbh\xaaB\x9c\xa2\xa0Q(\xcf\xe2G\xdb\xce\xeeJ\x04i\x1c\x85\xde\x82\xddx\xa73\xf7'</t>
  </si>
  <si>
    <t>b'R(\x03#\x95:\xcf+\x06\xf9\x03M\xf3z\xdeXCk\xa2\xaaY\x9eA@\xe0u\x9a9\xf3lXP'</t>
  </si>
  <si>
    <t>b'kS\x95\xbd\xb6i\x97"\xff\xafuh\xe4\x0c\x91\xbb\xc8\xe4Y\x05\x06s\xb1\xf9\xect\xabl5\x83^b'</t>
  </si>
  <si>
    <t>b'\x96\xddxlc\x19\xb2\xd1\x0f\tK-\xe83\xc8r\xf5\x86\xd4\xdf=\x8d\x82\xb3\xb4\xe5\xfb\x13\x9a\xaf\x1ey'</t>
  </si>
  <si>
    <t>b'\x9f\xf0\xe7\xb4\xfd\x10r\xb6\x1e\x82\xdf8I\xd7\r\x11\xf62X\xfa\x84\xf7\\\xba\xbf2g\t\xa8B\x8aV'</t>
  </si>
  <si>
    <t>b'\xf1\xcbG\xddt&lt;b\xa7\xa4\x1d T\xed\x80\xc8\xa3\xc0\x92\xb9=\xe0\xd4\x10\nY\xf6\x92\xdb-\xb8\x90;'</t>
  </si>
  <si>
    <t>b'e+&lt;\x00d\x13\x13O\x1d\xc6\x9d\xe3\xa2\xd5\x1e}\x062\x18\xdd\x02\xa5\x1cO\xf18\xd7\xb5nq\xb85'</t>
  </si>
  <si>
    <t>b"\x87\xfag\xb2X\xab\x025\rU9cp\xf1Ge\x0e/|]\x11g'\xdc\xcbDT\x7f&amp;Y\xc2p"</t>
  </si>
  <si>
    <t>b'\x01\xe2\x94?\x88L\x11\x95"\xd0\xe7eB\xf1\xd4ip\x07\xf2O\xb2\xad-G\xaa\x06K\xc4\xd6!\xb7p'</t>
  </si>
  <si>
    <t>b"Y\x07\xd8K$\xe3\x00\x03\xeb:\x1f\xcd\x9ey!|\x14\x828\x8a\xf9\xe5h'\x92\xa6\x0fR\xe73`1"</t>
  </si>
  <si>
    <t>b'R\x11-\xb1\xba\xdc\xcc\x810\x1b+\\\x870vt\xe5\xf9\xac\x1bQ\x8a\xeck\x0b\xae\xf2c\xa1\x96!.'</t>
  </si>
  <si>
    <t>b'V\xe5\x17\x8c:f\x1dg8\xce\x87p\x04\xf9Jt\xd9\xd3\x90\xca\xb6\x11\t\x8d\xdaMw\xb6\x86\x96"\x00'</t>
  </si>
  <si>
    <t>b'\xf9&gt;\x83\xdf\xfc\xfb\x92G\x15Ylw\x1f\x9c\xb82\x143\xb3\xc1y\xc3s\x9bj\x0bu\xc0\x06\x8fE\xab'</t>
  </si>
  <si>
    <t>b'\xc0\n]\x0f\x11V\x12\xca$1.!\xf9\x7f~a\xf90\x0f8\xdaE\xfe\xc7\xc5-\xe1`:I\xbf\xae'</t>
  </si>
  <si>
    <t>b'b\x8ao&lt;\xf4\xbbcK\x95D7\xa1\xe4\xb3F\x89\x89\x14~\xb9\xc2\x96\xcb\xf4\x04\x14\x11 \x1b\xc6\x00\xab'</t>
  </si>
  <si>
    <t>b'\xc7\x00\xf5\x9f\xa5\x94\xdf\x17B\xb0N~%"\x05~h\xa2\x80`\xbe\x8b;\xe4\xe50\xceU\x88o\'\xa9'</t>
  </si>
  <si>
    <t>b'\x02@?IK?2\xc8\xfcZ\xb0ICp\x9c8X\x00k\xb5\xd6\xed\x14\xfb\xa3\x8c\xc7\xaf\x12\x80\xd8\xf5'</t>
  </si>
  <si>
    <t>b'\xe2\xc11\xabz\xe0.\xb7\xfc,&gt;\xce\r@\x8d/\x91s\x8d\x82J\x1eo\xa9\x8a\xcf\xca\x1a\xa7\xae\xc1Q'</t>
  </si>
  <si>
    <t>b'T\x01$u\xcd\xbd"\xb2\x02\xcc\xb47\xc1%\xd27\x9d\x06\xd3M\xa5\x87/zI77f_\xa3\xb8\xce'</t>
  </si>
  <si>
    <t>267xx</t>
  </si>
  <si>
    <t>b')L\x9d\x02@\x96\xdd\xcd\x14D8\xc4a+\x8b\xa8\x98\xc4\xe2\x8d\xec\x05\xbb\xb3O\xc7\xfb\xa1B1y\x04'</t>
  </si>
  <si>
    <t>b'0\xec\xbc@w\x0fR9\xac\x0b8h\xf3!\xdb:a\x1b\x04Q\x9f\x85\xf9\xfa\x12\xecfHS\xf6\x1c\x92'</t>
  </si>
  <si>
    <t>b'N\xb5V\x03e\x97\xe3\xcbt \x8b\xa0G\xcd\xafg(\xb17&lt;\x9e1\xafVn\xdd\xf4\x0f\x8d\xba\xb8\\'</t>
  </si>
  <si>
    <t>b'n&gt;uSq\x96\x82\xc6\x9d\r\x8a\x13\xf5%\x0b\xdd_\xd3\x81\xfd\x95\xdd26\x99\xd0D\xe6\x0e\x8eG\\'</t>
  </si>
  <si>
    <t>b'\xea\x8a\x1e\xec\x10\xd1\xfe\xa2\x03\x8bG\xa0\xd6\x0f\xb8\xbb\xce\xc3\x16u\xe7\xb74-\x12\x0e\xd7\xdb\xd2\x8eGh'</t>
  </si>
  <si>
    <t>b'\x91\x16\xa7\xfffr5\xb6*p:\x0e\x9d\xf7I\x81\xec7\x85]\x04N\x9f\xc8\x03\x96\xaa1\xb9\xf5\xcd\xe5'</t>
  </si>
  <si>
    <t>b'\xec\x93\xa5!\n\xc7~\x95\xac\x06\xf7j~\xaf@\x93S\x7f\x8e\xfa;\xb3\x86ib\xde\x1c\xefCEu\x81'</t>
  </si>
  <si>
    <t>b'\xb1\xa9\xc7\x1c\x14@\x7f\x0f\x94\xe4@\xdd\xf8M\x05\xf7w\xf7{$e\xdc/$\t\xce\x87\xdf\xe4jK\xa5'</t>
  </si>
  <si>
    <t>b'/\xf8\x12\x96\x94\x9b\xf2!e92\xbd\x95w\xb3\x80\xa7\xd8\xf1x\xc3]y\x18]\xb5\x1c\x13\x05\xe97)'</t>
  </si>
  <si>
    <t>b'\x19\x9bP\xaeq\xbcb]l\xad\xbf\xbdW\xc1\xca\x153)\xb5\x03n\x9d\xd8\xe2\xde\xdd\xe7Wv\xcc\x1d\xa6'</t>
  </si>
  <si>
    <t>b'\x0fY,6\xb3t\x8e\xf1\x03\x18\x92\xdb)\xea#&gt;\xd3b|`\xea@\x1f\x0e\x04u\x83c\xad\xd1A\x08'</t>
  </si>
  <si>
    <t>b'\x89\xa4\x81 \x13\xffF\xb9\t\xdc\xc7\xe4\x8b\xabp\xd6\xc3\x84\xc9\x86\xc8\xc4\x94\x8c\xf7\\2F\xa6UOt'</t>
  </si>
  <si>
    <t>b'\xed\x12\x05\x10\xe2"\x83\xeeo\x0fD\xc1\x0f\xef\x8f\x07ZK\\\xafZ\xce\x9bk\x91K5\xf2Q2X\xc0'</t>
  </si>
  <si>
    <t>b'\x81\x82\xd8\xf3\x9d2\r\xd8i\xc3\xa2\x16\xd3\xbb\x17\xb7F\xce\xb0{\x9e.r\x82F\x80)\x91\xae\xc1\x00 '</t>
  </si>
  <si>
    <t>b"\x8e]\xb2ikQ\x1c\x80\x89J\xc3\xdc\xd5\\2Q\x10\xab\x87~\x8d'\x19\xde\x1f\xa2^-\xd4\x89\xac\xaf"</t>
  </si>
  <si>
    <t>b'-\xb6\x91\x03P?\xec\x0b\xe5\xba\x94\\\x1d\x04\x97]\xb4\x8d\xef\xe9\x8e\\A\xbd\xd1\x83\xfa\x19jpQ\x97'</t>
  </si>
  <si>
    <t>b'\xe1\xff]\x81\xfb\xdf2\xfc\xc3j\x02\xaei\x0f\x9bE`li\xc92Q\xb3\xa4\xb4\x01Y\xab\xf0\xf3\x7fg'</t>
  </si>
  <si>
    <t>b'\x9eB\x80\xef-\xf8\xec\xf5\x9fqc\xb6xtxC\xc5C\xf2\x92B])\xe1a$\x98\x08\x0e\xf1X\xf3'</t>
  </si>
  <si>
    <t>b'\x1a\xa8SEc\xe8r\xbc\xff\xef \xd2$B\xa9\xd3bl!\xdf\n][\xb8\x97\x91\xa4w\x95L\xbb\x85'</t>
  </si>
  <si>
    <t>b'\x82b\x1b$^1\xd6\xe1\xa4+\xe914\x87\x01\xf0\xeb\xb3~\r0*\xe3y\xe4\x12&lt;\xc5\x97\xf6.8'</t>
  </si>
  <si>
    <t>b"\x07\xcc\xaf\x8a\x10\x8a\xb2\xa0\xb9u\\\x7f'\x80\xf4'\x8f\t\xc7r\x7fW3\x81\xbfu\xe6\x80U\xcf\xade"</t>
  </si>
  <si>
    <t>b'\x06\x98\x19\x92\xf1\xd1^j\xae\xfe\xa0Jm\xe1\xe1\xf6A\xc3\xee\xe5P\x19\x93\xe6\xe7\xbc"\xa0\x9a\xab\xfd{'</t>
  </si>
  <si>
    <t>b'\x8d.D\xe3Y\x7fM\xe5\x90\xc35\x8e\x10\x10\x1b\xef\xf59\xb5;\xda\xd5\x86&gt;\xb2\xeey\xe2\\\x9b\xa8\xa7'</t>
  </si>
  <si>
    <t>b'{\xc4\xec#\xe1\x8d\xb3\xfdW\x91\x979\xa6\xb4\xea\xb5+\xd0w\xe6`\x902\xcf.b\x08L\xa3\xbc\xf5+'</t>
  </si>
  <si>
    <t>b"Eq\xf3\x8d\xe6\xab\x16x\xcbJ\xdci\xc4e\xf3cR\x816Lz|r\x1cE~i\xd4'\xa2;\x17"</t>
  </si>
  <si>
    <t>b'z\xf2\xce\xecx\xbb7Z\x82\xfb["\xae\xcf\xe9\xbc\xe4+\x0fM=\xd7BP\xc6\xa4*\xd6[\xc6\xa5\xe2'</t>
  </si>
  <si>
    <t>b'\xa7mm\xb5\x9a\x95\r\xf6\xd6\x9fF\t\xf4\x1cVV\xc2Z\n\x1e\xf74\xb2\xccm);\x8f\xfd\xa2$\x07'</t>
  </si>
  <si>
    <t>b"\x13 \xb1\x0f\xdaO\xb0|\xde=&amp;Lp\xf4M/\xb9\xe9'z\xdf6\x06=\xf3\x16&lt;\x91\xb8\x185\x1b"</t>
  </si>
  <si>
    <t>b'\xd8\xfd\xea?\xbf\xdd\x83V\x0c+\x89\x08+\x9a\xa1\x92\x16\xf8\xcfxf\xaf{\x8bs\xdc\x0b\x9d\xaa\xc8\xca\x98'</t>
  </si>
  <si>
    <t>b'\x8f\x0e\x9fk\x88g\x91\xbb\xca\x99%\xa8s\xd5\xc5\xa1\t\xdc\x86\xb666\xe9\xe5{\x0er\xa3\xcd\x817\xc4'</t>
  </si>
  <si>
    <t>b'P\xc7\xb0\xff\x03\x95\xe9\x91 h_t\x80\xb5\xbb\xda\x8b)\x15\x97|p\xee\x9a%\x89d\x93\xf0u\xfco'</t>
  </si>
  <si>
    <t>b'\x85\xe7\xba\xf1\x14\xd9\xa5\x88\xe6=\xfa\x91{pX\x00\xf5\x95L\xc06I\xce9I\x8d\xbf\xc3\x0c\x02\xfa1'</t>
  </si>
  <si>
    <t>b'R\xcd\\.\x1ay\xb2Xt?Q&gt;\x93\x8c\x9f\xfc.\x02\x90\x7ftmAv\xc2\xb0\xc8\\\x00R\x88\x8f'</t>
  </si>
  <si>
    <t>b'+[\x83"=\xc8K\xe3=W\x90s\xf6dL\xf4.y\xa5q\x93\xd0_C-\x0e\x90&lt;A\x91\xa4\xb2'</t>
  </si>
  <si>
    <t>b'K\x9c\xab\x9e\n\x1c\n\xc9\xbeK\x96_Q\xb5\x9c\x9f\xc3\xf2\x03\x90\x16\x11";?\x8e\x91p\x85\xbb\xba\xeb'</t>
  </si>
  <si>
    <t>b'Nu\xae\xe3r\x17\x11\xc6\x91E\xc6#\xf2b$\x92\x06\xb8\xff\xf5\xdb\x9c0x\x93\x05\xb1\xee\x92A\xd7\x95'</t>
  </si>
  <si>
    <t>b'\xb3\xe3\xa3^1\xdf?\xda\xa9m\x9d\x83\xcc\xd8\xa9hBJc5L\xff\xc0\x94\x9c:\x7f\x0bM\x8a\xd8('</t>
  </si>
  <si>
    <t>b"\xbef\x8b\xcb\x02\xdf\xcb\x1bu\xa6_.\x97\xac;P's\xe5zt\x16%ji&lt;\xa6S;\x9a\xc9\xb1"</t>
  </si>
  <si>
    <t>b'\x07\x13\x0bO\xe5e\xea\xd8\xe0\xaf\x94\x05\xbf=\xec\\\x94\x08\x9fB}w\xd8\x94\x0c&gt;.\xa3Ifz\x05'</t>
  </si>
  <si>
    <t>b"&amp;%C\x17\x81\xe1y'\x19\xfbWI\x8c\xb8\xf9\x9b\x04q\x88o\xf4\xc6\xd4sN%\xc0\xb9\x9c\x02L:"</t>
  </si>
  <si>
    <t>b'\x92\xf8\xe1\xbb\xf2\xef\xe2A\xc0`\xbdv@\xbf\x82\x01\xe3\x06\xda}]\xa4\xf6\xc1d\xd1&amp;\xc9\xd9\x9a\x06E'</t>
  </si>
  <si>
    <t>b'\x84\xf7\x14\xe4\xe2G\xcf\xd81\xc8\x92g\x1c\xfb\xdc\x1b\x83\xe5[\x99GDE\x83\xa1\xf9\xe7\xeb\xcd\x89\xc9\xb9'</t>
  </si>
  <si>
    <t>b'\xce\xf4\xd3\x82\xdb\x8a\xef\xd5z\xa6\xaf\x95\x91\xa6\x10c\xae\xa0\xb6l\x0c\xb2\xf8RH\xa4\x1c2\xdd\xec\x8eN'</t>
  </si>
  <si>
    <t>b'g\xd1K4\xc5\xa2RP\xeayi\xc4f\xd4\x9b\xcd\x11q:\xb2\x8d\xb4\xe5\xab\x02\xcc\xbe\xe6tW/\x1a'</t>
  </si>
  <si>
    <t>b"\x89Y\x8fI]\xae\xe1u\xe4\x18\xfd[\xc1\x0b| 4']ip\x1e\x19\xc56\xe4%\xf6%W\xb3@"</t>
  </si>
  <si>
    <t>b'0.\x94\xa4\xb44\x8b\x89\x85\x0c\x15q\xca\xa1\xdf7\xfe\x93\xb4\xe1@\xea\xa8R\xdbl\xdb\x88O\x0b&gt;\xa2'</t>
  </si>
  <si>
    <t>b'\x07.K\xab\xe9\xd1dLV\xde\xa4/\x05pv\x02\x06\xb2\xdb\x83\x11a\xa1q\x1f\xc0\x8e\xf0j\x02\xa6T'</t>
  </si>
  <si>
    <t>b'^\xb65a&amp;f\xf0\x8f\xfd\x14\x05f\xe4\x0cc;\x91k\xd5\xed\xe8J\xb3,U&amp;\xcb*\xdb0L\xe1'</t>
  </si>
  <si>
    <t>b'\xe2\x95\xd9\xdb\x1bR\xcb"\x9b7h\xde\xd2*\xd1N\xbc7\xa5Y\'C\x83\x033\xdf\xa4V\xa7\'w\xd3'</t>
  </si>
  <si>
    <t>b'A\xd3\xbc\xe3\xed\x04\xc4\xb4\x08\x86\xe3\x04\xe2\xa1\xba\xb3\xfar\xb2\x165\x0cS\xbe\xe8\xe2\xda\xe7&amp;Nd\x7f'</t>
  </si>
  <si>
    <t>b"\x1f\x97P'f'\x07\xa7\x1b\x1f\x88u\xdbbP\x9b\xdb\xeb\xddu`{\xc4\xc8r\roH=\x8f:\xcf"</t>
  </si>
  <si>
    <t>b"2\xad\x828\xe7\x15/\xda\xc2\xb7\xaf\xa0\xe6'$\x08f\x9f\x7fk\x1a$\x96p\x05\x96x&lt;r\xda9\xa3"</t>
  </si>
  <si>
    <t>b'd\x1c\xd4mMQS\x90\xacg\xd7rd&gt;\xcf\xd6\xafL\x8apS\xf6S\xca\xb5\x05\x0bP+Fa\xb0'</t>
  </si>
  <si>
    <t>b'CT0\xf0\x953S1\xfdn\x9fU,\xbe\x8c\x95\x0e\xac\x9e\xc7\xb0HlLD\x80@K\xca\x9b\xd2`'</t>
  </si>
  <si>
    <t>b'\xe0\xc4\xc8\xf0\xc5\x0f-\xcd\x7fdZ\xd4F)\x84\x10],\xfe\x14\xe2\x9f\x9e+FC\t@\xd0%.\xf1'</t>
  </si>
  <si>
    <t>b'\xac9G\x05\xcc\xe2\xf6a\xa3\r5\x98\xa3\x1e\xdb\xf0I\xd9\x1c\x83i(\x08\x1e\xee\xdcK\xbbQ\x10\x89\x85'</t>
  </si>
  <si>
    <t>b'\x1c\xf3\x82\xeb\xef\xea\x17\x01s1OV\x0c\x9e\xd7V\xc7\x01\x0fQ!\x97 \x84\x8f\x03\xe3\xdcop\xb1X'</t>
  </si>
  <si>
    <t>b'\xa2\xfd\xb1"?\x05\xd0\x8f\x85\xa0`\xc9\x19?\xf3k"S\x9e\x83t\xd6\x83\xa2\x01\xbd\x10p\xe2/\x1b\xe9'</t>
  </si>
  <si>
    <t>b'\x9d\x8d[\xbb\x00\xb9X\x1c\xf1s85\xa1\xc9D\x93x\xb3\x9cX\xcf\xb2\x0eO\x06\x8fcq\xfe\x03R\xd7'</t>
  </si>
  <si>
    <t>b'\xaeJk\x810\x97\x011\x88\xc1\xfa\xf7x\xcb\x1em\x9c\xbd\x96\xf9\x02PD\xe0CZ\x84Y\xd6\xe9G\xa9'</t>
  </si>
  <si>
    <t>b'\x8a\xba\xdf\xf0\x06\\JL\x16?\x96Y{\x00\xea\xe42\xc9^w\xd2\xa3k\x0f\xbaB4-\xa1\xd0:\xa6'</t>
  </si>
  <si>
    <t>b'#y7\x9er\xcb\xf4\xd8\xf42\xa9c\xf8^\xdc9\x12\x1b\x1c\x1b\xdcj\x97,\x8d&lt;\xb85~7\xe2\x1b'</t>
  </si>
  <si>
    <t>b'\xa3\x05$\xba[\xec~Mf\x08\xfa\xe2]m\xd9\x11"V\xd0 \xb6\x06\x99\xf1\x11f\x14D\x7f\xc6\xed}'</t>
  </si>
  <si>
    <t>b'9C\x13n\x8d\x02OR!\xc2t\x96}&lt;A+$\x9c\xc8\xb8\x93\xed\\\xadN\xc5\xdeu!HJ\x0c'</t>
  </si>
  <si>
    <t>b'\xa7\xf7W\x99\xfd\xa2\xbb\xb4\xeed\xc5I\x13^I}t\x94\xfc=g\x13-\r\xfcWp/\xe0\x05\x17\xd4'</t>
  </si>
  <si>
    <t>b'\xf0\x86mm&gt;\xdbc\x1a\xad\x9f1\xdc\xf3\xcd9\x9e\t\xe6\x0e\x9bZ\xeb\x8b\xb6nj\xdfS5y~M'</t>
  </si>
  <si>
    <t>b'|\xc7W\xe7\x11\xdf\xba\xad\xc2\n\x95\x943\xdd\x86\xbd\xba\xaa\x82\xc9\xa1)&amp;\xbe\xe7\x12\x82@\xd3\xd9\x9bl'</t>
  </si>
  <si>
    <t>b"\xa1'\xd1\x88\xe9\x96\xf9\xc4\x04\x83\x8f\x83\xe9\x88\x0c_\x0f\x19f\xd3;\x97\xef$~\xd4\x81w.\xc2aM"</t>
  </si>
  <si>
    <t>b"\x01L\xe1\xe0\r\xb6\xc7\xda\xces5\xc0\x85\xa1\x1f\xbb\x9f\x14\x00\x87\xea\xcd\x91\x1aR\x8bd'\x07\xc3%\xf9"</t>
  </si>
  <si>
    <t>b'h\xd4&gt;\xa9\x7f\x0f\x12\xb3=S\xcdu\xb4\x00\x9b\tK\xde\x18\xab\x16\xb92az\x1e\x1a\xb4\x04\xd6(,'</t>
  </si>
  <si>
    <t>b'sz8M]v\xde`\x93x\xcf79\xba\xfbx\xaa\xc2\xd6\xc9\x0f\xea\xed\xc4\xbfI\x13\xf9R\x86\xe1\xef'</t>
  </si>
  <si>
    <t>b'\x16\xde\x86\x9e\x0b*\xa7\x88\xeb&amp;\xea\x12&lt;P\xca\xbe\xc2\xb3\xab\xebU\xd6\x85M{\xaf|\xf5A\x92\xaf7'</t>
  </si>
  <si>
    <t>b"\xd1a\x01\xc0@\x84\x17yQ\xb9\x1bd\xeahG\xcfKh\xc8\xf7\r\x96\x11\xaecZ\xdc\x0b\xd8\\$'"</t>
  </si>
  <si>
    <t>b"\xf1\x8c-\xf7\x8f'\xa5\x93@\xb1\x7f\xf6\x1d\x06\x07\x1c\xd3\x96\xffs\x88\xee\x1f\x1d\xa1a\xcbp\xc8\xfa\r\xa3"</t>
  </si>
  <si>
    <t>b'\xca"\x89\xdf\xcd\xa50%s\x96\xae\xa8\xe3\xb9\xccaP\xe2Fm`\xe3P\x082\xc9?o\x8e\x93\xb0?'</t>
  </si>
  <si>
    <t>b"\xe7\x86\xb7^\x1bqp\x16|'\xf7)\x89\x19\x8a[\xc7\x05d\xd2\xefD\x13\\\\\x13,\xa0Ht*\x12"</t>
  </si>
  <si>
    <t>b'\x0b\x89\xa8\x9e8=\xd5L\xac\xfcw\x9f_\xd0\x19yu\x99\xc5\xa6\xf7\x8cl\x96\xa3\xc3\x9a\x94^H\xdc\xe1'</t>
  </si>
  <si>
    <t>b'\x9d\x85j\ngW\xa2S\xef\xa7\x93\x00\xbe\x82\xe1\xa6\xd34R\x7fDKK\xdbl\xb4o|n\xb6\x86\x8d'</t>
  </si>
  <si>
    <t>b'\r\x1a\xed\x84\x83\x9e\xe5\x17\xf7j\xfa\x8e\xa5~\xb9SH\xf6"v\xf6\xd8\xfb\x08`9~5\xce;\x91\x19'</t>
  </si>
  <si>
    <t>b"\xf4K\xcc\xe7\xd9'\xa2\x8d(1uaR\t\xf7\x906\x0c\x8a\xc07\xf1\xb7u\xca\xea\x94\xf6T1\xd8L"</t>
  </si>
  <si>
    <t>b'\x96\xde\x0f\xdbG^"\x80\x065\x9e\xde\x94=\xee\xec\xca\xcb\x88\xff\xdf\x12\x02/\xed\x05@N\x7f\xec\xb0Z'</t>
  </si>
  <si>
    <t>b'\x12\xc3\xe0,\xf0&amp;\x02\x01\xae\xbf\x14\xa4\xc6IH.\x7fX_\x97\xa0\x1e{\x9f}\x07\xa2\xbb\xfe\xd2\xde\x1e'</t>
  </si>
  <si>
    <t>b'\xbc\\h\x0f|V\xa7\xd1h\x80\xd1\x1b:;\xf2\xaaY\x08\x056\xb1\x82\xe6\xbcm\xbe\x02\xfc&gt;4\x85\xbf'</t>
  </si>
  <si>
    <t>b'\xc3P\x14\xba\x14\x8b\x08\x9eL\xce?\xfbL%\x99\xfb\x19y\xa8\xacJ\xcc@\xf3\x03\xdd\xe0\x96\x11\x02\xbf\x1a'</t>
  </si>
  <si>
    <t>b'\x0f\xdei\x00rvy\xfe\x8f\x93\xbb\xe2\xbau\xe0!\x03s\xf9\xd9H~\x8eN\xf0/\x14\xcd\x1f\x11\x01h'</t>
  </si>
  <si>
    <t>b'\x8b\x06D^\xc1\xaf\x8f\xec\xdd\xf1B\xbf\x01:G\xf1\xc0,8\x9f\xe4\x04\x95D\xc9\x10\xf5w\xb38\xb4@'</t>
  </si>
  <si>
    <t>b'\xcb\xb2\xe3\xca\x1e\x03a\xaauI=\x1a\x97\xafxI\x95\x02\x8bB)\x99\xbc\xc8\xa9;\xfap\x826\xf2O'</t>
  </si>
  <si>
    <t>b'\x87D\xc1\xa6\xd9\xc1\xbc|e\xef\xf3.\xcb\xbf.\x14B\xd7\x91\xd1\xa4\xfdn\xa6D\x99\xca\xaa\x7fO\x9a\x80'</t>
  </si>
  <si>
    <t>b'\xfd\x8c\x8f+\x08\x1e\x8d\xc3]\x981\xaeJa\xafin\x98\xbf\xed;\x1f\x0c\xeb\xccYsi\xb1i\xebo'</t>
  </si>
  <si>
    <t>b'[(\xa6\xe9\x10\x011}\xf0/A\xd4\xe1ts\xf6\xee\xeb\x834q\xf0D\x0cV\xd2&amp;\x81\x16\xa4\x10\xbd'</t>
  </si>
  <si>
    <t>b'\xd4O\xda\x00\xf2\x8c\xaf+\x05\xd5\x95\xc1\xdfF\x96\x1b\x0f3\x12\x0er\x16\x1cH\xea\x92\x17\xaf\xe7J\xb8\x82'</t>
  </si>
  <si>
    <t>b'\xf6Q#\xbc\xcb\xbb\x12=fd\xb1^;\rT\x10]\xbc\x0c\xce\xbd\xf3\xf2i\xeb-\xcf\x0cX\x105\xd8'</t>
  </si>
  <si>
    <t>b'\xa9i\xebd\x01S@Vr\xfa\xa5s\x19\xbcd\xdf\xed%0\xc4?\x1cN\x009b\xaeR(\x91\x89\xbd'</t>
  </si>
  <si>
    <t>b'2\xdd;\xfa;\xad\xecv\xa61|\xa1\n\xb7\xbdyo\t]\xae\x93H\t\xb0p\x7f\x08\x86\xbf\xc2e\x1a'</t>
  </si>
  <si>
    <t>b'\xb87\xa6\x8a:\tE\x08\xfc\xce4\xa1u\xd0\xda\xc5\x84\x01\xdf\xb2\x95\x19ja\xeb\x0b\x18\xd0#]\xcd\r'</t>
  </si>
  <si>
    <t>b'\x01[\r\xdb,\x8e\x0c\xe8\xe5nRE\xc1b\xed\xc4g\xb1\x89\xc6\x9c\xc4\x837\xad\x85\x0f\x8f\x86\xb8\xf9\xfd'</t>
  </si>
  <si>
    <t>b'\xb5\x01I\xa7\x81\x95\xf1\xd6\xa1|\x99\xd90\x82\xf2\x8e\xf8\x10\xceu\x9d\xf5\x8cL\xa2\x06\x00\xe3[G\x16\x11'</t>
  </si>
  <si>
    <t>b'%G\xf0\x83]_6\n\xe1\xfa\xd5\xa6\x9a\x92\t\xef\x98\xc1\xa8\xb4n\x92\xf5uP\xa8\xfd&lt;\xa5l\xab\x92'</t>
  </si>
  <si>
    <t>b"Tg\xa0\xe0\x9b\xcb\xdc\x0c\xf36'\x14\xef\xe8\xae\x8a\xb0:\xe2&amp;\xd0F\xe0\x17#\x1fv\x87\xd6A2O"</t>
  </si>
  <si>
    <t>b'\x8d\x8a\xb7\x9d\xde\xe4#\x17S]\xcd\x18\xa8\x1e\xf773\xa0\xea\xd6\xdf\xb0-q&gt;\xbbx\xbd\x81\x150\xd3'</t>
  </si>
  <si>
    <t>b'\x9eLX\x87\xb2\x12V*\x05\x1a(#k\xd3\x9en\xd7n\x1e\xc7)\xca\xe1\xa2\x859\xc3\x19\xb7Jh\xe0'</t>
  </si>
  <si>
    <t>b'\xe7\xe3\x92\xe0\xc1\x08\xd3\x00ag\x8a\x8a\xc6\x8b\x16e\x02\x0ee8\xea\xbd\x0eZn\xcf\xe9\x9d\x17\x95\xdbn'</t>
  </si>
  <si>
    <t>b'\x81\xd4\xc3\x99\xf7\xc7l\x99\x0c\xb2[\x07\xabnL\t:\xe7\t\x00\x99\x0f\xcf\x018\n\xae\x07:\xb7\x8dj'</t>
  </si>
  <si>
    <t>b'\x00\xe8\xd0\xf9E\x9a\x0bd\xe8\xceW#rn\xcdM\xc1fDV_\x1a\xde\x7fI\xdf\xc6\xc9\xb0Nx\x0c'</t>
  </si>
  <si>
    <t>b'\xb4\xe1\x9d\xf6\x86K\xef\xc5\xec\x13\\\x10F\n8\xfa5\r\x81\xb6\x85\xa3Y\xae|0\xf1\xba\xaf\x9d\x0f\xda'</t>
  </si>
  <si>
    <t>b'`t\x99\x85;/\x01=\xf5H\xb7\xc7jA\x1f\x07\x16:\xfb;\xab\xa3\xf7\xe2Bxx\xf4\n\x81\x08\xa9'</t>
  </si>
  <si>
    <t>b'\xad\xa2\x93V]MR\x88\xfen\x98@\x85d\xd1\xcd\xc6C\x18\xad\xca\x80\x9a\xf0\xe85"8\x0b\xf7o\xd9'</t>
  </si>
  <si>
    <t>b'\xf2]`\xb7t\x00s\x9f-\xa6\\\xfe\x8f\xd3\x12\x97\x19~\xe0\xf23\x02\xf7\x1f\xcf&gt;\x9fBi\xac\x1b#'</t>
  </si>
  <si>
    <t>b'\xd7\x03Ja\x0e\x8cH\xef\xc5\xfe55\x91\xedI\xaf\x06\xdd\xd1\xe6\xa2c\xeb\xc1Gmh\xe8\x16A\xfeT'</t>
  </si>
  <si>
    <t>b'\xefd\xfe)%D\xbaT\x15\x15%\x04\x1f1*\xa5\x93\xc3\x8c\xa2\x00A;p\xeb\xa1m5\xa4 \xc0\xb9'</t>
  </si>
  <si>
    <t>b'\x0cK\xc1\xf8\x1c\xfbUW\xed\x87\x1a}p\x8f#\xcdh\xa2\x81\xd8\xa4#N\xcd\n\xc6&lt;aK\xc8\xafM'</t>
  </si>
  <si>
    <t>b'\xbd\xf2\xb6\xbc\x07J\x18\xe6\x17\x05\x078D*\xfem\xccj\x1d\xafdidn\xbb\xf4\xa0F\xee\xa5\xb9\x02'</t>
  </si>
  <si>
    <t>b"jdEV\x1a\xda\xfd\xb5q\x1a\x12\xcd\xf3'\xab\xbb44\xf3\x805\xc0\xf05g\xef\xef\x001\xce \xaf"</t>
  </si>
  <si>
    <t>b'_\xa2\xb3w\xad\xe8\x15\xb3q\xad\x9b\xe2}\x0e/pr\xb0\x12\xbfV\x83\x1e\xc9O\xc6\xb0\xb5\xc1\xf1\xdf\xf9'</t>
  </si>
  <si>
    <t>b"\x0f\xc0\xa8\xd2O+\x11\x0f\xd2\x13\xf2\xb7\x94\xe7\xdd\x1d\x14\xcb9\x18\xd5\x93H\xf7\xf04\x10y\x99&amp;\x9b'"</t>
  </si>
  <si>
    <t>b'GB0W74B\xf4~\xefT!\x1e\xa33C\xebI\xc6Y\xb6iz\xbc\x0b\xc4\x18\xafL\xc5\xf1n'</t>
  </si>
  <si>
    <t>b"\xb6\xe1\xd6\xaf\x86@\xd4\x81i\xfb\xfa\xd3K_:P+\xd4'\xc3\xb2)\x05\xcf\xf8\xc2\x97\xf6\x1c\xaa\x1cE"</t>
  </si>
  <si>
    <t>b'\xf8\\\xcb\xd4XM\xf8\xe0\xa5`|(\xe80W\x01\xf6\xc9*1|\xcf\xa0\x8e\xadq+\xa6r\x93\n*'</t>
  </si>
  <si>
    <t>b'\x8f\x17\x9e\xda\x88~M\xa6kfA\x1fz\xb5\xc9\xfc\x89\xa7\xa5\xaa\x1c\xee\xad\xe0\xc0\xee\xf8\xbf\x85\x10z\x96'</t>
  </si>
  <si>
    <t>b"\x8aR\xe6\xdc\xddE\x8dXq\xfe\xa6&lt;G\xa8A'\x9d\x15\xc7X\xdb]\xbf\x9fk\x924\x8e\xe4\xfe\xe6\x0f"</t>
  </si>
  <si>
    <t>b'\xb7M\xfeb\x90X\xbd\xd6\x15A\xa8\xcc\r\xb1\x88\xca&lt;\xa2\xdb9\x82{\xef~O&gt;a{\xc8\x8b\x1b\x1b'</t>
  </si>
  <si>
    <t>b"6\x18\xc2\xa1\xaf\xec\x84\xe0\x16'4\xcc\x1e2\x10\xb9\xc2\x913}\xf8\xc1?\xe6Cj8\x06I%\xbc\xf8"</t>
  </si>
  <si>
    <t>b'y2\xadD\xb7[n\xbaf&lt;\xce\x16*\x089F \xc1\x1b\x0c\xe4\x81F\x85\xb2\x85R\x8dST^E'</t>
  </si>
  <si>
    <t>b'\xb6\xe0\xea\xb3@C\xd1\xff\xec\r6\xfd?\x12\xfb\xa7\xec{\xe6\xc9\xa8\xaa\xb5\xee\x07\xf5\x1c \x89[\xf7\xc7'</t>
  </si>
  <si>
    <t>b'\xcc3\xb7_XI5O%i\x1af\xab.z:S\x99q\x92\xb1\xf4!\xdc\x99\x12\x1d9I\xc5\x08b'</t>
  </si>
  <si>
    <t>b'\x94\xb7&amp;d\xce\x1e6&lt;\xaf9a\x90\xe4\xd4\xdc\xbb\xfc]\xb1\xe74\xbc\xd0\xef\xfen\xbb\x10\xb0\x9c\xfff'</t>
  </si>
  <si>
    <t>b'\xaa\x00\xc1a\x9b\xe3D\xde\x8e`\xd8\xb3d\x86\x85\x0b\x1a\xd6\\ &lt;$\xe0\xa0\x06\x9f\x88k]\xf1\xfa\xb4'</t>
  </si>
  <si>
    <t>b'%E\xe4Z/W\xb2\xf7\x99\x8d\xcdC\xc7\xd1\x1e\xf3\xaa\xa99\x12\xad\x18\xb7{&amp;\x81\x01S\xf7\xb4\x08\xc4'</t>
  </si>
  <si>
    <t>b'd|\xdcH\xfef\xaa\x97\xcc\x01o\x8e\x01\x1em\xd3M\xa0\x1e\xc8\xc3b\xc6\x17wj\x9b&gt;\xd0\xd0\x1d\xb6'</t>
  </si>
  <si>
    <t>b'{\xa7\x10\x96\x8d\x83h\xdb\xf4:\xb9@\xc7h0\x03$\xd6\xef\xe3\xb9\xfa\x04l\xec]\xab~\xdc\xbb\xea\x0e'</t>
  </si>
  <si>
    <t>b' \xd0P\xcf\xc4\xf5^\x07\xc2R\xa3\x9e^0\xc8\x98\x07\xbe\x10\x05OQ\xed\xa3{\x9c\xcf\x93\xf2+\x11O'</t>
  </si>
  <si>
    <t>b'\xb0\xe5~\xbe\x85\xe2#\x8bO\xc8\xae\xda\xdb}@fLH\x8b\x07\xcd\xe38\xf8\xf0\x91\x1c\n\x87\x1b\xb2\xc5'</t>
  </si>
  <si>
    <t>b'\xf2\xe7\xb30\x94W\xafbe\x05\x95\xae\xe1\xfd\xe3GX@\xe7\xb9\xe4\xa2\x9d\xb1p\xd2\x15P\xff\xbe\xab!'</t>
  </si>
  <si>
    <t>b'\xa3\x04\xed\x98U&lt;\x04\x04\xe2\n\xbb\xc2\x99\xa3\x10\xcc\xac\x94H!\xa4\xab\xf1\x9f\xbaKB\xf1\xd8\xa4\xac\xa5'</t>
  </si>
  <si>
    <t>b'\x9a:`x\xb0\x12\xc9\x9f\xb8\xccu@/\xf3\xa0\xd2\x14\xack\x08\xbd:\x89\xac\xffI]\xed\x9c\xe0\x12N'</t>
  </si>
  <si>
    <t>b'w\xe0\x1bM\x13\x9a\x96\xe1z s\xc4\x7f\x98^;\xc7\x054\xe3\xbe\x13b}\xbfX1\xed\xdd"\x01\xca'</t>
  </si>
  <si>
    <t>b'\xaa\x08\x0bP\xb2\xa2dQ\xe0l(71\x8e\x88\xb4\nbW\xceUC\x19\x04\xcc\xe1\xf36\xbaH\x18P'</t>
  </si>
  <si>
    <t>b'\xe5f\xb7;\xbf.`]\xd8\r\xfa\xc8\xa9n\x87\x91\xe8\xe1-YXr4\x92e\x1bXWbZ\x91\x8f'</t>
  </si>
  <si>
    <t>b'\xe7\x9f\x0c&amp;z\xfe\xd5i\xfb\xd3\xc5I\x13T\xab~\x13\xcb+\x9f\xc7uu&gt;1\xe1k\xda\x02\xf9\xd2\xb2'</t>
  </si>
  <si>
    <t>b'+\x14\xfe\x90\x10\xd6l\xfa,o\x13\x94\x19\xa3I\xd3co\x9c\x14?Q\x84\x1aJa\xa6\xf2\rn\x0c\xb1'</t>
  </si>
  <si>
    <t>b'f\x97\xd3\x1a\xaf\xf4\xab/n\xc0\xf11x\x96\xbd\xa3\x9d+\x80\xeem\xdaF\xa2\x8d\xb3\xc6~\xc1\x95\xaeb'</t>
  </si>
  <si>
    <t>b'\xae\xaf|P\xbc\x97\xf5dsd\x95\x0f~\x1f\xf3v\x93\xedf7\xba/\xbd\xe1I\xbdl\xc83\xd6\\\xa0'</t>
  </si>
  <si>
    <t>b'\x88\xd3\xf0\x08\xdfQS\xeb*k\x1f7\x9f\xce\xc2R\xc2\x89ER\xb5\x1cy\xdf1\xb0\x8d\xe4\x10\x90\xa8-'</t>
  </si>
  <si>
    <t>b'\xb0\xdd\xb9C\xdb\xc6hq\xd4~\xda\x12\x05S\xd6\xe86\x1c\xbc\x10\xe9\xcc\x04\xd5I\xe8\x141\x97\xf3\xea\x81'</t>
  </si>
  <si>
    <t>b'\xcf\x90w\xe4Q\x97\xf2m*\xfc\x023\xa2Y\xb6R\x14\xf6\t\x05{\x99\x9b\xfb&gt;"\xdb\x87\xf0:\x14\xaf'</t>
  </si>
  <si>
    <t>b'\x1c\x1a\xf82Hp\xddDi\xd5Z\x1e2\xd9\xb5zD\xba\xb8\x8b\x85\xa7/\xb5X`\xeb\x00\xac\xa0\xff\x19'</t>
  </si>
  <si>
    <t>b'p\x04N\xe0K-\xe5\xe1\t\xcd\xde\xecVX\xf4\xbdC\xee`\xac\xd9\xb3\xc1[\x92\x9d\xcbz\xa4\x9cl\xe3'</t>
  </si>
  <si>
    <t>b"\xd5\xd3\x19h.\x13\xb3\x1d\xf0\xf6\xa8\x9b\xday\xa4\x7f\r\n\xf1\xc3m\xba\x00\xa2\x06'\x86\xf7(S\xe5\xd9"</t>
  </si>
  <si>
    <t>b'\x17\xd8\xe9\xda\x02\xf0\x04\xa0\x8e\x89c\xa2d_X7\x0f\xf2\xe0\xe1\x0b\x0ej\x83\x05\x8a5\xfd\xcc\xda\xcf;'</t>
  </si>
  <si>
    <t>b'\xcbV$\x93eJ^\x07=y\xebb\xa0\x139y\xb0I$H%\xa3P~&gt;%+\x86\x93x|\xee'</t>
  </si>
  <si>
    <t>b"\x91\xe4\xe3U\xe8u\xc3\x1f\xc8\\\x16p\xc3\xb9\xe9\xea\x02\xf5\xc2\x9e\x90\x95'\x96\xe5\xb5)\xe4\xec\x8b\r\xdb"</t>
  </si>
  <si>
    <t>b'&amp;x:u\xba\x02\xa61op\x0c\x0f\xe3\xfe3\xea\xe1\xd8.\x16\xfc\xa7\x11\xc2\xcb\\\x8f\x85\xc2|Y\x8d'</t>
  </si>
  <si>
    <t>b"k\x9b\x06\x80\x1b\x11y\x03\xd1\xde\xe8E\x04\xc3\x91_o\x82\xa6\xd8\x9c\xfbi\x85\x04\x07\xb7go\x0b'\xc7"</t>
  </si>
  <si>
    <t>b'\xf2#\x15\x1c\xc1EO\xb4\x8b\xe9?\xaeKl\x17:h\xfdHt\xbf)\xd4\x13m\xd5\xc9E\x8b\xf3\x92\xce'</t>
  </si>
  <si>
    <t>b'q\xae\x96\xffn\x96\xa18K\x15\xb5\xbbp\xef\xcd\xc4\xa0\xbf\x13\xe0\x02\xb3\xca\xeb11\xe0\xde\xaa`\xbeK'</t>
  </si>
  <si>
    <t>b'e\xae\xbe\x03\xec?\xee&lt;T=\x8f\xf2\xda\x82\x9baJ&gt;\xfe\x1b"q@\x8bi\xab\xb2z\xd7Q&gt;\xfd'</t>
  </si>
  <si>
    <t>b'\xa1\xe7\x01R\x01b^\r\xff\xa9\xbc\xca\xac\x16nuu \x83\xac\xf0r\xf0\xab\x1d\x83\xa1\xa2\xa0\xa3\xdco'</t>
  </si>
  <si>
    <t>b'\xb5\xc6\xd1\x96\x8d\x10\xe43\x00\x8fP\xe0\xd8[\x88o\xd0X.=L\x02\xfe\xef\x1d\xfe=?Sq\x15 '</t>
  </si>
  <si>
    <t>b'\xab\x9bA\x02\xa8\x1b/\xdf&lt;\x02\x8d?p\x84%\x8f\xd1\x06\xb8\xcf\xf0\x1aJ5\xd0\xcd\xa7b\xb7\xc3\x15&gt;'</t>
  </si>
  <si>
    <t>b'\xbaN\x8f\xf3 \x03\xcb@g\xa8\xb5\x18}\x1cR\x99J\xb20\x8c\xa6|\x81Y\x8e\xfe\x1bc\x92\x01&gt;\x9c'</t>
  </si>
  <si>
    <t>b'\xc3\x01\x1c\xff\x98lS\x11\xac\x7f/\xe3\xe7\x82\x00\xe2\x1bA\xa1h\xe9\xecQ\xb36=p\xc8\xbbwN-'</t>
  </si>
  <si>
    <t>b'\xfeL\xed\xbe\xf4T~\xad\xdck\xe9)+L\xbe\xd9\xb0\x11\x05HK\x1bzS\xf0@\xe8\xf2\xf1\xde\xa0\x0f'</t>
  </si>
  <si>
    <t>b'\xf5\xa8\xffo:&gt;\tLv,&amp;x\x1c$\x96VW\xbaC#\xabS`U\xb7s#\x10\x9f +\xa9'</t>
  </si>
  <si>
    <t>b'=\x87\xe9\xdd:\xaf\x0cK\x19\x1d"\x95r/\x1a\xb9\xe7\xb4H\x93C\xab\xe9\x13\xfd\xc1\xb7*\xf4\x97P\xa5'</t>
  </si>
  <si>
    <t>b'\x97\xa2\xe1\xac\xbd\xba\xcb\xf6\x1f\xab\xa7;I\xb7\xe6\x81\xeb\xe6\xe1\xb6\xb9\xd0X\x9a\x8e\x81\xf5(%\x7fw@'</t>
  </si>
  <si>
    <t>b'i\xc6v\xc8\x84\xe8\xff\xbe\xb2\xf8-\xd3\xd8\xa5\xb1\xf7\xf9vg\xd5\xe9\x18vj\xcd\xd7k\x0c\x0f\xaf\xaf\xe9'</t>
  </si>
  <si>
    <t>b'\xee\xca\x1c\xb0v\x93"3\x8d\xac)A\xa0\x9c\xef4Z\x8d\x87?:\xbb;}LY\x9chv\x12\xecq'</t>
  </si>
  <si>
    <t>b'+G\x17Z\xd0\xf6\xc9\xac\x1ab\xc1\x84d\xa9\xbb\xdf\x11\xd2r&gt;\x071Q\x0b&lt;\x8c\xff=\x977\xf8\xa2'</t>
  </si>
  <si>
    <t>b'\x1bz\xc0|\x89d\xa83{\x16+\x97\xfbWX\xe2C\x02+\xfd\xc7X\xc7i:\xa4\xcaH\xb0\xda\x04D'</t>
  </si>
  <si>
    <t>b'x\x9a\xaaD\r\xd8\xd5\xa9\xa9\x05\x91\xc5W?\x0fbN\xcd\xd1=\x0c\xc5\x9a~\x9948zf\xe9\xc4h'</t>
  </si>
  <si>
    <t>b'*4\xfc\xdc+\xf5\xbe*\xe4\x0e@\x13\xbdF\xc9{\xbe\xfb\xc6T\xd84u\x1c\x8e$R\xf9\x99\xe9\xdf\x10'</t>
  </si>
  <si>
    <t>b'\xef\xe5\x80\x02\xb3\x05;\xce\xad\x80\x88\xdb\\\xc0\xb9\x7f9\x91e\x12\x95\xab\x084\xce\xa6\xe6&lt;\x05\x8a\x96\x8e'</t>
  </si>
  <si>
    <t>b'\xf9\xbf\xd4\x13\xe1\xea\x94\xed\xd8\xfb\x01BP\xb9 \x94\xf53]\xb4\x08W5K\xec\xde$N\x7fiJ\xaa'</t>
  </si>
  <si>
    <t>b'NL\xb52\xd3R\xb2\xc6-\xc4\x14Y\t\xb3G\xaa_k\xd8\xe8\\\x12\xd2)\xd8f\x16\xea\x00t\xdf\x8a'</t>
  </si>
  <si>
    <t>b'\x80\xfe\xea@A\xc6J\xea\xae%\xca\xdc\xb7LL\xa8\xdd\x8eKD\x9a\x99*\xb3\x08\x11W\xa5s\x82\x96\xe2'</t>
  </si>
  <si>
    <t>b'\xdfo\xfeu[\r\xaa\xca\xaf\x00\xf0RjKS\x8d0.C\x19~\xd8P\x84:\xbd#X\xed\x14\xe4o'</t>
  </si>
  <si>
    <t>b'\xd6\xcd0\xe4\xb4))\xc9\xb05\xc6z\xb3U\x87\x98\x0b\x80\xb7EQW%\x11\xacW\x17%h\xca\xc9\x06'</t>
  </si>
  <si>
    <t>b'iy?\x0e\xd1\xd9n\xfe\xe5\xfd\x1b\xf80\xb6\x81\xe1\xa6Lc\x0fu\x12{\xf0\xfdx\xa9N\xdd\xdd\xd5\xec'</t>
  </si>
  <si>
    <t>b'\x92-_\xef\xea\x0bdB\xc3h?\xc3,\x1a&gt;2\x06P\xeb\xec\x95\x0e\x9f7\xf7\xc4\x01\x00\xfd\x1c{\x91'</t>
  </si>
  <si>
    <t>b'\xdc\x9a\x7f\xf52u]\x01\x0c\x04~X\x9f{\xfe\x95}P\xd1\xf3\xf2\xb3EQ\x0e\x05WR\x9b\xf5\xae\xe3'</t>
  </si>
  <si>
    <t>b'8\xc3\xc5L\xb4,c\\\xe91\x9a\xc9\x04=\xc8\x89\xce\xd6\x1e\xdb\xf2n@\xa64\xccv\xe5\xc6\xa0\x11\xd3'</t>
  </si>
  <si>
    <t>b"\x8e\xf9\x10\xb0\x003P\xef/\xc3\xbfR)\x90\x8a~T\x8d\xae\x10Q2\xed\x9d\x9e'2e\xd9\x12\xa5r"</t>
  </si>
  <si>
    <t>b"U\xe4\x88\x1e\x0e\xcbA\xb7Fw\xb1]\xde\x8bZ\xc1\xa1\x7f\xff\x9f\x0b6\x8e'\xad\xf1&lt;\xb1c\xbc&lt;\xb5"</t>
  </si>
  <si>
    <t>b'\xcf\x08\xday\x94D\xd5U\xfb\xd2\xc0\xb6_\xb2\x90\x19\xfd\x87\xf1\x1d&amp;\xbd\xbed\x9c2\xde\xe15\xdb:`'</t>
  </si>
  <si>
    <t>b'\x11\xdb\x9b/\x8e4\xd3o\x9a\x1f\xf7\xfd\xbc\x08W\x97\x00\xe29\xb9\xb06\xd2\xd5\xbc\x9c2`Z\x83\x99&lt;'</t>
  </si>
  <si>
    <t>b'\x8b\tb\xf44\xed\x90\xa4a\xc6a\xd6\x99 \xe6\xfd7\xbf\x80*S\x99EP\x9e\x92\x91xLh\xb1\xc9'</t>
  </si>
  <si>
    <t>b"\x9a\xa6\xc2\xcb'\xe2\xd8\x8a\x18v\x85\xc4\x96\xcc\xc2\xe6R\xd3\xe2\x81\x95\x83\xdf\x86\xb3d\x9c\xa7\x87 \xe4\xcd"</t>
  </si>
  <si>
    <t>b'\x1b\x98\x08Y)\xe1+-\x14\xd2!G\xef\xf3\x02{\x05T\xe4\x02\xe9\xe4&amp;x\xf3\x9cG8\x91\x19\xfe\x1a'</t>
  </si>
  <si>
    <t>b'\\{\\\x1b,*\t\x91it\xed\x9d#(ek\xfe 7Q*\xfd\xfe~\xfc\xc0\x83Ovx\xabC'</t>
  </si>
  <si>
    <t>b'\xe5~\xf2\xe3P\x89\x17f\x01\xa4\xeb\xb6\xf8?-\xbe\x03d \xde\x83\x0fH\x0c\xf5DV\xd1\xf8\xdf*\x18'</t>
  </si>
  <si>
    <t>382xx</t>
  </si>
  <si>
    <t>b'\x84\xa9\xb1\x16\xcb\xbb\\\xc62\xe4\xcf\xa9\x83\x17Z/\x16\x04(\xf8\xdd\x14Op\xfb\xccA\x8c\xff\xcf \xbc'</t>
  </si>
  <si>
    <t>b'\xc2\xe3OkS5\x8e\x85T_\xec\x90\xc7x\xd6\x87bi\xe9\xe1\xd7\xa6\xea\x15p\x96\xbc\x0e"\xc5jE'</t>
  </si>
  <si>
    <t>b"h\xde\x9b&gt;\xfbL\x8fj+DAJl,\xd0\xb1\xed1\xa2\x81\x91\xca\xceY'\x93d\xd9\xf6xZ0"</t>
  </si>
  <si>
    <t>b'\x97R\x0c\xc9\xceqZv\xf1\x9e\x1cX\x82\xa0\x85/\xc0\xdf\xd1\xd0d\xdc\xee\xf9\xe8\xa1\xdf}\x0f\x18\xe9k'</t>
  </si>
  <si>
    <t>b'\xde\xcd\x03\xacc\x02V7\x1fM\x11\xb8\x12\xa9q\xe3\xe9L\x89\x84d\x13-L\x0e1\xa1\\\xb5\xdbY\xa8'</t>
  </si>
  <si>
    <t>b'\xfe\x90\xc6\ng;\xccEFx\xfc\x81\r\xe9\xa5\x88X\xa0\xae\xbeJ\x16\xf2\x0e\x12\x0b6i\xe8\xc8\x96\\'</t>
  </si>
  <si>
    <t>b'\xa10\x0b\x9ego$\xdc\xe2 O\ryf,\xbe\xfc65\xda\xf9\xe8\x8dA\xe5\x8cbQs\x9b\xe4\xcb'</t>
  </si>
  <si>
    <t>b'\xba\xa0\x88\xf9\x88\xb4DgJ\xe1\xcfU\x12YZ\x03\xb3\xcc)\xdf\xfc\xf5\xb0\xf3\xc1\xfd\x9d3\xa57\x82\xad'</t>
  </si>
  <si>
    <t>b"\xa8\xdc,X*\xd0sa\xd2\x84\x80;\xdf\xb2\xc5r\xff\x85\xb1\xbb\xb38'?m\r6\x9d@\x02\x1e("</t>
  </si>
  <si>
    <t>b"\xed\xbd\x18\xe1\x1e\xff\xd2\x14jYZ\xef\xb8\xb4\xa5!w\xa5&amp;\xc6\xaa)\x8f\x9e\xf9\x15\xee0\x8f'\x00#"</t>
  </si>
  <si>
    <t>b'21)\xecdm9z\xb7\x12l\xd7\x87\xd8]\xf5\xc5\xb66\xa7-M3\xb2\xdf\x1eq\xc7\xd5\xaa\x82\x18'</t>
  </si>
  <si>
    <t>b'\x86m\x99"*r\x98\'\xdb\xa4\xedd\xa9\xf8\x90\xe5H\xca\xb8\x1e\xed\n\rF\x8d!\xad\tf81s'</t>
  </si>
  <si>
    <t>b'\xa0&gt;\x8a\x9d/\x1d\xb2 \x8at\xee\xe9|\\R\xa1\xed\xa1q:M\x8drK\xe4r\x1f^\xe6\x112\xe7'</t>
  </si>
  <si>
    <t>b'\xa8o\x9a{\xbe\xe8\xdd\xba\x08\x1f\xaa\xd7\xe9\xc8\x03w+\x07\xbeu\x8a\x9e\xcc-\x12,\x85\x90\x0e\x95\x14\xa1'</t>
  </si>
  <si>
    <t>b'\xd2\x9e2l\xa9\xdb\xd7}\rl\x96\x83\xcd\x1e\xdd\x96\xbez\xfa\xc0\xfd\x8bp\xee\x1b\xeb\xc9\xf7e\x806"'</t>
  </si>
  <si>
    <t>b'\x9b\xc9\x92z\xb7qDrRP9\x81\\P\xd1S \x82\x1d/\x99b\x87\xd2.T\xe2a\xf9b\xcf\x10'</t>
  </si>
  <si>
    <t>b'\xc6A\x81I&gt;\xe6V\xc0\xa4o\xc7\xf3z\xce\xb4\xd5\xa0#/i\xe7\x1f\xa7\xbe\xa71\x81!\xe5\x8ctE'</t>
  </si>
  <si>
    <t>b'\xd6\x94+\r\x86P\xb2\xe4\x86\xce(&gt;nr\x082H\xfbB%\x1e8i\xa4A\xc6(\xc9\xf5\xe2!\xa3'</t>
  </si>
  <si>
    <t>b'\xce,Q\x1f\xe9O\xa6\x11]B\n\xedWwf\xe9^\xcb\x9e\nv\xa46\x19\xdeq\t\xfc\x1f.`\xdc'</t>
  </si>
  <si>
    <t>b'#B\xa5U\x01=\x18\xd0\xdbc\xa9K\xc5\xbad\x8f\x04\x98\x8b\xdb\xfc\xc2`\xb0[a\xd0\xffT\xea\x15\x95'</t>
  </si>
  <si>
    <t>b'\xd7\x19`*\xe4U\xa2mrs\xaf&lt;\xe0\xb42\x0c\xbb\xa74\t\xd6\x1045\x9e8\xb1\xe8\xd3%^\xb0'</t>
  </si>
  <si>
    <t>b'\xd0\xf3|\x1b\xdb\x9d\xe4?\xb4\xe3dja\x11z!\x81\xa8qre9\xb8\x13\xe1"\xe6!\xa7\xf2s\xf0'</t>
  </si>
  <si>
    <t>b'\x13\xdf\xce\xdb\xf4\x91B\x0c\x9c*A\xab\xffF\xa7g\xa3\xf9l\xceM\x8c\xe1\x1e\x971\xa8\xfe\x84-+_'</t>
  </si>
  <si>
    <t>b'\x07\x16[\x84\t=\xcd\xe7\xd0\x89#\xda\xd8e\x1b[\x99\xf8\x83\x97t\x0c\x966\x8f\x99tB\x99\x93\xdf\x13'</t>
  </si>
  <si>
    <t>b'\x02\xdbhu\xe9\x18+{\xbdG\xbbQ \xf6L\x84\x8b\xe6\xb1G1\xf1\\ o\x06\x91\xfb%QY\xe3'</t>
  </si>
  <si>
    <t>b'2\xd3x?\xba\xa8\xe6\xeaA\xba\xc4\xe9}\xe2*\x15\xfe]-qQi\xe1\xea\xc1S:A\xbcA\xfev'</t>
  </si>
  <si>
    <t>b'\x89\xe6nbG\x1cS|\x17\xee\x91wJy5\x8c\xce\x11\xce\x05\xecE\xc5\x1c6EB\xcc\xf8\x1f-!'</t>
  </si>
  <si>
    <t>b'j\xf1*\x8a\xc9\xc1`\x9f\x9bW\xef\xce\x05\x91\xea\x8fj\x01\x91\x99,\x91\xafty(\x7f\xa3\x91!\xaa\x01'</t>
  </si>
  <si>
    <t>b'W\xa4f\xbe&amp;\x9a\xfd\xdbW\xcc\xdf4XL\xd7\xfe\x08\x04&amp;\xe9\xda\x83CL\xc5\xa4\x1a\xfe\x01+T='</t>
  </si>
  <si>
    <t>b'\xf3S\x9aU\xbfw\xe9\xfc\x7f\x9a\x89n\xa5\xd0\x9d\xa7\x19\xd1\xf5\xac\xe2\x13&lt;\x11s\x03\x8a \xber\xff\xc7'</t>
  </si>
  <si>
    <t>b'\xad\x8bI\xea\xe8\xca\x85H\xa0\xa5\xc2\x9b@[\xefg\xbc\x8c\x83\xd2A\xde`\xea\x8b\xee\x99U\n\xf4$\x02'</t>
  </si>
  <si>
    <t>b'\xb6\xbc\x98\xe8g\xfe\xfc\xc3=Q\xb8C?,\xb7\xd4J.\xc6%\x1b\xbcj\x1a\xc1&lt;\x95\x13\xc4\x15#\\'</t>
  </si>
  <si>
    <t>b'\xc9/l\x06\xcc\x01a\x1c\xc8U4\x9f\x96%tUMWla\xbbZVy\x1b\xb6*\xbf\xd6X.\x11'</t>
  </si>
  <si>
    <t>b'\xf1\x17\xc0\x91\xea\xefS\xd3\xee\x8d\xbdC\xa7\xed\x94\\c\x04\x9a9\xa7\x89 \x94@l\x1b1\xb7\xcd\x9e\x00'</t>
  </si>
  <si>
    <t>b'X7+%\xa1t\x85\xb4\x85\x88\x07w\x8b\xc6\xd0\xa8\xb5\x1f\x93\x86\x10\x8d4\x1f{\xdc\x01\xce\xa6bPb'</t>
  </si>
  <si>
    <t>b'\x99\xb52d\xd4\xa3\xb8Wz\x87\xd6\x93\xf9\x08Qhd\xaf \x1a\xfe\x9b\xaa\xfcW\x19\\\x81\xaeA|z'</t>
  </si>
  <si>
    <t>b'X\x87n\xcdZ\x037\x14v*\x97\xb7`&lt;\x10\x95V#\xbb\n\xdc\x86\xed.\x13\xc1\xa8O\x8bg\xd5\xcd'</t>
  </si>
  <si>
    <t>b'\xc2\xfd\xaf\xf9\xbeL$)\xac\xbd\xaaGH^D5o0&amp;\xc5\x86\x9f+\xbeA\x93\xb1s\xcb\xd7I\x05'</t>
  </si>
  <si>
    <t>b'?c\xec\x02\xe6\xcd\xf8\xd5B\xdc\xc9C\xf0\x8b\xbeO\x90\x18L\xb1\x17\x15\xba\x05\xc9\x85y6\xc1\xeb[y'</t>
  </si>
  <si>
    <t>b'\n\xca\xe9\xe0vu\xe5\xc8\x90\x0b]\xf7\xb8\x88\xdc_\xd2\x1a\x04q\x13\x90J\x85\xb8\x1d\x83\xf8\xf1\xbf\xd8\xa0'</t>
  </si>
  <si>
    <t>b'\xeb\x94l\xfd\xbf8\xbc\xabL\x95\xc2\xe4\x07\x02\xb0\xe5\x85q\n\xde\xb3\x80\x9c)\x9d\xbej\xff\xa1(23'</t>
  </si>
  <si>
    <t>b'E\x05\xfe`u\x87\xbf\xd3\x06\x16\x99\xc6d~\xb0\xb0F\x1f?\x85-\xce\xa2\xd4\xca8]h\x8d`\x7fc'</t>
  </si>
  <si>
    <t>b'\xc61\xb1\xebf\xaeI4\xc0\x0b\xda~\xd9\xf4\x84.p\xeb\xddSK\x99\x04&lt;&gt;P\xb2\xec\x1a\x02iO'</t>
  </si>
  <si>
    <t>b'\x02(O\xc7U\xbaSBxf\x8b\x1a\xe6\x92H~\x1f\xd7\x82\x0fO\x90\xd0&amp;\xf1zjA\xe9o\xe1\x91'</t>
  </si>
  <si>
    <t>b'\x81\xa5 \x0b1nfL|R\xb7\x9e\xb9\x9e\xec%c\x97\x97\xee\xbc\x9c\xcd\xd4\x9ct\xb9\x9c\x0e\xe8}\xdb'</t>
  </si>
  <si>
    <t>b"\x08q'\x9fu5\xe0\xe6!&gt;|% `\xc5\xf4\x03\xbb\x93\x80\xdc'K0\x81\x00Z\xdd%\xfc\xfd\xb6"</t>
  </si>
  <si>
    <t>b"A\xf8Y\x9c\x0cg\xb8\x14\xb1\x92Z\xbd\xb0\xf1'\x96\x9bA\xb6:\x01\xe73\xe9c\xb0\xd1\xc7\x95^\x91\xfe"</t>
  </si>
  <si>
    <t>b'\xa8\x9c\xc4\x8e\x1b\x91qfS5\xed\xcb\x9b\n\xd2\xecU\xe4\x92\xd6\x9e\xb2\xd2=\xef\x0b\xa13\x89Z\xcau'</t>
  </si>
  <si>
    <t>b'\x8d\xa1\xe5,8\xa5\xe8j\x94\xe0h:\x8e\xe0-\x1bP\xe8\x0b\x0b\x95\xe8\xe9\xaa\x10Z*z"\x82\xa8\xd6'</t>
  </si>
  <si>
    <t>b'\xab\xfbp\xa8\xbd\x19D\x92\xfa%\x8d\xc3\x8aa\x84\xfaz4\x17\xd6}\xb9N\xa8b\xdb\xa0S\xa0\xb1\xa7\xf2'</t>
  </si>
  <si>
    <t>b'\xcbI\x1d[xq\xf4$U\xfbR\xd9\x7f\xcc\xd34\xb3\x915C\x00h\xa0\xab\xf6\\?\xfa\xfb\xd8\xe5\x1e'</t>
  </si>
  <si>
    <t>b'z\x1a\x1b\xd8t\x0f\r\x1b\x00\xaf\x90[\x07\xd2\xbd\xc7RJ\xcf\xfa-v\x1a\x02\xd5\x98s_\x82+\r#'</t>
  </si>
  <si>
    <t>b'q\x04\x1c\x9dh\x9a\x7fV\x97&gt;\xc8o\x91\x9e\xb0\x0c6\xe9\x8c\x1bPjO\x02\xcd\xde\xcc\xae?\x90\xe2\xdf'</t>
  </si>
  <si>
    <t>b'B\\T\xaf\xcf\x9c\xab+.\xd9\x1a\xfe\xaeuk\x9f\x0f\xf8(\xcdL\x07\xe0\xd4Ig\xf7^b\x10\xc5\x93'</t>
  </si>
  <si>
    <t>b'\xfd\xee\x10%\xafJ\x91\xa9\xcaD2\xd8\x8a`\x8b\x91.\xbcM\xc7O91\x8c\x89cz2E\xb9\xe4?'</t>
  </si>
  <si>
    <t>b'\x19\xc1ZL\xd1\xb0\x91m\x89\x1eNW#\xf4\x83V"S\x10\x19\x1fp\xe5f\xa1\xf3\xe6&gt;3[\\a'</t>
  </si>
  <si>
    <t>b'\xd7\x7fP\x94\xdd\xa5!ZwU\x91\x7f\xac\xa5\xa9\x1f\xb2h- \x856\xbao\xf0\\\xf2\xcek\xf1\xd4s'</t>
  </si>
  <si>
    <t>584xx</t>
  </si>
  <si>
    <t>b'P\x19\xd7\xfdz?\xd34~\xdal\xd5\xb9Q\xd5\xed\xf0g\x83\xf1e\xfaC\x95;\xf4_}\x9b\xaf\x9d\x98'</t>
  </si>
  <si>
    <t>b'\xf5\xe3\x88\xf3\x9a\xb8\xae\xadEF\xbd\xc8\xf36\xc5\xec\x1c\\\xaa\xa4\xf3\x0b\xc85\xc0y\xb7\x96P\xdf&gt;\x16'</t>
  </si>
  <si>
    <t>b'\xd3I\xa8\x8a\xcbL\xcb\xb3\xb8\xa7,%S\x80\xbaZ\xcc\x11\xc8\x91\n\xb2L\x83\xeb\x13ocF,u\xb6'</t>
  </si>
  <si>
    <t>b'\xb5\xe9g;\x1b\xf7U\xc8\xe7+\xd4z\x92\x9c\x02&lt;Z\x1d\xbe#X^Z\xc8\x0b cZ"G{\x87'</t>
  </si>
  <si>
    <t>b'\xbf\xee\x8f\xc8\x0c\x19\xc7\x92\x9e\x9d7d\xcdT\x90f\x06\x18\x04\xf6H\xf1\xf0\x82\xa3\xf8\x8dV\xf5\x19\x9b\x91'</t>
  </si>
  <si>
    <t>b'sB6I*\x87\xc5\xac\x84mo|\xa5\xef\x80Zm\xa5\xa5t^}\x9b2%B{\x8e\xcb\x1fw\x14'</t>
  </si>
  <si>
    <t>b'\xdab\x11K\x8d/o\xf3I\x1ewUH\xe7\x14\xde\xec\n\x85\xc9"\xcb\xefo\xb04\x1a\x8ab\x98\xc4D'</t>
  </si>
  <si>
    <t>b'k\r\xcc\xff\x01\xa717\xc4\x8d\x04\x92\xaf\x0e\xb3\x13f\x08\xfa\\\xa3&amp;\xf8\x07\xec\xb8\xca9`F\xb3\xd2'</t>
  </si>
  <si>
    <t>b'7\xf5\xf0+\x1aG\x98@=Y\x81-\x10|hq?o\xa7\xb8vb\xcd]\xb7\xc6\x81\xfb,\x80\x8b\xd8'</t>
  </si>
  <si>
    <t>b'$\x9cC\xd9\xb8+)\x87\x14\x07A\xf1\xa0\xf0\xa1\x8a\x91\x105\xbb\r\xdd\x85Nmv\xfc\x82&lt;\xf2\x1a\x15'</t>
  </si>
  <si>
    <t>b'm&lt;\xe0\xceJ*M\x18\xa5 J\xf4\x13uI!\xdd\x08;\xad|Ga\xec\xf4A_?\xd3(\xf3\x8a'</t>
  </si>
  <si>
    <t>b'\xd4N\x96\xe1\n\xaf\xa1+\x90\x89\x1a+".\xba\xb6\x04Q\xd2\x86\xaf\xafg(\x9a\x8cv\xb8\xde\xdb\xd8\x14'</t>
  </si>
  <si>
    <t>b"\xb8\xb3\xb8\x89\x9b\xaa*\xe9bY'\xba3\xc6\x8aO\xa8S\x93\xa5n\xc3\te\xeaAX\xad\xa7\xff]\xc7"</t>
  </si>
  <si>
    <t>b'\x15\xef1\xbeV\xcb\xae\xb6_&lt;[\xa7\xe6g\x08\x08\xedE\x0f\xbb\x83\xfc\xdf\xa7\x1f\xbd\xed\x04I\xc2a\x81'</t>
  </si>
  <si>
    <t>b'@\xdfv\x07J\x01\xc7?\x95\xb1\x96\xf8\x80\xf6\x8a\xc6&gt;\x85l\x8b\x1a\xae\x06e\xac\xa2\xa6\x0b\x17i\xb5j'</t>
  </si>
  <si>
    <t>b'MD\xcc\x0b\xd1|\x01\x95\xe5\t\xeb\x08\x184\xb3\xc8\x8c\xcdK\xbc\x84\xe4\x0e\x923s\xaa)\xc1\xa55\x91'</t>
  </si>
  <si>
    <t>b'\xbb\x15\x07\xdd*\xeb\x88H:\xe3]36FR \xf7o&amp;S\xa1\xee\x0c\xbcc\xb6\xa19)\x0bi\x90'</t>
  </si>
  <si>
    <t>b'\xf7\xa4\xf3\xfd\x1b4\x1bt5\x96Az\xcbx\xdeG\x85\xc7\x11\x12\x97\xb5"\x16\xa4\xc3\xfcG\xe1\xd4\xe9Z'</t>
  </si>
  <si>
    <t>b'\x02\xcb\x13\xcb\x03_\x0fTJ7?lB\xfb\xa7U. \x062\xa9\x87\xa3\xe8!\xafF\xf5c\x94\xbd\x8a'</t>
  </si>
  <si>
    <t>b'\xa77\xb0\xd9\xbdE\xe4\xf2:\xd5\xd2\xda\xd9\xc1\x8c\x18\x10VjF\x81\x1d\xd1\x8b\xddCpb\x91\xbf)K'</t>
  </si>
  <si>
    <t>b'\x1bT\xd7\xf4#{_\xae\xad\xdd\x99t%\xc8\xddd\xbaI\x11\xc5B\x1f\xa8\x92\x97\x81\x189\x87\x8c\x03\xdc'</t>
  </si>
  <si>
    <t>b'x\x1c\x11(\xa6\x80\xfa\xa4KR3\xe0\n\xd2u\x90\xbem\xe0\xab\xae\xa3s(\xfe\xfb\x01c\xc0\x9cuT'</t>
  </si>
  <si>
    <t>b'!a[s\xcfw\xdf\xb9a\xd5\xa4\xc1e@\xcd\x1c\x00\xa8\x9b\xde^\xe4\x11\xee\xad`\xf0\r\x11t\xd8\xa7'</t>
  </si>
  <si>
    <t>b'\xc1\xf7o\xfb\xa7\x11\rud\xaa\x7fc\x08\xb7\x8c\xbd\xf7\xa2&amp;\\2@7\xe3\xab\xe7\xbf`7b$L'</t>
  </si>
  <si>
    <t>b't\xa907c\xd7P\x1e\xc13\xda\xac\xb4N\xd1_\xd95I\xeaC\x93\x90E \xe0&gt;\xca\xda\xe6\xc4\xc0'</t>
  </si>
  <si>
    <t>b'\xa7G\xfdC|\x10\x82\xacg\x07\xe7\xd0\xdf{\xbe\xd5f\x07\xc0\x13E\x1f\x95\x03\x14(8\x7f\x88F\xa1K'</t>
  </si>
  <si>
    <t>b'\xb0\xb3\xde@\xf9\x7f\xb5\n\x1f\xef\xee\xfc/i(\x92O\x0f\x93\xb2(\x1c&amp;\xea\xd0\xbe{Q\xec\x9a\xcby'</t>
  </si>
  <si>
    <t>b'\xfbq\xd6\xaa\xff\x0c\xc4`\xcf\x99\xf4\xe1.\xc4\x89\x80$\xe2\x00\x14g\x8f\x10\xeb\xdf@P\xd3\xe2\xf8\xdb\xe6'</t>
  </si>
  <si>
    <t>b'\xff\xf8gM\x19\xeb\xc6\xb9\x8a\xb5\x18\xf2p\xa5R\x03\xcf\x18\x0e\xe1FA\xa9\x18\x02\xff\xe5\xcd\x13\x03cg'</t>
  </si>
  <si>
    <t>b'iXz.\x8a\xf6\x11\x19\xf7\x8dF\xa7\xfa|\xf8\xbc\x07\xa3\xb7\xdd=\xc0\x13 \x9d:X\x8c\xf2\xd8\xa5"'</t>
  </si>
  <si>
    <t>b'}%\x8a\x98\xff\xf9*&amp;\xf6\xd9_\xe84eV\xca&amp;\xbe\xe0\x00R\x08\x1a\xe5v\xe9\xf7\x12\\\r\rI'</t>
  </si>
  <si>
    <t>b'\x1e\xc6\x7fW\xc6\xff\xd9\xa4\x9a\x0e\xaaBO \xc3\x0ct\x0f\xfaW|.\xa7\xfd(\x03h.\xcb6\x8e`'</t>
  </si>
  <si>
    <t>b'"\xfeK\xc7\xb9\xae\rX\x17{}\xee\xa1\xc5\xf8\xa8\xaa\xc7\x19\xf5\xd2\x9a\xceU$\xdc\xd0&gt;\xce\xebv\x08'</t>
  </si>
  <si>
    <t>b'7\xaf\xcbPC\x97\xe7#\x04\x1cw[:\xc9\x91\xdeCv\x83\x99\xc2\xdf\xf6\xa5\xe9~\x8b\xbf, \x81/'</t>
  </si>
  <si>
    <t>b"\xbbL\x9a\xafR\xe5\x87\xe1}q\xc7\x8djC'\xe9\x90\x03`~,H\x084\xde\xa0T\xd3\xe4NK\x9e"</t>
  </si>
  <si>
    <t>b'|9\x88\x8az\xe9\xdcM)\x90\xb0\xe6\x8a\xe8\x8c\x9c\x92\x82\xaa\x94\xdfu1\xd92g\xf7\xd3(Y\xfaR'</t>
  </si>
  <si>
    <t>b'\xe2\x1fu\xa6\x8f\xbc\xd5\x1d\x8f\xe0\x97\x1f\xd3\xde6\x84\xa9Q\xddA\xffU\xf6 \x86\xd4\x9f7\xc4\x07Xo'</t>
  </si>
  <si>
    <t>b'\xc1\x86\xcb\xdd\x8eJ\xc7\xde\xcd\x96\xe8\xd5\t\xd3y\x94x\x1d\xf0/P\xf6\x982\xd7=o\x92\x89\xf6&lt;o'</t>
  </si>
  <si>
    <t>b"\xb7y\xa2\xbeQC\xc3\xe4 \xdd'\x8e\x8c\xc9\xe4\xbdb\x90&lt;I\x9d\x19\x8b\xd8\xfe\x12\xa5&gt;\xcf\xe0#\xbb"</t>
  </si>
  <si>
    <t>b'H\xec\xa1\x98w\xb6/\x1b;\xd7\xe1\x85_a\xcb\xb6\x14Rp\rs\x856=X\x88\na\xf9\xf0\x14\x82'</t>
  </si>
  <si>
    <t>b'\xf1\r\x8aI\x0b\x18t h+\xd2r\x03\xf55\x81\xf4\xd4}\xff9\xcf\xe2\xa98\x0bJ\x11v\xca\xbc\xaa'</t>
  </si>
  <si>
    <t>b':0\x9d\xc0\xaa\x92\xc9)\xd8\xd7\x86\xdd\xe4\xcc\x8c\xff?\xdbg\xb5\n\n\x04#W\xa5#\x11\x17~gm'</t>
  </si>
  <si>
    <t>b"S\xb1\xed\xe4\xbf\xae\x81SJ-\xa0\xa7\x96A@\xb1\x95(\x88\x08\x9es\xe02m\x05'9\x93\xf0\xc2\xc1"</t>
  </si>
  <si>
    <t>b'\xd6\x03%\xa3\xdb\x80u\xa0\xb1\xe4]\x0cnlh\xd3\xff\xcb\xfe\x1b\xd8e\xa6\x9bw-\xdd\xc4\x95\x17\xc75'</t>
  </si>
  <si>
    <t>b'vj\xd1\xc5;`\xa4\x85/2\xd9\xd8\xd9F\xd2\x9e\x96\x97\x9cs\x83\xff\xc5}\xcfl)\x87&gt;\xc7\xb4#'</t>
  </si>
  <si>
    <t>b'&lt;\xc4\x82\x96$\x92\x9bi_\xf5\xd3\xd3h{V\x12\xd1b\xedT_\xc76\x98\nV&gt;\xdelh\x99\xae'</t>
  </si>
  <si>
    <t>b'%q\xd9\xb5\x96\x8c!/T^\x9cLC\\\xbe\x1a\x91\xb5\xa3$\xec\xaa\xc1fN\xa7\xd4s\xb7\x80+\xbd'</t>
  </si>
  <si>
    <t>b'GL\x00\xd6\xec\xcb\x8e\r\x91\xac\x83\xea\xfe\x05\xc7S}\xfd\x07\xac\xc3MH\x9f\xc9\x82e\xb3O\xa2\x8c`'</t>
  </si>
  <si>
    <t>b'\x94\x87o\x1b\xa4us\xb0\xd4\x9a\x99\xf9\xac\xc3\x0b\xd6l\x1d\x03\x0caL\x10|H\xe6\x8a\x05\xff66\xf2'</t>
  </si>
  <si>
    <t>b'\xcc1\xeb\x9e$-,b\xcca\x0e\xf6\xbejsN\x0e\x88A\xe7\xc3\x1fe9\xd7W\xf2\x9e\xee\xef\x8b^'</t>
  </si>
  <si>
    <t>b'\x04(\xc3\xf5\xe2M\x80I\xcc\xdf]\x12\x18\xee\xc6\x15E\x95\x86\xbe\xe9J\xa5\x1d]5-We\x18z*'</t>
  </si>
  <si>
    <t>b';@\xb3\x82\xe5\x03\xba\xa4k\x12\xab\x14\xb6\x02\xeb\xd0\xb6&gt;\xdc\xea\xbd\x0eC\xc4\xda\xfc\xa6\xd3nO\xf4U'</t>
  </si>
  <si>
    <t>b'\xb7M\xa2 y$\x14\x80z\x16\xda8u\x92\x82M\x00q\x13\x16S\x86\xbe\x12\xa2\x88g\x14\x03&amp;\x8f`'</t>
  </si>
  <si>
    <t>b'\x8c\x11S\x02NFI\x15\x11\x9eEM\x8c\xe9\x9f\xe8\x1b\xb1\x9fG\nJr\xe8lk\x15D/\xf0,['</t>
  </si>
  <si>
    <t>b'\x82\xa3\xe6Y@g\x86].Z\x9e\xbb\x8a&amp;[z=\x18\xeaA\x8d\x13\xd40\xd2\x16\rclc\xf7\xb4'</t>
  </si>
  <si>
    <t>b'5@\xa1\x8e\x9do?f\xad\x80\xed\xee;\xf2\xf6\xbc\xe8U\xdeD,\x91\xf0\xad\xd7\xd9\xb8\xed\x11\x93\xc7\x86'</t>
  </si>
  <si>
    <t>b'5\xa1\x940\xbf{\xe6\x08\xc2\x1b\xf1&gt;\xd6\xaa\xed\x98\x9f\xaer\x16&amp;c5\xccx\xe8\xccH\xfeE:\xb5'</t>
  </si>
  <si>
    <t>b'L`\xdb\xb1\x1c\xe0\xe1\x9e\x89\x94_\x19P\x88\xfb\xc8\x0e\xac\x97A`!}\xe49 \xd3\xd0@\xb5Fs'</t>
  </si>
  <si>
    <t>b'\xbb\x00\xc0\x16.\xf5\xf7\x85\x07\xa3\xee\x0c\xa9\x9eQ\xf7\xc2\x05\x98 jd\xb4"\x06&amp;\x06r\x9c\x9f\x81\x85'</t>
  </si>
  <si>
    <t>b"\xfb_\x15\x93a\xc6\xa8\xa8\xeah\xd2\xb3\xfb\xd6~\xc4\x00\xbc\n\x9aD0'\xc7CX\x01@\x97\x85'^"</t>
  </si>
  <si>
    <t>b'L%5\xe8\xa7q\xd0\x9e\xd4\xbd\x83\xb2\xe1`_\xa4\xdd~\xd9\x9d\xd7`n\xb9\x12\x05\xb6\xb9\xf0\x8f[\x96'</t>
  </si>
  <si>
    <t>b'~\xcc\xa7\xf6&gt;\xe8}\x8b\x8bj\x18\xce\x0b\x88f(\xfc\xa38\xbf\x9b\xb31\x7f7_\xb1\x156\x1d\x9b='</t>
  </si>
  <si>
    <t>b'\xc8\xf2\x00\xc2\xe6\x1e\xa8\x8b\xdc4\x84\xf6\x03&lt;\xd5\x87\xc0\xe5\xb3\x95ub\x06{\xe5\xb00&gt;n\xa6_\xaa'</t>
  </si>
  <si>
    <t>b"\xe4\xb6R\xe9\r'Y \xec\xe0;\x07i&gt;v$\x13S\x87T\\\x06\xe9q\x83\x84Kq\xc95&gt;\x80"</t>
  </si>
  <si>
    <t>b"\xaf2E\xef\x91,\x12m\x87\xc8\x9fR\xc8|'\xb2\x04\x84E\x8b\xf5\xd0&amp;\xd8\xc4~\x11\x9f\xa1\xd3\x06\x17"</t>
  </si>
  <si>
    <t>b"\xe6\xef\x8f\xf0\xb1f'T\x7f\x1f\xec\xadd\x13\r\xfc-\x1e\xfb\xc5\xfcF\xb8\xfa\x85=\xa7w\xa7B\xac\x89"</t>
  </si>
  <si>
    <t>b'\x8f\xcb/@\xe0\r\xa3\x87\xfa\xc6\xf6\x91`\xbc3\xbaH\x81mi\xec\xf2Z\x16\x1cX\xbb\xc1\x80\xec\x19\xb0'</t>
  </si>
  <si>
    <t>b'NK\xcd\x1b\xb8&lt;\xc1\xd2\x87\x8c}jd\xed2\xe9%\xe6\xd3[\xdc/\xcbM\xe0`\x14rPO[\x14'</t>
  </si>
  <si>
    <t>b'm\x08*\xa6\x87T2\xef\xabt6\xffi\x9a2l\x93\xe5\x87\x86\xb2\x9d\xe0\xa4\xdbP\x86e\xb6gq\x10'</t>
  </si>
  <si>
    <t>b'\xe2\x14\xfc7\x13&amp;\xd2\x05\xad\x08ZZu4\xd9\xee\x90\x8f\x99\xc6hR\x83\x90\xecun\x93a\x86*x'</t>
  </si>
  <si>
    <t>b'2\xf1\xaa\x7f\x00\x18\xb5XuH\xd7&lt;\x0c3\xe7:\x96\xce[\xed\xff\xc6\x9c\xd8pB`&amp;\xf8m\xdce'</t>
  </si>
  <si>
    <t>b'\x14\xc3\xf2\x96\xc3\xf7YJ\xa6\xb2\xc1\x95\x9ev\xaa\xa84G%m.\xa4\xc4\x1cY\x95\x1d\x92\x1b\xbb\xed\x96'</t>
  </si>
  <si>
    <t>b'\x00\xc9\xa3\xa4\xb6\x190\x9e:()&amp;\xf4\xdb\xe4e\xf15\xc1VVq\xa4\x99mK\xdc\xf9sM\x8b\x94'</t>
  </si>
  <si>
    <t>b'\xf5q4\x1beC\x82\xf0\xe4)\xc9Gc\xbdX\xe8\xd3\xb9\x8d\xf0y\xecy\x05\xdc,\xa9\xfe\x90\xa9`\x91'</t>
  </si>
  <si>
    <t>b'\x11?\xa4m"\xdd\x94\x8a\x9de\x80\xbd|\xdf\xb15\x9c#\x8d\xe2\x93J&amp;\x92\xc8\xf8\x8eL\xa1\xac\x83\xf0'</t>
  </si>
  <si>
    <t>b'\xb4\x1e.(\xa6\xd4\xf3\x88\xe21\xfb\x9a\xde\xbf\xc3.\xbb\x111\x0f\xff\x90\xb1\xda\xbfy\x16\xbeP?T\x13'</t>
  </si>
  <si>
    <t>b'`\xd0\xaeXd\xa2\x08\x12\xa6Q\x11s+\x0c6\xdb@\xc6\x97x\xa3\xab\x98\xa7\xbc\x91\xa0\xd6j\xb3/t'</t>
  </si>
  <si>
    <t>b'\x99P\x19\x96\xf4\x83\x89\x9a}u\xbe\x93\xae\x9a\xa9\x1e\x07[\x94\xcf\xac\x89\xafH\x00\xc4\x93\xf0u\xb2\xcf\r'</t>
  </si>
  <si>
    <t>b'\x9b\xb9D\x1dK\xa2\xc3\x90\xcd\xb1\x88\xdb\xe9\xae\xe1\x90P\xb4Ky)\xa5DxU\xc1vD,\xd71\xb6'</t>
  </si>
  <si>
    <t>b'\x1eg\x8f\xbf\xb8\xe3\xb7uz\xbf\xc1[\x8f\xa8E\x1d\x82l1/\xc2f!\x19\x14\x9e\xbfl\x13\x87\xf6\x98'</t>
  </si>
  <si>
    <t>b'\xc2\x13\x05\x81\xdd\nL\xa01\xbe"\x95\xffJ\xddY\x92m\x9du18h0l\xec\xae\xea\x89\xf5\xb8"'</t>
  </si>
  <si>
    <t>b'\xaf\xae\n\x81\x8a\xac\xc0\xc6"\xb7\xb2\xa7?\xcd\xd8\n\xf4\xba\x98\xb3\xfc,\x8a|\xf2\xe5%i\xbf\xf8pH'</t>
  </si>
  <si>
    <t>b'$\xaa\x024#\xd0\xb8\xc7\x8d6\x8e\x0b\xd9b_\xd8P\xca\x1f\xfeM\xe2j\xf4@V\xe3\xb8\x15\xd3A\xbf'</t>
  </si>
  <si>
    <t>b'\xd1\xc1\xec\xc2\x0c\x88\x7f\xf7\x04\xff\xd5f\xfb\xfeuv\x8d\xf6S\xd8\xf5F#\xe8vK\xbb~N\xe3\x08\xd7'</t>
  </si>
  <si>
    <t>b'\r\xc6\x80\x7f\xdc\xf9u{\x0b\x97\xe1\xb2\xf6\x96\xccO\xb3\xe8\x19\xb5@f\xf9\x1e%\xff\xa6\xadP\x95\xc66'</t>
  </si>
  <si>
    <t>b'\xcd\x16\xd8]\xd6L$\xf9\xbd\x06\x8c\xd7\xed\x8c\x10\x14[\xc8}*\xee+\xc8f\x13\x9c\x7fb\x86\xbd\xf0\x90'</t>
  </si>
  <si>
    <t>b'\xe5\x1a\xf9\x8d\x93\x16\xfd\x8a\xe0\xca\x05^\x90\xee\xc0\x0e\xe4&gt;\x86k\xf0q\xc7)\x8be[\x91\x86\xc6\xe7c'</t>
  </si>
  <si>
    <t>b'|\x94\xc6y\xf6?\x0cv\x0fs\x1d5\x90\xd2v;\xa6\xfd\x85\xc5\xfe\xc8[\xf6\x1f,\xe0/r\xfc\xa5\xff'</t>
  </si>
  <si>
    <t>b'\x83@1\xe8`\x8a\x80U\xa6\x92\x00\x8d\xea\x9f\xb6\xb2\x82\xbeU\x10DZ0\x81\x15$_Ps:\xb3q'</t>
  </si>
  <si>
    <t>b'b\xf6tr\x91\xab~S\xe6\xc1\xc5\x04\xe0\x02\xa2(\xd8\t\r\xfa\xde&amp;$9:+\x9d\xe0qS\x1d\x18'</t>
  </si>
  <si>
    <t>b'\xea\x8b\x16w\x81\xe9\xefe\x01\x9a\xf5\x02\x1f\xed\xbaxE\x17rZ\x81I\xb6\xe8/\r\xb6fxf\x9e\xfe'</t>
  </si>
  <si>
    <t>b'\xca\x97\x01\xc5}\xa3u\x1e`\x8d\x96\x05\x1b\xc7vG\xbd\x8b\xd3\x92j\x9b!D\xf99\x1bFp$\x8c\xf2'</t>
  </si>
  <si>
    <t>b'\x08\n\xfbgyH\x12\x90W\xcd\x1f\x13)T\xfd\xcb\x89Y4\x9d\xb0\x96l\xd0\x92\xc8\xbcv3\xc6\xfd\x80'</t>
  </si>
  <si>
    <t>b'iU\tB\x7f_6\x1a\x16i\xe8\x13\xd3\xda\xd6Fu\xae\x9b\x90 R\x8e\x93?8q0\x1a\xef\x02\x1d'</t>
  </si>
  <si>
    <t>b'\xf7\x850!z\xeb\xa4\x94\x8f\xf0\xca\xe0\x1bB0l &gt;\x0e\xcf85s5(\xad\xff:\xff\xdc"E'</t>
  </si>
  <si>
    <t>b'y\xd9\xb0\xdf\x17R\x89R\xb5\xa82\xa4\xdcT\x12\xb7G\x19\xf4\x18\xf7\xcd\xa3\xf6\x99\x1f\xb3\xd8\xbb\x98\x15\xd6'</t>
  </si>
  <si>
    <t>b"9\xe3\x96\r\xe4}\xbd\x183r3R2%Z7\x99\x14r\x1f7\xa3\xf6%\x13\xe2'jW(u\xb1"</t>
  </si>
  <si>
    <t>b'd\xa7\xf3s\x87w\x04Di\x92\xed\xecv2\x9e\xbd \xa7K\xfdP\xf5\xbd&lt;\xdf\x82c\x94O\xa6\xee\xfe'</t>
  </si>
  <si>
    <t>b")G}\x04E\xd7\x1d\x89\xd32\xcc\x9f\x8eV\r'\xee/\xd8\xa5Z\xf4&amp;\xafa\x91:\xd4\xa7\xd5\xa7\xa9"</t>
  </si>
  <si>
    <t>b'\xd3\x9eL\xaf\xca\x1f\xad~\xe1\xd8h\x08\x84=g\xcb\xa9uN\xefJ\t;\xc1\xed\x8ex\xa6c\xe0\x1f\x98'</t>
  </si>
  <si>
    <t>b'\x03\xfd7\xb7GN\x8b\xf3\x16\xd7:\xd5\x87+\xea\xa7\x0c\xdc0\x0f\xc9\x06y\xa5\xbd \xeb\xe6]\xfb\xc8\x14'</t>
  </si>
  <si>
    <t>b'\xf6\xd6\xf4\x91c\xa5\x14S\x1a\xdb\xbb3\x7f\x81\x9c\xc36\xc2\xdf^\xa7o\xb8\t5X\xc1o Ik\xa1'</t>
  </si>
  <si>
    <t>b'~\x1c\xed_\x7f\xbfJ\x0c\xf6V(\xb9P\x83\xdc=\xe7@\xf6jB\xcfz\xd0\xed\xfe\x15\x8d\xb4&amp;#['</t>
  </si>
  <si>
    <t>b'")\x17\x8b\x8fN\x05\xa9\xa8h\xc1\x10\x06\xe5U\xcd6\xcb\xcf\x1dBd\xe2F\x8c\x98\xb6V\xba\xfa\xed$'</t>
  </si>
  <si>
    <t>b'\xa1^n\xa9\t\x0e\xc2\xaa\xed\xa7YS8\x01\x13\x93\xead*\xc2\xa4\x1e us\xbdjgG\x0b\x84\x95'</t>
  </si>
  <si>
    <t>b'\x19(b\x0f\xe7)%\xd3\xc5\x19I\x8cj\x9c\xef\xe6\x0f\xa7\xb4"\xcb\xeb3}A\x17ET\xa5\xdcHU'</t>
  </si>
  <si>
    <t>b'pyP;\x9a\xf2,+g\xff`\xc9\x01V\xc9\xddf\x12\x05\xe1]\x1b\xc9\x96\x97\x1bpC\x11\xd4\xc4|'</t>
  </si>
  <si>
    <t>b"\xbe\x86\xaa\xd0{\xb0\xfe\x964\x1a\xfe\xfa\x8e\x1a^\x07\xb7\xb0\xe5_\xd9/\xeb\x15\xe7 {\xddb'0\xc9"</t>
  </si>
  <si>
    <t>b'\xd7\xdd\xf3\xc1\xc8)\xe9\x9f&lt;\xbc\xf1\xdfk\x06\xc9n\x7fQ\x07T\xfa\x99\xdc\xb8\xb4A\x00\xc2\xd0\xf9\xa2\xfd'</t>
  </si>
  <si>
    <t>b'K\xa5\xeb\x0ep\x99i+\x05\xf3\x82\xc3W_j\x92\x7f\xe4\x16fy\xc3\xd2&gt;\xdc\xcf\xbd\x9c\x16\x1cG\xaf'</t>
  </si>
  <si>
    <t>b"\x19;\x06\x0b\xbf\xc5x\xb0\x0c\x92'\x84m\xdaD\xde\xc5\xd9_\xe0f\x88\xd3\xc1&gt;`\x81!\xb4\x08\xc0I"</t>
  </si>
  <si>
    <t>b'\xe1\xe1)\xe4\xda\x19W\xf0\xe0\xd7\x0c=\xab\xdc\xa9b\x9a\xba\r\x9ao\x16lp\xd7\xa2\xda\xd5.|%O'</t>
  </si>
  <si>
    <t>b'8\x9a\xf5\x89\x7fEk\x9e\xd6\xc2\xe2\xfe\x9e\x98\x0c\xc0g=\x17\x1e\x19R\x8a\xdc\x9a\xdf\xf5D9\x83\x11\xb6'</t>
  </si>
  <si>
    <t>b'BR\xcf\x81$\xa9\xfe\x07\xd56\xf6\x9bU\x17Hm\xee\x1dS\x14]\xcf\xc8R\x89\xaf\xd1]\xba\x06W\xc4'</t>
  </si>
  <si>
    <t>b'p\xc0w\x1c\xb8\xe3\xdd\x0e\x17\xb2\xbeW\xe6\x821\xe8t\xb6\x13\x9e\xd1#\\\x1c\x0e\xd7\xab\xd6\xdb]\xb3n'</t>
  </si>
  <si>
    <t>b'\x9b\x06D\x1c\x15\xf5\xd3_&amp;\x03\xd7m\x830q\xf7VQ\x0c\xfa\xf0\xef\xdb\x1e\xf5\xc2*bh\xa0\x87\x17'</t>
  </si>
  <si>
    <t>b'zY1\xc5v\x1bz@j\x01\x0b\xb9\xe3\xb6\x154\x848\xdd%\x12\xceD\xc1_\x8e\xdd\x9a\xaf\xc0\xb1\x07'</t>
  </si>
  <si>
    <t>b'}\x1b&lt;\xd3c\xb4\x1d\x1e\xcd%{\x05M`\x0c\xfer\xa9\x88\xf2m\xed\xd9_\x92\x9b\x026\xfc\xd1&gt;\xdd'</t>
  </si>
  <si>
    <t>b'\xca\x1f&lt;\x0e\xac\x85\x82\x08d\x9c;K\x85\xeb\xcd7\xd8\x1c\xec7f\xc6\xbd\xff\x0e\xb5\xaf\xd9\xe2\x0b|\xc0'</t>
  </si>
  <si>
    <t>b'P\xaf\x05\x99\x80\xbe?\xbc\xec2VT\xcc\xb2\xce\xd54\xe8\xa9L,\xe3\xd7p|\xcd\x11\xd6\x15z\xe5y'</t>
  </si>
  <si>
    <t>b'\xef\xff\xc7+\x8cH\xaa\x9b\x1aj\x12\x89\x17\xbf\xc4\xd4g\xf7\xca$\x9fXu\xd0\xc9\xb8\x10\xed\xa4v\xb5y'</t>
  </si>
  <si>
    <t>b"'\xbcK\xf05L\xbc\xbd\nUC\xc7\x18=\x1f\xee{\xf6\xd6\xb0\x13+\x19\xab~{U\x18\xb0\xbf!\xaf"</t>
  </si>
  <si>
    <t>b"\x18.\xe18'\x85\xaa\xd8\x9f\xfa'\xfd\x91B\xa0#\xe9PhJ\xf4Du\x94z\xb6\xef\x99\x12\x06w\x04"</t>
  </si>
  <si>
    <t>b'+\xcc,\xc8\xfd\x8aU\x1ai\xb0\xe6\xad\'\xbe\x93\x93\'\xe6\xc5$|\xc8"\x9fq\xc6\xba\xd9lf&amp;Q'</t>
  </si>
  <si>
    <t>b'\xec\xcc\xd1\x06a\xfe\xa8\xea\xd9Y\xf4!\t\x84\xbb\xbd5W\xef\xeb,\x84\xdca`\x11\x7f\x1eF\xa8\xe2\xc9'</t>
  </si>
  <si>
    <t>b"eh \xdd\xbd&lt;|\x1dn6\x92\xe3\x93}m\x03\xd2\xea{LK\xda\x11\xdef'\xdc\x1dg\x02\xc1\x0e"</t>
  </si>
  <si>
    <t>b')\x0c\x14\xee4q\xa0\x17A\x88\x03\x93\xc92\xb8\xdd\x9e\x16\x96\x0b\x7f\xde\x11v%\xbf\xab\xeb\x9fi\xbb\x8e'</t>
  </si>
  <si>
    <t>b's=_\xec\x7f\x03\xa53\x1c\xe1\x86;\xdb2\x9d\xb0\xa0O\x81\r\x8c\x80v\xbc\x85\xed\x00\xd6\x1eKT\x8f'</t>
  </si>
  <si>
    <t>693xx</t>
  </si>
  <si>
    <t>b'\xfaV\xb5\x95A\xf8\xa4\x06\x8f6\x8e\x92!\xf5T\xa2\x91\xba\xca=~\x8e(\x1bR\xe8\xf38\x15w\x99\xd9'</t>
  </si>
  <si>
    <t>b"\x8f9\xd2)\xbbn\xe1nc\x91=\xa8N\x1d\xf3\x05'\xa7^\x81|@\xc8m\x0b\x90\xfd \x0c\xe7\x04\x98"</t>
  </si>
  <si>
    <t>b'\x8a&amp;\xb3`\xc4)\xd9aR\xc5\xf4b&gt;\x87\xb8\xea\xdb.\xd1\xd6\x86\xe6\xb1\x90\x92\x08\xe3y!\xae\xa3\x05'</t>
  </si>
  <si>
    <t>b':\x86\xfa\xce\xb8\xfe&lt;\xec\xd7\x1dC\xbd\tT\x7f&amp;\x197~\xbf\x94\xbc\xc3\x92\xb6\x01^r\xde\xbf%\x98'</t>
  </si>
  <si>
    <t>b'S\xde\x15\xd5.\xd2\x03\xcf\xf9\xc9\xf5\xc4\xfd"\xe0\xda6\xb2\x88\x1a\x80\xa2=\xcd\x8f^c\xbaF%\xf6\xa3'</t>
  </si>
  <si>
    <t>b"\xdft&lt;\xf0\xb0\xa9\xb1&amp;Gj\xd4\xc2\x14[\xbcn'\xb7\xcf\xd3\x1b\xa8\xa7\x80`\x9a\x8f\xbe\xb2\x15\x9aP"</t>
  </si>
  <si>
    <t>b' \xa9\xe1\x89\xea\r\xf5;[\xe8A\x98\xd3\xf1\x12\xf5\xbd^\xe2\xee&gt;\xff\x8cj\xa9\x1ba\xe6\xfdp\xb2?'</t>
  </si>
  <si>
    <t>b'S\xcf\xc2\x8ag\xae\x9db?K\xd6`\xd0\xd6\xe2*\xc26n\x05\x14\xadHI\x14\x14\x8f\xc6\xa4xz^'</t>
  </si>
  <si>
    <t>b'\xd1\x98\x0c]\xc3LP\xa0O\xf8\xef\xa9y\xef\x00wkM\xe3\xaeb\x16\xa9\xfd\x0c\xfcU[\x9a\x16\xe6w'</t>
  </si>
  <si>
    <t>b"\x1cHV\xf5J-\x80\xb4\xc9\xf7sC\xe9z\xe5Pe\x93\x9ec\xcd\xb6\x92\xc3n\x0c=\xd95'T\x1d"</t>
  </si>
  <si>
    <t>b'^nj]\xa7\xfb\xfe\x84`\x83JW\xb2\xada677\xc2\xee;b \xf1n\xd2\xe4\xa7\xb1\xec\xa7\xc8'</t>
  </si>
  <si>
    <t>b'\xc1\xe56l\r\x1e&gt;\xb1\\\xc1\x8b\xd8"\x15\x8b\x1b\x80\xab\xb6\xd2\xc3\x96\x9c\xef\xee\xdb]9\x99\xae9\xb1'</t>
  </si>
  <si>
    <t>b'_\x95\xb8\xf8\xc1\xfb13U\xec\xb1\x99\x983TH\xce\xe4\xe0\xfc\xfd\xa0-\x124\xcb\xa2\xfb\xea\xcd\xeb\xae'</t>
  </si>
  <si>
    <t>b'x\xf9a0h\xb1l\xa7\x1b X0UA\x1d!\xfe8\xb0\xaf7\x98]\xd6\xa5\x83_W\xfbZ\xb9\xae'</t>
  </si>
  <si>
    <t>b' \xce\x10\\\xa0jM\x07\n\x01_\xe2\xa1\xf7T\xb0\x9eVI[x:\xacm\xac\xaf)\xc2\x1c\xc9}\xc4'</t>
  </si>
  <si>
    <t>b'"\xca\xf7\xbe\x024kxu\xd0\xab\xc3t\xb0\x8fk6\xde\x86 !\x04\xceu\x03\xa1\x12\xea\xa8\xd5\tg'</t>
  </si>
  <si>
    <t>b'\x86c\x90\x97\x98\xa9\xd2\xe977\x03\xf6}\x17\x9e!\xa4\xaa\x01K\x03\x8f\x00\x00\x17m\xab6V\xec\xb4\xd3'</t>
  </si>
  <si>
    <t>b'\x9d\xfc\xe6\xd5\xeb\xdaiy\x05m\xdam\xaf{\x98X\xdeM!\x85v\x0b\xc8\xa5\xfe\x95\x1c\x99uS\x89\x0c'</t>
  </si>
  <si>
    <t>b'\x8d\xe2F\x12|r\xac\xde\x93\xe0\xbc\x99@\xf44\x99\xaa8\xe0\x80E\xf7\xfc$u\x9f\xa2\xcc\xa5&lt;\x17\x8b'</t>
  </si>
  <si>
    <t>b'\xcd\x8eS\xab\n\x86B\x1dD\x07T\x83\xc0\x9a\xb4?\xff\x8bI\xd1\x9b\xcb\xd6\x1f\xb3J@D\x85\xec\xbeW'</t>
  </si>
  <si>
    <t>b'\xa0\xa3xs\x05c\xc4\xad\xad\xb7\xfe97e{\xbf\xe5\x05.\xf7\x98\xbdZ\xa8\xe0]xG\xc1n8\x11'</t>
  </si>
  <si>
    <t>b'\x8f\xdc&lt;m\xe5\xabg^Y_\n"L\x99\x04wP\xb7\xb0\xcdB\xa6a\xcc\xfb\x9f!dFCc\x86'</t>
  </si>
  <si>
    <t>b'\x13\x13:\xbff\x0f\x93B3j\xc1\xc5\xd2\x0e\xa4\xb1\x7fy\t\xc9\xc2&amp;n\xc1\x8e\x8c\xb3i\xf0\x1a\xf0\xfe'</t>
  </si>
  <si>
    <t>b'\xcexG*\x91\x00\x0bZ[\x90&lt;8\xc8\x89\xd9\xa7\xd4\xe4\x01\x92\x8c\\_X\x9f^\xe8z\xd4\x97C\x01'</t>
  </si>
  <si>
    <t>b'\xeb\xe2\x10\xfcN,~J9\xbb.\xf9\x8f(}\xc2\x96\xc9\xec\xbb8\xeb\xa6;\xc3\xe0\x94\x0f\xce\x08\xb6\x7f'</t>
  </si>
  <si>
    <t>b'\xd5\xc9\xe0\xbb\xc7u&lt;]f\x91D\x8b\x8a\xf8\xa3\x84\xfen\xe8m\x9d\xeb=\x8blv\xf3\xa4^B&amp;\xb5'</t>
  </si>
  <si>
    <t>b'\x13\x0b@j\xa9X\x8d\xb5\xb2\x0b\xf6$\xdb\xc7\xf5\x88`b\xab\xbd\xc8\xafb9\n}\x94\xba\xda|\xfeQ'</t>
  </si>
  <si>
    <t>b'\xd8\xc0-\xa4\xda\xb8\x0e\xaa\xb5\xde\xbcg\xd7-\xefC\xd0\xdf\xdf\x02\xb7n\xee\xb4tm$\x1b+\xe8b0'</t>
  </si>
  <si>
    <t>b'#\xb2\xd7@JJ\xdf\x8e\xb8\xab\xa3\xd9\xbc2\xc1\xcb\xacym3l\xd0\xd5lf\xaa\xb9\x99\x8a\xc47V'</t>
  </si>
  <si>
    <t>b'+\xf6\x90\xe3\\\xe0[\xfe\x99\xa0:Z\xe0\x7f\x02\xe0\xfct\xfb\x82&gt;r\x11"\x1e\x7f\xe5\x80K+\xe4E'</t>
  </si>
  <si>
    <t>b'O&lt;\x8a\x91\xa3\xbd\x04\xcb\x1b\xacH\xb1c(\xd0\xbd\xa7\xf6f\x9c\xfe\x15\x9d\xf6-\xa3\xfb\x96\xe9\xd4Ww'</t>
  </si>
  <si>
    <t>b"\x9d\x13\n!\xf5\x1f\xcdW\x03\xcaGW\x02C`\xbf\x8a8\xa2\x98oq2\xeb\x1a\xec\x98$'|\x05\xd4"</t>
  </si>
  <si>
    <t>b'O\xe7\xfcx:6o\x89\xe7\x17\xfe\xe9(\xc3\x7f\xf1w=\x8a\x8d2\x8f\xecw\xe8\xf1N\xb4\x1aM\x85?'</t>
  </si>
  <si>
    <t>b'\x8f\x1f&lt;JYk+\xed\x8a4\xa0jk\xcbw\x94p\xce\x8aq,^\xa7e\xa8\xcc\xa9#\x98\xf7\xfbe'</t>
  </si>
  <si>
    <t>b'\xba\x1c\x94\xe3=\x08D6\xf1\xe8\xcd\xa5\x87&amp;E\xc5\xd3\xce\x96\xd3\xf0\xac\x18\x1a\xda9\x9a\x8d\xcci\xd5\xb2'</t>
  </si>
  <si>
    <t>b'\xa8 VK\x9f?\x1b_hLR\xcb3\xe6\x94\xac\x9f\x12*C\x870 %\x1fF\xa0\x80G\x1584'</t>
  </si>
  <si>
    <t>b'\x1c\xfd\x8d0#9)\x8d\xf05\xa4K8\xed\x1d\xe0\x8c\ti\xd6M\x91\xcb\x80~\x00\xbcv)\xc7\r\x07'</t>
  </si>
  <si>
    <t>b'\xfa\xb68Y72$\xe3\xd3D\xdc\xbc\xd5y\x87\x04\xab\xe4\x9b\xa1\xe2Bz\xdd\xa1\xd0\x88\x0cV \x02x'</t>
  </si>
  <si>
    <t>b'\xdf\xd7\x9d\xa9_\xafw\r i\xb3}\x02[\xdb\xd1hd \xc1\x03:\xac}\xdd\xcdul\xbd3KM'</t>
  </si>
  <si>
    <t>b'\xe0V\xaa\xc9F\xbf$\xc5\x8d\n\xbfT\xf6\x99\xb2\x9e\x00(uR\xca\x8fE\x16\xd2,\xaa\xe6S\xdc\r\xc1'</t>
  </si>
  <si>
    <t>b'\x13/]D\x84\xd2A\xfd\xaby#kg2~r\xc5\x8eb9\xa1\x03\x97\xf7\xf9\x11W%\x83\xe5\x1f\xb0'</t>
  </si>
  <si>
    <t>b'\x10\x13r\x87*\xa4Ylz\x81\xa7\xac*\xfe N\xa9\xe7\xd1N\xae\x97\xcc\xbeH \x13]l\tC\x9a'</t>
  </si>
  <si>
    <t>b'\x0b\x94\x80\xd7\xc9\x1dw\xe0=W#:\x8boJPcY\x85{p\xd0\x93\x96^\xf1e1w\xe9x\x13'</t>
  </si>
  <si>
    <t>b'P4`\xda\x99\x9fIc\x1d\x81c$\xd3\xc34\x95m\r\xa9\x94\xc3\xf5q1:\xd6$\xed\xceq\x83n'</t>
  </si>
  <si>
    <t>b'\x08\x89/2\x1e4a}\xba\xbf\xd9d3X(\xfc\xd0\x13\xcb\xc5\xa4pe\xa4\xde\xdf\xd5\x88\x1e\x1f\xba\xf7'</t>
  </si>
  <si>
    <t>b'\xb7\xe9t8\xb8Y5$\x99\xb3\xdd\xa8\x03X\xf4\xf0\x13\x1ex\xe0\x10\xd1\xb9V\xb7\x02\xf9v\xd3\xab\xd4\x0e'</t>
  </si>
  <si>
    <t>b'\x94\x87\xa3Y)\xe9\x1ch\xd9\xc0Y3\xfa\xc3\x02\xabc\x166\xba"\x18\x7f\x9f\xe8)A\x8fJVL\xfe'</t>
  </si>
  <si>
    <t>b"g\xdd\xfe\xb6\xa0\x85\xe6w\x99\x04\\\x04\xec0\xedU[\xed\xcda\xd8\xb6\xe5G\x94m}\x9c\x7f\xd8'\x15"</t>
  </si>
  <si>
    <t>b'\x87\xa94\xbeC\xed\xa6h\x9eS\xa8?\xb4\xe7ALP3\xb3\x15}B\xf6\xccD\x05\xb8\x84\xa9\x98Gk'</t>
  </si>
  <si>
    <t>b'\xf2\xc7P6\xa6V\x0f2\x13\xd9\xe0C\xa9\xfa\n\xadb\xbf\xf6R\xb4\xca\x9c\x9b\xee\xbf\xb7SzaE\xd7'</t>
  </si>
  <si>
    <t>b'\xd0\xf5\xca\x0b\\Q\x18\xdc\x08\xb1\x89\xcd\xfc\x990Z*\x96@\xf7\x1e\x87Q;\x84\x98\xc8I\xe5O*\x89'</t>
  </si>
  <si>
    <t>b'\xb1\xc3\x07Y\xaaJ\xb4\xb1n\xe3\xa5\xd9\x1bp\xceD\xca\x90\x11\x93\x7f\xa6\x07?s\xb7\xb3`\xe9\xb9";'</t>
  </si>
  <si>
    <t>b"\xb2u'$m\xc0\x90\xab\xce\xbf\x92\xe0\x84\t\xbf}\xb7\xf0\xbb\xa8m\xaa\xd6\xbdZ7\xa7xa}\xe2s"</t>
  </si>
  <si>
    <t>b'4\xee\x1dG\xa6\xf7\xed\x00]\xfe\xac\x06\xcc\xbb\xc3;B\xa5\xb2\xba\x03\x98\xc7i\xcer\x18^\xa8\xacD\xc1'</t>
  </si>
  <si>
    <t>b'\xa6\xd2\xcc\\d\x19\xeb\n\xe5\x0e\xa93\x83\xad\x9fb\x04\xf9\x03b\xf4A&gt;i\x9b\xef\x86I@\xe5\x91\x17'</t>
  </si>
  <si>
    <t>b'|\x89&lt;Y\x14\xb4\xd7\xd1[\x89\xa8\xaa(zL\xd3_,\xa5\x7f&amp;\x9b9=\xd5O\xa3K\xe0W\xb8V'</t>
  </si>
  <si>
    <t>b'\xab+:\x99\xd3v\x98 )\xa6p\xbbwA\x9d0\xddT?x\x1c\xb0\xbb\x8b\xb2\x99\x06\xdb\xba\xce\xa0\xb7'</t>
  </si>
  <si>
    <t>b'/\x98\xfb\xb7\xd5\x8d\xde752\xdc\x15\xcaSC\xb20\x1b\xb9\xc5\xc7\xc3\x11\xc4v\xbf5\x0fg&lt;\xe9\xd2'</t>
  </si>
  <si>
    <t>b'\x9f\xfa}=\x05\xe5}\x16Y\x86\xc8\xe3g\xdb\xb3O\xbfP\x88M\xd3\x0bY\xd6}\xec\x8cL\xfbn\x15\xe9'</t>
  </si>
  <si>
    <t>b'\x05\xe0\x837b\xba"Y\x91\t\xbbb\xf3\xfd\x08\xc1\xadB\xe7v&amp;\xa5\xc7\x9e\xef\x97^S\xab\xa2:['</t>
  </si>
  <si>
    <t>b'\\\xe5\x123\xf3\x88y$\x1f\x95$\x9f\x1d\x96\x83\x02 \xab\x83\x92C\xc6\x84\\U\x94g\x8c%\x85D\x11'</t>
  </si>
  <si>
    <t>b'\xe8\xf0o \x1f\xb2\xea\xcc\xb2\x8b\xc2\xaf4|\xack\xb1\x98\x15\xd2\xb8\xcd\xce}\xb5\x14?\xc3\t`\x0c@'</t>
  </si>
  <si>
    <t>b'\xa8\xa3\xa7\xf7\xf2\xce\x82c;\x1ek\t\x926\xed\x94\x1f?\xa8B\xc5\xdb\xb1\x1c1N\x978\xd3S;\xab'</t>
  </si>
  <si>
    <t>b"\xa8\xbe'\xb5VA\x1a\\-\x96\xcf\xb7\xa7&amp;\xb2\xce\xcc_}4\xcd\x81\xd6\xa4s\x83[\xa6\x9f\xb1\x88P"</t>
  </si>
  <si>
    <t>b'\tU\x1f\x82d\x89\xe3u\x04v\xd0\xa0\x99\x0e\x8f\xba\xf1\x81\tc\x9f\x8e\x8e1&gt;\xa4\x994C\x96\x97\x8b'</t>
  </si>
  <si>
    <t>b"\xc0\xc7\xb8wL\x1aa\x1c\x15\xa3\x9a\xa2\x8aE&gt;\xe1\xfb\xeb\x17\xde\x03\xc2'\x1dw\x97\x16\xe1O\x15\x9b\xe0"</t>
  </si>
  <si>
    <t>b'~j4&lt;#\xdf\xdc2@\x92\x92\xc9c"\xd9\xda\x8f\xa9\x18I\x88\x10B\x00\xd2Z\xa4\xd6\x976L\xac'</t>
  </si>
  <si>
    <t>b"\xa1\x1c,kq$\xe7\xcd\x1f~8#m;&lt;X\x1d\x02r\x08\xbbg\xb5\xa7\x1br\xba\x19\xb6\xd3e'"</t>
  </si>
  <si>
    <t>b'\x91\x07E\xb7?l\x19\xf9j\xa0\xba\x0fb\xb2\xda\xff\xa6&gt;s\xf2-[\xc553\x90q\xad\x02VB\x9c'</t>
  </si>
  <si>
    <t>b'q\xfc\xf9\xedh\x18\x9cF\xeeg\xc1\xf7\x91\xe6%Q\x9f%#\xd84\x11C\xd9%\x97[\xf3\xfeA\xecA'</t>
  </si>
  <si>
    <t>b"3\xf17\xb3\x98$\xc8\xbb\xa6w\x12\xeb\xdc\n\xb6\xb1\xc3D\xa3'\xdb\xa1:1\xff\x11:^\x1b\x07\xc4\xbd"</t>
  </si>
  <si>
    <t>b"\x90\xfb\xdfnb\x08L'?\x0b\xbf\xffzs\xb0\xd5\x1d\xdd\xf6Z\xe4B\x1a\xb8\xa0Y\xca\xbco\xe3\x1b\xdd"</t>
  </si>
  <si>
    <t>b'\x08\xdf\xf6\\\xc4\xaa\x8c\xc8\xcb\xd8A\xaf\xd2\xa0\xa7\x08W\xfb\x1e\x8dx&gt;B\x00b\x02\xd9\x07+\xdft:'</t>
  </si>
  <si>
    <t>b'\x10\xde7\xd9\x1ez\xe9\xd2\x91H\x17bpvrhs\x08C\xbf\xeeE\xdb\x8bb\xf7jhg\xfd|\xfe'</t>
  </si>
  <si>
    <t>b'\xb5x\x886\x9b_6Q \x81\xae.\x00\xcd\x07v8\xdd]\xacca|0O\nn\xec\xd2\x82[\xe0'</t>
  </si>
  <si>
    <t>b'\xdcN\x00S\x13\xb8\xdb\x96\x83\xd8\xe2\x89v?\xc6\x0c\xfcm\xc7\x92hH\x13\\\xcb\x89#\xc7\xdb\xfbD\xf4'</t>
  </si>
  <si>
    <t>b"\x8e\xe0\x98\x19 \xc5\xbe\xbe\xb3kh'\xe0\xb3c\xd5~\xca3I\x13E\x00A\x88\x13\x93\xe3E\x05\xab\xb4"</t>
  </si>
  <si>
    <t>b'd\x0f5\x9bBI\x91\x11\xb6\xc1\xaeQ\xc6\x16n\xd9\x85\xa6\xd6\xba\xc3\xb0\x1b&gt;j\x8aE\x1aK\xc15\x9d'</t>
  </si>
  <si>
    <t>b'\xde\xdb\xdc\xfc4{\xa1\xa8\xcb\x0c\xbb\x89\xf3\x7f\x06i\xb2t\xbe\xd8\xc42\x96\x12\x165.\xd4\xcbR\xca\xe0'</t>
  </si>
  <si>
    <t>b'\x98\x8e\xa8#\xa9\xf9!6\x07Gi\xeb%|_8c\xbf\xd9F&amp;\x05%S\xad\xc0Z\xf8\x9b_\xbc['</t>
  </si>
  <si>
    <t>b'\xe6n\xa1\xdc)s\x93GS\x81C-\xe7zo_\xd4\xfa,C\xa59H`t\xc7\\\x84\xf3:\xa3K'</t>
  </si>
  <si>
    <t>b'\xf2\x8a\xd0J\x84\xc0\xc5\n\xea\xcf\x16\x07\\|&lt;\xf2\xa3\xe2\xb0\x8dN\xc4\xcbp\x06\r\x1d\xc6\x1fw\xebH'</t>
  </si>
  <si>
    <t>b'\xcdpn\x83\x90\x9e;\n\x0e\xd9\xceF\xa6\x1dsM\xcc\x94\xb1\xcc\xd2\xacp0 \xa9\xbf\xc3\x1a@\xf4J'</t>
  </si>
  <si>
    <t>b'?\xae7\x1cP\xb5QB\x04\xd9(\x82\x99L~\xb2\x7f\xe5\xfc)\x7f\xc8\x1f\x96X\xb5\xd3\xde\xf5\x9e\x16X'</t>
  </si>
  <si>
    <t>b'\xa3\xbc\x0eq:(\xc3D\xa69\xd0!\xa2\xa7\x93\x84\xc0\x03}\xc2cD\x86\xb4.\x90\xb9\x9c\x9dij\xbc'</t>
  </si>
  <si>
    <t>b'\x83\xd3E\x07\x85\xb1\xd2\xc2s(*\x8a\xfcd\xa6P\x86\x9a}\x1d\xd2\x85q\xe4\x9e\xb0\xf6\xe7K~&gt;L'</t>
  </si>
  <si>
    <t>b'\x1dC\x06\x1a\x12\x9d\xe6\x96\xf1\x84\x9bd\xa6\x15C\xbfx\x18)\x91\x928&gt;Mp\x96\x07P&amp;y\xda\xb6'</t>
  </si>
  <si>
    <t>b'\xb3\xa2\xf9\xc3\x1aMYNa\xdb\x99\xc5\x82\xa0\xb6\xff\xb4\xb0:\xa0IQ\xf9\x93\x88\xc3#.G}\xc9^'</t>
  </si>
  <si>
    <t>b'&lt;\xc3\xa8\x11M\x98&amp;\xcd\xe2u\xa3&amp;\xc4\xd5QPu\xc4\xf6\xdafz\x94\xed\xec\xf6^\x8a~\xbcd\xe2'</t>
  </si>
  <si>
    <t>b'\xb4a7\xad?\xce\x90l\x0b&gt;\xaa\xdf\xf2\xa8\r\xf9kj\xc6\xfc\n\xa7\x85\x1d\x9fXJN:\n\x88$'</t>
  </si>
  <si>
    <t>b'I^\x1ce\xb5\x97\xc4\x0e\x9c\xd2`\x05\\\xd8\x12\xc4\xf9C\xb5\xebw@\x93uL\x95j\xdb\xf2\xbf\xb1\x1a'</t>
  </si>
  <si>
    <t>b'\xdd\xd7\x14\x11\xbb\x14\xa4L\xf7\xa8]34\x15\xf3\xa4\xd0e\r\xe0\x05\x00:Ab\x99\xeeyj\x9d\xe6\xd0'</t>
  </si>
  <si>
    <t>b'\x1dc8\x9f\x1fw\xc9Qp\xf6.\xd72\xd1\xf5\xf4\x8a\xc9.\x92\xc2;\x12\xa4Z\xbf\xd0\xc1B\xeb\xa6\xcd'</t>
  </si>
  <si>
    <t>b'"\x9f\xc9\xd8zN\x05\xd8\xcf\xc44\xea\x15\xe3\xec|\xb4IX=5\xa7\xb9\x93\xfa=\xf6\x86uj\x819'</t>
  </si>
  <si>
    <t>b".\xc31\xeb\xfeZ\x06\x84\x0b\xb7]C?N\x99\xfb\x19\ty\xd8Z\x1a\xf7r\x0cR\xe1{'S\xb6W"</t>
  </si>
  <si>
    <t>b"\xe1\x11d\x8f\x07\x89[5WP\xac\xc0\xb0I\x84\x96\xc2\xde\xfc\x19\x7f\xa7;\x94'\xe8\xaa\x05\xb4;;\xcf"</t>
  </si>
  <si>
    <t>b'\x02\xcc\xa7\xffi\xff\x00\xb6\xc90\xe2\xadx\xf7!\x1e`d\xae\xc4nJ\xbd\x90(bM\xcc\x8a\x10\xfa:'</t>
  </si>
  <si>
    <t>b'~\x9d\xd2\x9d\xf2\xe8\xb6\xf4\xf6j_\xfcv\x89\xb6\xe6\x0e\xe6;|\xd7\xb8\xeeL\xcf\x88\x18\x81\x16\xbb\x9b]'</t>
  </si>
  <si>
    <t>b"-&lt;\x8c\x10\xd4\xc31\x93\xee\x1f\x9d\xa5t\xd4\xa5\xbb\x9d&lt;\x03\xea'\xd8\xbd\xa3@ `i\xe6\xad\xf3E"</t>
  </si>
  <si>
    <t>b'WJ\x18\xea\xb5\xe8\xa0\xfe\x07@\xba\xa2\xe2\xf5L\\2\xd2VU\x9a\xe0!(\xff9L\xa7c\x93\xab\xc8'</t>
  </si>
  <si>
    <t>b'\x10)\xecC\xcf[\xfe\xda"6\x03\xc5\xf0\xb9\xc0\xbf\xe3\x1d(|l\x8f\xa8\xb0\xc1\x02\xef\xca\r`J\x0c'</t>
  </si>
  <si>
    <t>b'\xd7\xd3\x15X\xfaX\xc2v^\xe0d\x82\xb3\xb2\xe0R\xed\x95\x81\xd0\xa0\xdaa\x9a\xda\xd4y\xf4\xa2\x8ew\xed'</t>
  </si>
  <si>
    <t>b'\x14\x8a\xdan\xc2\xa80&amp;\x16\xf0w\xf4\x9c\r0\xce\xf3\x7f}\xc2p\xd1\x01.\xb1m\xdfF\xc33\xf2\x7f'</t>
  </si>
  <si>
    <t>b'\xeb3^\xf2|\x17\x9f]v\xda\xbe`?~\x06\x12\xf7V\xfc\xd2\xe6\x17VO\x86S\xe5\xa5\xeb@\xbf\xe2'</t>
  </si>
  <si>
    <t>b'j\n][b\xaa?i\xd4\xf3\xdd\xb3#\xdb\x8a\xf5S\t\xaa.a\xc2l2,\xc11\xf1\xec\x97@\xb8'</t>
  </si>
  <si>
    <t>b'\xc7\x84^:^Q\xe2\xf9(j0/s\x06\xe2q\xfb\x95\xbb*\x0eC\xc2\x9e\x1f\xd7\xc1+=\xc4\x81\\'</t>
  </si>
  <si>
    <t>b"H*5\x0c\x91\xcb\xbe]-\xc4{\x85\x87\x8f\xbbb\xf60 \x07'\xf1(/\xbc\xf0m\x1d)\xb3\xbd1"</t>
  </si>
  <si>
    <t>b'\x91g\xc3|\xe3!\xd9\xf0\x94d\xa7\x97\xa2\xd5\x97\xde\xefK\xc12?\xa9\x02\xea\x19B1\x1d\xfb!\xd3['</t>
  </si>
  <si>
    <t>b'\xde\xce\xfb\x91z2\xf7\xd9\xd5F3\t\xc7\xc9\xda\xca&amp;\xdc\xfb)\xef\xb2\x1b\x06\xf7&lt;yLd(\x15\x1a'</t>
  </si>
  <si>
    <t>b'Uw\xcc\xc3\x91Cal\xea\x84\xfbh\xf8\x8a\xcb\xd3\xca\x12\x0e_\x18R\xe8\xff|\x11\x98\x17j\x8a\xf4x'</t>
  </si>
  <si>
    <t>b'\xd1t\xa8\x95\xdd\xfe!\xcd\xb3\xa9\xcf-i\x8a*Y\'\xce\xdc\x9e\xeb"\x11\x99m\xf7~\xd8\x89\x11t\xe6'</t>
  </si>
  <si>
    <t>b'\x03\x8fl\xae\xe0\xf3\xbc\xec\xac\xc4\x03\xc0\xdc\xfe\xc6k\xcf\xaf\xf6\xf9\xb5\xd9\xd4\xafZ@\x1cJ\xcf#mS'</t>
  </si>
  <si>
    <t>b"6\x06^\x83qauE\x17\x0e\xf4\xa1\x9a\xf4\xcd'\x0c0K\xad8\xd7\xaf\xac!\xe0\x1b$\xf7\xfe\x8cl"</t>
  </si>
  <si>
    <t>b'\xcd ]Jh\x18\xb36x\x81\xb2\x94\x85\x10O\xb8M\x9b\xc2\xb4\xe9@\xcan\xa9\x80f\x1d\x0e\x1f\x08"'</t>
  </si>
  <si>
    <t>b'\x17\x17)\x87\xdd\xf3X\xbaT\x11\xfa&amp;\xf7\x95\xc5\xde1\xf0\x9a\xf1\x1d\xa9\xa6k\xdc\x10\xb5\x8c\x8b4#\x02'</t>
  </si>
  <si>
    <t>b'/@\x14\x8f\xca\x8e\xd6xm\x86?\xff9\x99\xcf6\xf3\x97\xd6d%\x8b8\xf6Ow\xdc\xd5\xce\x00u\xcc'</t>
  </si>
  <si>
    <t>b'\xb9s\xf6\t\xa5\xc2\xf6\x1d\xc6\xa6r\xa5:r\x988\x84W\x9a\xd7\x972\xa2\xc1\xed\xe5\xf0\xb6\x19i\xe9\xed'</t>
  </si>
  <si>
    <t>b'\x8f\x1er\xe1\xa0\r\xc0\x99\xef7\xc3\t\x82\x98\xc2\x9c\xae\xbf\xb3}\xc8a\x03L*\xbd\xcdV\xd1E\xa5i'</t>
  </si>
  <si>
    <t>b'\xbd\x9d`4T\xce\xdc?\x81 \xd2\xba\x0ba\xf4\xa1\x8aM\xa1N\xc3\xcb\xd6\x89o\xf99\xc1\xdb0\x07\xf4'</t>
  </si>
  <si>
    <t>b'\xfd\x0b\xcb\xd0\x0e)\x1aq&gt;\x9f\x15=fuf\xd7\x0f\xc4\x0cq\xc6\x96\xac\x8f"\x7f\xd6(:\x06\xf3M'</t>
  </si>
  <si>
    <t>b'T\xd1\x83\xd0\xde\xa4;\xaf\xe3\xa4\xa7\x0fx\xbc\x14d\x11\xcc\xfb\xf8\xfaUv\x8fr+\xb6m\xbe\xf2\x9f\x93'</t>
  </si>
  <si>
    <t>b'B\xf7\xc6A\x8c#\xce\x124\xa7\x16t\xf5\xfb\xa5]\xd4\x96\x92\xebd\xe3\x982\x93d\xe2\xac\xb6G\x0f;'</t>
  </si>
  <si>
    <t>b'\xd0\x92N\x1d\x8d\xb20)\xf2&lt;\x1f\xfa\x19G\xf1\x9a\x14t$7\x04\x94\xa9\xf9\xd2\xc0F\x9c\xf4\x04&amp;\xbf'</t>
  </si>
  <si>
    <t>b'\x80\x8a\r\xab\xd0\x9b\x85S\x8a\xb78Hd@\x12\x07\x8a\x80\xf3\xe7\x03$\\U\x9f\x84\xd8UO\xda\x02}'</t>
  </si>
  <si>
    <t>b'\x89\xa9\x1c\xe4\x80\x1d\xd4+BF\xe1|\xe2\x92w\x19\xfd\xda\xb0\xf5t\x85_QPu\xa4\xad\x1b\xe7uY'</t>
  </si>
  <si>
    <t>b'\x8a\xb2x\xb4\xa3M\xd1\xc0}N\xack\x9f\xec\x8d\x1d1\x82\x93\xbd\xa40Y\xc5\xee\x10\xf3\x89\x8a\xeb\xe0\xe3'</t>
  </si>
  <si>
    <t>686xx</t>
  </si>
  <si>
    <t>b'L\xdd\x19\x9d)\xf1\x86\r\x1dq\xe6\x1a\x1ez\xe7#\x8bU\xa5\xcd\x99\xc7\xdf\x93\xbe&amp;47P\xa8\xe3\x19'</t>
  </si>
  <si>
    <t>b"\x8f\x1c7\x14T\xe4\xe0u\x88d\xb9\x99\xd0\x9cH20r\xf3\xcd5h'H!\x87\x1c\xe6;!\xd7M"</t>
  </si>
  <si>
    <t>b'Jf\xb0c\x116\xa1\xc6\xc8\xe4\x19\x04|\x84\x01\x16\x8d\xea\x85DVWEK\t!\x03\x10.w\xd6F'</t>
  </si>
  <si>
    <t>b'\x18\xff+\xeb\x90\xfa\x85;\xb6\x9ax\xc0\xb0\x87\x17\xb3\xc7Nv\xd8#H\x93\x18\xfc\x12tv\x1d\xe9\xf6\xb4'</t>
  </si>
  <si>
    <t>b'\xb6\x0fF\xf5:$\xff\xd1\x8b\x08\x90\x875@/G\x82\xd3\x9c`\xe4\xc6\xad\x04l\x9e\xa4L\xba\x9cL\x91'</t>
  </si>
  <si>
    <t>b'\xb1L\x0c\xa5p\xe9\xb8\x07\xfek\xd8\x17\x93J\xc11\xaa\x9a[G\xad\x03\xc1\xfb\xce\xe3\x04\xaa7\xe2\x84\xd9'</t>
  </si>
  <si>
    <t>b"\xb6\x83\xd4\x8f\xf6\xa2\xf8\r\xe0w&lt;\xa8\x90\xb1Q\x97\xd5\xd8\xaf\x0b\xe3o'n\xa0m\x9a\xca\xa2\x1d\x15\x95"</t>
  </si>
  <si>
    <t>b'\xe4\xfc\x06\xdb|^h\xad\x7fa\x7f\xbf7R\x0fk\xe4\xb7#\xc7\xd5\x12\xdb\x0c\x8e\xe0+n\xbef7\xf9'</t>
  </si>
  <si>
    <t>b'6\xb5\xef\x8akp\xdf\xb3\xd0+K\xbb\xb1\x92I\xfe+\xb9"\x00\xeb\xaeUe\xbf\'\x1b\xd5\xd9t\xdcV'</t>
  </si>
  <si>
    <t>b" \xb9\x0c\xb0V\xc8\xb7\xa2\xfe\xaf([\\\xdd\x91!\x867n'\x89\tY\xb3\xf1=fbU\x05\xe0j"</t>
  </si>
  <si>
    <t>b'e3\xbe\x1f\x01\x08\x94\xcf\xdd]\x9b^\x03m\xbd\xea\xdf\x07\x96\x01\xf7\xea]5\xef_\xcf\x1a\xe2u\x19\x81'</t>
  </si>
  <si>
    <t>b'q%\x12\x0cY/\x93%I5\xc2\x1a?\xd6\xd0T"\xfb\xb2\x883\xd6\xba\x1e2\x94\\h\xaa\xb7b\xe2'</t>
  </si>
  <si>
    <t>b'm.\x80\x02\xdbt!"\xa2\xb0Cg[=\t\xc8;o5\xd6\xbe\x9d\xa7\xa7\x0f)\x06\xa9/u\xb7\xb4'</t>
  </si>
  <si>
    <t>b'I\x8f)Q\x86\xb5|C\xc3=\xd08Ikl\xcf\x138\xe6\xd4\x0e\x1a8\xa3\x814u\xaa\xab\x84t\xcd'</t>
  </si>
  <si>
    <t>b'\xd9P\xe7\xa7\xefnA\xf1\x0c,i\xed\x12F\x8d\xb3\xbd\x87\x95\x9d{k\\\xab8\xafCG\x17\x9f\xb9&amp;'</t>
  </si>
  <si>
    <t>b'2\xb9\xe8\xd1\x87\xa1C\x81\xc1\x9c2\x8c1\x9ak5+{#\xb6a\xd0\xdbb\x1c^\xecp\x1c\xc1\x14\x85'</t>
  </si>
  <si>
    <t>b'\xb7\xe9.\xcb\x12\x1a!`o6E\x8d\xe2o.6\xfa\xf2\\\xd8,\xb5\xb7}\x82\x9feR\xd5\x83\xd6 '</t>
  </si>
  <si>
    <t>b'\xb5R\x7fmz\xd8\xdb\x0c\xf0\xe3A\xf7\x05\x88[}86\xbd\xef\x11t\x06\xae\xe2\xc3\x85\xa4\xa6\x8f\xc7\x1d'</t>
  </si>
  <si>
    <t>b'\x00\xf8%\x8f1F\x86\xf9\xd0\xef\xe4w_\xba`]\xc8q\xbe\xeb\x91\xb2\x01\x15&amp;\xd0\xcb\xa5W\x15p\xb0'</t>
  </si>
  <si>
    <t>b'\xd2K\xa1\xffv\xcbEo\xf4S\x83Xnz|D\xba\x00\xb9\xedn\xd2mG\x9b\x17\xc3\x02\xfb\xc2\xe2s'</t>
  </si>
  <si>
    <t>b'&amp;K\xc7\x13\x87Kz\xb6M\xfb\xdb\x9a~\x93\xdc\xa6\xddX\xee:A\xd3\xfe\x11\x10\xeb\xae\x04\x1d,\xb8\xa7'</t>
  </si>
  <si>
    <t>b'\x10\x83!\xab\xe8\xe9K\xe7\xed|TG\x06\xe9f\x12Ir\xa5z4\xb4\xc9\xa2s\x17E\xa9\x9a+5\xeb'</t>
  </si>
  <si>
    <t>b'\x8f:-\xe9\x9f]\xd05n\xdf\x0c\x94\xe8\xd3\x9bw\r(-\xa9]\xb7\x1e\x16\xecl\xde\xa1^\x85G\xa6'</t>
  </si>
  <si>
    <t>b'}\xfe\xda\xd4\xa9\tQY\x93\x9f]3\xa5\xa4hY\xba\xb5\x93H()p\xf4\xf1n\x8a\xe6\xa9\xab\x91\x81'</t>
  </si>
  <si>
    <t>b'\xbaky\xc0\x90\xe8\xd9a_\x19sW\xaf!f\xe7&lt;&gt;x\x89\xd2"N\xdfw\xda\xb3\xf98\xbcS\xcd'</t>
  </si>
  <si>
    <t>b'\xe37\xa8\xf5\xc3EQv_\xe4\xcd\x1f\xe5\xc7\xf8\xfc\xac\x94\t\xb4W\x95\x80{\x938)\x13\xa6F%\xa3'</t>
  </si>
  <si>
    <t>b')N$\x9a\xfa%\xc1\xf0-\x18&lt;\x12\xa5\\\x04oGLMcO\xe7?\xce2\xdf8\x0c#\xc5\xee\x83'</t>
  </si>
  <si>
    <t>b'\x97+\x12\x94\xb2\x1a\xe9\x98\xef\x9a\x8a\x0b5\xda_\x94\xb1Y#g\x13V@\xe8\xce\xf4{\xbb\xa9\t/\xdc'</t>
  </si>
  <si>
    <t>b'\xa0\tW\x1d\x9f\x94\xa8tq\xabU\x9eG\x9bm\xb6\xd1C\x18u\x13\x9a\x16j0\x95\\c\xf6\xac\xbe\xa7'</t>
  </si>
  <si>
    <t>b'V\xd4\xab\xf8Y_7\xb4\xf5\x046\x16\x7f\xc3|"\x15\x06z\xf9\xf0a\x92$\xd6\xd2\x14\xb2Oz\x10G'</t>
  </si>
  <si>
    <t>b'\x1eWO\x02\x80\x01-W\xac\x11\xc7\xcc\xf2?Dv\xdf\xf8|\xb8\xbe"\xe9&gt;\xb41\x8b\xe7\xf4\x83\xca\xa1'</t>
  </si>
  <si>
    <t>b'\\\x9c\x7f\x8f\xbf\xbey\xe2\r/\xa7X\xfcZf\xf4+u_HY\x8b\xccU+Th\xf4\xd4\x10\xa2\xab'</t>
  </si>
  <si>
    <t>b'\x8e#\xaa\xca\x1d\xb5\xaf\x8e\xac\xae\xee\xe4%\xd0Q%&gt;\x0cv\xf3\xa7\xff\x86;\xf0\xca\xdb&lt;r~\xa1?'</t>
  </si>
  <si>
    <t>b"\xd9\xc77\x8c]\xfa\x87i\x04M\xd9\x07_\x06kT\xe4&lt;\xff\xb6T\xcf'1\x8dB\xc8\xd6\x9c\xe9f\xd0"</t>
  </si>
  <si>
    <t>b'};;\xec\xff\xcc\x8c\x99\xaf\xa3Dq0\x849\x9f\x9f4\x037\xdb\xef\x05\x15\xbb\xed\x10n\xf9\x1f\xe3I'</t>
  </si>
  <si>
    <t>b'\xa6\x01\x9c\xb4\xec\x1c\xa9,\xa5\xb5^\xa5eN\x91\x03\x0e&gt;GQ\x0c\xee\x80\x15P\x07\xa8\x05\nj\x1e\x17'</t>
  </si>
  <si>
    <t>b'tZ\xe7g\xd2\xb4\xa5\xe2/\xbc\xe0\xe5\x8b\x85"\xaf\x97\xdb7\x1f\xc0+p\xf3&lt;\x13\x0f\xc2\xb2\x13\xf9E'</t>
  </si>
  <si>
    <t>b'v\xdcx\xb1\xaf\x83&lt;&amp;\x84\x1fy\xd2\xc7\xb9\x0b\xdf\xb5\xa3\xfd\x18\x99\x03\x17i\xf2\xb1]\x17\xba\xdb\xe3\x1b'</t>
  </si>
  <si>
    <t>b'\x19\xcb\xb0\xcd=\xecg\xa7\xbaP\xa5Z\x83~\xdc]&amp;?\xea\x14\xc98z\xdb(\x16L[X}\xe1\xd1'</t>
  </si>
  <si>
    <t>b'\x89\xf1=Gh\xd3\xdb\x81\x93\x16\xb9\x85\xf6\xbfCU\xf6\x9c\x85\x08\xa42\xc5\xf6\x10ep@\x89&lt;2\xde'</t>
  </si>
  <si>
    <t>b'e\xe2CB\x15\x9fw\x1f\x05Z\x83\xa0]i$\x9a\xcd\xaea\x91\xcb\x88\xc4l\xc1\xd0\xad\xea_Uzv'</t>
  </si>
  <si>
    <t>b'&amp;l\xf7"\x9a+\x17-\xa6\x8fs-Z\xfc~\x8bz\xf4\xfb\x99}\x85\x8ec\xfe\x01%d&amp;\xeaN\xea'</t>
  </si>
  <si>
    <t>b'\xe8\xf1?\xa4\xa3\xc8f\xbd\xfc7\x85\xee\xf9\x88H)K\x16\x8e\xd8 \x0f\x1c3\xb9\x93\x8e63\xc6\xed\xed'</t>
  </si>
  <si>
    <t>b'\x17\n\x1d\x12`\xd9h\x18\x1bAl\x00\xf7\xe5\xe4\xf0\xe5\xfe\xeaV(C\xe6\xc8\xb66z\xe8\xe5g8\xbd'</t>
  </si>
  <si>
    <t>b"x\xd2\x8fw7\xb4\x03*9+\xdc\xf2e\x1ex\x0f\xa2\x06\xca\xd5\xaa\xa2\x14\xd9\x02'\xe9\xd15\x17\xb6\xa7"</t>
  </si>
  <si>
    <t>b'Y\xa2\xf7iY#\x01\xfa\xcfb\x0c\xfd\xd6[]\xa0\xd2\xe7\x8dH\x9ev\xa0\x87\xa7\x1e\xb4yw\x80\\\xde'</t>
  </si>
  <si>
    <t>b'B\xad\xea*v\x02\x9b\xd4\xfa\xc4\x8d\x15\xf3\xc9\xa5N\xc1\xa1\xb3&lt;\xb6u\x0f\x95{\x0b\xfd\xb27*(\xc1'</t>
  </si>
  <si>
    <t>b'\x15q\x12\xa0\xedib\xf3\x02m\xd1\xcel\xd3\\\x8d\xe9\x1f\xa0\x18\x9e\xfeZ\xc2h\xa9\xbbW\xcf\xdd7c'</t>
  </si>
  <si>
    <t>b'}2\xd1\x1ells\x04,`\xae\xea\x16\x8b\x8b\xaat\xbb\x98r\x8b\\\xcdq\x9a\xad\x8a]\x13i\x9dE'</t>
  </si>
  <si>
    <t>b'\xd1e,\x08\xe0\xe5\xdd$\x00Fr\xf2su\xb6\xbct\xee\xa6?r\x8a1\xeb\x86\x9an\xbe\r*)\xb4'</t>
  </si>
  <si>
    <t>b'\xe1\x10\xfbk\x1cS\xa1P6\xbb\xe1\x84\x84\xa9\x93\xff$\xd6Y\x04\x8e\x93\x16\x17H\xe2Mm\x0e\xabF4'</t>
  </si>
  <si>
    <t>b'E\xdf\xc8\xc66\xaaL\xe9\xaf#y\x11\xe1\xcc\xa9\x05\xd3\x1d\xa9\x10\x94\x97\x0bV\x04\xf5(7&amp;l?#'</t>
  </si>
  <si>
    <t>b'\x9a\x15\x05\x99\x1d\xa8\x13\xea\xccW$\xb42\xe2A\xa0\xc0\\\x17#*\xbf}.q[\xe2\xae\xa5\x9b\x0eG'</t>
  </si>
  <si>
    <t>b'\xb8\x17\xe2\xea\xf8\x93\xacD\xce\x0eb\x9c\x17\xe8\xec\xa2^\xdcV\xdck/EJ\x88\xe1\xed\xf4\x96r\x8b\x82'</t>
  </si>
  <si>
    <t>b'\xb8\xebq\xa9\x0cQ\xfcp\xca\xba\x08$\xae\x90o1\x11\xe4\xfdb\xdaA\xc9\x85V\xa9N\x14&amp;fv\xa6'</t>
  </si>
  <si>
    <t>b'\xbd\xf6\xc8&gt;\xc7A\xdf\x94\xc8\x11\x8ax~\x10\x94\xa5\x04w\xc0\xef:\xca.\xdb\xecK\xd4\xe1KG\xa1['</t>
  </si>
  <si>
    <t>b'"\xf0\xa9\xbdT#\xbf\x9eJ\xd1^\xe2\xb9\xcc@\xeaM"f\xf4|\x1d\xed\x0e\xa8\xaef\xdf\x89=\x1e6'</t>
  </si>
  <si>
    <t>b"\xdc\xa8\xc8uzT\r)$\x85\xd9P\xe94\x10\x82\xbe\xfc\xe2\xa0'{C\xca-q\xca\x04\xa2VS\xdb"</t>
  </si>
  <si>
    <t>b'B\xd6\x01\xa0 \xb5&gt;\xfc\xd0\xac\xae/\xb2\xe87\x11\xfb\xed\x1e\xef\xa7\xa0\xae\x94\x8b\xd2*3\xf7\xa3\x1cT'</t>
  </si>
  <si>
    <t>b"\x0c\x18\xa3\x0cF\x10n\xa5\x86\xc7\x99\xf6M\xda\xf8\xbdE\xb3'Mf=K\x89\xb2\xbf\xc8uy\xc0\x111"</t>
  </si>
  <si>
    <t>b'+1\xeb\xca\x0e\xd9\x84\x06g\x8e\xa6\xcd\xac4V\x12\x16\x9eZ\xc1Vp\xbeuK\xf8\xe4\xb3\xa2\t|\x85'</t>
  </si>
  <si>
    <t>b"\xe8\xfd\xb2[Y\x8c\xd6\xb2:F\x05'\xebD\x17C\xdf\xbb\xaf~\xdc\\\xce\xc1\xc1Zt\xd0\xa7\x055\xde"</t>
  </si>
  <si>
    <t>b'\xaaL\xb3\xb4\x95\xcdc\xcb\xea\xc4V\xc1\x07j\xb5\xf7\xb5\xd3M\x00\xcd\x88\xc3\x80\x12\x04\xab\xdd\x02\xb2\xe0B'</t>
  </si>
  <si>
    <t>b'\xeb\xd1#*\x15|\x06.\x1c\x9a\x06\xe3\x02\x84\xbe\xf7QYu\xef!Lh\xb5\xcc\xa2\xee\xdf\xa9\x87\x8bB'</t>
  </si>
  <si>
    <t>b'\xe8H\xfa\xbb\xfb\xfabmu\xadg]$j\xedI\xc6\xb3^\x08sT\xe7H\xe3;7\x15\x91\x0b\xb2e'</t>
  </si>
  <si>
    <t>b"'-RO5wD\x07\xb9hvM\xbd}\x11B\x8b\xc4j\x8d \xe5NZ\xc6\xe13\x9e\xe0z\xc7\xfd"</t>
  </si>
  <si>
    <t>b'\xaf\x0c.B\xb9\x07\x9enEmN\xf1\xd9\xe2\xbc\xcb\x8e\xa7_\xd8\xd1\x89\x11\xa1\x10\x9c\xa89\xa6|\xbd\x99'</t>
  </si>
  <si>
    <t>b'%\x11\xf6\xa4p;\xaa\x06\xe19\x02\x85\xbe\x1bNBwd\x01I\xb8&amp;O\xbb\xd9\xe6!\x82\rB-2'</t>
  </si>
  <si>
    <t>b';\x91\x1a\xdcB\x1b\xafR \xf0\xa4s\xe8\xa2n\xddM+\xf3\xc9\xacJ\xcdZ\xd4G\x0c\x16\xa1w\xad\\'</t>
  </si>
  <si>
    <t>b'^\xb3\n\xb9\x90\xafQ\xc3#\x81\x96Q\xb3\n\x96~\xf8\xa8\xb3,\xea\t\xe9\xb9\x95|3|\xb8j\xc5\x05'</t>
  </si>
  <si>
    <t>b'\x07D\x8aYr\x86Fs\x16\x1b\xf0\x1b\x1d\xa8\xefYFt\xfee\xa20\xa0\xd0\x9f\x84\n\x0bLF\x82\xa0'</t>
  </si>
  <si>
    <t>b"\xdb\x8d\xac\x06'\x84\xe7x5\xc9\xde1k\xd3\xd7\xe5P\x9e\xe6\xdeJ\x05\x12*\xca\x940\x97\xd3\xa5`\x8a"</t>
  </si>
  <si>
    <t>b'\x07n\x16\x1d\x0cPj\xff\x87p\x1b;$j\x8e\x1f\xa1G\x1bz\xdb\x08\xac\x8d\x16\x05\x99{0\xe1\xb9\x14'</t>
  </si>
  <si>
    <t>b'o&lt;Ug\x0f\n\xbe/\xa2$\x82$\xee\x01\x00\x04\xb7\xa8\x02w\xfc\xc6\x83\x17\x80\x14\xabD\xfe\x91\x95]'</t>
  </si>
  <si>
    <t>b'o!W\x82\xb7\xfb\xd9q\x05G\x0c\xf4\xf9j\x07b.\x9f-\x1b X\x97\xeb\xcc\xd3XN\xdf\xc5\x0f\xd2'</t>
  </si>
  <si>
    <t>b'\xf3\x1f\xdb\xc4\xda\x91H\x96\xdd\x975l{\x88=\x17\xb7\xf0\x1d\x05!\x9c\x15\x9cb\xa9\xed\xf9c*x\xf9'</t>
  </si>
  <si>
    <t>b'-\xfeZ\x0fG\xc63\xf5\x81\x946*\xa5\x8f\xa2J+\x04i\xb0\xcc\xb9r\xa3\x03\xa7\xaf\xf1\xa5bhe'</t>
  </si>
  <si>
    <t>b'7\xa3x\xfec\x10\x0cS\x83\xd8\x13\x97\xf9p=\xbb\xae\xe6\xb5o\x99\x94|\x19{O\x8c/,;)\xf6'</t>
  </si>
  <si>
    <t>b'\xa1s\xcbBd\xa6+\x1a\x07%\xf4=A\x84`\xdf\xc0\x0c^\x8f\x91L?\x8b\x80[\xbd(\x8aY\x8d\xb3'</t>
  </si>
  <si>
    <t>b'\xae\xb7E-?\t9\x8f\x08&amp;a2\xc9\xbeEHu\xc6p\x1e\xd1\x00A\xe4\xcd\x00m\x8a}b\tO'</t>
  </si>
  <si>
    <t>b'\xbe\xe9\xf3\xd2C\x90;\x82|J\x878\xf4\x12\xc2G+\xa7\xc7U &amp;\xdb\xab\x1e\xc9\x82Z \\\\\x94'</t>
  </si>
  <si>
    <t>b'Y\x86\x89-\xbe\x8dA\xdf\xb4\xc3\xf5rC\xab\xa0\x19q\x9cV\xd0\xe6\xfe\xc7E\x82\xcbS\xc4\xdc\xdb\xfb\x9f'</t>
  </si>
  <si>
    <t>b'\xeb\x11\x18\x82\xfe\x82\xc5"yL\x12\xd3\x1a:`\x81\x99\x087\x11\xc4\x1e$x\xbc\xa2\xb3\x85\xa0\x95`\xde'</t>
  </si>
  <si>
    <t>b'n\xc4\xf2\x1fN\xeaVg,H._\x8f\xef\n|\xa6\x97\x05\xcdj\xdb\x01O\xf4\x8f\x83\xa0\xf1\xdel\xdb'</t>
  </si>
  <si>
    <t>b'\x87\xb0\xec\xa3[\x14.\xb9\xc6D"\xe0\xf8\xed\x96\xa5\xb6\xff\x11&lt;\xe6\x05\x9a\xc6\xd5\x1bu*\x17I\xe8C'</t>
  </si>
  <si>
    <t>b's\x8e\xde\x1f\xfaD9\x84}C\xfaM\xae\xcd\xa9\x01\x7f\x06\x13p\xd5\xf0\xb8\xf1{B\xd5\xa8\x9c\xb0\r\xeb'</t>
  </si>
  <si>
    <t>b'\xc3\x1a\x18Q\x963Z\xc2ujE\xcc:WW\xcb\xd6\x88L\x1c\xb6.\x8c\xf3\x1d\x99\xdb\xb0A\xf7nQ'</t>
  </si>
  <si>
    <t>b'\xad\xbfb m\x1e\xc8\xa0\xec\xca\x83\x931\xba)\x9a\n]N.\x98I\xe8B\xae\xd1!\xabx\xe93\xe1'</t>
  </si>
  <si>
    <t>b'\x84\xd8\xc6\x11`\t\xc2\xbdv\x8f\xcaM\rH\xb9\xb7\xf5\x97\xd33R\xaf\xb6\xa3\xd1\xa1\x91\xe8\xfc\xee\xa6Q'</t>
  </si>
  <si>
    <t>b'\x97\x0e\x9d\xf3\x83\xe2J\xb3\x177\xc3\xa5(\xbc\x11\xb8\xd2\xfc@\xbe\x97\x89T\xbd\x1d\xd1\xbb\xd6u\xad&lt;V'</t>
  </si>
  <si>
    <t>b'C\xfa\xfe\x13\xf7\xbb\x04\xe9\x9a`OY\xc24\xfd%\xaf\xb5\x9f[0\xb2\xa0\x7f\x99\x84z\x0b\x07\x1aD\xdd'</t>
  </si>
  <si>
    <t>b'E\xc5u\x88\xca\xd1{\x01\xa0nr\xf4*)\xaafz?\xd1&amp;\xd9\x1f\x03\xbb3\x1d$\xe8JTW_'</t>
  </si>
  <si>
    <t>b'\xbc\xe6q\x19\xca-\xce@\x81\x01,\x94Xb\xb7\xca\x9e+\x8a\x06\x96hy\xb1\x80\xea\xe8\x83K\xd8\xf1\x16'</t>
  </si>
  <si>
    <t>b'\x10\xc2X\xb7\xea\xd7\xbf\xda\x8a\x9eL2\x0b\xa5\x0c\xbcq^\x0f\x9cV\x8a\xd9\xd4`\x1f\t5\xd7?)\xe5'</t>
  </si>
  <si>
    <t>b'\xc9\xd2O_\xcb.\x8b\xfc\xea\x8d\x14m\xc2\x02.s\x9d\xa6\x18z\xbd\xb9\xb3\x84\xff\xf7\xc8\x06\x16\x03)\xbe'</t>
  </si>
  <si>
    <t>b'e\x08\x07\xacP\xd9\x80\x9a\xad\xa9\xc0\x9b\xad\xae\x92[\x93t\x06A\xda$U\x04\xd3\xc1\x18L\xd5\xf2\xf5\xf0'</t>
  </si>
  <si>
    <t>b'i=\xfa#\x19\x8e\xdb*\xca\xadH\x82L\xab&amp;w:\xe8r\xc3C\x80\xfby3\xf5\x87w\xc7\xc3\x95$'</t>
  </si>
  <si>
    <t>b'\xe6\xd6\xa9\x803\xc7\xd7z\x00\xf3\x15\x04\x95,\x8f\xccMU\x1f\xf0\x7f\x8a\xbc\x0c\x0c\xaa\x9eC9B\x9d\xf5'</t>
  </si>
  <si>
    <t>b'^f\xa5]\x1f\xe0\x91\xa9\xc1\xc5B!+\x13\xd4\xfe5\x80\x05\x94\rU\xd8\x1d\x1a\x89\x13u)\x90\x80\x87'</t>
  </si>
  <si>
    <t>b':v\xe0\x88\xb40&amp;\xaf\xf6MYa\xe2\x1c\xf80\xd8\x96\xc0\x8f?\xd5.\xe2\xec\xe4q\x9e\x18k\x12\n'</t>
  </si>
  <si>
    <t>b'6\xfa\x07G\x89u{F\xa03\x9d\xed\xe5\xc6k\x95Y\r\x80\xfe\xb8\x16\xbc\x10l\xa2\xd0\x05\x93\x1e3\x01'</t>
  </si>
  <si>
    <t>b'\x02\x8bj\x9d3\xf4\n\xd3\x9a\xe3\x02\xc5\xa4a{&lt;q\xecb\xf7k\x8a!g\xae\x16\x12\xa5\x8c\xaf\xa4\xda'</t>
  </si>
  <si>
    <t>b'\xc4\xebvyY`Y\x8cb\xb3e\xcd\x0evx\x15\xda\x1f\xd9\xff\xcc9\xf4h\x1cvZ\xc7\xa7Wv\xa5'</t>
  </si>
  <si>
    <t>b':nJs)\x9e\xb8^\xa6\x04=q\x16\xef\x1ab\xec\x88\xe0\xfcgz\x8dg\x9e\xc7q\x94\xd1\x90]\x9e'</t>
  </si>
  <si>
    <t>b';H\xb1\x93\xa1xU6|wb\x11\x1b\x1d\xacq\xb1yH(\xb6\xed-g\xc7\xc0\\"ZZ\x124'</t>
  </si>
  <si>
    <t>b'\x99L\x181:(\xaefb\xf1\xad\xf9\xa4\xe2\xa6\xcd]8\x81\x92\xa8$\xcd#\xbb\xd4\xb10"\x1a\x8a|'</t>
  </si>
  <si>
    <t>b'\xf5\xa72\x0b\xe8j\xba/\xd9\xabZ&gt;\xa9\xd6\x1f\xd7\xf8\xe0k\x16v#\\\x95\xb1\xfb\xe7\x99d\xe0\xb0\x0f'</t>
  </si>
  <si>
    <t>b'_\x95H\x878r\x18\x84\x1d\n\x8a\xe8X\xbfbh:-\xe2!\xa1\x1c\x8e\x03\x93\x86oXy\x122\x94'</t>
  </si>
  <si>
    <t>b'\x93*i\xf4\xa2\xfcH\x80\x86\xa2QeW\xfe\xdd\xcam\xcd\xf8\x12k7V\xf1W\xc8\x94\x8d4\x18y?'</t>
  </si>
  <si>
    <t>b"\xcb\x8bG\xfe\xb3\xfc\xca_\xc8\xc0\x89\xb1j_'\x9c\xddSPK\x10\\\xfa\x94\xb4}\x1a\x0f\xa8\xbe\x05\xbb"</t>
  </si>
  <si>
    <t>b'3\x98H=\xd3\xff\x8c\xd6\x80Z\x0e\x15w\xb9c\xfd\xb7P\xb4\x11\x97\xf2\xcf\xf2`\x9c#\xd1_4s\xd7'</t>
  </si>
  <si>
    <t>b'&amp;\xc7\xa1\t|"\x15\xd3\xc8\xb43.\xa8%D\x97`9,\x80NX\x8c\\\xd6\x16\x0e;\xaf\xe4\xbb\x05'</t>
  </si>
  <si>
    <t>b'%\xbd_\xb9a\xe6\xbb\xa08\xf2\x12\xc2\x8d\\-\x9ef\xf8Ycn!\xbb8\xfc\xf7A\xb4\x12A\x91\x8d'</t>
  </si>
  <si>
    <t>b'\xb7\xc8\xb4Zx\x81\xe9"H\xb9\x0fC\xd5]\xc6vZV\x9f$5\x9d\x18\xdc\x9f\xdd&gt;s\xac\xb2w\x89'</t>
  </si>
  <si>
    <t>b'LL\x8a\xbd\x88\x84a\x18\xd0\xcc\xb7,Zhx\xb7{\\\x87\xf3]\xf3\x02\xe4\xb9\xfb\xf3Rr\xdeR\x12'</t>
  </si>
  <si>
    <t>b'\xdd C&amp;p\x0b\x06N[\xc6\xb42V\r\x97\x11\xf0\x11\xddpt\x90t!~\xe2\xee\xb0\xabQ\xbe:'</t>
  </si>
  <si>
    <t>b'\xe5u\xce\xdaPn*\xd9\xa44\xe0\xfd\xe8T\xf9\xe9Q\xcc\xa7\x120&gt;\xd0%\xb2\xf4\xd8\xdb\x8eL\xd1\r'</t>
  </si>
  <si>
    <t>b'\x04\xdc\x92\xb5\x7fp\xef\xa9E8\xe4,\x106\x9fTS\x0e\x8e\xdcX\x92\xf4\xd8\t\xf0I\x8c\xb7\x01w)'</t>
  </si>
  <si>
    <t>b':\x00k\xd3v+\x1dp\x04\xa9\x84Pe\x11\x98\xb3\xdci\xd9\x94G\x14\xc1\xd1v\xa6m&gt;M\xecXL'</t>
  </si>
  <si>
    <t>b'\xb8lw\xdb\xb0\xc6\xa0\xee"\xa4LE\xd0\x9c\xb4\xc7R\xfc=\x83z\x8a\xd9]+n\xe9q\xc2\xb3\xf3\x8f'</t>
  </si>
  <si>
    <t>b'\x10\xb2\x1e\x02C\x8a\xb3\x99\xf0$\x9f\x97\x81\x81\xc3\xcbn\x91\x18\xe5\xd6j\xe8\x0e\xec\xc28\x81,\xf9x\xb4'</t>
  </si>
  <si>
    <t>b'*f\xeeB?4\x83\x01\xe7J\xb8\x01q@\xcby#\xa4\xb6O\x13\xe4\xdcv\xe6\x0e\x7fP2P\x8a\xf3'</t>
  </si>
  <si>
    <t>b'b7\xa4\x89\xfdh\x85\xa3\xb8=\x8dI\xe4 X\x02\xb7`oP\xf1j\xbfJ(Q\x83W\xea\x90\xb3M'</t>
  </si>
  <si>
    <t>b'\x8f!-raU\xfd\x1c\x8d?)\x8b\xf7M\xb7\xf3CQlm\x82d,Tm=Si\xd8\x9b\xba:'</t>
  </si>
  <si>
    <t>b'.\xd9\xebJ\x04c\x87\x94\x99\xad\x9b\xbd\xfaM\xabY\x01rc\xa3t\xc7\x9f\x9d\xc9O\x8b\xdb\xa3V\x7f\x14'</t>
  </si>
  <si>
    <t>b"\xb3\x84'o\xe4\n\xfc\xec\x86\xbc\x8c\xd8a5{\x92\x9a\xf4\xee\xb8JuI_\xb5=3\xd9D\xd09\xc0"</t>
  </si>
  <si>
    <t>b'\x85\x8e\x8as\xa3\x11}\xad\xf8\x9d\xf6\xc3\xd2=x\x0f)B:\xe6\xb1%\xe8\xab*U\x82\x8b_\x9e\x8b\x1f'</t>
  </si>
  <si>
    <t>b"\x8d3\xef9m\x8a\x0e\xe2\xca\xd4\xc2\x86jF7\xaae'\xcf\xb1\xcd\x16\x1c\x10\xcb l\xacj\x8b\xec3"</t>
  </si>
  <si>
    <t>b'\x0e\r\xa4\\\x0b0\xe0F\x13\xcc\x04\x8a1\xaeN\xf3\x9c\xaa= \x0c\xfd2\x90\xe4\xb7\xea\xa4\x18cTz'</t>
  </si>
  <si>
    <t>b'P\x99\xf5\xbb\xa9&lt;@\xcb\xf9\xc7\x8b4\xcd\x0e\xed\xe0\x97\xad\x8b\x89\xf4\xf8\xaa\xb2\x01\xd4\xbe \xdd\xc9k\xbc'</t>
  </si>
  <si>
    <t>b'D|$T\xe5es\xb9[u\x8f\xb7\xb9_\x04\xe8\xa4\x84@?\xb0D\x00\x02\xe85\x8c\xc6&amp;C\xa3\xc4'</t>
  </si>
  <si>
    <t>b'\xc9\xd4\xc3\xa6\xca |2\xa1gg\xee\xfcxp2\xaa\xe4\x17\xb6wV\x06\x1c\xb2\x01\x97U\xd4\x86\x94s'</t>
  </si>
  <si>
    <t>b'$~oB1gG\x84\x9e\xd4\xa6\xc3\x82"5\xde\xa5\\\xfcG\x13\xc5/\xbb\xb3A\xf55\xab\x909_'</t>
  </si>
  <si>
    <t>b'\x85h\xfe\xae\xd3\xc01\xbd&amp;5\xd4AL\xfa\xc7?\xc8\x19\xbc\x93\x0c\xc1\xff GLk\xe2\x9c\xab\x07\x9f'</t>
  </si>
  <si>
    <t>b'\x96j\xb8\x962\x8ed\xb0y\x9e\x06\x99J;\x03\xe1\xe7N\x81\x08\xa0\xdfg=\x05\x96d\xffFH\xf9m'</t>
  </si>
  <si>
    <t>b"\xbd\x80{&lt;\x9c\xb7&amp;+\\\xf7o\x94\xe3\x8b\xc9 \x1b#\x14\xb1Q'\x1di\x94\xda\xf8\xb4\x8du$k"</t>
  </si>
  <si>
    <t>b'"\x8a\x96\xa2N\xf1\xf2\x12\x0f{}S[\xac\x89\xd6Mj\x84l\x13p\xa3N\x86\xe8\xbe\x7f\xf7\xcbA\x0f'</t>
  </si>
  <si>
    <t>b'1zakWK\xd4\xd2\x7f\x8a3e\x93\xa6{\x11\xc7\t\xb5\x03\xc9\x9c{\xac\xeb\x93\x10\xa4\n\xea\xc8\x1b'</t>
  </si>
  <si>
    <t>b'o"\xc0\xafM\xc7\xfdh\xa9S\xf1\x1dfT\xa80\n\xa0\x9f\xf6m\x99K3\x16\xcb\xcaCp\xf2jK'</t>
  </si>
  <si>
    <t>b' \x01\xfc\x86\x06\x89S\x08\n\x8cT\x94P_\x00\x85\x97z\xb1\x7f\xf1\xe8\x94\x12\x159Q8\x96x4\x14'</t>
  </si>
  <si>
    <t>b'\x80\xb7\xb6i\x19\x0c\xc2\xd5\xb5\x00\xce7B\n\x9d\xea\xb6#\x802\xf7\x1b\xb3\xfd\x91;\xc5x\xe1\xe6\xe1\xe0'</t>
  </si>
  <si>
    <t>b'\x0c\xa1\xf6\xaaf\xd8\xce\xad\xd5\x15\xf1\xa7"s\x8b\x82X\xc7-\xec\xf5\x12\xc4\x93:[3U\xa4\x03j\xe8'</t>
  </si>
  <si>
    <t>b'm\xaf\xa7\x9d\xa1ht&gt;\tv\x07\x8c\xb85\xb2\xd2\x88\xff\xf2\xdd\x87\t\xc1\x97L\xd3\x08#\x9d\x7f\x85c'</t>
  </si>
  <si>
    <t>b'8u!s\xd5\x88:\x12-\xda?xl\x03\x04[\x8dl5Yp\t\x9a\x1b\x80\xb5@\xa6L\xf5\x83\xa5'</t>
  </si>
  <si>
    <t>b"$+\xeb\x9dd\xd2\x93\xaaB\x00/\xc5\xbbl\xc4\x84\xfb\x02\x1cc\x8e\xeb\xc1r\xae\xae\xa3R\xdd'\xf1\xfc"</t>
  </si>
  <si>
    <t>b'\x08\xf6&lt;\xa1\xa9W\x90m|\xf8\xd9cu\n\xb6\x14HH\xe3-PN\x06[\x1d/\x1eE\xb8\x82&lt;{'</t>
  </si>
  <si>
    <t>b"8\x96\x1f\xfe\x1d\x06\x18o0\r\xda\xcb\xaa\xac\xbb\x1b\x1e\xd8\xaaz\x96K5P'\x1d\xedo\xa4\xd0\xdd\xf6"</t>
  </si>
  <si>
    <t>b"\xa4k\xca\xc8q\x98\xea\x9d\x1a\x9a5\x00R\xa2L\xbe\x17\xe9\xdf\xe3\x9a.\xe7'*\x8b=,\xb98\xf8\xf1"</t>
  </si>
  <si>
    <t>b'n;t\xe9Y\xbdXp\xa4\xea@D\xc2UQ\xb5=x\xf8Z\x80\x02R\\\x01\x86\xc8k0\x9ec9'</t>
  </si>
  <si>
    <t>b'@\x85\xd5\x8b\xc3\xd7s\x08MZw\x9f(M\xd9\x03\x8d\xba\x94\x1e\xf4%lc\xbce\x9b\xa0\xfb\xcb\x85\x95'</t>
  </si>
  <si>
    <t>b'\xb2\x1eK\xcd\x02\xa3\r\xb7 \xbajYg\xb2\x19dP\x9cJ\xfb\xa0\xde9\xa0}\x7fMx9I\xb9D'</t>
  </si>
  <si>
    <t>b'v\x87&amp;_\xcd\x0b\xc6\xc7\xe3\x88p\x95X\x03\x97\xc9m\xdf\xf0\xce\xa3\x13\xc3;}\xd9C\x80Uk\xd0\xac'</t>
  </si>
  <si>
    <t>b'\xaeE\xac\xfc\x15\xbb\xe4\xb5\xe5B\xcd\x9e\xf6\x081Rq\xf8\xe7\x0e@\x1c\xcb=\xc7\x02\xc6\xa9\xad\t&amp;X'</t>
  </si>
  <si>
    <t>b'\xb2\xb5\x9d\x0c\xb4;\x84\xe8\x8d\x0c\x9eH\xd91\xc9&gt;);\x04\xc3U\x15z\xf0\xd8g`\xe7\xe9\xcdi\\'</t>
  </si>
  <si>
    <t>b'\xd0\xaf\x87\xed\xe4\x18X\xfd,A\xcc0\x0f\x90\xdf\xc4\xef\xbf\x0b\xdd\xbbd\xaf\xc4\xf3:\xbd\xae$N?\xc3'</t>
  </si>
  <si>
    <t>b';\\A\xaa\x94\xa3\xd3u\xe1\x19\xda\x07\xe2\xfb\x8c\x13~\xc3\xa1\xa0_j\x18~\x1bm=\x9bt\xb8\x94.'</t>
  </si>
  <si>
    <t>b'\xdf\x8dI\xf7\xa2S\x11h\n\x81\x18\xc1\xe5\xc4B\xe6\xa7\xec\x92\xfe_\xfe\xd4\x1e\x12a\x8b\xb2\x0bt&amp;\xc6'</t>
  </si>
  <si>
    <t>b'\x90\x7f\xb3b\x03\x8a\xd0\x15yu\xb1\xb1\xc5R8\x9a\x03w\x02\x19\x9a\xc4e\x9f\xef\xb7\xc2s7BV\xac'</t>
  </si>
  <si>
    <t>b'y\xfd?\xa9H\xe1mc\xe7z\xc9\x03\xd5\xe7P\xce\x98\xd0)z\xaab\x9f\xd8K\xe9?\x87{\xdb\xb3K'</t>
  </si>
  <si>
    <t>b'\xfe\x87\xb3\xd0\xfc\\\xd5\xbc\xf5wdg\xc5\xa0\xbd\xc8\xd0\xa4\x0co\x82[\xd0i\xbf\xf0S|\xa3\xca7\xd7'</t>
  </si>
  <si>
    <t>b'\xda\xe3\xbb\xc2\x83?\xc0\xb8l;\xee5\xe4\x92^\x1b\xc5\xcfJ\x95\xde\xc4\xa5\xcc\x98\xf8\xe6\x05\xc1\xb4!H'</t>
  </si>
  <si>
    <t>b'\t\x9a\xc1\x84\xfc[j\xa3}\xb6\x07j\xec\x19\xd7H&amp;\xab\x8d/\xc2\x95N\xd6\xb85\xe1\xf5\xe3\x8ey\x98'</t>
  </si>
  <si>
    <t>b'\xacd\xeeB\x06\xf1\x18\x01pOyY\xec\xe0?\x82\xe0\x08\x8d\xf8\x1d\x01nb\x18z\xcaL\xa5\x0e\xa0a'</t>
  </si>
  <si>
    <t>b'X,)\xa9\xdd\xf3\x08\xd9S\xc2\x92\x81w\xbf\x81\x01\xc6\xa9\xd84\xb1\x8b\xcf\xbc\x8d\xa5K\x7fb]\xd0\xc1'</t>
  </si>
  <si>
    <t>b'_H.\x00\x1eD4$l\xc8#jn\x0c,\x1d\x83\x9f\x01\xce\xff\x07\xda\x9aM\xa6\xfd\xeadY\x12\x07'</t>
  </si>
  <si>
    <t>b'fd\x1d\xd1xj\xc1\xad\x83\xbc\x03\x92D\xac\x95\x7f|\x08x\xa4&gt;\x18.K\xd1q\x1e\x99\x80\xf7\xdf\x91'</t>
  </si>
  <si>
    <t>b'\x92f#y\x8ac\x07\x0c\xc7\x90\xa9\xf1\xa6\xb3\xa9\x8b\x92z\xce\xd5\x96\xbc\xab\xe8\xbaK$%7\x93&gt;\xa7'</t>
  </si>
  <si>
    <t>b'H\xea\x0b\xf1\xa7\xea\x80\x8eT*\x081,\xe0\xfb\xa8\x0e1\x11\xb5?e,w\xa0\xb8.\x17\x07\x03k\xb5'</t>
  </si>
  <si>
    <t>b'\xf8\x1e\xde\x9a\x8be9\xb4\x03\r\xf9~S\x07B\xa8\xd3Z\x9c\n8\xf08(\xd8\r\xb9M%\x01\xd1\xac'</t>
  </si>
  <si>
    <t>b'\x91t\xf5c\xf6\xdb\xf6\x0b\xff\x19"\xa2\xf9F%\x9b\xac\xae\x1a,9\xa1\x92\xe5$\xf6\xac\xb6\xc9\xc3\xa4\x02'</t>
  </si>
  <si>
    <t>b'\xa5\x15\x8c|\x19\x10\xea%i\xa9\x08\xd3\x1d\x8d.\xfe\xe9\xe6\t\xbd\xb8x\x81!IG\x8eG\xbfi\xb8\x9c'</t>
  </si>
  <si>
    <t>b'\xfb\xf3\x8c\x98\xc6\xebj-\x9f\xc15\xf8\n\xea\xa86V\x8d\xe1\xbf\xe0V\xa0d\x05\xe8\x83Yv\xc3cY'</t>
  </si>
  <si>
    <t>b'\r\x8e\xe1\x045\xd5\x0f:\xe2\xef\xbd&gt;\xa8 #\xb7 `j\xd8\x0b\x8d\x04\xbfC\xc6/\xaf]\x80\x88G'</t>
  </si>
  <si>
    <t>b'm\xf5B\x0e\x08\xba\xaeF\xa8\x06\xe3Qh\xc5\xbd\x97\x13\x01ns\x9c\x80\x07S \xfe\x9a\x1au`%\xdd'</t>
  </si>
  <si>
    <t>b'\x0f\x16\xf6\xa8#QG1\xab/\x9d\x17\x12\xda\x9e\xe2l\xa1\xb8/\x9a\x07J\xf0j\x1d\xe4\xdd0\xf7\xab6'</t>
  </si>
  <si>
    <t>b't\xe8\x0b\xb3\x19(A\xa4X\xf6\xe2wGO\xa3\x9e-\x01[\x9c\xa6\xd1\xd8)\xa0\xe9\xcb\x8a\\\x8et\xa3'</t>
  </si>
  <si>
    <t>b'6\xce\x9b\xc1\xe6lGI\x86\xff\xe8\xf8ms\x99&amp;Z\xb3Ju\x9cB\xf1#\xb9\xd8z\xdf!Du\xf0'</t>
  </si>
  <si>
    <t>b'\x17\x85\xf9\xd2\x10w\xba\xce\x90\xa83\xafo\xf2\xec\xa6*\xb886\xde\xba\xc5\xf6\x87\x13\xbb}\x98\xaf\xf4\x9c'</t>
  </si>
  <si>
    <t>b'\x81a"z|\x85\xd6\x00\xed\xa8\x87\x0e\xc4\xf4h\x00\xdci6`4}\r\x10\x1f\'\xfb\x08C(\x86\x8c'</t>
  </si>
  <si>
    <t>b'\xfbTI\x0cg\x9cx\x19&amp;+\xd0\xad+\x83)K\xe8BZ!\xcc\x94\x1f\xa4\xa6\xcc\xed\x85#\x15\xe1\xa3'</t>
  </si>
  <si>
    <t>b'\x9c\xf7Xdca\x87\xea\x9a3m\x02\xab\x03\x9c\xd0\xf8\x91\xf0\xd9G\x05\x06~\x0e\x06\x8a\x81\x05"\x0bJ'</t>
  </si>
  <si>
    <t>b's\x80T3)aS#\x1b\xc2z\xf7um\x8e\xdf\xf9i~#M\\\xc6\xec\xcb\xda\xd68\xd9\xfe\xb3\xc0'</t>
  </si>
  <si>
    <t>b'$T/\xf9\x1b\xde8(\xa1Nk\xccy\xf71\xc2h\xb8Hf\xe7i\xe0f\xe9 \xa1\xd3\xb4\xf2\xed\xe8'</t>
  </si>
  <si>
    <t>b'^Zc\xa4\xac@\xd6\x13\x91\xd3&amp;\xb8\xbf\xe9\x88\xe3oQ\x04\x00\xe4x\xdd\xc6\xa8\x87\x996%&gt;5\x9c'</t>
  </si>
  <si>
    <t>b'\x97\x85\xc1RHC\x92=\xc6\xd6\xac\x8aW\x03\xd7\xcf\x01\x11\xe0\xdb\xd3\xf7BoR y\xab\x08=2\x18'</t>
  </si>
  <si>
    <t>b'\x1bw\xc7\x1f\x7f\xb7\xd13\x06\xf3\x14\x96#u\x13\xe4G\xc8m\xcf&gt;\xfa\xd2l\x9eP\xe6\xcbI\x1czx'</t>
  </si>
  <si>
    <t>b'\x9bl\x96\xe5&gt;\x0epp\xdf\x11\xdc\xe6\xa6H\x04\xec\rPr\xf0\xe6D\x03\xc6\x02\x8fa\xff\x91\x1d\xefd'</t>
  </si>
  <si>
    <t>b'\x86t\x80\xbd\xeb\xee(\x84R\x7f_\r\xd4\x03Yi\xa9\xb8\x95n\xe4\xa0y\x1cLz@\xd0l\xba\x9dP'</t>
  </si>
  <si>
    <t>b'\x89\x08kr\x14\xe0f\x15h\xba\xf9\xc7\x9c#\xe6\xe4\xec\x04=H\xc6_o\xe4\xc2yg\xbdA[\xef\x16'</t>
  </si>
  <si>
    <t>b'up,X\xdc\x9a3%\x9e\xdc\xca\xa8\xf9c^\x81\xdbc\x9f\x1bv\x96i\x1a=am6\x0bmj\x7f'</t>
  </si>
  <si>
    <t>b'\xcb\xb2C\x15\x81\xc3\x1a\xae\x1e\x11\x9d\x11\x13\xa5~\xacw\x14z\x90\x9e\xf0&lt;\xf1"\xbe)$\xd0-\x8dE'</t>
  </si>
  <si>
    <t>b' \xc6:\x18j\xc2L2l\xa4\xfa\x85\xd9L\xce\x8d5\xd7p\xbc\xb7\xa1e\xef\x08\x8e\xab\xf5z\x9d\xf7\xc7'</t>
  </si>
  <si>
    <t>b'\n\xa8;D\x9a\x18\xf6\xe7\xc7\x1aky\xaa\xf8,\x93c+\xd6\xde+\x81\xed*\xec\xc6\xf5\xe9G&lt;\x91\x86'</t>
  </si>
  <si>
    <t>b"\xb8\xc4)\xb6\x1d'\x03\x1a)\xc3s\xdd\xcbU\xf8t\x88\x17\xb3\x1a\x0f\x1d\xdb\xb43\xd4\x19\xee\x14\xce\x9c\x9f"</t>
  </si>
  <si>
    <t>b'\xc0\xc0S\xf0\x95\x05\x1a\x81C\xcbZ\xc9\x10\xe0\xdbr\xbep\xbd\xb6\xe8HW\x82\xbf\x9ah\xc5P\xff\xdb\x91'</t>
  </si>
  <si>
    <t>b'\xdab\x9fc\xb0\x9a]h\xba\x0f\xc2\x13P\x1e\x04]_\xa9\xc0\xb1p!\x9e\xfe\x84\xe2l\xb2\xf79`\n'</t>
  </si>
  <si>
    <t>b'\x18\xa4\xf1E~\x10K\xd9\xce\xc2)\xdc\x9b8g\xf7n\x05fk\xf9\xa2\x1ey\xc4\x17\x01#\xd2k\xb1\xa0'</t>
  </si>
  <si>
    <t>b'\xbe\\\r\x88b\xc2ML\xf9_\x0e\xbc\x0e\xff\x96+\xd5sU\xa6^8\xb3/\xb0\xa5\xdbj\xf1\x08\xd9g'</t>
  </si>
  <si>
    <t>b'\xa3t\xd0.ew\x8a\xb3\xadZ\xe2 &gt;\x10\xaeo&gt;\xbb\xe2y\x19~MH\xa8V\x88\xdc A*\xa6'</t>
  </si>
  <si>
    <t>b'\xf4P&amp; \x8c"aG\x1a]\xba\xa3^\xf1\xb4~\xef\xa2V(R\xde\xff\xe5\xeeG&amp;c\xbe\x93\x7f\xc4'</t>
  </si>
  <si>
    <t>b'\x86\x18[\xaf\x80\x9c\xc7C\x10\xc8#C\xda\x10\xa6\xfa3\x80\xea\x9f\rl*`w\xd0\xec\x19\xf2\xc1\x14\xcc'</t>
  </si>
  <si>
    <t>b'4\x907\xa82Y/\xb89\xe6\x80\xe9\xe5\x8e\xd1\x1bI\xb78\x8f3 \xe8\xf6V\xa1\x0f\xbf\xc7\x03\xdd\xf9'</t>
  </si>
  <si>
    <t>b'\xa6\\\x9a\x155\x87emk\x12\xbd\xd6\x93(\x80\x1c\xbf\xb7\x10!t\x16\x9b\xe7\xc7\n\xaf\x98\x95\x8bo8'</t>
  </si>
  <si>
    <t>b'P~\xc3\xd9Ng\xc20\xd0\x8fg\xbf\xe0\xa2\xb8\x92v\xd0\xe2\x0f:\x11\x16\x03i\x96\xdbHT\x92\xf91'</t>
  </si>
  <si>
    <t>b'\xe0\xb7\xd6\xb5\xae\xebu\xb4\xdeW\x8b\xbd\\ou\x00h\x17\t5\xe9\xac\x0f\xbf\xe3,\xd7yT\x91\xb0\xe6'</t>
  </si>
  <si>
    <t>b"l\xdb\xa7Iy\x1etM\x8e\x9b\xf9'\xdd$2\xe2\xd0\x87A\xe0\xf1q\xdf\xb6\xe9+h\x89\xc2\x91B2"</t>
  </si>
  <si>
    <t>b'\x84\xc3voR\xaf\xa3\xbd\xafH\xd6\x08\xc9-!\xbd~\xb5\x95\xb1\xb5\xce\n\x0f\xe49O&lt;\xc0\x87\x11"'</t>
  </si>
  <si>
    <t>b'\xffNW\xa0c\xbf\x88&amp;Kc\xa2\xb1\xaf\xe2\xcf8c(\xfd/\x83\xad\x9cHo\xc7N-o\xd3\xfa\xdf'</t>
  </si>
  <si>
    <t>b'\x13\xce\x9c\xa6\xdf\x1d\x92\xb5\x8d\xb7\xb2\x06\x98\xccJ\xd6\x95\xfa\xc0"\x9c\x0e\x7f4.&amp;\x8a\xdf\x13\xa6b\xbe'</t>
  </si>
  <si>
    <t>b'\xd6\xc5[\xb1\xea\xff\xa3-\xc1\xa8B\xfb\x9b\x83\xf6\xdc\x14-f\xb7\xceQ\x1b\x19\x17\x05\xd6\xacv\xf4\x9f\xfb'</t>
  </si>
  <si>
    <t>b'\xbb\xd7\x80l\xed\xb5lm|\xdck\xff\xed~\x02\xa2?Tm\xbc\x96\xe59z*\xe2"+\x94T\xd6d'</t>
  </si>
  <si>
    <t>b'\xf2\x06u\x86&lt;"\x03;\x80\x1f\xf6\xfc\xa5\xe0\xb5\xf7$h\xe6_\xb9\xd4\xe1\xdb\x1e\xf1\xa1L\r\xda\xc4\x81'</t>
  </si>
  <si>
    <t>b'S\xf2\x0b\xb5w\x0c\xfb\x8b\x9b19\xd7\x07E8t\x1b\t8\xe4x\xb4 \xf5\xfe\xbf+/\xc54U\xaf'</t>
  </si>
  <si>
    <t>b'hw\\$\xba\x80\xeaF\xef\rt\x9b0bs\xf0D\xdfs\x17\n\x04:\xfd\x03T\xfea\x8aj\x84\x8e'</t>
  </si>
  <si>
    <t>b'\xfe\xde1\xce\xcf\x14\xad\xbe\xe8\xea\x14\xaa\xaa\x19\xbb/2\xb5&amp;|\x1d\xb6m4\x89\xd3\xc5\xd0H\x99\xbc\xd6'</t>
  </si>
  <si>
    <t>b'O\xcd\xbcA]EwdNd\x88\xd8\xabo3\x8b\x83\x96\xa5Zt\xaeL\x00\x02YC\xe3b*0\xff'</t>
  </si>
  <si>
    <t>b'\x1aVW\xb3I\x8e\x06\\\xde\xfbV\xa5\r\xc5\x19i=\xc4t\xbeX(\x9d\\v\xd1\x1ejim\x15\xbb'</t>
  </si>
  <si>
    <t>b'\x0bI\x86\x1cu6\x1cO\x90x\xcd\xd0\xbd*\xb1\xd5\x087DUI\x1d\t\x82\x1c0\x8b!\x08\xc8\x96\xc2'</t>
  </si>
  <si>
    <t>b'\x81\xc4C\x9b\xac\xa1\x18I&lt;N:E\x7fo\x94R\n!\xf6\xf6\rB\x11X\x02\xa3\x8b\xee\x8b{\xe5\xa8'</t>
  </si>
  <si>
    <t>b'\xbat\x9f\x02\xe3Z$\x94\xb0\xc3u\xbc\x8d\xf0\xa7eQ\xdd&lt;p\xab\x1e\xdcI \xd4F`~0\xc6@'</t>
  </si>
  <si>
    <t>b'F\x83\xb2S\x04\x95\x7f\xe3\xb8S\xb7\x8b\xfe?\x9d\x10\xea\xd0\x8a\x9a\xe7*\xc8C"\x1f\xbf\xd8\x84\xc3W@'</t>
  </si>
  <si>
    <t>b'm\x9d6\xcc\xe8u\xac\x04q\x82r\xb4\x7f=9-\xbd\xcd\xc5eN\xb0;\x91\x18\xde\x00c\x91\xf0\xb9:'</t>
  </si>
  <si>
    <t>b'\x01\x05\xe1\x1a=8E@lt\xc1\xe0\xf7\x97.\xe8\xa6\xb1\xde\xdb\xbb71\xa0\x1a\xc5\xceC\x11\x83O\xca'</t>
  </si>
  <si>
    <t>b'\xb9\xab.g\x81\xb5\xcd\x0e\xf2\xcb\x80*@\xa7!\x95\xad\xdf\x84o((tm\xbbI\xd8\xed&gt;\xea\xb0\xc9'</t>
  </si>
  <si>
    <t>b'E\x9c\xc0\xdd\xd1\xc7\xe7^\xfd\x8e\xe6F\xf6\x1a\r\xe2Tj\x12\xa7\xcc\xbc\x12\xe5\x0b.|%\xc9\x94\xd7\\'</t>
  </si>
  <si>
    <t>b'\x91^8z\xab\xd8\xd9\xdf\xe13\xbbw\xd3\x1a\xa8\xfa?w,\xd1\r\xff\xfa\xbfn\xcd\x13w\xe1\xfa\x8f\xbd'</t>
  </si>
  <si>
    <t>b'y}\x8a;\xd0\xbd\xac]T\xc7\xb3%\xf5\xc4\xe2\xa5\x83\x81\xabrPp?4\xe3\xd2\xca\x14T\x9a\xe5v'</t>
  </si>
  <si>
    <t>b'@\xc72QQ\xdb\xe2\x95\xaec\x82\xa9*\xe9v\x11=#_\xb5L{\xd6M,a\xc7\xad\x10/\xe2h'</t>
  </si>
  <si>
    <t>b'\xb0\xfe\xf4*tE\x82Iw\x1e\xbe\xa6\xc9\xe6B%\x8e\r\x13\xa6\xfa\xa3\x9dA\xec$|\x88#\xec\xdd\x1f'</t>
  </si>
  <si>
    <t>b'\xb5\x16.\xce)\x98+\xda/2\xa3\xc9\x10\xbd\x94N\xb7e\xb4k\xa5\x0cJ&lt;\xf2\xf9\x11 \xe7\xdaV\xa2'</t>
  </si>
  <si>
    <t>b'3\xd3u\xa9k\xd8\xfaB/\xa5\xce\xa7\xeb\xb2#\xa5\x97\xf8\x94\x16\x11&amp;V)\x91+]^\xce\x0b\xe0\xe2'</t>
  </si>
  <si>
    <t>b'R\x08EJ\xbap\xd9*\xd78\x89\x9b\xab\xbb\x96\x0c\xc2~\x01\xbd\xd3%\xc7\x0e\x98M\x97}\x11Q\xbf5'</t>
  </si>
  <si>
    <t>b'\x14\xa9\xee\xab\x18)y\t\xa0\xc4\xf5\x1b\xcf\xf2\x12\x9c\xf8\xdb\t\xdc\xc3X0ck\xad\x83M\xac\xd9\xd3\xcb'</t>
  </si>
  <si>
    <t>b'\xc2\xac^\xab\xfe\xa7R\xce\xc8\xee=\x82\xf9\xa3\x02\xbc\x0b\x1b\xd1\xbf\x03\xa9f\x8a\xf2\xfex\xd7\xaf\xe1V\x19'</t>
  </si>
  <si>
    <t>b'j\xec\xacX\xcfC8\xdc\xd3s\xc5\x90P\x06&lt;\xa7F\x16\x92-\x18./k\xa4\x00\x92\x84\x8f\xa1\x03\xf0'</t>
  </si>
  <si>
    <t>b'b/\x0f\x04\x0b\x17\r\xfa\x1ffeH\xfbS\xc7T\x04-\x08zw\x03\x15f\xcc\x89\xa2\x13;4\xa3\x9c'</t>
  </si>
  <si>
    <t>b'\x91\xf2fS\xa1j\x06\xa7(9\xc2M\x9do,\xa6!\x17@\tG\xf98\xe0/%`\xdf\xa3\xc1v\x91'</t>
  </si>
  <si>
    <t>b'\x88\xad\xd5x&gt;o\xda#\xc1_\xa3a\xcf\xf4\x1f`e\xdb\x99\x8fK\x0f\x12\x878\xa5&amp;iD\xfbo\x13'</t>
  </si>
  <si>
    <t>b'\xc0\x0e\x18\x0cm[fe\xfc\x03\x848r\xf6Y\xa1\xc4\xa5x\xf5`\x9e#\x1d\xfb0\xb5Yw\xe1\xb9\x12'</t>
  </si>
  <si>
    <t>b'!\xdc&lt;\xfe1\xee\xbat/xY\xa6|\x1fK\xbc\x93\xce\x8d\xd1\x93\x02\x7f\x90F\xe6\x88:`\xefQ\x14'</t>
  </si>
  <si>
    <t>b'\x89"\x99-\x11\x1e\x14}\xea\xefq\x00kD\xddk\x18\xff\xf3\xd8\xcf.7^4\xe0Ib\x0femW'</t>
  </si>
  <si>
    <t>b'\x1b\xd7\xd1Z\x15\xed\xb3\xc2\xb0\xd0&gt;\xa6|\x8d)Ti\xe35\xa0\xbf\xe6\xf3w\x06o\xa1\xfd\xba\xb3\xbeI'</t>
  </si>
  <si>
    <t>b'\xfd\xb9LU\x91\x18\x95Z\xfa\xc3\x01F\xc1\xfe\xdb\xccM\x9a\xc8\x19\x86\xc2.\x91\x9c9=\xe5Gv\xf91'</t>
  </si>
  <si>
    <t>b'\x8efh\x1c\x8dv\x82\xbf?\x84\xc7\xd7\x15\x08\xd0\x18/J\xa95\xe1\x17\xb0\xac\xd2\xd3\xecH\tAm\x81'</t>
  </si>
  <si>
    <t>b"2\xf9\x9a\xa0\x94\x9c\xc7\xa2N\x8a\x8e\x03s\xa6\xd0\xed\xfa\x0fK\xbe\xa2\x8d-'ig\xc9R\xd9\x924\x03"</t>
  </si>
  <si>
    <t>b'\x051\x07F\xbc{\x05~\xbetc\x7f!\x87\xf8\x81V\xec\xb0\xf6\xbcl\x13\xe6\xca,\xf7Or\xb5\x0cC'</t>
  </si>
  <si>
    <t>b'h\xc1F3\x91D9\xe6\xea\xd1\xdf\xba\xd4)\x1f^\x80\x90\x93Era\xba\xa9\x12\x8d0\xbc~\x93R\xf6'</t>
  </si>
  <si>
    <t>b"l\xe1\xf6\xdb\xbct^\x96\x12p\n's\xda\xad\xbf\x16\xba\xfb\xb1\x92H\x1f\xbf\xe0\xde\xcd\xe5\x92\xc7\x01W"</t>
  </si>
  <si>
    <t>b'`\xd1\\\xa8?\xf8\x99\xd2B+\x10\x06*\xe2\xe0\x06X\xefQ\xf2\x85\xe9\xacJ\xbdJ\xc6\xc5\xd2F\xfe\x85'</t>
  </si>
  <si>
    <t>b"\xca\xd3\xefX'A\xe1\xdf[&amp;L\xc0G\xcd\xf3\x183\xd0\xad\xb9\xb0_\n\x0b9\xb9S*\xc9r\xa0\x8b"</t>
  </si>
  <si>
    <t>b"iw\x84\xc4\xa7\xd7\x0b\xec\x9e\x03\x1e\xcc\xb9\xe8\xdep H\xb3\x0f\xab\x80\xa6\xceW\x8eo\xa4d'{\xbd"</t>
  </si>
  <si>
    <t>b'\xb8\xbbd\x83\x0b\xb9\x9e\\0\xc6\xca\xdacAn\xcc\x02\xc8a;=\xbcA\xe1\xe0\xa1\xf4k@\xd3\x8a\xba'</t>
  </si>
  <si>
    <t>b'9s"\x9c\x81\x89(m:\xf7J&lt;=(\x0f\x89:\xc2b\xaaf9\xfd\x9f-\xf1n\xf7z\r\xd8\r'</t>
  </si>
  <si>
    <t>b'\x0c\xc6\x01j\x1cb\xd4z\x1b\xe7\xd0\xe7\x8c\xec}\xb5\xdaC_\xdc=\xd9G\x1a\xc3\xcd\xe5\x03./\xe6\x06'</t>
  </si>
  <si>
    <t>b" \x90\xf5'\xe8\xc0\x0b%\t\rn\x01 `\x9e\x85)0Z\xb0\x05\xa6\xc2\xc3ez\xfe\xfe\xcd\x0cr\xb1"</t>
  </si>
  <si>
    <t>b'\xdb\xd4"\xe8\xf9!t\x87G\xc2\x0f :\xf6E]b\xdev\xb6\xe2\xc0\x84\t\x0c\xe1\x9a\x9e+\\Q\xc2'</t>
  </si>
  <si>
    <t>b'\xeb\xc2\xcbd\x03\xf4@\xc6\xbda=Sw\xa2\x10w~e\x86\xbe\xc8e\x9c\x9d\xd5\xc6\xb4\x15*\x95\x1fa'</t>
  </si>
  <si>
    <t>b'\x85\xbbi\xa8l\xbcqU\x91ElV\xe5\x0cH\xcdGy\xa7\xc1\xaa\x0e\x94\xea\xb0\xd2Q\xf4\xce?\x8c\x01'</t>
  </si>
  <si>
    <t>b'\x1an\x9eD\xf9\xb1\xcb\xb0\xdb\xd2\xe5\xb0D\xcbFt&lt;\xe6\xcb\x97\xc4\x8c\x16\\V\xd3\xb7\x1b\xa9#\x85U'</t>
  </si>
  <si>
    <t>b'Q}\xe4\x1b\xbb\x13\t\xd6\xd7\xe0\x96x\xe6\xd0\xae\xc3&amp;|\xd2I\xd6\x97\xb0\xa2G\x01#&gt;X\xc2?\xb3'</t>
  </si>
  <si>
    <t>b'\x1f\xd0]U\xc0Ti\xf5\x85O\xc5\xc3\x84\xdfk6\x14\xd2\x81&lt;\x18+\xd48b#SF\xfd\xb5\x94\xb6'</t>
  </si>
  <si>
    <t>b"\xf1\xeb\xdf\xf6\xe8\xbc\x04\x8f\x13\xfbhTl\x08\x98\xefb\xa8\xbb'\xc5\xfd\x1cU\xe4\to\x94\xc5G6\x03"</t>
  </si>
  <si>
    <t>b'u\x14\xde\x1aU\x80\x92\x0e\xe4\xe0\x10\xa4\xc2\xef\xa4\x82S\xdcF\xb3\x9e\x84S\xf3\x83`_\xe3\xc5K\xf9%'</t>
  </si>
  <si>
    <t>b'\xe2\xf3e\x15\x96\x8c\x17J\xb0{tP\xb9\xee\xa2\xf5%\xfe9g\x08r\x95\xbc\xf8\x07\x1d\xe5\x10\xb5v\x96'</t>
  </si>
  <si>
    <t>b'\xb6\xf6\xdf\xdb\xdd\xf9c\x8b\xe6\xf6+\x11c|s\xca\xb6\x81\xea\x9a\xfc\xf3A\xd3m\x947\x0e\x91\xc1W('</t>
  </si>
  <si>
    <t>b'y:8\xb9_\x101C\x02^\te\xa8\xe9\x08\x02\xc1}g\x1bs\xa3YU\xe4\xcd\x03\xd9\xed7\x0c\x83'</t>
  </si>
  <si>
    <t>b'em\xa4De\x96\x0eV\xc7\xf86l\xd5WQ\x0f\xf5\xffib\xefQ!k\xa9\xe3\x19\xe4\x04\xaa\xa8c'</t>
  </si>
  <si>
    <t>b'=U)\x9b&amp;\xe1\xff\xafc\xff\xbf\x88#\xa7M\x03m?\x93A\xf6\xf9 &amp;Zc~\xcb\x10\xde\x19\xe6'</t>
  </si>
  <si>
    <t>b'\x0f\xc6\x9dD\xee,\xab\t\xeabX5M\xa4\xcc\xb0\xf5T\xab\xee\\\x0ff\xad\xb67 \xdd!\xc0\xa2\x84'</t>
  </si>
  <si>
    <t>b'\x84\x97\xc9U\t\x02\xf6\x1c\x97%h\xe4\x81\x178\x0ff$\x9f3\x82"\xf8\xac\xe8\xef\xd06r\x80t\xd6'</t>
  </si>
  <si>
    <t>b".\x93\xd1\x99a\xf5\xb8\x94\xb1.5Zx'_gm\x90\x84S\xf0\xee&gt;S}\x1f\xc8\x0b\xe9\xed\xc47"</t>
  </si>
  <si>
    <t>b';\xaf\x7f+{Fm\xa0\x02\x04\xc7\x82\xa2*\x0bO\x7fu\xa7\x98,-\xa8\xbe\x8b\xb51\x04@\x87e|'</t>
  </si>
  <si>
    <t>b'\xa6-\xf3\xd5-}\xb70)\x97\xaa\x0b\x1c\x90\xe3%\x83\x90\xf6\xdbI}!\xc0\x94Z\x90\xfaQ\xbdj\x04'</t>
  </si>
  <si>
    <t>b"\xe3\xd4\x0b\x9cEU\xaf\x14]w'\x11\xf5\xff\x08\xf2\x80}\xe8?m?-\xee}JF\x83\xcd\xc1\xdeL"</t>
  </si>
  <si>
    <t>b'\xf1}\x0bl\xc8\xe5\x14\xf7\x05a\t\x96udhV\x7fJ\xcfr\xbe\xd0P^\xd6\x159\x995-\xb7J'</t>
  </si>
  <si>
    <t>b'SU_+\xb7\xe6EnE%/\x95\xd4\xec.O\xef\xab\x8d8\xbf\x13\xd6\x8a:_l\x93\x034S\x11'</t>
  </si>
  <si>
    <t>b'\xf8\xcd\xe4+\x9e\x19\\\x19\x99*\xbbJ\x1a\x86\xfa&gt;R\xf7\xd2\x8b\xfa\xf0\x87\xe5\xda\xc4#Zv&lt;\xb8^'</t>
  </si>
  <si>
    <t>b"#\xb5\x1d\x80\xf7B\x81RH\x1c\xbfr\x1a\x88'\xf8\xb1\x94Z\xa1]\x85\xec\xab\xa7E\xdf\x8cO\r\xbb\xc0"</t>
  </si>
  <si>
    <t>b'\x87h\xb8&lt; K\xd5\xa1\xdeK\x06\x8b\xa2\xdf\xa6a#\x80qW\xdb"\xf0\xcf\xaa\x1c\x88\x1b\xd9\xa7\xc7\x8e'</t>
  </si>
  <si>
    <t>b'\x9f\x1b\xe5\xa0\xd1\xe6]!\x1f\xd9`\xb5\xedO\x95\x1d\x85e\xa1\xd4\x8a\x1a\xc1\xec\x02\xaa\xfbz\x10\xfe\x83@'</t>
  </si>
  <si>
    <t>b"\xc5M\x8e\x1a\xaa\xcat@\xb3\xf2\xd8\xe6K\x83o\xcc'\x98\x0b\xbb\x7fi\x89k#\xd2\xeb5\x86AG\x1e"</t>
  </si>
  <si>
    <t>b"W\x9e\xcee3dF\n`\xfe=\xca%\x0f\xb7'V\xa5\x80c\xbcA\xccx,h\xca{/P\xbd\xef"</t>
  </si>
  <si>
    <t>b'\x95M*\x99\xf1\x8a\x03\x8caH\xb1\x8eN\x1c\xba\xd3&amp;fN\xdb\xd52C\x94w\xffFp\x05\nx~'</t>
  </si>
  <si>
    <t>b'\xc5\x19\x1f\x14\xc6b\x01_\x00\xeb\x8eT\x0bH\x8c\xf9\x98\xf1\xec\x81\xf6\x8f\x88\xe76\x9d\x98\x82\xce`\xec\xb3'</t>
  </si>
  <si>
    <t>b"\xd7\x94\x1f\xa6\x89\xb8\xd7\x8b\xba\x16\x19Lh\x9c\x05\xe3\xa9q\xa7\xc9\xac'\xc1\xb9\xb1\xe6\xf5\x9c\x91YN:"</t>
  </si>
  <si>
    <t>b'e`A`\x852\x89\xd6Fi)\xb5\x89\xac\x83f\xd70\x1a\xbeL\x9c\xb0\x05\x91\x8c[Cf\n]\xd2'</t>
  </si>
  <si>
    <t>b'i\r\xedK\x99y]"\x9d\xa1\x1b\x08}\x10\x8e*\x0e\x0c\xb5\xf5\xf6\x1e[\xb0kH:.=ag '</t>
  </si>
  <si>
    <t>b'}\xdae@\xa1F=|K\x86\xd6`\x1a\\\x9a\x89\xc8&gt;\xba\xee\xe7%\x97\xbf\xe4\xd7\x98\xcd\x8d\xc4)\xe1'</t>
  </si>
  <si>
    <t>b'\\b\xd7\xfd\xc6\xd4\xba\x81=X/\xb6,\x97d\x0b\xa8e\xde\xa3\xa1\x10\x19`\x10\x18\x80\xfb\xbc\xb5\x91a'</t>
  </si>
  <si>
    <t>b'\xb4\xba\x90i\x82\x99\xa1\xaa\xe4I\xcbF\xbb\xd9\x95\xc7iV\xf4\xd7j\xa4\xfb\xa4F\xf9\xae\x83m\xaf-\xb8'</t>
  </si>
  <si>
    <t>b'h\x913\x1cM\x11\x93Z\x11\xb2"\x17\x9b=%ke\xaf\x1e\xe3\x14#\x9dY\xaa\x86\xb0\x1bw\xd2\xf9\xce'</t>
  </si>
  <si>
    <t>b'\xec\xcf\xa7*[\x80\x16\xbc\t\x82\x82\xa2\x96\xa7\xc2J\x0b\x98\xe9\t3\x96\xf5\xec-\x99\x8cL%\xb2}\x00'</t>
  </si>
  <si>
    <t>b'\xd5 M\x112\xa9l\xfd[9\x17~\xe0S#(|c\xed1|\xc3\xaa\x889\x16\x1bT1#\xc8\x08'</t>
  </si>
  <si>
    <t>b'\xff\x0e\xa6\x1a\xc0\xa9\xabw\xf1\x05A\xe5\xcbN\xfc\xd3=\x0f\x13zI\xdc]\xf5\xbb\xa8\xb2\xdf\x12\x18Mq'</t>
  </si>
  <si>
    <t>b'\xfe\xd0\xc0$\x16f\xcbO}`hq\xb8\xa9\xe3\xdc@]Q#\x13\x87\xb1\x16\x88)\x17\x13k`\nT'</t>
  </si>
  <si>
    <t>b'\x087\xbf\x1aC\xb3|\xdb.1/\xce5\x01~aCU\x0e\xa9\x83\xdb\xc2\xee\x91\x01y\x84oN\xa6X'</t>
  </si>
  <si>
    <t>b';\xe5I4\x95\x84t\xb9w,\x1f\xf2\x99`:\x80#\x15\x1b\xe0)+\x82\x84ebI:\x01\xe6fN'</t>
  </si>
  <si>
    <t>b'\x04\xc2\x82\x01\xfd)\xaf\xb5\x02\x93\x04(]\xf6\x167&gt;\x8c\xcbR\xcc\x7f\x01K\xcb\n\x0e\xa1\xa0P\x86\x82'</t>
  </si>
  <si>
    <t>b'\xcc$\xcd\xd9\xdca&lt;\xb4\xdb\x9cn\xc9\x02\x8b\xc5\xd43\xc4\xac\xdc\x12^\x19)\xec\xb8\xb8]\x8f&gt;\xa5('</t>
  </si>
  <si>
    <t>b'w!b\xf6w\xa4\xceC\xd2{\x8d\xc5\xb6\xad4\xf1kV\xd9\x84\xe30B%\x01y+\x1e\x81\xddg;'</t>
  </si>
  <si>
    <t>b'+\xad\xe2m%l\xfb\xa7r\xd0\xa7\x94\x14\x86O\x82\xd1&gt;\xe2\x0c@!\x19\x92\xcb\xfa\xf2iS\x07\xf7\x17'</t>
  </si>
  <si>
    <t>b'^\xaf\x88\x0b\xab\xfc\xc4\xc6\xe2AO!\xb6\x95\x8f]\x9a"\xaf\x12\xc9\x9c\xb1S?\xa9[8\xd7\xab\xe9\x9e'</t>
  </si>
  <si>
    <t>b'\xf0:\x93E\xcd\x1c\x9e\xfd\x05\xd8+\x13g\x0c\x061\xb84\x15\xa0\x97h\xaaIR#\x1dd,m+4'</t>
  </si>
  <si>
    <t>b'\x9b\xbdc\x0f\xb8\xc3\xa7\xf9\xd0\xff\x1ax\xb6\x7f\x0c\xf9\xb8\x1b\x93\xb2\x0c\r5\x07n.\xf1\x11\xa2r\xae\xa9'</t>
  </si>
  <si>
    <t>b'\xd5\x0b\x83\xc5^G\xb58\x03\xa5\xe7Z\xe6AP\xd9\xa4\x8c\xf8\x81oIR\x89\x99\xd9Q\xb6\x03\xce)\xf0'</t>
  </si>
  <si>
    <t>b'?\x059\xa3\xd0\x07\xb2\x1bY\xfe\xc2@\x87\xc6\xac\r\xe2\xabPK\x00RX \x18L\xf5\xe6\x1c\xe2Qt'</t>
  </si>
  <si>
    <t>b'W\nX\xed\x91\x17,L\x97\x7f\x8e\xc3\xfa\x05\xb0\x97\xd2B;/:\x88\xa0\xe3p\x9cb0*\xf6\xe0\xd6'</t>
  </si>
  <si>
    <t>b'\xe5o\xb6i\xdf\xc5\xd5\xeb]D|i\x02p\xa8\x05\xd1Z\xe6\x95V\xcb\x0f\xee\xd5t\xc9$\x97\xfaW\x80'</t>
  </si>
  <si>
    <t>b"h:\xc3\x9d\xa7\x8c\xce\x90GG\xb2\x839\rZ\xf4\xb9-\xb1\xbf\t\x83'\x9d+\xeb\x1bQ2Z\xe7|"</t>
  </si>
  <si>
    <t>b's\xb7\xcd\xc36\xcc\xa0\x8d\x12P\xde\xac\x93\x10\x0b\xd9c\xa7(\xf9?z\xb8-ku@(\x95\xe9\xa9\x82'</t>
  </si>
  <si>
    <t>b'&amp;F\xd3\x9d\x95\xaa\x83\xad\xc3\xdc\xaa\x11\xab\xdd\xa3-"\x82\xcd\xb4\n\xde\xc6L\x9d1\xa7\x9d\x03\xf8V\xa1'</t>
  </si>
  <si>
    <t>b'\xdb&gt;\x86\x96Im\xa2\xbf\x10\x00\xba\r\xd2fM\x1a\xe8#\xd1\xe6v\x1e\x92\xfa\x05\xde:(o\xa3O\x10'</t>
  </si>
  <si>
    <t>b'\x9e\x1f\x1c\xfe\x83\xff\xf1w*\xb2k\xf0\xa8V[\xda}\xf5d\xe5r\xfc\x80\x9b\xbb\x9b}\xf0I\x9a\xe0\x00'</t>
  </si>
  <si>
    <t>b'Ch\xd79\x9f\xf8\xc5\x96\xe7+\\\n\xeeG\xd0\xcbS\xe7^\xdf\xc1z\xa5\x82\xf0\xbe\xc00(\xb3\xe5\xc3'</t>
  </si>
  <si>
    <t>b'x\xc4\x88O\xf4\xe0"|\xbd!!\xd5)\xb1Y\x1d\xae\xb7\xb4W\xc0`\x8d\xc5\x8a\xb0h\xca\xf0\x9a\xbd\x9f'</t>
  </si>
  <si>
    <t>b'f\xe0\x01\x95\xe9\xa3\xa2\xef\xb3\xda\x85*\x95\xf1\xce\x08\xb6y+d\x04d\xf3\x1b\xc0\xea\xed\xde{A\x15\xe5'</t>
  </si>
  <si>
    <t>b"\\\x05\xeaa\xe79\x06\x9a\x9f\xaeGL\xfd}X\x8d\xbf\x8d`'!\r\xe70$\xffRU\xdd\x07\x92\x06"</t>
  </si>
  <si>
    <t>b'\xc8\x90\x0e\xa0\xf4gu\x15Y\xfd!q\xe6\xfc;\x96v2\x08#L!&lt;&lt;|j"\xc1Sb \xc5'</t>
  </si>
  <si>
    <t>b'\x7f\x8e\x9a\xa1\xb9\xff2I\xe3A\xcb\x19\xb3\x1c\x037\x85\x1f\xd7\x17\xff\x0b2\x89\xa9~b]\xd2\t&gt;5'</t>
  </si>
  <si>
    <t>b"E\xee\x1d\x81b6\xf7%\xf1\xcc\xc6jZ\x87\\\x8d\x9b\xee\xf3u=\x9b\xa9'\xc6\xf4\xae\x02\xb2p\x90\xee"</t>
  </si>
  <si>
    <t>b'\xe6\x07UGJ\xe5\x97jC\x1d\x19I]\xdf\x1dB&amp;\x07\xde\xaf\x1b\xa7ye\x8c\xddv\x17\x81\xa2\xea\xb8'</t>
  </si>
  <si>
    <t>b'\xecU\xd3\xb1\x13;GH\x1c\xfe\xc7"7\xcf&gt;\xeb\xb2xoC\xaa\xd7r\xca&amp;\x84\xd4:\x17~\xe2\x11'</t>
  </si>
  <si>
    <t>b'\xde\x81\x079\x05%\xba\xf9\x9c\x8a\xa1\x9a\x01\x02{\x97\x14%\xb6\xbf\xb43\x00;\xe7N2O=\x9cT\xe2'</t>
  </si>
  <si>
    <t>b'lJ\xf4)\xd14f(\xa0o\xa8~0O\xf2\xdc\xef\x8eO\xf1\x90\x1d/\x02\xbe\xc1\xdc-\x16I\xf0\x0f'</t>
  </si>
  <si>
    <t>b'l5\x95\xa7E:8\xb6.|\xd8\x00\x19W\xecJdlV\xfdH\xd1\x1c\x05\xb3.\xf0\x84\xe07\x87 '</t>
  </si>
  <si>
    <t>b'/\x07\x17\xfes\x8f\x01\xbe\xc2j\x89\xfe\x95H\x98\xae\x1a\xa2\xbf\x14i4\xcfy\xc4\xeePN\xdd7\x07!'</t>
  </si>
  <si>
    <t>b'\x91[\xfe.\xeeD\xa4u\xdb\xe7.\xb3D=\xe5\x85\xc4~\x18\x14S\xf1?5\xa5\xca\xa1_M2\xf4\x19'</t>
  </si>
  <si>
    <t>b'\x806\x10\xa2\x8c\xdcs\xc3)\xfb\xd3&gt;\x9al\xa6\x9e=\xc1\xd8\xf1\x08\x131\xa0a[\xb6\xe5\xd9\xfc|\x1f'</t>
  </si>
  <si>
    <t>b'\xc4\xc9`"\xebr\xad8HFc\xb2\xc4\xe1\xe0\x1a8D\xb8 \xd5N\x91\x96\xc1D\x90\x9a`\xcd\x11Y'</t>
  </si>
  <si>
    <t>b'\xc2k\xd7AF\xbc4uA!\x80}%J\x06\x9b\xec\xe4J\x97~z4\xfcg\n\x13\xdeZ6\xa1\xe7'</t>
  </si>
  <si>
    <t>b'\x10T\xc2j\x0b\x03\xcd\x19\xe3Sh\xb5h\xdc\xe2\xf3X\x19\x0e\x9d\xcc\r\xf5\xe8M.+\\\xb0\xb9T\x7f'</t>
  </si>
  <si>
    <t>b'\xb8\xaf\x85\xee\xde\xa83\xebz\x85\x1e\x1bV\xef\xbbh\xad%\x06\xb8^\x13r\x1b\xe0@r\xc8\x9e7\xad('</t>
  </si>
  <si>
    <t>b'\t\xd0\xa1\x0c\xdc\xafr\xf75\xd0\x0bP\x07\xc1e\xae:\x82\xd7\xd8S9\x17}\xccQ1{1\x84\x8c\xd1'</t>
  </si>
  <si>
    <t>b'\xd2\x81d\xc7uZ{]\x03?\x0bz\xa9\x89F\xb4\xad\x19\x16\xcd\xa5\xa4\xfdwee\xd2G\x1b\x94\xf0\x10'</t>
  </si>
  <si>
    <t>b'\xae\x81\xf6\xe2.C/\xf5\xc9\r\xa7\xda\x89\x81\x7fq\x94N\x85\xb4\xdd\x10#w\xce\x165\xdd\xe7\xe1\xd4\xac'</t>
  </si>
  <si>
    <t>b'8\xca\xb6\xb4?-\x9c\x85w\xa4\xc8\x7f\xfcsW\x83\xca\x8f_\xf6\x07t\xa5{\xcf`\x16\x89&amp;\xc2\xecP'</t>
  </si>
  <si>
    <t>b'\x9dLW\xd8Q\x1b\xff\xf0G\xf9\xf6\xd79\xbe\x90\xa9\xc0:\x9c\xf0\xaeJ;Fl\xba|o\xdd\x91|\xd1'</t>
  </si>
  <si>
    <t>b'\x16\x91\x1b{#\xbf/f6\xdf\xf4\x1dh\xa0\x98\xd0\x9d\xa8-\xa4\x89\x9bI\xcdFP\xab\xa3\xa2\xa9\xef\xc0'</t>
  </si>
  <si>
    <t>b'\x1bL9K\xc0;\x00(P\x1aN\x05\x86\xae\xab\x15\xab\xe5:B1\x02\xf0@\xfd\xe7\xb2}s\x07\xb1\xf1'</t>
  </si>
  <si>
    <t>b"fL\xa5fq\xc7\x15\x85\xd6\xc0n'\xa2B:r\xbf\xf9/\xe5\xc3\xfe\xeb\x7f\x80a\x83\xe2\xebT\xb1\xba"</t>
  </si>
  <si>
    <t>b'\xd58{&amp;\xd9r\xf8\xbb\xdd\xfb\xefg\x13\xeec\xc4\xde\xb0\xf3\x01\xb6:\x8b\xed\xaa\x00h\xf0\x7f\xe3\x7fM'</t>
  </si>
  <si>
    <t>b'[\xb5]\xcf\xc5l\xc1\xa4t\x1d\xb0\xa4\x7f\xe6\x08+@\x9a\xa5\xfcN\xd2\xc5\x19*\xc4\xe3`\xb2\x11YI'</t>
  </si>
  <si>
    <t>b'n\xae\xed\x9f\x9bFcDx\xafJP,\x13C\xb7!d\x8fv\x0e\xa8\xf2\xef\xaf5\xd5\xc8\xf0\xc6\xcc\xd9'</t>
  </si>
  <si>
    <t>b'\xb0\xc3\x12\x8c\r!\x03\x97\x97\xb0e\xeb\xad\xb6\xc1\xdb\x00\xef\xe6\xf6\xae`\x84\x1b\xa5Rk}\xb6f\xcb\xa5'</t>
  </si>
  <si>
    <t>b'\r\xf7\xd3\xf8fG\xc1\x01\xb9#~\x1ds\x02\x84\xcaq\xdfi\x94\xc9\xc7mG\x8a\xa98&gt;\xde6\x89\xc8'</t>
  </si>
  <si>
    <t>b'\xf3\xf20H\x18&lt;\xa6\xd5\x84\\\xff:\xfc\xa6s\xdfB_\xc1\x04Vu\xfd\x1a\x8c\xa8A\x1e\xd7\xdbB:'</t>
  </si>
  <si>
    <t>b'\xb2 \x06\xd3?\x87\xc4\r\xa1\x83Cb?\x93W,\xadO\xa8^N\xbfR\x1c\xfc/\x9e9#\xd5\xc1\xc9'</t>
  </si>
  <si>
    <t>b'\x86\xd8\xbc4H\x8dqe\x1c[\x8c&amp;\x04h\x8c\xae\xa7\x85\xbe\x0f\xeav\x06\xfb\xf2\xeb\x04Cs\xda\x99a'</t>
  </si>
  <si>
    <t>b'v\xd5K\x81\x89b\xae,\xe0\xd9\x96\xfd\x16\xe8M\xf5\x859\xc8c\x7fnxY\xb4\xe7\xf8.\x03\xde\x0e\xa3'</t>
  </si>
  <si>
    <t>b"\xc4=\x9d\x1a\x9fYqE\x941\x1c\x134\x07\xcc1\xe6a\x11\x0cS`\x18\xf6_\x84\xbfe'B\xb4\x10"</t>
  </si>
  <si>
    <t>b'\xe2\xe3-\xc6&amp;\x85E\xa0!\x96\x8fL\xa92\x9dF\xf5\xc3\x95\xb6\x1d\x19\xc7\x06L\x94m\xd8R\xb6\xd2\x7f'</t>
  </si>
  <si>
    <t>b'|;pG\xf64\xfa\xb51\x1fl\xb8dY\xf8Fu\xd3\xea\r@9\xa5&amp;#cY\x82I}\xa7.'</t>
  </si>
  <si>
    <t>b'B\x1b]\x08(\xace\xd1\x02\xcc|\xff1XMnJ&amp;\xd9\xe6\xd0\x04\xd0~\x1e{\x96|\xd9\xe3I\xf3'</t>
  </si>
  <si>
    <t>b'TH?\x11\x04\x15j\x97:\xad\xf4k0_\x7f\x88\nu\xac\xb70f=\x81\xbd\xe0P\xba-[4\x97'</t>
  </si>
  <si>
    <t>b'\xfc\xc9\x90e\xc9\x98\xf4\x86\x91x\xc0\xc6\xc5u\xed\xe20\x84\xf4`~\x9fqO\x9ep\x8b+\x02\xef2\xa4'</t>
  </si>
  <si>
    <t>b'\xd3p\xbf\xd9+U\\\xccd\xe5@\x1b\x01\xfd$\tK_0"\xdc1\xb7?\x85^M\x19H{d_'</t>
  </si>
  <si>
    <t>b'=\x07W\n\x8aN\xef1\xa3&lt;\xac\xbd!o6k\x0f\xa8\x8e\xcd\xca\xf4\xd9^\xb7\x15QF\xdb[X&amp;'</t>
  </si>
  <si>
    <t>b'\x95\x96\xae\x83\x9e\xe7\x1bE\x8e\xf4\x9e\x8cGy\xd1O\x0cc\xd3\x16\xd1OS\x02\\\x82\xcc\x9fg\x11A\x9a'</t>
  </si>
  <si>
    <t>b'0\x0b\xe8-E\xbb\xe6\x12A\xebF\xd8\x85\x9c\xc6a\xb1\x05\r\x90\xb3\x81\xe4~j\x19\x17Bu\xae\r\xb2'</t>
  </si>
  <si>
    <t>b"\xe1\x95\xf0'o\xe5\x8d\xd2Y\xa7,\xc0C\rt\x9f\xeak#\x9b\xd4\x00\xad\x89E\x1a?\xa5B\xb1,\xf1"</t>
  </si>
  <si>
    <t>b'\xd2\x17v\x0e\x0f\x90\x022\xc8R\xd3R\x85\xacI\xbc\x16\xc8\nr\xf6_\xe9\x88\xa0\xcb\xcd%\xdb\xcb\xb5-'</t>
  </si>
  <si>
    <t>b'\x04\xdci\xda]QI\xac\xca\xceV\xa62gM\xbf\xebr\xbe\xf0\xd8\xe6\xd7\x06\xee\xb5+\xa2\xa4CG|'</t>
  </si>
  <si>
    <t>b'ew\xc9\xb6\xa2\x8a_Y\x80w\x15!\xdf\xef*`\x0b\xbb\xd0q\xbez\xf1y\xd5\x1a:\xf9\xe7\x16\x87_'</t>
  </si>
  <si>
    <t>b'\x04#\xb8\x85\xe4\x82RG\x11\xa3\xda\xcc\x11\xd8K\xbeuo\n\xafo"\x01]\x83\x9f\xe0\xbe\xed\x07\x15o'</t>
  </si>
  <si>
    <t>b'\xa0\xe6Y\xdcq\xcevyQ_\r\x06\xb7\x8ezV\x93\xb4B.\x98_\x00\x83+=Vm\xb9\xfe&gt;\x94'</t>
  </si>
  <si>
    <t>b'\xc0W\xb6/\xb6\xc1\x83\xa9\x86nsB\x9eH\xb48\xd3:\xa32\xe5\xa2\xf8\x0e\xa2W%.\xf1x\xc1\x9c'</t>
  </si>
  <si>
    <t>b'\xf0wh8\xdcR\x13\xb3\xfe\xde^bP\xad\xf2\\\x12\xba\x9c\xe1s\x85\xaa\xacJ\x00\xe1]\xb5\x8e\x85f'</t>
  </si>
  <si>
    <t>b')E\x16\xfc%5L\xb5\xee\xb3\xec[.\xe0\x1f\xa4\xee\xe4\xc8_\xb4\xf8(\x8fK\x98\x86\xb3\xd1\xe5\xa1]'</t>
  </si>
  <si>
    <t>b'\x02\x1d\xd0\xa5\xf4\xd7\xd7\xad\xf3$\x93\xaa\xad\x1d\x80\xce\x1f\x7f4\x02\x17j\xa1F;\xd3 Z\x8e\x19\xea\xcb'</t>
  </si>
  <si>
    <t>b'K\xf5\x98\xc0\x9e\x90\xa8\xc6\x15!\xddo\xd3I\xda|\x90\xe88i\x00"\xc7y\rx\xe2\x18\xaaS|N'</t>
  </si>
  <si>
    <t>b't\xd1}{\xf0\xab\x0fE\x84i;\xa8\xba9\x82\xe5Vo]m\r\x12\x97\xb1\xca\xfa\x99\x1e\x92a\x99\xbd'</t>
  </si>
  <si>
    <t>b'\x8eO\x078yi\x8at\xb4\xfa#UnT1*\xf5\xb7A\x030\xd8\xabM#y\x84\x1f[\xd3~a'</t>
  </si>
  <si>
    <t>b"{\n\xb2a\\q\xe7\x8a\x98\x8e\xb8\xc76\x05\xae\xc3\xe5\x98\xa8\xa6\x96B\xc0~2\r'A8\xdcI\xdc"</t>
  </si>
  <si>
    <t>b'\tr\\\xf0&gt;\xc9\x16r\xf3Id\xaf\x85\xed\tjl\xf1&gt;\xfb^\xa5\x93\r \xe7\xb4\xe2\xb9\x0fgS'</t>
  </si>
  <si>
    <t>b'b\r\x01;\x08v\xdfKPp,\xbb\xe46\x88\x81\x9f\xe4w\xdb\xd6ds\xba\xaaD`\xc0D\x83&gt;\xf9'</t>
  </si>
  <si>
    <t>b'\xca\x1f7\xb4\xa3\xdc\xb8\xc2\x03\x9c\xc8\xad\x9d;\x9ejH\xe6\xd9{+i\x14\xcd\xc6\x1cue\xc2\x9d\xcbV'</t>
  </si>
  <si>
    <t>b'\x9dE\xd4\xfa\x1dB\xd9"\x01\xf8\xfb\xa5\xe6\xa7\x1f\xac\xda{\xb5\x05\xf1&amp;&lt;\x05\xd0\x80S\xfb\x91\xbdO9'</t>
  </si>
  <si>
    <t>b'),(_\xfa5\x95\x1aw\xf0\x0f:x\xeeR\xae\xf5\x96\xf7\x1b\x0f\xb9J\x97\xa04z\x01\xfb\x1d@2'</t>
  </si>
  <si>
    <t>b'\xb3k\xacNc\x07\xf1\x9d\x7f+\x84o\xb8\xc7\x88P{\xd4zJqGjX\x02F\xee\x02*u\xbdE'</t>
  </si>
  <si>
    <t>b'o\xa5pcK\xd1B3\x80\xeb\xe6V\xd9\x86\xa4\xe6#|Z\xba\xa2\xad&gt;\xaeQ\x93\x94#\x03\xe4\xb1\xdf'</t>
  </si>
  <si>
    <t>b'\xe5\xfa\xeb5\xa2Z\xfd\xb6\xe9\xaaQ\xb1\x7f\xfd\xf4\x19\xdc{.~5mb\xe2\xff\x1d\xcb\xaeU\x81@|'</t>
  </si>
  <si>
    <t>b'}m\x8c\xd1\xd0q\xee\xbaN\x04\xc1\xb4.Xx\xc6SM\xe5B\xb4VIv\xd2n\x1eb\xbff\x03\xfe'</t>
  </si>
  <si>
    <t>b'\x04\x8eM\x95\x04\x99\xc8O\xb0Q\x11\xc4\xbc\xe8\xd52\x19\x07P\xd3-\x87\xe4\x05e$~|\xc7\xe5\n$'</t>
  </si>
  <si>
    <t>b'B\xf9\x96\x03\x04hh\xaf!\x9e&gt;#\x0b#\xa5\x02\x97L\x9f\xbe\xbf\xb3\x03\x95\x16/w!\xac\x1ah\xc0'</t>
  </si>
  <si>
    <t>b'DR)\xb4\xdd\xb3\xc0fnYF\x15]\xb9\xab\xf4H\x11\xc1\t\xab\xad\xf91^R\xcf\x90\xf0\xe2]X'</t>
  </si>
  <si>
    <t>b'\xd9\xae\x8f\x18R(\xaa\x7f\xb1b0\x9d\x9a\xb2\x80\xb5\xa2\xc5\x1d\x1enA\xaf\xe6f\xd0\x0f\x00\xf1\xc1\x85Q'</t>
  </si>
  <si>
    <t>b'\xf8\xbd\xb8\xfe\x03\xaeTV\xdan\\\x92Wi\xbc\x8b\xc6aEb\xcd\xea\x0e\xd7\xdaJ\x94\xcc\x7f\xa6^\x95'</t>
  </si>
  <si>
    <t>b'\xd5\x07\x83\x8b6ZC\x9f\x9e\x8eb\xf4\x1d-\xf6\xbc\x14\xfb\xfc4\x1e\xe1D7X|W\x1d\xff\xd2&amp;9'</t>
  </si>
  <si>
    <t>b'\xca:\xd56@]\n^\x1f\xf2\xba\xde\xeb\x89\xa6]\xe12\xc6\xb9\x05\xc44\xe4!\xf6\x7fm(\x02\xc2\xb8'</t>
  </si>
  <si>
    <t>b',\xc62\xfc\x81\xa8|&lt;,2&lt;\xa0\xafu\xbd2H.\x83\xfd\xdb]\xea\x95\xadk\xe7\xdc\xec\xb9\x94?'</t>
  </si>
  <si>
    <t>b'w/\xe15\xfc\x9f\xdd@$\xde\x9d~\xf0u\x83\x9e\x8c\x13\xaf/i\x0b\x9c\xbb\xa99\xad\x94\xea\x18\xc5\x94'</t>
  </si>
  <si>
    <t>b'\x92\xc0U=\x8d}\xd9@\x8a\xae\xc1I\xfa\xf7(uLeE\x00\x85~(\x9cm\xcdw\x13\x06\x89\xdfB'</t>
  </si>
  <si>
    <t>b'Qo\xa9K9\xdb\xe6a\xb9\xa9\x13\x8f\xf2\x96\xd9\xd0\xec\x04\xbb\x85Zi\xfa\xe6L8\xa8\x98\x9f\xa0\xb3\xbf'</t>
  </si>
  <si>
    <t>b'\xe7Q1\xed9O\xe2\x90\xbd\xdf\xf79\x1a\xfa\xabN\xca\x1d\t\xe2\x9c\x01KRl\x8f\xd2i\x93u&lt;n'</t>
  </si>
  <si>
    <t>b'\xf7\x7f\xac\x8e\x83L\xe7\x0e\x82vF\x85\x9f8c\xf6\xb9\xab:t\x05\xbb\x18\xe6%\x7f\xe6\xfb\x8e[w\xc6'</t>
  </si>
  <si>
    <t>b'\x04\xe6\x1e}\xfe1\x88n\xf8v\xf2k8&amp;\x08P\xff\xd7\xee\xd8\xc7R1tqn\r\xc7\rIh\xcb'</t>
  </si>
  <si>
    <t>b'\x96\xe0\xf7\xcbZ\xb3\xa8&gt;.\xd1\x81\xfb\xb5\xd3E\xe23\xa1\x88\x8f$\x1b(\x8b9Vs\x19\xbaCO\xd9'</t>
  </si>
  <si>
    <t>b'\xf9\xe9\xe9w\xb4,\x02\xa7\xac\xfc_\x81\xaf\x99\x01\xd6\x17\x8f\x08\xc8\x19\x1a\xd8\xad\xf4\xb7\x0c\x92\xff\x0e\x98\xfb'</t>
  </si>
  <si>
    <t>053xx</t>
  </si>
  <si>
    <t>b'\x90j\xd3\xc5bw]\xd7\xefJ\xd8w\xe0\xea\xe5p\x0bN\x91\xddW\x9e\x94\xad\xe2\xc6\x1d\xdaE\x9d\xfb\xd4'</t>
  </si>
  <si>
    <t>b"\xae\x03\xad\xfd\xda\x16\x88\x11'\x81NO%\xcf;\\\xc0Wa\xbdcp\xee\xbe\xd5\x14\x0f\x9a\xbbh\xf7T"</t>
  </si>
  <si>
    <t>b'\xb1ca\x10\xfaW\xf2fva\xb6t\xad{\xd8?\x11\xaf\xc4\x87\xf4\xbd\xb7\x84r\xf8\x1a\x1b\x8a\xf5\xa5N'</t>
  </si>
  <si>
    <t>b'\xd0F\x8e\xc9z\r\xd7\x08\xcf~]\xdb\xdf@\x05/\xdc\x19l\xfa\x82\xea\x13j\xa4\x88\xe0e\xd2\xaa\n\x1e'</t>
  </si>
  <si>
    <t>b'\xdfP\xaa\n\x82O\xa5\x02\xdb\x89\x1d&lt;(Em2q\xbd&amp;L\xe6$`\xf9\x0f\xd3\x85\xdf\xf8\x9b\xb1\r'</t>
  </si>
  <si>
    <t>b'Me\xba\xd7\xeep_\x01\xb2&gt;\x16\xbaw\x90R\xf4\x1f\x92R\xc6\xadK\x8dS\xd6\xed\xbe\xe9\xc6\xcet\x98'</t>
  </si>
  <si>
    <t>b'\r\xa4o\xad\xc8aT~\xc7\x82\x04\x05\xbe\xc1\xd9\xaey\x1d\x7f\x9f\xd5GxV\xc7d\xab\xccV\xa1f/'</t>
  </si>
  <si>
    <t>b'\xa9c\x17\xcfeq\x89&lt;\x85\xff*b6\x87\xe4\x0f\x10\xea\x9d8\\\x92VI\xe9L6\xcb\x89\x8bhQ'</t>
  </si>
  <si>
    <t>b'So,\xa11\xbaLAT\x0f;\xfc\x9d\x8ar\xb1\xf0:\x7f\x10\xa7-\xceO\xd5\xf7\xc3\x99h\x96\xa1\xee'</t>
  </si>
  <si>
    <t>b'c\xc8\x87@\x98\x81\xe3w\xebn\xb1\xfeM1\xaeB\x14&lt;\x0e\xd8YD\xae\xd9\x08\xe5\xbc-\x85\xedg='</t>
  </si>
  <si>
    <t>b"z\xc4\xfdA\r\xf6F\x16Q&gt;6A\xe3YE\x08\x1f'\x95\xf0\x97}\xdc~\xea\x16TM\xf8{\xf6\x98"</t>
  </si>
  <si>
    <t>b'\x1c\x80Y\xe5#W\xb2.+em\xd1Q\xa4\xe7v\xa5l\xc0k\xf39\x0fR\x99\xc1Xd\\\xb5rp'</t>
  </si>
  <si>
    <t>b'n\x97f\x8a\xd9\r\x12S+j\xceaR\x82\x82\x19\x99\x9b\x04-\x8cm\x9f\xb9c\xfe\x89\xdd\xbd\x03\xe5\xb2'</t>
  </si>
  <si>
    <t>639xx</t>
  </si>
  <si>
    <t>b'\xcc\x1315*Rn\x186\xe0\x97\x00Y\xdd(ns\xae\x13\xebtX\xff1\xc2\xf9di\xb1\xa1\x87\xb6'</t>
  </si>
  <si>
    <t>b'\xc4\xc1\xe1Y\x9fr\xae\xc3\xf5\xa6\xa7c\xfb\xfe\x86\xa1&amp;\xdcml\x8e\x19\xba\x8e\xab\xa8\xab\xfe_\xebgS'</t>
  </si>
  <si>
    <t>b'\x00\xaf_8\x80\xe0\xaa~\x89\x8c\x9b\x00;\x87,J\x16F\xfdd.!\x94\x9b+\x1a\x14\x8a/9\xedK'</t>
  </si>
  <si>
    <t>b'\xf5\x15B\x99\xef\x1a\xdb\xa5\xaaX3l\x1e&gt;\x95\x1de\xd9\x04\x81\xc4\xf9v\x06a\xf3\x8d\xdep\x89oa'</t>
  </si>
  <si>
    <t>b'\x96\xf0\x02\xa4\x1b\x83\x11\x9b\xedh\x8e\xf6L\xdf\xa6\x91\xa9\xcbv\x0f\x00|)Vv\x1e\xe5\xfb\xa6\xe6\xd1r'</t>
  </si>
  <si>
    <t>b',\x80\xf5\x05\xfbMk\xb5\xeb\x80Z\x1bv\xff\x87\xb9\x98P\x14\xe1\xb9\xcb\x1e\xd4\xa3Z&amp;\x19]I^\x16'</t>
  </si>
  <si>
    <t>b's"\xd2\xab\xd0\xa0h\xe8\xec\xbf5\xf0a\xca\x8cP\x08B!\xe8\xdc\xda\x07\xb8\xe7a\x1bP\xdd\x93\xb1\xeb'</t>
  </si>
  <si>
    <t>b'\x9aR8\x9b\x81\xc1L\xb1\xcdn\x9c\x8e\xd4\x0f\x92P\xa3\x11Qq\xcbVHp$\xa7\x92\xf2&amp;\xe0\xe9\x0b'</t>
  </si>
  <si>
    <t>b'~\xc4u\xfe\xb6p\xecB\n0\x9b\xbeL\xe0\x8d\x8c\xed\xa2a\xe4\xc7$\xba\x83\x89\xd8\x82\xa9\xa1\\9\xc7'</t>
  </si>
  <si>
    <t>b'\x88\rG\xecW\xdf\t\x0b\xc0\x0c\xee\xe3\xefO\xdb\xd0\xf4\xb1\xbf\xee\xd8Pw\x87_Bj\xe2\tZ\xf7\xe4'</t>
  </si>
  <si>
    <t>b'\x93\xab\x0b\xb1\xb6\x01\\\xe2Px\x8c@P\xaa\xdc\xeeBN|E\xcc \xac\x87X\x8bh\x8am\xb5bo'</t>
  </si>
  <si>
    <t>b'\xa9\x02d\xba@\xa9\x89\xde\x18\xd3\xc3\xb7\x1b\xee\x80\xa7yO\xe7\xd3Y\xc2\xc1\xdd\xa4\x94\x18\xee\xa6\x854\xf7'</t>
  </si>
  <si>
    <t>b'\xfe%\xfe@\xe67s\xbe:\xb0]L\xca\xaf\xd9\xd4\xfc\xe5\xf4@\xc5\xc6SYO\x85-z\x0f\xe8e\xe7'</t>
  </si>
  <si>
    <t>b'\x17s\xce\xb9V08\x86zs\x81\xd3\x965\x83\xbf=R\xf3\xf2\xd1l\xb4"&lt;U\x8b\x19\xa8[[V'</t>
  </si>
  <si>
    <t>b"\x7f\xef&gt;\xdb\x8c\xd14\x92\xac\xa9\xa6\xd6\x04\x86beO\x0b\x9c\xaab(R\x0b\xbbo\xc8e\xea\xd2'\x0b"</t>
  </si>
  <si>
    <t>b'\x9f\x996\xf1\x1b\xf5cC\x16\xfb)\x95+\x0b\xb7\x9f\xdb\xee\x883\xf6Y\xc6\xfa\nA\xfb=\xf6\xb5S\x1c'</t>
  </si>
  <si>
    <t>b'\xe2\x7f\r\xb4\xec\x13;\xe1_3\xb0\xa2\xe6P6\x00\xd7R_\xdd\xf9\xb3_\xa4\xb6\x82*quF\x91\xc9'</t>
  </si>
  <si>
    <t>b'\x06\xc7\x9d\x8c\xfcL\xbb\xf2\x11\xfaD\x1f\xdb\xeb\xbb\xa6\xe6\x9c$\x15a\xb3&gt;\x19\xd7\xa9\xd6\x06\x90\x89\x9d\x01'</t>
  </si>
  <si>
    <t>b'\x0b\x9f}&lt;\xbaENj\xb7\x8b*\xc3.\xd0j\x1d\x99\x98`\xe3\xb0\r\xcf27\xc9\r\x86\x15\x14v\xc9'</t>
  </si>
  <si>
    <t>b'~\x0b\xd5\x82k\xd0\xc3f\xbe\xd1\x0f\n7\xe7o\xf0&lt;&lt;5\x85\x91\x1c\xe8\xe2\xdf\xb3\xc9:\xf8\x9b\x0eI'</t>
  </si>
  <si>
    <t>b'd\xb6V\xd3\xa4\xdb;\x80\x03\rh\x83\xb8\x02\xd6.\xa6\x99\xa1Ak\r8\x1d\x00\x18`\x01\xc8\xd7\xd3\x1c'</t>
  </si>
  <si>
    <t>b'\x00\xccYS\r\x88\xda\x98D\x86\x1a"\xcd\xfc\xcf\xd5\xf6\xb2p_\xdc\xc4\xb30z\xd9\xcdX\x15s\xf2\x1d'</t>
  </si>
  <si>
    <t>b'L9\xd5\x98\x15\xc8\xfd\xfeg\x7f\xb4\x9d\xb7n\xb5i\x1cQ@\xf0\xa3v\xff\xa3\xe1\x96\xc3.W\x19+E'</t>
  </si>
  <si>
    <t>b'v? \xee\xb3\x8d\xfa\xb4\xaf/\xe8\xee7\x12\xb5\x13\x81\xd0/\xad\xc7\xc8\x8d\x93f\x82\xdc&amp;\x14\xd2\xbb\xf4'</t>
  </si>
  <si>
    <t>b'Uu\x875\xed-\x17O.\xe7\xdc\x00\x0e\xef\xf6\x1c}\x18;r\xcd\x17\xff\r\x80n1bLj\x07c'</t>
  </si>
  <si>
    <t>b'I\xe7\x9bH\x95\x97y\x80\xbct\x04\xb84\xcd_r\xcd\xfc)\x93v\xb9\xf9bY\xb3@P\xdbtqk'</t>
  </si>
  <si>
    <t>b'\x03r"\xf9\xd9s\xf7\xa7\x02Dt-\x11g$\x98\x96?5\'\xe0\xc2\x07\xd1\xcd\xe2\xa1\x86\xab\x1f*\xb8'</t>
  </si>
  <si>
    <t>b'.uj5\xdd@X\xa9\xa3TG\xff0\xd4\xd2\xe1\x84\xb4\xa1\x85\x03\x94\xfb\xea9\xe7$\x97\x82\x01\xe5\x91'</t>
  </si>
  <si>
    <t>b'\t\xc7W\xc5:\xed:\xbd\x9e\xa6%\xd8\xe4\xdc\x92\xf5\x11V\x92\xadr\xd0i8Qo|\xb0\x02g\xf0\x83'</t>
  </si>
  <si>
    <t>b'\xf4"k\xe2\xdb\xdc\x08j2]D\xc1\x8a\xebnJ\x13\xad\xe0q\x05\xf9&lt;\xd8\xe2=\x02\xfe5\xb4\xcd&gt;'</t>
  </si>
  <si>
    <t>b'\xc8qWa\xbfN\x9d\xd2P\x82\xae\xc6\xb0\x920\xb8\xaf\x0e6\xfe\xb9\xa2\x93a?/\x96\xf8\xe3\xd0q\xce'</t>
  </si>
  <si>
    <t>b'\xedAc\xcf\xce\xf9\x93\xfd\xa9\xa3\x81\xe6BoY8\x1dJ\x8d\xe3\xd6\xbc\x17\t\x13\x8c\xe2\x15,I\x98\x8d'</t>
  </si>
  <si>
    <t>b'a\x0e\xd7&lt;~~&lt;3\xa7\xe6K\x89\x90b\xeb\x97?m\xed\x1b]\x9e\xc0&lt;\xf5\xcbe\xe0@&lt;\xc6\x16'</t>
  </si>
  <si>
    <t>b'\xdd\xf0\xc5\x04\xb4{Y\xa2\xbc.\x03\xb93K\x7f\xad\xeaz\xfc\x11\xc7\xb7\xdf\te\xd7\x01Z}b\xf50'</t>
  </si>
  <si>
    <t>b'M\x17\x1e\xceoL\xfe\xf8A&amp;\x12\x85\xa9SY\xe6]\xfc\xce\x14\xad\xbcW\xd5\xdd\xdc\xa1a\x10\xebU~'</t>
  </si>
  <si>
    <t>b'm\x10\xda1\x9e\xa31\x15\x1a7\x9f\xcc\xe3x\x80\xb6K3\x14&lt;k\xbds\xe5\\\x0c}Iv\x08\x1eT'</t>
  </si>
  <si>
    <t>b'\x13i\x07 \x18\x138\x8baa\xc5\xe6\xab2u\x89F\xe1\xc0\xd2\\1\x9an\x1c\x95D\x95d@\x83\xdf'</t>
  </si>
  <si>
    <t>b"\x12'\x9c\x97l\xb5\xfeL\x89S\xa8\xc4!\x95\xd8\x03\xc0\xd3\x93\x072x\x18\xdd\xdd\x98F'\xb1\xd5\xe2\xa5"</t>
  </si>
  <si>
    <t>b'\xd5A.\xcc\x94\xdcB\xa2\x80\xf4N\xf6\xdam\xf9EL\xfc\x0cH\xe1\x01\xc33\x9f\xbeX\xee{l\x7fK'</t>
  </si>
  <si>
    <t>b"N\xbc\xf5\x9bT(k'\x95\x93\xdbJ\xa3\xda\x95\x84k/\x81\xf8;HGU\x00\x16`x\xca\xa0\xae\t"</t>
  </si>
  <si>
    <t>b'\xe5)\xc9\x16~\xceBE\x88_L\\\xf1\x1b8;\xd0/tph2^y\x94\xc1\xcfW\x19\x8c\x14\t'</t>
  </si>
  <si>
    <t>b'\x84\x17`\x90\x91J\xf4\x94\x8c\xb6\x90\x04\xbeE\x91\xef\x95\x80r\x12&lt;N\x92\x82\xa3V\xf5\xdb\xcc\x9f\xca\xe0'</t>
  </si>
  <si>
    <t>b'\x91\xb6\xa5C\x08\xc7DV\x06\xc8#1\xbe\x03B\xa3\xb5\xfa2\xd3\xfb\xbe\n\xe4c\xd3(p\xc2{\x9a\xf9'</t>
  </si>
  <si>
    <t>b'\x0ci[#\xe7\xd87@!J\x93\xc5e\n\xd4\x00\xfb]\xdd\xf18\xf6\xb4D\x84f\xe0\r\xba\x9f\xc7\x17'</t>
  </si>
  <si>
    <t>b'A06\x8e\xfd\xe2U\x1a\x04\xbaH\xc8::\xb9\xb0\xda&lt;\xc0\x8f\xd1O\xd5J\x11\x00a\xef\x8f\x80D\xbf'</t>
  </si>
  <si>
    <t>b'\xb1|\xe6+9\x87\xb0\xda\xb0Y\x9cw;\xd3\xeaJ\xa5\xd3\xc1\x82\xb2A*\x8e\xf6\x81\x93\x0e\r\xf58e'</t>
  </si>
  <si>
    <t>b'\x84\xed\xd1\xb8\x8e\x81\xd8\x9db\x98\xd7\x8f\xff\xd1\xd9\x0c\xf1\xe3\xc3g-I\x8c(:\xa1Z\xbb\xfc\x8ci('</t>
  </si>
  <si>
    <t>b'w\x16\x9aB\xa9]6P\xce\xa6\xab\xda\x19\xbe:[\x03\xd5\xbd\x7f~\x81-\x81\x95\xbf\xd973\xda\xb7l'</t>
  </si>
  <si>
    <t>b'D[?\x7f\xb6\x7f5mv\\2\xda\x1e\x9d\xf1yI\xee\xe9\xbd4pfeQ\xd0X=\xc5\xdfg\x08'</t>
  </si>
  <si>
    <t>b'\xadJ\xde\xbc\x8b\xad\xd06\xb7\xd9i\x17\n\xd38\xf9\xb3f\xa7\xe7\xc1\xae`\xdb\xaf\xa3\xd0y\xa1\xd5\x0e\x16'</t>
  </si>
  <si>
    <t>b'\xf9\xe2\xc5?Y\x90\x9c\x0c\xc8\xbcK\x07\xbb\x85\x8c\xd2\x15\xa9D,\xd9\x99\xc5\xde;\xed\xc9\xe9&amp;\xc8WK'</t>
  </si>
  <si>
    <t>b"1\x19&gt;\xc2q\x18\x80L\x16\x16\xb7\x9a\xe4\x97\xa0\x7f\x1e\xf7\xe6m\x0e\xbcy\x17t\xba\x85'jtW\x14"</t>
  </si>
  <si>
    <t>b's\x06b\x84[\xfa\x86\x19\xd00\x8d\x87\xf9&lt;\x90\xe8 \xf0W\xc8\x89c\xf0&gt;\xcb\xf5\xc6\x99\xe4\xed)\xe4'</t>
  </si>
  <si>
    <t>b'1\xa7d\xf2s\xa3l;\xbc\xec\x9e\x84\xd1Q\xf4\x94\xadE\x18\xa9\x15,\x84|\\\r\x99s\x1aw\x05\xee'</t>
  </si>
  <si>
    <t>b'G\xf9\xbe\xc5j}\xba\xe46C\xef\xe8^C\xb5-*\x9b\x1f8\xd32\x9e\x08^\xa9\x94\xc5g9]\x89'</t>
  </si>
  <si>
    <t>b'.x\xcc\xa4\x02\xc2\xe4!K\x89h4\x84R\x83\xffp0\xce\x82\xa1\x84\xb1\x1an3\xcd\x05Hx&gt;\x1a'</t>
  </si>
  <si>
    <t>b'\x1be:{@\xcby\x1f\x13,\xfc\xab\x9c\xe9S\x81f]\x06[\xdb\x02*6SS\xbcT\xc1\xf1\x00%'</t>
  </si>
  <si>
    <t>b'\x9b~\x8f\xee\x01\xf0\xdd\xdd\xdf\xeb?\xe0\xcf\xebX\xa0\xba\xf1\xadv\x97bty\xdc\xc3\xb0I\x82\x02\x8a&gt;'</t>
  </si>
  <si>
    <t>b'\xa9\x9cV\x98\xd9m\x97b{\xabF\xe8\xf2Q\x18\xa2\xe6\xbb\xe9\x08M\xfey\xcf\x1f\x8cZ\x7f)\xaep\x8e'</t>
  </si>
  <si>
    <t>b'\x01\x10\xe4\xde\xdd\x07IP\xd1\x00Cc\x8b\x05bv\xd9\x1c\xbbl{/D\x19Ye\x95U\xcd\x91.\x00'</t>
  </si>
  <si>
    <t>b'\x18\xde 5\xf2l\x8f\x1e6\x95)[\xd8\xe1\xb2\x11N\xfa\x97\x8d\x8c\xbc\x9c7\x81\xe6I"s\n\xa6\xbc'</t>
  </si>
  <si>
    <t>b')\x87f\xd9&amp;\xc8zD\xf8M\xb1%F~\\\xc3a\xe4\x82ZR\xb1BLQ\xa7\x90\xe5\xc0\x01\x1e\x10'</t>
  </si>
  <si>
    <t>b'\x8e\xc2\x88N\xef\xedK\x9dxP9\xedWo\x83\xd5\xd6\xaf\x9cyX\xc6\xde\xc53\x96@\xf2\xf3V\xcd\xd7'</t>
  </si>
  <si>
    <t>b'\x06P\x0e\\D\xd6\xb3\x92\xd1\x06?\\\xde|\x9e\xedu\xd6\x1ci\x13T\xa8\xca/\xd1Y\xe1\xf8\xa31Y'</t>
  </si>
  <si>
    <t>b'4\xc9\xa2\xa6P\x16\x84\xd5y\x1f/$:3\xcf\xae\xb8\x85\xc6bb\x1cl1xq@\x0c\xe1\xd5\x00\x07'</t>
  </si>
  <si>
    <t>b"%3\x0e\xff\r7\xd1? \x14\xe0\xe7\x0b\xec\xed-\txdl\xb2L2\xa6`q\x16\xc4/\x91u'"</t>
  </si>
  <si>
    <t>b'\x06M\x0e\xac\xbf\n\xfa4\xa4\xc3\xc5k\xec\xe2\xf0j\x9a\xb2%7\x82\xb9\x02d\x80\x80r\xc8\x1d9m0'</t>
  </si>
  <si>
    <t>b'\xdb\xbc\xde\xad\x8duJ\xc65\x85\xd6\xe9\x14\x91\xf5\xf2\x9bM\xd4Y\xe9\x9fD\xf6b\xdc\xa9\xb9\x7f\x17\x9f\x07'</t>
  </si>
  <si>
    <t>b'5\xa6\xc1\xce\xb8\x9a\x1b\x84_*gCN\xf6\x82\x11\xf9m\x02W\x92\xc7\x01\xff\xd5\x9e\x99\xbc\x18h\x89V'</t>
  </si>
  <si>
    <t>b'\xdc\xff1\xfd\xd1/\xeb\x9d\x81}\x01q\xe8+\x88gS\x13\xf5j\x9aZ\xdd\x1a\x08\xc1\xfa6\xaa\x9d\x93\x9a'</t>
  </si>
  <si>
    <t>b'\x12\xb1\xd27\xba\x05}\xbc\x918Q\xb2\x17\xea`Y\x1f\x04\xff$\x99\xe3\x98\x86\x98\x83{a\xbc\xe10\x89'</t>
  </si>
  <si>
    <t>b'.\xa2\x87\x1c&gt;\xf5z%\xf0W\x18G\tqhs\xb5q\xeb;\xee\xea\xa8)\x9b\xde\xe7m\x93\x81Sm'</t>
  </si>
  <si>
    <t>b'~\xbb\x14\x88\x0e\\;\xe5\xd4\xf5Um\x0c\x12!\x8c\xa9\x19\xf47\x8e;=\xb2E\x06\xebvm\xd7@c'</t>
  </si>
  <si>
    <t>b'\x83\xf4\xdes\x05\x07HG\xe2x\xc4c\xb1\xe7\x8821\xd6c\x12\xa9\xa5\x8aC\x92\xca[\x18&lt;\xdc\x9d\xd6'</t>
  </si>
  <si>
    <t>b'\x91\xa2k\xc4E\xbah\xf2-~\xb9\xbf[\x91&amp;\xca\xc9\xd7 \x83\xd7u\x9d\x90\xa4\x8a`Y\xee$}b'</t>
  </si>
  <si>
    <t>b'\xe8[\xab\xd9\x92\xe7\xec\x85\xab\xf3L*\xbc\xee\x82\xb2\x90W\x1b\xa0\x94k\xb6\x86\x0e\xb3;\xc4\x0ctHs'</t>
  </si>
  <si>
    <t>b'$I\xc9\x97#d\xfc$\x88P\x18\xa2\xd0\xda\x89\x8b\xb3\xf3:\xe0\\}\x803\x05\xdc\x11\x95\xb4_\xdc\x1e'</t>
  </si>
  <si>
    <t>b'Z+\xc8\xdb\x8ah\xacnz/\t#\xebWv\x89\xbb3\x9445\x04\t_GM.\x90\x95\x90\x84\\'</t>
  </si>
  <si>
    <t>b'\xd6\x06\x83\xf56\xe60\xe0\xf5\xbds\xf5s\x08\xdb\xe4,\xac\x02Q\xb5\xf4\xd7\xa1\xce\xe11\xe5\xe3aK3'</t>
  </si>
  <si>
    <t>b'\xb6\xa3\xcfm0\xc6ndC\x0e\xbb&amp;E\xbb\x92:A\xf3\x8d\x02\xb0\xa8\xd2\x98\x8d\xa3\xc37\x15\xad\xa6\xc6'</t>
  </si>
  <si>
    <t>b'\xf8ZFh&amp;\xe7\x18\xbb\x9e\xb8\xe2\x1b\xc1\x12w\xa5\x9d\xf6@\x1a\\R\xf5F\x11G)\xf4\xdfA\xc6\xf5'</t>
  </si>
  <si>
    <t>b'\x98\xaeW$\xa2]SY\x9f\x14\x8b\x11\x8a\xec\xe2q\x99\x85\xb6\xa4N\xc3v\xdb?\x04\xcd\x16\xec\xfc&lt;\n'</t>
  </si>
  <si>
    <t>b'H\xec\t\xa1\x08\xfeQ~\xcb\xc1\xe1\xc8h\x08xV\xe3t\xbc\x86\xf4o\xc2U\xba\xbd\x08\x1a22\xde\xd8'</t>
  </si>
  <si>
    <t>b'x\xb8\x15F\rz^\xbd\x8a\x9f\xe0\x19_\xdb%J\x91\xb8\x85\x18=v\x0e\x8d\x97\xa5\xac\xe0%X\x9f\x91'</t>
  </si>
  <si>
    <t>b'FL\xfcp\xe5[#0\x1a\x1bA\xe9\xc7\xc6\xe9&amp;\x88\xf2?\xaa\x88"T^%\x08\xde4\x9dZQx'</t>
  </si>
  <si>
    <t>b'&lt;\x1df\xd1\x11\x0b\x87\xe8\xd6\xfc\xd6\x81\xb2`)\xa3\x84"Eyj\xf3\x9b\x99y\x83=\xe6\xca\x1e\xcb\xe0'</t>
  </si>
  <si>
    <t>b'\xbc)\xa1K\xd1\x11\x80\x15\xce4\xc3S\t\xcb\xe2\xa9\xfc\xdf\xff\\C\xf6}&gt;\xc0\xd1\x8a\xc5\xd1\x01\x87^'</t>
  </si>
  <si>
    <t>b'M\xa8jX\x9bJ\xfb\xf1:\x8b\xb6B\xbe\xe0\x11k\xcf\xa8K\x983\x1d\x84a\xee\xecK\xb9K&gt;\xf2\xf6'</t>
  </si>
  <si>
    <t>b'\xd1[\xf5\xe8\x04\x96,\xb25diT\x0c6p\xbae1\xf7Su=\xe9\x8b\xa1i\xfb\xe6\xf9\x98\x15('</t>
  </si>
  <si>
    <t>b'\xcdsq\xe0\xb9\x1b_\x94A\xf3\x8f\xb55\x16e\x89\xc5\x98\xcc=Gx\xd7\x9e\x99]\x0f\xc6\x07%\xc3\xee'</t>
  </si>
  <si>
    <t>b'\x98\x13\xc95\xfb\x958\xe8E\xde\x9d\x9a\x86{\xd0\x95\x18c\xc2W;\xc1\xf9\xc7\xf8\xf5!\xff3^V%'</t>
  </si>
  <si>
    <t>b'\xe2\x8bg\x04\xcf\x06\xbed\xfev\xa2\xb7\xde\xc4\x12\xbe\x01\x10\xaa(R\xefMz\xe2VuYK\x00\x97\x1c'</t>
  </si>
  <si>
    <t>b'u6\x94\xd5\xb6IL\xd8NK\xee\x81\xf2_\x127\t\x8a\xdbp?\x0b\xbd\x90\xcal\xe8\xdc\xef\xe2\x1b{'</t>
  </si>
  <si>
    <t>b'~\xd5\x82\xc1(%\xee!p\xf0\x11\xc4V\xd3\xb4\xa2C\xefQ\xb7p\xd6kI\x8eO\x12\x009\xb8\xc8\xb8'</t>
  </si>
  <si>
    <t>b'M\xd77(\xf3\x03|c\xad\xbd$O?\x1c\xc5\xbf9\xbf}\xd7\x8cC\xe4\xc99?\x1b\x13[\xe3l&gt;'</t>
  </si>
  <si>
    <t>b"`\xcc\xec\xa7\x17\xb4'\xfb\xea\xef.\x84\xa4@\x19\xaa\xd72d\xef\x1f\xb5@\xdd\x99\x16\x1c\xe3\x8a\xf6{\xe3"</t>
  </si>
  <si>
    <t>b'k?\x00\xec\x7f\xa2F\x17\xe9\xef\x13\xdc,\x1d@s\x1f/\xad\x9c\x9a9\x00\xdd\xaf\xe0\xd7\xe5u\xb3\x86B'</t>
  </si>
  <si>
    <t>b'\xb7\xbb\x93\x9e?\xfd+\xb3\xe4\xf5pOO"\xc1\xb0\x98\x9b\x04\xe9\x86\xa1\x03\x0b@\xebw\x03\xccjG\t'</t>
  </si>
  <si>
    <t>b'\xcd\x04b_\x0eL\x7f\xec\x11g\xdawb\xab\xcek\xd6\xd7\xabD_3\x17:\x8b\xdc4\xb249\x0b\x82'</t>
  </si>
  <si>
    <t>b')\xe4?\xc9\xff~\x01\x8d\x8f$99H\x84c\x1b\xf6\xe0\x90D\x0b\xbb+\xf2\x14`\xf3V\x08\x1b\xb9\xab'</t>
  </si>
  <si>
    <t>b'\xf1d1\xda\x15\xb9\x82Xt\xe5=$\xf4\xdfh}\x17\x1d\x85\xb7\x9a6\xa2w\xa6Y\x06+Zq\xb0\xac'</t>
  </si>
  <si>
    <t>b'\xb2,\x93 \xdf\x99\xdaZ\x8d\xb2\x90\xd0\x12{\xbf\xb9LP%\x88^X\xe6\x96\xf6\xc4\xc9\xcaLL]\xb6'</t>
  </si>
  <si>
    <t>b'F\x86\xb0\x1e\xd7\x16x8[..Q\xebR\xb6\x95\xe45\xbf\xcf\x12\xcf\xd8J$@@&amp;\xb3b\xaf\x05'</t>
  </si>
  <si>
    <t>b'\x85\x10\xac\tSC\xd9\xee\x17\x13\xd2\x00\xa8\x14*\xe4\xce\\\xbf\x0f\xa7\x8f\xe2\x1b!N\xd4\xdfc^\xf6\x92'</t>
  </si>
  <si>
    <t>b'Z\t_\xbe*A\x9f\x91W3\x83\xb0\xdb|hu|\xc5\x96\x16\x7f\xe3\x8bH\xec\x81\xb5\xbf\x1b\x047I'</t>
  </si>
  <si>
    <t>b"\xa7\xa1\x9e4k&gt;\x05_,\xb7N'?\xa8\xe0\xe4\x1bs\x1fL\xa3_FrB\x1f`\xd3HzH\xb9"</t>
  </si>
  <si>
    <t>b'\x01\x9dj\x1cI\xb8H\x9a\x12\x1c}4\x1a\x14\n\xfd\xd24\xc6\x0c\xa5\xb1\x82X\x9c\x1d[\x87L8\x84\xc6'</t>
  </si>
  <si>
    <t>b'x&gt;X\xd0 \x8a\xa5\x9cZeo\xd7 \xacM\xee"\x9c\xb7p\xff\xc2K\xd4\xceg\xdd\xc8\x81&gt;\xc5\xdd'</t>
  </si>
  <si>
    <t>b"\x1c\xbc\x8c\x1e\xdfO\xbf*\xbe(\x9fK\xab\xa8\x88P\xa9\xe3\x88'\x82\x1a\xa5\x03\xb1\xf19w\xdb\x9an\xa1"</t>
  </si>
  <si>
    <t>b'0\xad\xeb\xce\xbdk\x1e\x0e\x80\xa8~\xce\x93\x17E(\xf84\xe77\xda+G\xf3\x01\xd2\x1b\x911;\x8a\xe2'</t>
  </si>
  <si>
    <t>b'\xb2\xc4\xafI\xf6qd\xd3\xe4\xa5q\xdb-\x7f!\xc5\x19\xca\n\xbeS\xd4W\x97\x14\xb5\xf0cp\x8c\xf8\xa3'</t>
  </si>
  <si>
    <t>b'\x84\x92\x9f(\x13H\xb1T\x996\x8d\x91\r5s\xc2t\xa3\xdd\x92\x04\xa4\xad\x89j\xf7\xde\x1dJ\xa4\x91\xca'</t>
  </si>
  <si>
    <t>b'CQ\x83"h\xaeQh}\xd6?*n\\\xff\xa1#b35\xa6o\xe7\x96\xaaO\xdd\x1c\x12\x03\xf3\x1d'</t>
  </si>
  <si>
    <t>b"\xb3\xf8\x10OV\xa2\xe7^\xd6\xe5\xcb'\xda\xac\xb6\x14\x04\xf1.\xfb\xa7y\xb2\xaf\xcf\x1a\n\xc8c8@A"</t>
  </si>
  <si>
    <t>b'rc\xcf\xfa\t\xdbLD\r\xd4\xc2\xa4\xa6%\xb3+^aQ.\x11\x15\xc6$\xac\x06\x9a*O\x8e\x98\x1f'</t>
  </si>
  <si>
    <t>b'\xf5?a\xe4K\xbf\xe4\xf2\n\xf1\xd5\x9d\x10)\x9ck\xd6\xd7\xf4\xb3\x9b\xffZ\x0b\xb1\x10}\x197\t\xb9y'</t>
  </si>
  <si>
    <t>b'l\xf74\xe0\xda.\x99\x86s\x07Y\xcbI15\x92\x18\xca\xf3D\x051\x08h\xeeg\xf7\xba\x02\x91\xa4\xfd'</t>
  </si>
  <si>
    <t>b'\x89T\x88B0u\xa0\x14\xb8\x19\x1f\xa9\x96\xeb\xc4\x96\x85\xc2\x11\x84\xe3Ah\xf8n\xef\xbe\r\xcf\xdc\x9a\xdc'</t>
  </si>
  <si>
    <t>b'C\x96\xddW\xebx\xdb\xf8d\x01rOw\xb8\x19\xfd\xf2\rI\xbc\x1fE \x01\x8bg\xe5\xda\xbc\x88\xbaD'</t>
  </si>
  <si>
    <t>b'/k)Im\xa64\xdf\xd3\x9cY\xd9\xa4\xfe\xa50\x9dE\xd5Z\xa7\xf7\xfb\xb5\x071\xe0p\xcd`\xac\x1f'</t>
  </si>
  <si>
    <t>b"k+\xaf6\x19b^h\xe0\x04\x84+\xb9\xc9a\x11@\xb2@\x98\x97\xf0\x7fV\xa6p'\xe4y\xc0MZ"</t>
  </si>
  <si>
    <t>b'\xdf\xb2\x0f\xd4L\xfb\xe2K\x1cm\xc2\xbfI\xc5OE4\xec\x83\x9b\xb0\xb3\xf1E`(\xa258\x99\xc2\x05'</t>
  </si>
  <si>
    <t>b'\xd1\xcf\x1b\xf8\x11\xe3r=\x92\xc3\x95\x93\xaa\x07[\xaa$\xbf\xe1\xdb\x0f\xc6\x91ZU\xb4|\xaavo*a'</t>
  </si>
  <si>
    <t>b"\xda\x83\xe6\xdd\xc7\x89#'\x9a\xb7Ur\t\\XP\xf3\xa1)\x14\x17}\x8e\xe9\xf9\x9bq\x1aXm\x94\xec"</t>
  </si>
  <si>
    <t>b'\xb4\x1a\xaaT\x99\x810\x08G\x82=\x94[\x86\xa0\x9b\xbd=ku]\xa2H\x15uL\xbd\xcf\xf2~f&lt;'</t>
  </si>
  <si>
    <t>b'\xc7]^\xe8&gt;\x9bDY\xdce\x13\xb0\xe0&amp;\x95\x08\xe6_f\xed%&gt;\xbd\xd7\x88r\xc8\xb9\x83\x99\xd7\xb0'</t>
  </si>
  <si>
    <t>b'\xe6g\xaf\x88\xd5\xd5Uj\xa2\xb7\x80\x97\xad\xed\xda(\xffpRf(}k\xb8,7X\x1d?\t\xb7\xe9'</t>
  </si>
  <si>
    <t>b'\xd5\xa1\x94\xd93}\xb8\xb2,\x17\x8bt\xc40p@E\xc6\x94n\x99\xa9q\xe1\xe1\xf7\xc2\x04v\xa8\x86t'</t>
  </si>
  <si>
    <t>b'2\ti\x9a\x858;&gt;\xbf\x8c\xbbp\xceX\x96\x0e\x82+\xc0&gt;\x00\x18\xa8\x08\xba\xd4Q\x06;\xfb\x07+'</t>
  </si>
  <si>
    <t>b'\xa4|\xd6\x11yy\x8a\xda\xef3*\x0e\x89\x82\xde|\xd2n^\xf0\xebT4E\xbb5PY;\xcc\xdaB'</t>
  </si>
  <si>
    <t>b"\xac\xd5\x81_\xe4D\x9b\xd2\xd0\x00B\xc5\xd9t\x7f|\x97\xbf\xe1'\xe5A&gt;\xe5\xb4\xb2\x93]+i\xb0\xae"</t>
  </si>
  <si>
    <t>b'\xfaa\xac\x8e\xe6g\xe3\xa9\xd2\x8aL\xc0\x0c#9\x81\x96\xd5\xdcW{\xec\xa5\xf4\xe1pZW\xf4=\x95\x1d'</t>
  </si>
  <si>
    <t>b'C\x98\xcepR\xf5\xa0\x8b5v\xfc\xf8#\xd3LW\xdcAU\xd3E\x92\x8a1T\x89\xf3g\x80\n\x04Z'</t>
  </si>
  <si>
    <t>b'\xdd,Z"\xf7\x1eq\xbc \xc3\xa9\xcf\x94"wI\xbf.\xd0s+\xb4\x8f\x8e\xe9\xd8\xcfB\xa0\x85s\xd2'</t>
  </si>
  <si>
    <t>b'V\xab\xc3:\x93,\x9a\x81\x83\xea?d\\\x8a\xe86G\x9d\x8e\xac\x8c\n\x10\x9c\r\xab=\xaf\rL\x13}'</t>
  </si>
  <si>
    <t>b'\x11\x06A\xe5\x8fWR\x1c6\xda\xc7\xf7*r\x03\xf7\xcbx=_E\x9f\r\xd8\x86b\x00Bj\x980_'</t>
  </si>
  <si>
    <t>b'|\xb5\x06\xaan\x08H\x16\x10\x05\xc1\x0c\xa8\xeb3\xd0\x16\x9eX\xef\xa1z\xa4\xe0\x95\x89\x94\\\xd2\xa7\xf0\xe2'</t>
  </si>
  <si>
    <t>b"\x1d\xf0\x1d\xe9U\xb2\x97\x96&gt;6\xd2\x89\xc5]\x8dab&gt;R'q{\x15|\xf4\x89\xe6,\x01\xeeC\xab"</t>
  </si>
  <si>
    <t>b'\x06F\x95\x81\xd6\xd5\xe3Xrb\xf6\xb5\x84\xbf\xc4\xac\xc3\x1f\r\xea=\xd2\xeb\x90\x0eM\xbd\xbc\xb9~w\xb5'</t>
  </si>
  <si>
    <t>b"\xb6\xa5$m\x9b\x86o\xd8#\x1e\x90/[\x9e,\xf8\xeaQz:[-'D\xceW\xb3\x13-`\x16\x99"</t>
  </si>
  <si>
    <t>b'q\x1d\xdaK{\xc8\x0f\xc6\xd9i\xd7\x8b\x1cs6=\x84\xf4\xda\xcb\x01\xe6\x16\xf6\xae\xe2&lt;/\xdf\x16Z\x1b'</t>
  </si>
  <si>
    <t>b'\x18\x9f\xbbE\x8d\xa0rQ9\xab\xb9\xf2\xc4R\xee.\xc8\xba\xa7(D`\xb2c\x0b\x9b\xdb\xb7\xcd&amp;\xec\xd6'</t>
  </si>
  <si>
    <t>b"\xe6+'\x92M\x8f\x03Q\xb3\xa4\x1d6\xe1\x9d\x02\x7fg\xaap\xbbZV\xfc\xd0\xb4\xa7mG*H\x0fp"</t>
  </si>
  <si>
    <t>b'\xaa\xed\xb1\x7fXmo\x9d\xd0\x12\x9bv_\xb4X\xfb\x14\xa1\xd1\x02\xd7\x06J\xfa\xdf\xda\t9U\x11\xf4\xea'</t>
  </si>
  <si>
    <t>b'z\xd1x?\x1b\x1e\xf4\xb9\xee\xc0\x87FF\xb8O\x99\x05{,\x9c\xf9\x92\xacp\xd8\x99\xa7\x8fJl@W'</t>
  </si>
  <si>
    <t>b"\xdc&amp;G\xa78J=\xe1&amp;l\xd0d`y\xeaf\x15\x1c\xb5\x85'\xa7\xa1\xb9\x85iC\x9d9D_\x11"</t>
  </si>
  <si>
    <t>b'c\x86\xd3\x07\x8e\xe0a\xe6;\x9b/\x15\t8\xd2r\x06\x02\xafdfx@\xe9\xb2S\xe8\x1em%\xf9+'</t>
  </si>
  <si>
    <t>b'I\x0b\xf7;P\xe7\x82\x05r\xd2k\x0c\x9e\x1b\x95\xd4EC\xe9\x14\x85C\xd7T\x0c\xaaq\xffe\xd9\rJ'</t>
  </si>
  <si>
    <t>b'\xa8\xecu\x05\xdaM\x85\xb1\xea\x08f\x05\xd5M\xbc?@\xabSBR\xee[\xaby\xabB\x04{\xdf\xdap'</t>
  </si>
  <si>
    <t>b'\x18rA\x13\xf5\xe9\xb2\xa1b;_d\x1dB\x00:\xeb\xb9g\x87\xa4xL^/\xd1\x1d&gt;\x120\xdb\x81'</t>
  </si>
  <si>
    <t>b'\x85=\xcb\x16\x0e\xe9c\xc0\xa7\xdc\xca\x90\xe5\x11aq?\xd7\xd4\xe5\r\xc7Cd\r\xa4\xfd\x06\xa7\x03Y\xa7'</t>
  </si>
  <si>
    <t>b"'3\x01\x97\xc2J\xd4\xdad\xa0\xc5\xd8\xbc\x84\xbf\xe4\xbc\xd5\xd5\x01\xf2*\x91\xbd\x99\xf3\xde\xb2\xc9\xa2rj"</t>
  </si>
  <si>
    <t>b'\n\xdbf)Rxf\xbbS\xa1)\xf8\xb0N\x9a\xd7\xe2\x99\x92\xe7\x05\xc9\x96\xed\xf99\xc6\x0c\x14^\x87\xc8'</t>
  </si>
  <si>
    <t>b'.\xe2\xab\x14\xdc\x12\xe06\xfc\x17\xd7X\xe11\x80\xb0\xb1\x9c=y\x9a?\x89\xed\x19\xbc\x85\x01\xb5:\xc3\x91'</t>
  </si>
  <si>
    <t>b'\x89\x93&gt;\x8d\x8d\x11\x15\xca\n*b\xb2L\x1e*\xb8\x03b\xfc\xbe*\x0b\x8a\xe8]6P\xe3y\x976T'</t>
  </si>
  <si>
    <t>b'\xf6\x85\xc8\xb9\x8e\xbc]\xfc|AU\x81y\x82\x10\x12\xfd\xaaH\xfdl\x11p6\x96\x15k?A7\x15\x95'</t>
  </si>
  <si>
    <t>b'oT4Q\x8cB\x06\xc3\xf2\xc4\x89y\t\x94\x9a\xab`\x03\xe8d\x1d\xed\xe3^$$\xb2\x10\x8c\x13\xb5\xec'</t>
  </si>
  <si>
    <t>b'M2V\xd2gw*\xf77e\xf1\xb6\x11\xe4\xc4\xb7k \x9a\xd5"\xc0\x8f\x89\xcf\x89\x0fU\\\xc4&gt;:'</t>
  </si>
  <si>
    <t>b'#M\x9d5\xc4\x90\xe7\xd7\x13\x0c\x1c\x0e\x10\xa7\xf7\xed\x97\x91\x8dJH\x0f\xc2\xf0\xb0\x87e\xa4\\\x11_)'</t>
  </si>
  <si>
    <t>b'$g\x86\xb9\xf9\x8a\x86Ai\xb2\xba\xbd\xe9\xf3\xccq1P\xcf\x06\xee\x81\xc0\x99\xc9@\xf10\xee\x9bn\xc5'</t>
  </si>
  <si>
    <t>b'57\xe1)\xcb\x18\xea\xe4\xc2\xdc&amp;\xfe\x16\xd7A\x8d\xe8K\xe5\xe8\xeaf\xf1: m\xd2b\xac\x93M\x1f'</t>
  </si>
  <si>
    <t>b'\xcf\xce\xd1\x86\xcd\xf2\x8ed\xc1\xe7\xffE\xda@)\t?cr"iVX\xb5DF\x1foX\xc8F='</t>
  </si>
  <si>
    <t>b' S\xbep\xa8\xb4\xf1\xd9\xd0\x00\xfbvM\xefv\xf2{\x18\xdb\x04K\xaa \x0c \x82\x04\x9c3\x16\xd3\x1d'</t>
  </si>
  <si>
    <t>b'\xe1y\xf0;\x8dq\xd4\xcd\xfd\x94\x9a\x03\xeaAZ\xd7?\xf2[\xc8\xe5\xed\x7f^\x9a\xa6\xdb6\xb3\x13\x1fO'</t>
  </si>
  <si>
    <t>b'\xa2\x86c\xd5\n\xfe\xe5\xd5bQoZ\xa8\tM\xf4z\xa8\x01\xed\x80b\xe6\xa9g\x9b\x8a\xd1)&lt;_\xa3'</t>
  </si>
  <si>
    <t>b"{\x11&gt;\xb5\xa5TCV\x92dSu\xfbN\x82\x18\x82\x13\xb0\x92\x13\x02\x19\xf0\x89\xf2\x05\xae\xb1'\x18C"</t>
  </si>
  <si>
    <t>b"\xc8}\x95d\x93\xc4G\xdf\xf3'\xff0\x04\x0c\x9d~\xac\xd0\x9aY\xcf\xbf\xd0\x17b\xc9\xb2\xe0h\xa0\x0c\xf8"</t>
  </si>
  <si>
    <t>b'\x0e6\x817\xebZK\xe9O\xa2\xaa\xa4\x9f\xa2!zZ"\x802\x02\xa44\xb6OT\x0c\xbb\x8bp\xdc\xff'</t>
  </si>
  <si>
    <t>b'c\xe6L\xea\xc0\xc87/1\x86C\xd2\x1d#Cv\x9c\xc4\x0e\xb5HK\xbf\x89\x92\xcf\x80b\xa9\x0b\xc6E'</t>
  </si>
  <si>
    <t>b"e\x9f\xd8wV\xb3b\xc79'(j\x80\xd9\xb4C-\n\xc17\x013\x8b(\xd6N\xe6\xfb\x04S\x8f\xb4"</t>
  </si>
  <si>
    <t>b'X\xf3{\xe7\xc1\xd5\xacl\x1a\x96v[vP\xe1\x10\xeeq\xd7oC\xdd\xb0c\x83\x0f\x9b\xea\xb5\xb3\x82\xd6'</t>
  </si>
  <si>
    <t>b"&amp;q'E\x87\xc8RNmt\xde\xf3x\xad\xab\x19?\xba\x0e\r7b\xd9\xbb\x97\xd7\xac\x8f..\x91\xaa"</t>
  </si>
  <si>
    <t>b'\xa7\x0cg\x10\xd1ci\xcal%O\x15\x02\x97\xaa\xdd\x88\xef\xf074F\xfc\x9d\xfe[\xe4\xd1\xfc\xa0\xde\xc1'</t>
  </si>
  <si>
    <t>b'\n\xf2\xb2\x03\xda\xf46F\xeb\x12\x9f\xf2\xc0\xf3\xda\xaa\xe6.t\xb4t\xdd\x80\xe6+\x8c\x83\xe7\xdf\xe2\xb7\x12'</t>
  </si>
  <si>
    <t>b'\x7f%D\x97\xd4\xf5\xe9\xf7}0\x82\x9b\x8eyD\xd2\x07\xfb\xa4K\x89\xed\x03o\xfe\x1d\xc0D\x89\x85\xe9\x08'</t>
  </si>
  <si>
    <t>b'`\x85q\x8a\xa0\xce\xee,\xf2kQ\x02\xe7\x06g\x1cF&gt;\xdba#\xca\xe8r\xe4\xcf\xa3\x82\xb3\x19\x99\xed'</t>
  </si>
  <si>
    <t>b'i\x1evJ3\xff\xc5)0AW\x04\x17\xd9mJM\x7f}\xacI\x19T\xc3\xef\xe2\xc1\x9c\x91\x94~\xd0'</t>
  </si>
  <si>
    <t>b'gNAd\x16p\x00s\xff%&amp;*\x11leWE\xa2E\xd9!`\xfav\x0bP\t\xc0\xfcSX\x88'</t>
  </si>
  <si>
    <t>b',\xd6*\x04\xb7\x12\xa7#\x97\x0b\xa2\xd0M\x1f\xdarv\x8d4\xc3!l\xd7f\xe1\xf5Bi/\x98dZ'</t>
  </si>
  <si>
    <t>b'\x8e\x1b\xfe\x16\xce\x8e\x00q\xb5\xc7\x12\xac\x7f"\xfb\x80$\x91\xbal\x01\x9bs\xd4\xc6\xb2\x11\x19-)\xb4\r'</t>
  </si>
  <si>
    <t>b'\x8e\x118\x11\xc4,(\x18\xfc1&lt;\xb3\xe8\xe62\xf8\xd2\xfe\xa7\xb4l\x05\xd1\xa1\xe2^w\xda\x96\x0e\xcf\xf3'</t>
  </si>
  <si>
    <t>b'\xe8\x92*a^%\xe8x\xdd\x1a\xbd\x89VJ\xfa\x0eN\xafRL\xf6SdD\xda\x89\xaa\xec\xc7\x07\xb9z'</t>
  </si>
  <si>
    <t>b"\x0e\x8a\xdd\xf3\xdb\xdb\xf8\x00\xe7'\x0cVu\x93+M~\x02\xf3\xa8k\xb5%\xa3\x8be\xf5\x02\xf9\t\xd1-"</t>
  </si>
  <si>
    <t>b'\xa5+Ln\xa5\xf7\x05\xb3\x80\xfc4\xd0\xe7.g\xeb\x06\xb4\xf8\x96\x99/k8\xba\x9c&lt; SC\xa8+'</t>
  </si>
  <si>
    <t>b'\x98&amp;\x936\xc4\xb0\xca\x00\xe4\xea\xf7i\xfe\x16\xc3\xefw\xf2\xcbzK\xac\x87\xf3\x80\xc0E\x85\x85\x1a/7'</t>
  </si>
  <si>
    <t>b'o\xbfi\x16\xfe\xec\x19q\n8!\x8d\xd7/\xb0\x9e\xfe\xe2w\x18/\xbbX\x1d\xe8\x8f\x96=\xe9f\xdf\xa0'</t>
  </si>
  <si>
    <t>b'\x0b\xe8\x1c{\xa4ghuG\xdf7UP\xb9\xde,\xe0\x16\xa1h\xc5\xde\xce?Z\x8dy\xca\xa2\xb6R\xda'</t>
  </si>
  <si>
    <t>b'\xa1\xfcQN\\n\x1c-\x04Qm\x96\xdbO\xd2,\xa6\x03\xd0\xc6\x10\t\x06\x0b\x93%\x9bK\xb94l)'</t>
  </si>
  <si>
    <t>b'\xdf\x9co\xd1BYw\x07\x9aF\xca\x1e\x02\xcax}\xe8\xb9\xd0\xd0ZL5F\xddf\xad\x1f;2Ab'</t>
  </si>
  <si>
    <t>b'Ws\x8f\xf9D\xf6\xd1\n\xf9?&gt;b\x91\x90(B\xd7\xa5uGV\x8a\xe2\x9af\x99\xff\xcby\x02\xf5\xbe'</t>
  </si>
  <si>
    <t>b'(\x99\x19\xe6^\xcfK\rO&gt;r#\x17\xa3\x1d\xc2\xefPR\xf2e("\xe7Y\x1c\xc511\xb6\x15\xa0'</t>
  </si>
  <si>
    <t>b'\xd0\xc3:B\xafB-\x1d\xb2\xbdw_\x8b1*#\x00\x97\xac\xa6\xf8\x84\xe0M\xfc\xf6\x059QI\xd0\xf3'</t>
  </si>
  <si>
    <t>b'm4\x155\x06\xde\x1a\xdd\xbf\xc0^\xd8T\x9e\x03\xfe\xd6\x8b\\\xf9\xf99\xed\x11?\xa5\xd4i8\xd5;8'</t>
  </si>
  <si>
    <t>b'\xf2\xf8 \x0e/\xe9\xc8\x7f&gt;\x11\x85]\xc1{m=\xe0\xf2\xf4M\xca/N\xf3\xa1\xc9\x7f&lt;\xcf7\x1fj'</t>
  </si>
  <si>
    <t>b'N\xd6\xda\x07\x94\x8c\xcb\x1b&gt;\x8b^\x80\x9a\xa4\xbf\xdcQp\xe2E2\x7f\x90\t\x85\xdcM\xf1\xfdQ\x9eK'</t>
  </si>
  <si>
    <t>b'Zt&amp;Ec\x16\xb4\xdfEB4\xdf\x91\xfc&lt;\x99\xbd4\xc0fH\xcf\xb8\x7f(1)P=\x8f\xec['</t>
  </si>
  <si>
    <t>b'f\xe7\x10"\xc19$I\xd4\xb5he]\x11\x16\xb5\x1cxb\xa8.5\x97\x07\xebD\x1bWU\x83\x9a^'</t>
  </si>
  <si>
    <t>b'\xb05\x9c\xff\x05\x8d\x16\xf0\xda\xffnN\xc82\x90\x9d\xfd\x07t]\xbc\xc4\xffRh\xdd\xb7h\xc9\xc5\xe3c'</t>
  </si>
  <si>
    <t>b"\xe9\x91\xd1*\xe6\xb4'pj\xf6\r\xdd\x19\xb5\xfaeE\xce\x16F\x91\xba\xf9\x0e\x12\xac\xad\x05\x8c\xfe\x17="</t>
  </si>
  <si>
    <t>b'P\xc9\x8d\xaa\r\xab\xb9w43\xf6V\x8a\x912\xac\x9bk\xb3\x93VL\x12\xdd.\xb4*\xf8S@\x8cv'</t>
  </si>
  <si>
    <t>b'2\xd6\xedpsk\x81i=\x05\x17\xceL\x9aP\xc9\xb1\x978\xebn\x1e\xd4\xa6\xa8\xc7\xdcq\xaf\x8e\x95X'</t>
  </si>
  <si>
    <t>b'e\xc9\xf2\x9b]\xf6\x1f\xdd\xe9M\x11r\xff\xe7\xfb\xe3Z\x95\xb8\xba\x06A\xa6\x04\xab\xbd\xd2\x17\xc1\x8bWa'</t>
  </si>
  <si>
    <t>b'\xfbg\xa8\x84N\x97\xc1\x82\xdb\xb2D\x8b\xd7\x87\xffnk`\x91\xb9\xce(A\x1a0\xf0\xc0\xd9\x87\x99&lt;9'</t>
  </si>
  <si>
    <t>b'\xef3\xa3o\x93\xf1L\x8f\xce\xfb\x7fk\xfe\x8eC\x05\x99\xd1\x95*_\xdbnzkF\x9e\x1cl\xe5\x871'</t>
  </si>
  <si>
    <t>b'\xd5o\xe2\xe8\x1e\xc2\x14~A\xdbAK\xb52\x1f\x01h\xc8\x97\x91h\xfc\xbc\xeb\xcf\xf6\x0e\x85:\xac;\x0c'</t>
  </si>
  <si>
    <t>b'66\xd8ggw(\r;\xadQT\xf9\xd2\xc6\x96\xee\x05\x8cY,\x1a]s\x9b;A#\xf2\x18\xbb\xc5'</t>
  </si>
  <si>
    <t>b'\xbb\xfb\x06;n\xcb\x8c]\r\xf1F\xfb\x99FN\x10\x94\xfaW\x90\xdb!\x99\xdcy_\x86\xb0#\n\x9c\xaa'</t>
  </si>
  <si>
    <t>b'\xe0\xa5E\x0f\xc7\x06\t-N\xe3.\x1f\xbb\xf8A\x8d//Lo\x8e\x0e0\x0f\x9e\x81\x83t\xc7o\xd1N'</t>
  </si>
  <si>
    <t>b'\x18\xffq\xfd\x97\x13 \xd6\xa17\xa47M\x90\xf8\x89\xdd\xd7\x83&amp;\xb2\x03+T\xf9:\xe2\x01\xbc\x8b\x1b\xfb'</t>
  </si>
  <si>
    <t>b'Rh\xd1X\xf5[\xd5\xe6\xc4C\xc5\x87\xbf\t\xa0\x1f\x18\x89:\xad9\xdd\xfc\x9a\x81\xf7M?X\xcb;\x1d'</t>
  </si>
  <si>
    <t>b'\x81\x18\xa0\xee`9\xf2\xa5nIu\x08\xce\xb6\xdbp\x1cz\x11(2x\xe7fU\xef\xd7B\x00}\xb9\xac'</t>
  </si>
  <si>
    <t>b'\xe5\x1b\x1f\xef\x04\x89 \xa8\xa3j\xc9\xa8 D\xa4\x96\x07\r\xde\xe0V\x82\x9b\x98\xa5\xf43DY\xff\xa2\xb0'</t>
  </si>
  <si>
    <t>b'\xbc\xd9\x86)\xb3\xdd\x13\xd5Y\xb1_kt\xd8\xd9\x96g.\xb6\xd5D\xd4\r\xd0%\x12\x01g\x9dU\x85h'</t>
  </si>
  <si>
    <t>b'\xd5{"\xa0\xaa\xd6\xca\xf8\x0c\xe2\x9a\x069I\x8f8\xc7\xae=\x7f\xf1\\]\x07\x06\xfb\x83O\xa5\xdb\xc07'</t>
  </si>
  <si>
    <t>b"'\xc1\x0e\x18\x05\xf0\xbfa1\n\xb8+\xc3=r\xb1,\xfa\x80\x9e\xac\x1f\xc5R\x9f\xcb\xfcO/\xd8l\x01"</t>
  </si>
  <si>
    <t>b'\\\xe6f\x8b+\xe3\xd8\xf8|g\\\xaec\xe2$#\xb7\x04\xa9n\xba \x1a87\x8e\xee\xe5\xfe\xb0S\x89'</t>
  </si>
  <si>
    <t>b'n\xc37\xf9U.\xe1\xcf\r\x81\xb9\x1e\x96\x8c\x05\xaa\x89$\xe0}\x18\\ \x93o\xb8Yi^_\x14x'</t>
  </si>
  <si>
    <t>b'\x08(\x14r\xe8\xef\xed@\xfa!\x7fx\xe4\xa8~\xe5\xeccH"57\xdf\xc2\x02\nz\xf4(Q(_'</t>
  </si>
  <si>
    <t>b'x\x99_\xcb@\x99*\xe0*\x1eB \x13\x05H\x19K\xec\xef\xf4\xce I\\\xf7\xcce\xe9\x9f\x12\xf0\xba'</t>
  </si>
  <si>
    <t>b'r&amp;\xb7\xbf}\x83\xaem\x99k\xca\x8c{+\x05e\xc6Q\xca a\x99\xc9\xfd7\xadc\x951N\x91\x02'</t>
  </si>
  <si>
    <t>b'\x81\xcf\xa1\xa0\xf5Q\xecb5Q\x80p,$T\x18b\xfc\x8b\xcb\xef\x04|P\x9d@kN\xf6\x9c\xac\xbb'</t>
  </si>
  <si>
    <t>b'\x99-X@\x9b\x8c\xd9\xe8\xf6\x88\xc0\x9c\xfb\\Km\x15\xc39T\xaa\x8f\xeb[&gt;l\xf5\x88S\xfc\xe8\x00'</t>
  </si>
  <si>
    <t>b'P\x84\xe6\x05\x05\x82\x1b\x85=T\xd2z:@\x1e\x90Pd\xec\x87\xf6W\xbb-cu2\xadV6-\x91'</t>
  </si>
  <si>
    <t>b'\xb0\x1e\xdf\xd8y[\x9bX\xea^\x8f\x7f#\x8a\x1dl`\x94\r\xb7\xad\xc6!(FD\x99\x86\xef\xb6F['</t>
  </si>
  <si>
    <t>b'\xc2r\xa0\xe6y\x89\xad\xd3M^\x1f\xbd\xc5N`J\x91\xb8\x11\xcd\x15\xa9\x8d\xf4\x93e\xce\xbd"9g\xa5'</t>
  </si>
  <si>
    <t>b'\xefh1\xb6)\xc0\x98:\xc2\xd8\xa7\x03\xce\x00@a\xb4h\xc09,\x9a\x90\\\xd9\xd9\x013\x98\xb7\xda5'</t>
  </si>
  <si>
    <t>b'zZ+\x03\x82\xc1\x88\xbd\x93{\x13\xf2)&amp;u\xa6\xec\xc9\xc7\xd7\xed\xcf\xa7\x8f;i\xc0\xe2C\xfc\x08\xec'</t>
  </si>
  <si>
    <t>b'f\xc2F\x87\xc7\x0e\x88\xe5\x88\xb8\x7f?\x86H\xd7\x94\xd3\x9d\xe3\x9b\xcb\x93\xd9\xab\xa1\xe5\xd0\x1e\xf69\xa9\xc1'</t>
  </si>
  <si>
    <t>b'\x88\x9a\xc8\xa8\xf0\xabt\x0fk\xef\xcfAe\xbe\x97\xeb\xeb4\xa8)\xc1\x94\xd7\x12B\xbe\xa3@\x97\xf2\xb4\x92'</t>
  </si>
  <si>
    <t>b'\xb7\x85LAA\x0e\xe7\x98\xceEn\xfcQlL\n\x8c\x9e\xd8v#\x96HTp\xaf\x84\x8a\x83GK\x10'</t>
  </si>
  <si>
    <t>b"\xc3\x8c\x161\x8eM\xc4\xc74\xa65\xee\x86l\xde\x15\xcb\x08Q+&gt;@'[\x9b!erKm\x14\xc2"</t>
  </si>
  <si>
    <t>b'\xd8@\x18\x82\xdc\xf4\xa9OD\xdb\x97\xc5\xf5\xbe\x1b&gt;\xdb\xb0Y{\xc7F\xba\xf8\x85@w\x1b\xa6i\xfc\\'</t>
  </si>
  <si>
    <t>b'\xc8\xb5\xca\x9c\xb7\x90`]\xae\xd6\t\xb2\xc0\xb6\xc5\xd3\xd0\x11`$G\xb0\xf1w\xb8\x91\xbf\xce\xa3&lt;\x7f@'</t>
  </si>
  <si>
    <t>b'`\xed[A\x9f\x98\xb59g3L\xc0P\xec\x16\\9Z\x92\xa0\x92\xf1\xee\xad\x12\xaa&amp;\xf3C\xf1\xc2='</t>
  </si>
  <si>
    <t>b'"J\x19%\x96\x14\xb8?\x05j=&lt;\xef\x90\x90\xfc$\xf1Crs\xe22\xc2S&amp;P\xda\x0c\x18?3'</t>
  </si>
  <si>
    <t>b'\n\xf4K\x8e|\x93\xde\xb4\x80\xee\xfd]\xfb\x10\x89\xa6\x80^T\x92@\xf0\xde!/\x7f\x99\xd4\xbb\xd3\xd5\x0b'</t>
  </si>
  <si>
    <t>b'\xcd\xc9XE\xe0\xe4\x0e\rF\xbf\xfe[\x19\xb6?\x8c\xa9\xcc\xa7@\x8aV,#\x94\x0c\x1dm\xd0\xd0\xff\x93'</t>
  </si>
  <si>
    <t>b'hW\x0bw\xcc\xe6\x11\x06\xc2\xb3B-J\xd3\xb57\x90l \xa3Q\x1dA\x17\xdaA\x0b}DD\xc1?'</t>
  </si>
  <si>
    <t>b'\xb5\x91J\xe9\xbd\xab\xdc\x8b\xfb\x1e\xcb?(\xd1WAH9Xg|\x0e\t\xb4`TN\x90w8\xd5c'</t>
  </si>
  <si>
    <t>b'c4b\xc0\x12J\xabE\xe3\x84i_\xf8\xe7&amp;\xe2\xf1\xa5!\xd1\xf6afF\x84\xec-o9CD*'</t>
  </si>
  <si>
    <t>b'\x12J\xe2\xae\x0e\xd4\xa5\xdf\xb8\xb8\xbd\xe7\xb1qz2\xc7\xd6\xe1\x8c\xfa\xbf\x94#\xb3\xcd__\x9c]\x1a3'</t>
  </si>
  <si>
    <t>b'\x12\x00R\xd7\x18D\x9b\xfc\xce\xa4}~\x89{\xbb\x107\xd3\x9a\x9a\xefdV#\x8f\xa8L\xb1*\x02R['</t>
  </si>
  <si>
    <t>b'\xe48\xc4\xf8e\t\xd5Q\x15\xcc\xa3\xe8]\xa8\xe7\xe6H\x05\x0b\x86S\x0bzP\x80~\x9b\r\xdeW\x8d\xc6'</t>
  </si>
  <si>
    <t>b"g\t\xa16'\x9e\xacU&gt;\xbd\xff\x95\xd4\xccWL`\xda7)\xdf\x16`)\xb7\x91\xb6\xdcvb\xbem"</t>
  </si>
  <si>
    <t>b'\x10YH\x8a(\x92\xb5\xd8\x19\xdb\x19-\xaa\x94\x98\xf6\xf2\xda\x0f%\xc7DZ\\\xf4\x16\xff\xf6\x1dy:0'</t>
  </si>
  <si>
    <t>b"\xa6Jm&gt;\xa8\xa9'\x90\xbb:\x014\xee\x9d\xc9\x96\\B\xb9\x04\x92\xa2\x03\xe3\x82\x18\xba\x81\x9e\x8b\xa6\xad"</t>
  </si>
  <si>
    <t>b'\x9f\x819&lt;\xf6F^\xbe\x05,\xa0\x98\x11&amp;\xe6\xb5r\x9d\xe3\xb6\xa0jn\xc49\xf5\x1b\x85\xf6\xaa\x96n'</t>
  </si>
  <si>
    <t>b"\x11\xf6TV\x08\td\xb9\x8f\xdc(N-\xb3d\xe6\xac\xde\x13G0~0\x8eX\x11\x0f\x84'\xf4\x98\xa9"</t>
  </si>
  <si>
    <t>b'O\xd9\xccp\xe23a\xc8r_\xaf\xb7\x11h\x87k:du\xe8\x99\xc4\xc9\xb2\x07\xfa\x897\x97L\x05\x13'</t>
  </si>
  <si>
    <t>b'\xa0\xa9P\x00\x16\xa2\xeb\x15\xca6\xfb\xe1\xd6{\xfd\x7f\x12\xb8Z\x92\xb6\xfe\xacBQ\xed\xdb\x831\x19H`'</t>
  </si>
  <si>
    <t>b'AQ\xba\x97\x15\xba\x9a~(\xb19U\xe7I\xacE\xf8]\xe5\xc9\x87|{\xbfU\x16\x98e\xa0z\xa7\xfb'</t>
  </si>
  <si>
    <t>b'\xc4\xce5\xc1z]\xe3S\x0b\xda\xa9 \x19\xd9\xbe\x81\xc5\x02\xe9\xc1\xd9&gt;\xaf\xd1\xb9K\x92\x98\x02\x004\x1d'</t>
  </si>
  <si>
    <t>b'\x1dpNI\x80P&gt;;\xcbh4!u\x91\xf9\x9e\x86\xeb\x9f\x1d$XP\x10\xad\x06Y\x15\xc5\xe1)\x08'</t>
  </si>
  <si>
    <t>b'\x93d|P\xcepm\x0c\nS\xd6\xdb\xb6\xa1\xbcV\x9f\xc0^\xda\xd8\xaa=E2r\x9f\x8e\xfc\xe8\x95\xc8'</t>
  </si>
  <si>
    <t>b'\x03\x93\x9b\xfe[\xb2\x80\x1b(\xfe\xba\xea#$t\xe6\x1f \xa0:\xac-\x1fh\xea\x0cS\xef\x10p\x8c\xfc'</t>
  </si>
  <si>
    <t>b'w1\x1e\xcaWU\xb5\xc8F\x98\xa4\xc8\x9e\xc0\r&amp;\xa8\x95\xbfh\x89\xc0\xac\xbe\xa8\x96/\xea\xea`\x8aH'</t>
  </si>
  <si>
    <t>b'y\xf7\t\xec8\x10]\x8b\x87K bk\x1fP\xcb\x8b\xaf\xbf\xfaB\x99\x086E1-\xd2\xfd\xf6\xf7\x17'</t>
  </si>
  <si>
    <t>b'\x81J\xcf\xd7\x92\xceJX\x178\x1fAL\r\x96\xddV\xbe~f/I\xeb\x8c\x1au\xd5\xda\xd6}W\x14'</t>
  </si>
  <si>
    <t>b'\xc3\xae]\x9e\xb2\x8e\xbc1*\xb4\x9b(2cG\xb1C4\x8a\xea\xbc\xd5uz\xee\xbcc\xdedw\x96"'</t>
  </si>
  <si>
    <t>b'\xfesK\xba,MF\xacY\x14 W\xa3\x15\xa5\xa6\x0f\x07G&lt;`D\x00\xc9\xaa\xa9\nX\x06{W\x8f'</t>
  </si>
  <si>
    <t>b'ZYR}O\xa9\xad\xf2\xf4G\r\x1f\x9d\xe05\x8by\xf93S\x9b\x1d\x14\x8e\x17\x18\x97\xbd4\xa3\x1f\xf5'</t>
  </si>
  <si>
    <t>b'\tK\x1f#\xe1\x1a\xfa\x1dd\x8ev\xa1\x08\x9f\x8ahz\xc4\xab\x9a\xef\xa2_O9b\xa7\xf3\xf0\xbe\xa4)'</t>
  </si>
  <si>
    <t>b'\xf3\x8e\xfb\x18Ef\x05\xbf=\xc1?\x8a\xb6\x1dk&lt;W\xa3\x04\x96\xf7\xfbQ\n\xe5\xe3\t\xb3MVDi'</t>
  </si>
  <si>
    <t>b'\xaa\xa1!\x88\xff,\xa2\x84\xdd\xd5\xe4\xf0$"^i\x0e0\xb5\xf6GWD\xf5\xdb!F]\xc9\xd0\x92g'</t>
  </si>
  <si>
    <t>b'\x9c\xc4&amp;dv^\x9b\xb1\x1ehY\xba\x9a&amp;\xd0\x04\xfd\x8b\x99\x0f\xe7\xb5!\xf4N\xcb+\xeb\xa7\x1a\x8c\xa7'</t>
  </si>
  <si>
    <t>b'\x88\x1d\xd5-TZ\xe8\x87~\xfbl\xf41\\c\x8d^2b\x1d\x86\xf6\x8e\x9bY\x13\xf6?\x01\x97\x12\x03'</t>
  </si>
  <si>
    <t>b'R\xe8\x14\xac\x1e\xcf\xdc8\x85P\xeb\xd7\x14}Gz\x13\x03\x138\x8b6\xa4\xa5\x17\x1a\x1a\xa5\xf1\xad\x1b\xc5'</t>
  </si>
  <si>
    <t>b'\xf3{\xa6\x19\x8d\xc7\x88S\xaf\x08\xcdab\xdc\xbd\xc2\xf7S&lt;\xde\xadu\xbf(\xb6\x9e\xcaQk\x97\xa2\x8e'</t>
  </si>
  <si>
    <t>b'\x98\x05\xbb2F\xab\xd1\xfax\x84]\xca\xbf\xc3)0X\x03d\xcaX\x15\x036dy~\x94\xed\x8d\xd8\xa5'</t>
  </si>
  <si>
    <t>b'&lt;0\xab\t\x87\xe2B\x86\x11\x80=M\xc9PF\xce\x98\xcb\xdf&lt;\xef\x15xv\x00Z \x0bj\x8d\x18\xa7'</t>
  </si>
  <si>
    <t>b'\x1eX\xd2\xaf;\x12\xeaw\xc7\xb5\xb1\xf9\xdd\xd1\n\x92Y\xb4\x92\x00S\xf7(E\xc6\xb9T\x00Cy\x17j'</t>
  </si>
  <si>
    <t>b'_1DM\x9cDa\xc5np|\x9aF\xbd\xb5{W\xad\xbf\xee\xeb*\x0f$\xba\x057\xe3M\x1e\xb4%'</t>
  </si>
  <si>
    <t>b"\xc3!&amp;'\xa62\x1f\xab\xd9/f;\x89\xa3Se\x1d\x8b\xcb\xc0\xa6\xb4\xbbC\xdd\x81\x1c\xb3\xb5\xb2$\x1e"</t>
  </si>
  <si>
    <t>b'\xc8\x03\xd1#\xc7\x83\x8d\xfb\x86@{\xd6\xa3P2h%\xed\xb4y"\x06\xfd`C\x8fNt\xecll\xdd'</t>
  </si>
  <si>
    <t>b'!,\xd5\r\x80?\xf8s\xb96\x8f\xc9\xb8 \xce\xc8\xb8\x07\xffV\xeaU\x07i\\\x01\x94\x9e3W\x1e\xe2'</t>
  </si>
  <si>
    <t>b'\xec\x18&lt;[\x1b\x92\x19\xa7\xc3N\x9d\x148\xa5\xdfo\x98V\x9c\x9a\x80\xdfm\xf8De\xa6\xe8\x7f`u\x80'</t>
  </si>
  <si>
    <t>b'\x9cV\xea\\"a\xd3\xedl\xf0M\xf4Q~\xeb0\xbf\x97\xd7\x90\x18D8+\x88\xdf\xc1s\xe7B\xed\x1f'</t>
  </si>
  <si>
    <t>b's\xbe\x1f\x8f\n0\xe9\x9e\xff\x16&lt;*$e\xae\x0b\xef\xf7!\xa9$f\x9bX\x8b\x05\x8cVH\xb3S\x84'</t>
  </si>
  <si>
    <t>b"\x7fv'\x90p3\xaf9Ap\xc1\xe9\xabqI\x8e\xaf\xd0r\xe0y\x05\xd7\x95n\x10\x19\xac\xc8Y\x9f&gt;"</t>
  </si>
  <si>
    <t>b'\x07\xb7\xb7\x08G\x98{\n\xa8b\xc5\xbd\x0e^e\xfe4\xbd^~\xf5\xb0\xa8\x82b\x9fm\xc4\xf1%\xd3\xa4'</t>
  </si>
  <si>
    <t>b'J\r~\x91\x05\x8c\xa5\x1f%\xe3H\xbf\xf3\xcb\x96\x01\x00S\x82\xf1E\x9fDR\xc1\x14\xef\x92\xccZ\x92\xbf'</t>
  </si>
  <si>
    <t>b'\x19}\x86\xc1\x9a\x06\x01_\xd5G\x0f\xb6\xf6\xf4G\xfe\x98\xb0T\xe5&amp;\xcc#\xd1\xefE\xa3\xc1u\xbf+$'</t>
  </si>
  <si>
    <t>b'\x98\x05\xfc\xc0m\x96\xf7-\xeb\\\x01e\x18s&lt;\x89}q\xa8\xbc\xb0\xe1\xb2\xe4\xb2\xfdhn}\x9cx\xe6'</t>
  </si>
  <si>
    <t>b'\xe4\x83\x0c\x14\xaas\x0c@\xf1e&gt;\xe0 R\xc9\x9c\x94]\x8a\xcb\n\x16\x8a\xce)\xc8\xc1[\xd6\x90\xbe\xda'</t>
  </si>
  <si>
    <t>b'#M\xe2\xd9\xed\xea\xafpA\x03\x14\xe9\xabX\x17\xad\xd7Z\xed\x82\x18P\xbd\xb5#C\\\xa7\x87?\xbd\xd1'</t>
  </si>
  <si>
    <t>b'\xceTQ\x897\xc2^\x0emdz\xd1d{\x86T\xda6\x9c\x87\x02MEln\x11\r\x19\x93x\x8a\xc1'</t>
  </si>
  <si>
    <t>b";\x8dx;.\xb7T\xdf\x8b\xed5\xef\x83o\xae\xd3\x82-\xdf\x99\xb5\x7ft\xb3\x01\xbd\xb2!'\x993\xbc"</t>
  </si>
  <si>
    <t>b'9\xb7"\xa0\xb3\x80\x8f\x0e5W\xfc\x91\xf0\xde\xc3\xbco\xf2#\xb5\xca\x13\xd3\x8e\xd5\xfa:\xa2\x1c7\xc2K'</t>
  </si>
  <si>
    <t>691xx</t>
  </si>
  <si>
    <t>b'\x1e\x89\x83\x02^\xe1\xceT\xfc\x7fs-\x836\xba!\x1f\xf6\t\t\x8bU\x01U\x90s\xe0\xbc\xd4\x8f9|'</t>
  </si>
  <si>
    <t>b"2C\xf9\x95\xc9aU\xfd\x16\x11\x97)&amp;/'\x18\xba\xaf\x88\xe0*\xcb\xbc7d\xa7\xff}\xfc\xee\xb7c"</t>
  </si>
  <si>
    <t>b'\xa3\xfe!d\x15\xcb\xee\x92\xaa\xa1?fV~\x1aM\xb9\x83\xca8\x84Ia+V\x93\x9d\rL\xc0\xda?'</t>
  </si>
  <si>
    <t>b"\xa7@\xdf\xc2\x87\xd0\x8a2\\\xe3\xb7p\xba\xfa\xb4\xc9\xae56\xc0'9c\x93)\xb7\xe8v3\xb3\xe2\xdb"</t>
  </si>
  <si>
    <t>b'\xbc\xc9\x19s{\x8cqA\xc6\x18\x10\xcc\x14\xe1\x95\x1d1\xcf\xcd\x18\xf6\xf8\xc2\xf6T.\xc8\xc0z`\xaf6'</t>
  </si>
  <si>
    <t>b'\xd7M\xbeG\x91Y\x15C\xb3\xa5\xbf\xbe\xc9\x7f\xa8O\x8f\xb1\x14 \x9a\x82\xea\x079!\xf7I$5\xb5\xf7'</t>
  </si>
  <si>
    <t>b'Ddh\xcaM\x07\xea!\xaf6hg\xc4\xb5\xee[A\xd1\x9b\x8dk\xe9\xb2c8y5TW\x17A\x08'</t>
  </si>
  <si>
    <t>b"L\x0f\xe3\x94&amp;d\xd8\xbd\x8b\x11\xd5\x85\xfeI\xa9'\xb0\xa2\x81h$S^\xf0=/\xdb2\xac\xec\xca\xa5"</t>
  </si>
  <si>
    <t>b'\xd7\x11\x9d\x97\xa4N\xf3M\xc3\xde\x1d\xb0\xc9$\x84\x977\xcd\xe0\xee\xf3\x1bq\x0594\xb9$a0C\xc6'</t>
  </si>
  <si>
    <t>b'\x92\xb13\x8a\x96\x8b\x94\xa0b\\|\x88\x80\xf7+\x97`\xc9\x12\xc0\x8c\xba\n_\r\xef\xad\xbdW\xa5\xf12'</t>
  </si>
  <si>
    <t>b'\x81ZPIC\xa0\xf9\xa3Kp\x985a\x19X(\x01}\xa9w\xa8\x0c\xe1z\xb0\x130n\xe6C8I'</t>
  </si>
  <si>
    <t>b'\xf4\xc6P\x0f\x08\xb3~\x99\xee\x10&amp;\xfb\xab\xba;eQ\xf6\xd0\x05\xcc\xb9}7\xa4\xc9\xbe\x9fU5\x81\xe9'</t>
  </si>
  <si>
    <t>b'\xcf\xbb\r\xef\xe53;\xd4\xbbr\x89t\x89]e\x1d\x1f\x87\xe5\x9eq7\x9c\xe74\xeb\x0c\xcc\xbd&gt;\xec:'</t>
  </si>
  <si>
    <t>b'\x1e\xda\xd7w\x05\xb3A\xd1\x08\x80\xd9f\xab\x1d&gt;MX"\xaaG\xdbn\x95O\xdc\t;|\xea\x86\xb7E'</t>
  </si>
  <si>
    <t>b'0I\xeb\xfa\xde\x17\xb5\xbb\xa2gd\x91m\x806\x99\x86u=\xe4\xbfR\xc3U\xfb\xfd\xc8p\xf0o\x05\xe5'</t>
  </si>
  <si>
    <t>b'"G\x1b\xfdR[\xa9\xc0\x00*\x11\xcf*\x7f\xe7\xe7+\xb2\xefz\x0c\t\x18\xa6\x9b\x8c+\x11-n\xc7)'</t>
  </si>
  <si>
    <t>b'\x9b\x80\xe3\xb3\x94\xd9\x10\x9e\xd1\r|\x0e0\xea\xd9!\xc3D4\xe5\x97\x89;\x8e\x82\xdf*\xe6\xda\xacEk'</t>
  </si>
  <si>
    <t>b'gq\xd7\x97\xfa3y\xe6\x92\xa1|\xbf\x15&amp;E\xa7\xf8\x1a\x8f\xa9\xae\xab\x01\xb1\xb0\xb8\x1c\xe2\xf2\x11\x82\x1c'</t>
  </si>
  <si>
    <t>b'\xbd\x9a\xbc\x1f\x0c\xdd\xe4\xc2\x04|\x81\xe9\x84\xde,\x05w\x92\xed\x81g-\x04Pt\xdc1\xfe[oZ\x9c'</t>
  </si>
  <si>
    <t>b'0\xc4\x13\x03\x1f\xc7&lt;\xc3Kj\xfe\xa7,)WT\xdb\xf2\xca\x8b)s)V&gt;\xf7\xf0KM%B\t'</t>
  </si>
  <si>
    <t>b'\xb9T(!_\x8d\x17\x9dxP]*\xf3\xec\xd0\xa1\xc5j\xf86\xfc\xef\xd8\xcf\xd4\x96\xbb\xb0?\xcc\xee\xa1'</t>
  </si>
  <si>
    <t>b'8Jn\x82\x0e\x9e\x11oh\x9f\xf9\xf1z\x14t\x9a6\xa7@\xea\x03 E~\xb2\x9ci\x8cFz\xadz'</t>
  </si>
  <si>
    <t>b'J\xf6\x9b\xc4\xcbJs\x14\xe0\xc0\xee\xdbu\x00\x04C\x9c\x85\x83nX\x93(\xfcyF\n+\x94\xdbh\xb9'</t>
  </si>
  <si>
    <t>b'\x82\xb0&amp;\xd6\xb2\x7fa\x16$\x92\xd5\x80\xbc\x96\xe1\xb7$p\x96\xd7\x13\xc9\xec\x1bA\xe9\xd4\xfb\xde\xd4H\xcd'</t>
  </si>
  <si>
    <t>b"y\xde\xb2\xee\xd4e\x19\rt\x06\xbf\xc6AM\xbb\xb3\xbe\x10\x1ee!E\x04&lt;\xbc\rI'\xf8\xe8\x8b\x1e"</t>
  </si>
  <si>
    <t>b'\x94\xabi{\x83\x02\xcf\xca\x8e\xf5\xac\xc0lh\x04{\xca\x15E\x07\x85&gt;\n\xe5\xdeo2xTI\x8e\xda'</t>
  </si>
  <si>
    <t>b'eG\xda5\xc97\x00~\x12\xdb\r\x1a4#\xce\xa5\xd1\x03/\xf4z\xfa\x85"\xc1\xf8\xb4A\r\xd6\xc4\xd3'</t>
  </si>
  <si>
    <t>b'\xce\x8cI\x9c\x12\xc8\xe7\x16\xd0\x94-\xb6g\xc3&gt;y\xd2t\x00K\xfc\xe4\xa2\x92\xd6\x8bc@k@\x1f\xd8'</t>
  </si>
  <si>
    <t>b'\xeenK\xa9W\x16&gt;\n\x9fW\xa3)\xa7\xf6\x97\xe1\xd0\x05m\xa8\xb0\xe5\xe48\x08\xa9\xea\x99\xae\x9b\x1er'</t>
  </si>
  <si>
    <t>b'7\xcc\xb6H\xdb\x8d\x00\xd11N\xcc\x15oDJ\x8f\xd9\xbe\xa2+*d\xc3\x0b\x13\x01Q\x8f\rb\xf5d'</t>
  </si>
  <si>
    <t>b'\x1e\xc6\xba\x8d/\x98S\x18\x9a\x08\x0c\x89\xc9\x8b\xeaN!\xa0o\xff\xa8\xfe\xdf\x12J\xe2Oem=g\x1b'</t>
  </si>
  <si>
    <t>b'@\xfawn\x80\xb8\x160sU\x82@7\x10\xe0\xe9L\x04\xad\x04?\x01\x7f\x18\xc3ZKP\x92\xa9S\xc3'</t>
  </si>
  <si>
    <t>b'\xe8\x89\xca\x86s\xf2\xecv\xc38ng\x82s\xe5\x8e\xdb!\x0b\xf3\xba\tR\xa3\xd817\xd5\x06v\x92\xee'</t>
  </si>
  <si>
    <t>b'\xbay\x0bd+\x8a\x95}/g\xf1\x97@\xd5\xc1b\xe6\xec\xa3\xd7\xb2\x04\xcf\xbdcU\x1f\xfep\x0fG\x1e'</t>
  </si>
  <si>
    <t>b'2\xf0o\x9e\xba\xfd:F{d\x8d\xd8\xa2\xe0i\xb3\x96\xae\xd8\x9f#\xc78\x8f\xbeS\xe2e)\x8e\xc3g'</t>
  </si>
  <si>
    <t>b'\x9f\x8bxk\x8f\x9c`\xa0A\xa0~\xa3\x8fNr.\x84\xf9,\xdd\xbf\x03r\xdd\x15\xf1e\x98\x84$\n\x86'</t>
  </si>
  <si>
    <t>b'\xa4\xc5\xcc{\xca\xee\x1b\xbd\x86\xe8\x91)n\xcd\x82\x91X\xc3\x80\x1c\x95F(\xf6\xe0\x9d\xac\xe0\xdd\xc9t\xa8'</t>
  </si>
  <si>
    <t>b'\n\xc8\xc4\xd2\x99r\xb9\x83L\x98?\xf6H\x80\x0c7L\x13j\x96\x1f\x9e\x11\xf55Z\xb6\xd6\x96E6\x8e'</t>
  </si>
  <si>
    <t>b'G;.\xb4E\xd2(L\x93t`"\x16\xc77\xc1\xc5\t%\x91u /8\xcalJ\x893\xce\xe3v'</t>
  </si>
  <si>
    <t>b'\xa8z\xb5[Fd(\xf2\xe2\x9a9\x96`\xf8\xa5\x85\xd7#\x94\xe6\xd5\x88\xcd./,v\xff\xe3=\x98\xfe'</t>
  </si>
  <si>
    <t>b"\xcb\xffb'L?\x07v\x13\x10f,\xbb\x88\xe3\xecm\x13\x17\xb7{\x14\x87`\xf5\x12%hc\xf0\xe5O"</t>
  </si>
  <si>
    <t>b'tE\x04u\x9a\x1a\x82C\xb5\xe8\xff7\xe2\xb9`S\x86\xb9\x12H\x82`0D\xaf^\rV\x95\xb696'</t>
  </si>
  <si>
    <t>b'#\x16.\xec\x04\x03\xc9\x17\x94\xb2\x97\xe8-\x8d#Ok\x7f\xcaK?\xe1+\xa6\xc0\xdc;\xce/\xf9z\xf7'</t>
  </si>
  <si>
    <t>b'\x1c\x03\xdb\xae\xb30E\x8a\xde\x91\x04\xac\xb1&gt;\xb6F\x9d*\xef\xca\x06\x9a\xc8\x1e\xee5BH\x07\xeb\xcc\x90'</t>
  </si>
  <si>
    <t>b'\xf1\xc3/d\x1b\xbaPA\xc8\x03\xa5"\xce_\xacV\x96\x93Q\xfb\xc5\x06OV\xac\x936\xca\xfe\xe1\xf8\x9e'</t>
  </si>
  <si>
    <t>b'A.\xcdZ\xd0&lt;\xeen\x8b\xd7\xef\xaf\xa2\xbf\x192\xb1\xdf\x00\xe3\xdc\\\x94SU\xaee\xbcYqu\xaf'</t>
  </si>
  <si>
    <t>b'\xd7\xfe\xee$\x0bs\x89\xc2\x9f\xc3\xa9|\xbb\x16\xe7\xc6V\xadw\xf9M\x15\xbc\xef\xe1\xf5\x11\xbf&amp;\x98\xa8M'</t>
  </si>
  <si>
    <t>b'\x04E\\3&gt;e(\x1a\xf8\xb8\xfc\xf8$\x9b\x1b\x1f\xb4\xbc9m\x15\x85\x0e\xee\x1b\xe6\xd6kG\xef\x93\xde'</t>
  </si>
  <si>
    <t>b"\xa3\x0b\xcb2&amp;~\x80\x9cG\xf0\xc4\x83h n\xce\x1f\x14`\xa0\xac\xc3\x885'y|\xf4\xe3\xdf\xab\xe5"</t>
  </si>
  <si>
    <t>b'c\xdb\x86\xcb\xb2\xe4Va\x8f\xd4\xf4\xf5Z\xd5G+\xcd\xa6\xc4{YZ4\xc6\xfa\xfdXL\xaa\x8eS\\'</t>
  </si>
  <si>
    <t>b'\x95\xd5\xed\xc6\x7f\xa7\xbe\x8a\xbd\xfe\xbd\t\x01cNo\xb4\xdd3\x93\x05\x0e\xef\xbf\xd5\xaa\xac\xf2\xa2\xafE/'</t>
  </si>
  <si>
    <t>b'\x8f:=\xaaM\xb4p\xab\xfbH\xb6p|P\x0e\x8bs\xc7\xc4Kf\xb7u\xae\xbe \x07\xc1\x18\xd8\x02\xbc'</t>
  </si>
  <si>
    <t>b"\xed\xb0\x05&lt;\xcd|\xf3\xbf\xe8\xaa\t\xfb.\xbb\xa3N8'\xc7\x9b?\xe1\xd0\xb3\x8f\xa9/\xbf\x89\xaa\xe13"</t>
  </si>
  <si>
    <t>b'\xdc\xad\xad\xcf\xf0r.\x8d\x9aw\x0c\xe1\xec\xce\x85vt\x05\xa0\xe8\x93\x8b\x9eg\x8a~\xfd\xc8\x99*\x1f\xeb'</t>
  </si>
  <si>
    <t>b'\xb65a7\x94\xfb;\xe7\xcb\x17\xe3\xe2X&lt;j\xbbL\x04L\xa5c\x82\x1a\xb9\x92B#\x14\xfb\xcf\xde\x0e'</t>
  </si>
  <si>
    <t>b'\xee$\xfe\x82?NY\xb2\xa0q*\xd6\xd8\xd7\xad\xe6}+\xcd\x11^%2\xc23\xab6\x8b\xb1[nE'</t>
  </si>
  <si>
    <t>b'(\xee\xff\x1fQ\x8bT\xb9\xd3R\x99\xdfg8S\xdd\x08T]&amp;\xfa\x1aw\xa3Q\xb4\x03\xc6\x01\xc2\xe5L'</t>
  </si>
  <si>
    <t>b'\x8cz\xc6\x95\xe0\xf5\xf4\x8bl\xe6\xac-W\xbb\x07\x04\xdaC\xbb\n\xd6K\xdd\xe7\x9dK\xbeO\x9b\xc0\xc8\xce'</t>
  </si>
  <si>
    <t>b" \xbd(`\xcd\x93\xaa\x86(5'Vu\xb5\x86\x90\x18\xa6 pE`e\rb\x0f\xede\x1e_\xf2-"</t>
  </si>
  <si>
    <t>b'J\x12(b3\xd8\xd9\xb7L*\xdf\xac\x9dk\x89/\xfa_\xd7\x8aj\xdf\xd9\xf4\xbc\xd2C\x1a\xefPP\xaa'</t>
  </si>
  <si>
    <t>b'\xe3\x14\xa0!]\x1d.\xa4\xde\xb4 \x195F\xf6\xc1\xfc\xae\xcbC\xee\xd3\x9c\xe42i\xdc\xe2\xb1!\xfb\xd0'</t>
  </si>
  <si>
    <t>b'\xf9&amp;1\xc0EeL!\xb8\x1a\xc1%\xa8\x04 \xb7 \xe0\xb5\xb7\x1f\xd9\xac\xba\x14\xcc@@\xd8\x89e\r'</t>
  </si>
  <si>
    <t>b'\x1b\xf0\xcc\x18\x94\xa0\xc1]u\x90\x1a\xcb\x87\xa1\xb7\x05\x96\x1d\xfd\x13\xd2\x19\n\xcf\xf9l\xf8\xdf\xb8\xc8\x93\xde'</t>
  </si>
  <si>
    <t>b'\x11\x14\xa4\xcf\x91n\x16\xad}\xa5\x82\x1ax"^\x83\xfd\x90vl\x8d\x00&amp;\xb2~\xe4j\x7f2\t\x90\x9b'</t>
  </si>
  <si>
    <t>b'se\x0fx,\xb35p`A\xe0\x86CNm\x8b_w\x19\xe7x9\r\xfc\nWgh\x93\x02\x9f\xe6'</t>
  </si>
  <si>
    <t>b'A\xbd\xc8mLo.\xc6+\xb3\xea\xf0\x1b@\x10\x98\x1bj\x9c\xd9M\x83Z1\x89\x81\x97\x9cr!\xcf\xc6'</t>
  </si>
  <si>
    <t>b'\xdcuAN^\xf3c\x0b\x88}\xc8\x84\xf5tZ\x17\xee5\r\xf7\x85O;\x94\x87(\x86c\x0f\xb5\x03\xc2'</t>
  </si>
  <si>
    <t>b"\xb8L\xbe\x93\xe4\xd9\xed]\xcaS8\xe1&gt;K\xc4\xff\xee\xdb'\xf0/\xba\x8a6\xa5$]Ws\x1f\x04\xd7"</t>
  </si>
  <si>
    <t>b'\xe1\xf2\xb0_\xb0{\x84\x12V\x84\xfc\xd7\x139\xa2\x19K$\x16\xc5\x93\x90s\xa6\xd3"\tL\xc2\xc784'</t>
  </si>
  <si>
    <t>b"z\xdb\xa2f\xbb0\xc74\xc7J}\x14hN\xe2~*\xf8\t\xc5p$\x9b'C\xe0\x049\x15d\x11]"</t>
  </si>
  <si>
    <t>b'mB\xf3\xf7&amp;7Np\xc7\x16\xc9\xe5\x873\xe8\xc9\xe1\x85\xf8\xc5\x8d\x993s\xafd\xd0\xbc\x11\xd9\xd8\xdb'</t>
  </si>
  <si>
    <t>b')\xfe\xfa}\xe2\xc8\x8ep8\xe4\xed\xa0\xdfC\xd9&lt;u\x9ab$=\xefM,c\xe1&gt;\xb2\xd7\x8f\xe6\x94'</t>
  </si>
  <si>
    <t>b'Zd\xf8\xe7\t\xec\r\x87\x90ca\xad\x80\x91;\xeb\xa3\x8a2\xe2\xc4bb\xa0\x84\xc33Fm\xed\x86\x01'</t>
  </si>
  <si>
    <t>b'Z\xb3\x190|0\xea\x0b\xdas\x90\xe6\x1b\xc3\xfa\xf3\x80\xf7\x8c\xacV\xea\xc8\x06S\x07\xb6\xb0\xb6\xb5\x13\x96'</t>
  </si>
  <si>
    <t>b'\x10\x9b\xfaM\x101\xd0\xcb\xae\x81\xf5\xfe\xc0\r^M]\x05\xfd\x1d\xcb\x8c\xaa\xddw&lt;\xbcN\xf0S\xc6\xa0'</t>
  </si>
  <si>
    <t>b'^\x16\xf6_\xa8\x96x\xa0\t"\x1f\x86\xb4\x9e\xd2ob\xf9V\xcf\xa86_\nd\xc9\xc0\xce\xa8M\x8dg'</t>
  </si>
  <si>
    <t>b"{\xe3\xdd7U\x13\xedjg\xbeDBQ]\x1b\xf3\x96\xf8j.\xdf&gt;\x17&lt;H\x11q'&gt;\xd2\x85\xc8"</t>
  </si>
  <si>
    <t>b'\x9b\x00\xcf\xfb|\xf3\xc9\x12\xc4@\x18\xef\x8c.2\xcc1\xe8\xbf\x84\xeb\xf9\xd9b\xd8O~\xde\x81P\xc3\xce'</t>
  </si>
  <si>
    <t>b'xJ2\xdd\xe5\xf5\xb5Z\x15\xc9\xab\x93\xf2\xa7\xe2\x7fU\xc4\xb2\xac\x13)JtK\x929\xe0b\xe7\xe9\x80'</t>
  </si>
  <si>
    <t>b"W\x93\x19\x87E\xfd\x82\x8b\xce\x05\xbb%=\x99a'\xc4=\xbc\x04@\xc7\x9d\xdf&gt;\xc3\xe8\xe0fl\x8b5"</t>
  </si>
  <si>
    <t>b'\xa3\xae\xe7\xdb"9\xc8=6\xc63O\x16\x08e0\x162\x04\xa3A\x1c&amp;\xc2e\xbe\xefqeG\xad\xe5'</t>
  </si>
  <si>
    <t>b'\x90\xe3@\nm\x0b\x1ah\xde\xd43\xc9\xfdX@\xcf\xe2\x11\xb6n\xd5\n\xfci5\x1bu.l\xba\x96\x16'</t>
  </si>
  <si>
    <t>b'\x0f)"\xfe\xba\xf5%\xb1I\xa7\xd7.\x96\x95\xdd\xcd\xb2\xa7S\xe5\x86\xd2&gt;X\xa7\xf3\xf4g\x00\xa9\xea\x90'</t>
  </si>
  <si>
    <t>b'2P\x87wo\xef\x81k\xa1F\x86\x0e\x1b\xf1\xe7\x1ax!\xb0\x0f\xd4\x8b\xab1\xe4y\xf0\xc7F\x0c\xc4\x93'</t>
  </si>
  <si>
    <t>b'4`z\x7f\xb9\x9c\xf1cZ\xefQTJ\x90t&gt;!\xb1A\x99\xb3\x13\x85\xc8O\xf6 e8\xb1i$'</t>
  </si>
  <si>
    <t>b'\x18\xfd\xa2d\xa0v\x1b\x9c\xc8\x8d\x8cY:P\x0f\x9aD\xc84\x8b&lt;s\xdcH\xe7v\xa0[\xe30\xb7\x1c'</t>
  </si>
  <si>
    <t>b'\xda}Y\xee\x88\xd2\x07\x89?FF\x96\x1c*\xec\x14s\x17\xddN\xc32{\x7f\xe88\xadm\x0f\xdc\xd2}'</t>
  </si>
  <si>
    <t>b'a)O`T\xc8y\x89p`\xef\x99P\xb2e\xe6\xcd59\xac\xf6\xca\xc0]\t\x1d\xb0\xdb|_\xf8\xd3'</t>
  </si>
  <si>
    <t>b'\xd3%\xa4}\xbf\xf4D7\x9d\x9c\x0e\xc8\x06\xc1p\xc9.L\xed=&amp;y\x81\x1a\x13\xc3Nn*\x8dJ\xfe'</t>
  </si>
  <si>
    <t>b'w]\xd8:R\xe7an(-$\x93|\x17\xa8\xb5m\xcdtG\x06\x8d\xcd\xdf\x99\x11Fe\xa5Fr{'</t>
  </si>
  <si>
    <t>b'\x97{\xb9\xa4x\xf1/\xf4\xe27\xdd\x1c:\xe7\xd5\xfe4V\xd6\\\xfc\xbeXl\xa0\x81d\xf7\xbf\xc1\xcc\xab'</t>
  </si>
  <si>
    <t>b"\xcf\xcc\xb0~\xc7\x89\x0e'9\xdb\x08\xe4\x99\xc0\x80\xf2\x93\xac\xf2\xef\xc8w@\x18?\xca\xfa\xab99\x15i"</t>
  </si>
  <si>
    <t>b'\x99f\x82\xd1\x1bp@\xca;\xe8\xd2\x82\x03\xb3\xa2\xbdbJ[(6\xca1\xde\xf4\xda\xd0\xe1\xebx\xc16'</t>
  </si>
  <si>
    <t>b"\xb28\x0fE\xc0\x9aMm\xca\xf9\x05\x9b2\xde\x81;dcy'\x19\xae\xc3\x951\x94\x0e\xce\x17\xe6Vf"</t>
  </si>
  <si>
    <t>b'\xa1I\xbb%\x81\xf9\xc4/\xcc\x1f\xc6\x1e\x82\xae\xad\xbbA\xde\xc0\xd9Q+e+rp;\x85\xea\x92\xa4D'</t>
  </si>
  <si>
    <t>b'\xefLks\xd3\xec\xe7\x90\xd47\x8d\x7f\t3\x0b\xab\xcf\x90\x1bKdC\xe2\xb7h\xc4\xce!\x81\xa5\xf3\x94'</t>
  </si>
  <si>
    <t>b'\x04p\xf6#Zn\x0f\xcb3\xc7kV6tt\xfei\x8b\xccW\xd8w\xe1\x99\xc9i\xd0-\x95\xa0\xfe#'</t>
  </si>
  <si>
    <t>b'\x0f\xe5\xf9\xa8\xabg\xdbe\x97$?b3\\$[\x9d\xc2\xea\x12mDu%\xf4\xcd\x02\xc1)poM'</t>
  </si>
  <si>
    <t>b'\xc6]%m\xb7d?\x1c\x8a|\xb1;\xb6\xf3\x03\xb0\xee\xbf\xc1}$\xd0L\xef0\xa6\xe7\xd3\x82\x80\xe6\x0b'</t>
  </si>
  <si>
    <t>b'Q\x07J\x82~\x08\x02u\x81\x0fk\x84\xd8J\x9e\xa7[\xb8\xd2\xca\xa9\xd1\xba]E\x1b\x8a\xe4\x88\xff\xfb\xc8'</t>
  </si>
  <si>
    <t>b'\'\x02ix\x17;\xa5\xe4\xac\r\xa2X[\xdfs\xac"K\x1a\x02\xc3\x18V^HN\x8d\x818\xd8\x9a}'</t>
  </si>
  <si>
    <t>b'\x99Z\xb3\xe8F\xc1\xfa\xce\x97\x92\x1d\xea}\x9aC\x8e\x166\x0f$\xf7c\xab\x1dE\xe3Q\x96FZ \x12'</t>
  </si>
  <si>
    <t>b'\x85\xc3\x11\x9b\xb0\x1b\xf9_t\x12\x06\xd1\x93\xa9\xa1N\xf11\xab\xd7\xe1J\x8a\x85\x97\x98.^\xbb\x960\xb9'</t>
  </si>
  <si>
    <t>b'~\x1d\x16\x82\xe6[X}\xeeD.yO\xe8Y%\xa7m\xf2nB4\xbaW\xaf\x96\x13\x02\xfeE\xf6#'</t>
  </si>
  <si>
    <t>b'\x01\xa0/y\xdf\x8a\x87\xb8\xe9\xbd\x0e=\xff\x9c\xee+\xd7\x88\x80\x01\xcc\x14\xcbw\x9e\xf4^\xc1\xd6\xdc\x97g'</t>
  </si>
  <si>
    <t>b"\x15'@3\xa8&lt;\xb2\xda\x9bO\x06\xa4\xafv\xf0RH\xdc\xff\xeei8\xc55\x02\xba\x86\xed0\xed^\x92"</t>
  </si>
  <si>
    <t>b'\x8dC\x9a\xa0\xaeJ\xd0R\x1cP\r\xe8*\xfb\xa8\xfb\xb5q\x00\xb3\x1b\x8fW\x8d\xee\xf8\xdf\xe9\xe3\xb7\xfe\x0c'</t>
  </si>
  <si>
    <t>b'\xe9?\xbc\xd5=\r}\x10\xf2\xde*]\xe24F\xdaf\xd8\xbb\x0c\x995)\x18\xf1X\xab1&amp;\xd7X|'</t>
  </si>
  <si>
    <t>b'\x04\xee\xe4\xca\xf3\xfa\xbbEZ\xe14\xedJ\xba\x00~\x83\x84\x18o\xe5\x82\xb9"\x08eQ\x94HU\xf8\xf1'</t>
  </si>
  <si>
    <t>b'\x15a\x8a2\xd4$HM%Ut\x0b \x12\xedx\xfcc\xa6\x11&amp;\xcd\xd5\xad\x00\x9c\x1a\xec\xf2S\xab\\'</t>
  </si>
  <si>
    <t>b"=\xaa#\xdcN\x81D\x88\xcf\xacZb_\xa9\x08p\x1b'\x8f\x13\xae\x9e\x14\xa2\x83\xb3\xac#MK\x01A"</t>
  </si>
  <si>
    <t>b';P\xd6\x85\xee{\xf0\xd4\xda\x18DISy\x98\xa1M^\x97\xbaI\x8b\xeeZ;\x9fwIre%\x03'</t>
  </si>
  <si>
    <t>b'\xab4b\x1c\x82\x9f\xe7\x19\x97H\xe5\xd6\x00\x0b\x0c\x91\xa0:\xee\xfaf/\x9e\xb5\x05A=z\x1f\x17\xdf\x9e'</t>
  </si>
  <si>
    <t>b'\xdcAX\xa3q,G\xff\xe25K#\x18\xdei&gt;\xbfq\x16\xdb\xe4X\xb6\xb5\x96\xff\xe6\xb9%\xfc\xc8b'</t>
  </si>
  <si>
    <t>b'\x9es.\xfddr\xa8&amp;\xb40\xac\x8e\xcb\x86(&amp;\x92_#|\x9e\x05O\x05 O\x88l\xdb/\x14t'</t>
  </si>
  <si>
    <t>b'\xe1\xa2\xf4\xdc4\x15\xab\xf2~Lg\x80\xe8!\x00\xb7A\xc4\xce@\x15\xfe\xbb0\xfc\x00\x04m\xb7\xf3\xd2\xa0'</t>
  </si>
  <si>
    <t>b'k\xcf\x01\xc3\xed7Q~V\xe3\xd4_h\xd9k\xbcu({[\x89\xde\x86\xf5\x18I\x17\x0f\nP8K'</t>
  </si>
  <si>
    <t>b'G\x8d\xfcH\xc67\x86\x97Ap(&gt;\xbb\xa3\xf2bo\x9cWW\xb9\xf8\xebL@\xbc\xc9\xd8/\x9f\x17N'</t>
  </si>
  <si>
    <t>b'\xdb\x06p\x86\x91\xa2#\xe6\xbb\xe3\xdb_!\xd0\x11\xb4fH\xee10 $*\x88\xe8\xe0F\xa4\xf02\xc9'</t>
  </si>
  <si>
    <t>b'o\x89\xf5\xb9Y\xa2r7\x08\xc2\xa3E|p\x1b\x86\x86\x86\x18B\x8e\xe7-\xde7\xf6yB\xa1\x1c\xe2n'</t>
  </si>
  <si>
    <t>b'x\x1e\\\x9b\xd7\xc4\x0b\x0f\x95\xec\xa7\xdb\xa4\x00\xda\xba\xbdho\xedU*_\xeb\xf6=\x02\xce\xb5f\xaf\xf8'</t>
  </si>
  <si>
    <t>b'\xf5\x1a\xe9\xca\xe1^\xf3JM^\xdc0X\x88k\xeb\xa0\t\x9bq\xfd#\xe2\xba\xf6\xdb\x88\xe2\x8fAJ6'</t>
  </si>
  <si>
    <t>b'K\x00\xe9\x14\x91\x11?\xa2\x0e;\xf1\xae\x0e\xb5*u\xb8\xed`.1W0"\x80\x87\x90\x8e\xd6\xf50\x93'</t>
  </si>
  <si>
    <t>b'\x13h\xa7N\x7f|\x1dU\x82m\xd4ki\xb3J\x85\x0b\xbf\x01\xe6\x9f\x8b(,\xfd\xc1\x19I\xd2\xed\xa1\x06'</t>
  </si>
  <si>
    <t>b'\x02Ni\x84\xed.\x0eD\t\xc7\xd3ZrU\xa3H[\xd8\xf7\x9b\xca\xac2\xa0\xb1\xf9\xbe\x03\x83\x81\xc2\xf2'</t>
  </si>
  <si>
    <t>b'\x98\xbf\x06u\x18\x8f\x94\xaa\x81\xa1\x18E\x85\xadL\x9bag\x10\x12\xc1\x82"\x8a\xa24\xfd\xd5\xaewM)'</t>
  </si>
  <si>
    <t>b"\x14*'\x08\xf5\xe1\x85;\xd1\x92`\xd2-\xdeG\xb0G\xb1\x19\\-\xfd\xd0\t\xba\xd0\x96\xa5=\xe1g\x1d"</t>
  </si>
  <si>
    <t>b'\x19\xb0\xb1\xf3\xe9C\xc6I\xc4\xa8\xb6N\x98\xa7\xf5i_&gt;\xd23\xc8 xu\x02\xd7\xc3\xd5\xca\xc8=\x97'</t>
  </si>
  <si>
    <t>b'\xe69\x80]\xe2^\xc3~\xf72\x95e\xf7L\x07\xe8\x1b\x01\x1c\xa1\xa7P\x85"\xd2\xc33\x05/\xf9\x90\x02'</t>
  </si>
  <si>
    <t>b'\x07\xc3\xf4?B \x91\xfe\xccubm9\x14\xbd\xc9`\x9f\xa1\xeew\xab\x0cG\xd8\xb0\x93\xcc\xc9\xd2\x16\x94'</t>
  </si>
  <si>
    <t>b'\xf0\xd1\xc9\xb1^\x11l\x0ck\xe0_\x07M\xb3\xa7\xe8\xa89\xb4\xb1\x96`\x0b^m\xe4V\xd0\xec\xb3\xf1\xed'</t>
  </si>
  <si>
    <t>b'\x91,Wu3!N\x17\xa5\xa8m[\xdf\x1cH\xe6F\x11\xd3\xe8\xb1\xdd\r\xfb\xcd\x0f\xe2\x01\xc5\xa2\x87\x84'</t>
  </si>
  <si>
    <t>b'\x90\xb59\xddJ\xde\x1a\x0cAY\x93 z\xc0\x19L\xa0\xbe\x18\xd1Y\x1fm\x9e0g+-\xce\xf91\xfd'</t>
  </si>
  <si>
    <t>b'\xb8\x08\xa2\xaak;8t \xda\xa8#\xcdA\xfc\xdb\x8a\xc4mV\xeb\rf!a_\x01\xd4\x16j\xc7\xb6'</t>
  </si>
  <si>
    <t>b'\xdf\x84\xc9\xaa\x86\x9bd\xab\xc3\xe5\xd09\x93\x83\x10\x8f/\xd7\xb6\xd3&lt;DE\tr\xa1Av3\x117T'</t>
  </si>
  <si>
    <t>b'k\xa3\xf5\xf0jRU\xed\xdd\xc0\xc2f&amp;\x0eg\xa8\xa2\xdf\xe1\x0c\x83\\\x1c\x11\xff\x1a\x94\x968\xb6\x9d-'</t>
  </si>
  <si>
    <t>b'\x93Ns(_\x82\x05H\xec&lt;I\r\x88\xb6\x0c\x1c5\xe19}\'!\xea\x90\x90"\x8dR\xe2?o\x8f'</t>
  </si>
  <si>
    <t>b'U\x0f\x9ev0\xa7\xd9^\xb3\xc3zrm\xc6t\xf9\x17r\xf8\xc5\x108-\xb2E\x032\xb8q\x1c\xe4\xf5'</t>
  </si>
  <si>
    <t>b'+m\xa5\r\x94\xbd?\xdf\x9b\xd6\x0b\x03{8\xbe\xc8\x9f\x82E\xbf\x13[\xc5]HM\x1d\xc5\xdd\x82\xe2\xbd'</t>
  </si>
  <si>
    <t>b'\xc1\xdc\xc8\xbe\xc2\xa3\xfe\xed\xf8m\xe0r\x1f\x83F\x84\xda\x10\xa7\xba4\xeb\x1f\xe0\xbb\xc4\xa3\xed\x85f}\xd3'</t>
  </si>
  <si>
    <t>b'I\x14\xdb\xce\xee\x94\xbe\x92u\x19\x05X&amp;\xcd\x82\xa1\xf5l\t\xa5\x04oqq\xb2\x84\xaf\xbbN1\xdet'</t>
  </si>
  <si>
    <t>b'$\x94\x17"P\x06\xa6&amp;\xcf\x17\x8aZ\xb5\xce^\x17\xe0\x165\xc0\xadA}\x9fI\x1a\xf6\x0e:$\xdd\x8d'</t>
  </si>
  <si>
    <t>b'm;\x10\xbaa\xfb\xee~\xe1\xfb|\x8f\x8b^\xa4\x85\x95l#P\xb3Pe\x7f\xd4\xc0!C\xf7_\x0e\xff'</t>
  </si>
  <si>
    <t>b"\x9cr.\x16\x99\xd4^\xfb\x9c\xc1pXM\x13\xdb~\x11\x06\xcf!\x9e\xda'N\x97xxt+tUP"</t>
  </si>
  <si>
    <t>b'\xad\xd0\x14\xcdt\xd7\x9dn\xffx\xf1n*\xe2Zd5\xf1\x8d\xdb\xca\xef\xd8$\xc9\xd1\xf8\xf0\xd9\x8a\xec/'</t>
  </si>
  <si>
    <t>b"!\x13\x01\xa5',I\xfb9\xeeZ\xcf\x97\xe7\x17\x01@PA:\x1d\xff;S\xf3Q\x12P\xab\xc8\x04G"</t>
  </si>
  <si>
    <t>b'o\x9d\x8f\xf3-\xdc\xd8@\x9bU\xf7\x0bG\xaf\x02\xfe\xc2\x1c\xfb\xa7!L\xa7\xbc|\xb1\xaf\xfbn\xfed\x87'</t>
  </si>
  <si>
    <t>b'\xf7#FW\xe7\x0f6\x16\x91\xbd\x0fK\xff\xde\xc0\xf5V\xdd\x9f\xe0\xa4^\xac\xdc\xe5\x8c\xd4`&amp;\xd6\xbf\x9c'</t>
  </si>
  <si>
    <t>b'\xc6\x12x\xd1!\xe1F`H\x89\x90\xb1R\x8f\x1f\xfc\xbe\x8c3\x15o\xee\x84\x8e\xd6A\x1bq\xe24&gt;p'</t>
  </si>
  <si>
    <t>b'\xf2\xa7\xfe\xa9\xd2\xb0\x19\x08\x85\x04\x8a\x96\xbb7/K&amp;\x89\xc9\x8dc\x9a7\xdc\xf15\xc9\xa1\x05\x91;\x10'</t>
  </si>
  <si>
    <t>b'f\xbd&gt;\x7f\xf7\xd4\x9f\x7f\xe2T\xfe\x9b\xc1\x8c\x8b\xfb7\xa7d\t\x1e\x94\xfd\x15|~\xe9\xc0&lt;&amp;\x80\xe8'</t>
  </si>
  <si>
    <t>b"Y%\xde\xac\xffp\xbd'Q\xb7K\x85\xd3\x81;\x8aU\xb4\xf2\xf6\x1e'\x1b\xecW\x87M\x17^\xaa\x852"</t>
  </si>
  <si>
    <t>b'\x14\xa6\x9f\xaa\x16\xef\xa27\x139\xfd\xff(\x98\xc3\xed&lt;&lt;VT\xf4D\xd9\xabD\xd0+k \xf5s\xff'</t>
  </si>
  <si>
    <t>b'\x81\xf7\x9b\xbc\x1c\xa7\xc0\xd7\x948q\x9bf/\xffD\xc6\x86&amp;.\xce\xde\xe4\xc26\xcd\x96\xffc(\xbb\x9b'</t>
  </si>
  <si>
    <t>b'\x03Q\r\x97PQ\xa6\xd4\n\x02\\\x94\xae\xa9\xc9y\xfb&amp;S7\xb8c\xef\xb7L_\xd9\x9dg.\x03~'</t>
  </si>
  <si>
    <t>b'\x1d\xa4\xa2)\x89\x81eKR\x90g\x15\x88\xba\xe7\xce\x85F\xecS\x18\xef\x9d\xcapi[\xc7\xdaY\xf8\xb9'</t>
  </si>
  <si>
    <t>b'M\n\xf1iHx\xa9\xeahlh\x04K\x82\xca\x0b\xa8\x99.7]&lt;, ~\x1c\xa1R\x8f\x08}\xf7'</t>
  </si>
  <si>
    <t>b'\xa37?k\x16Q\x06\xb9\xb8\xc7_\xe4$&amp;T\xcf\xa9\xa0&gt;gp{\x19;\xb0\x94\x85\x88\xabG&amp;q'</t>
  </si>
  <si>
    <t>b'\xd07;\x97+}\xb1\xc5c\x8e\xaf\xc9\x0b\xcc\x9f\x11\x11\xc2[j*\xa4\n\xad$\xbb\x86\x9d\xc5\xa6\xddR'</t>
  </si>
  <si>
    <t>b'\x94\xafpi`NI\xf1\xa0\xa6\x15\x10\xf0\xca\x96\xbb1\x12\xaa\xa6E\n|=\x11\xb7\x8d]+l\x03\x06'</t>
  </si>
  <si>
    <t>b'A\xa4\x8dI8.6\xd3\xceD\xf1}n\xe4C\xf1C\x1f\xcf\xd4\xfb\xd8\x04\xa3-FL\xa7M\xc8\x95\xd1'</t>
  </si>
  <si>
    <t>b'\xb9d\xbf\x07\x96(\xbfP\x9e|9\xc2z\x86(;\xdfX\x10\xa5\x00\xee-\x98\xd3\xdc \x90\xd59\x03S'</t>
  </si>
  <si>
    <t>b'\xd7\x8e;\x92\x00\x93\x12J\xb0\x9e:\x81\xba5K2\x92\xaf\x90\x96\x9a&amp;\x06y\x11H6:d~\x8a}'</t>
  </si>
  <si>
    <t>b'\xe9\xabX\x8dh\xf4\x04x\x86&lt;C;\x1a\xb2\x01\xa7\x9c\x8e\x9e\xa0*a\xe97W\x0f\x03t\xd87\xea\xd3'</t>
  </si>
  <si>
    <t>b'\x04\xf5\xea\xad\x1d\xba\x88\xd3\xcf\x089"\x10\xe2\xd2c\xc22\xe0\xe2l\x95\\\x12a\xd0I^tr\xa0f'</t>
  </si>
  <si>
    <t>b'\xccV\xe8\x0b\x0cj\xbf\xacq\xea\xe1\xc7N\x99E\xa1r\xafD\x8d\x12v\x83\xe4\xb5\xd9\x15\x9eH8\xa4N'</t>
  </si>
  <si>
    <t>b'\xd1\xa4~PP{\xc9hx\x95\xf2/\x80\xd7\x1f\xea\x98OLn}y\x05"ki\x92\x19\xd5&gt;\xd7I'</t>
  </si>
  <si>
    <t>b"CE\xd8\xd3\xf5Q\xf1\xd4D.p\x87\xc9\n\xfb#\x8f\xaf\xf8I\xe7\xd6\x93\xc2L'X'\x8a\xd7\xdf\x05"</t>
  </si>
  <si>
    <t>b'\xcd\xdf\xd9\xff^\xbc0\x0b\xdb~/\x8d|\xe8\x80Dxx5\xdc^U\xa7=\x05\xc1\xb4ot\xd2\xd3\xd7'</t>
  </si>
  <si>
    <t>b'\xb2\xafc\x12bb{\x0f\x06\xaa\xd0\x81~\x82\x14\xfcq\x04\x9e\xdb\xb9\xcc\xa7\x14\xda&lt;{\x87\xb4\xa1r&lt;'</t>
  </si>
  <si>
    <t>b"\xf4\xb5\xc1o\xec'\x0f\xeb\x0b\xdaB\x14\xc0\xcd\xfc T\xf0\xe9\x16#\xa1.\xe0\xb3\xd2L\x07\xe7gN\x9a"</t>
  </si>
  <si>
    <t>b'\xf2\xc9\xb4\xbe\x96\xa5)J\xa3v\xf4}\xb6\x7fSd\xe8\xd7\xc00N&lt;\xb9m\x135\x1f\x81\x90\xd9p\xbf'</t>
  </si>
  <si>
    <t>b'\xa8\x00\xa8?\xd4\xc3Yp\xc5W9\x17\x17\x132\xa43\xc0\x9c\xdb_}\xd5\xab\xea\x1d\xc42`\xc4)\xd7'</t>
  </si>
  <si>
    <t>b")\tp e\x8e\xdb\xd5y='q)J\x8e]TSc\x07\x10\x95\x9f\x00\xa7\xe4\x8bP\xb71\x8b\xf8"</t>
  </si>
  <si>
    <t>b'&amp;\xbbT&amp;\xecG\xac.U\x9e\x13~\xc61Y\xec\xa0\x87lig\xdbY|\xb4\x96\xf5y\xde\x80\xa8k'</t>
  </si>
  <si>
    <t>b"\x9e\x11\x8e\x92'\xcc\xf8\x11\xe2\x96q\xcei\xe1\xff`\t\x90\xe8\xfd\xdd\x98)?\x05\xfeQ\xccc\xe4\xf1\xc7"</t>
  </si>
  <si>
    <t>b'\x9cP\xf3\x19\x02\xc9dd\x96\r\xf7\xe0b\xc7\x95]\xd0\xb2\xfai\xd42VD\x15\x02\x82\xbc\xdd\xbc\xa5@'</t>
  </si>
  <si>
    <t>b'\xd3~0Yq4\x7f\x98\xa8\xd09\x1e;\xe6\xfd\x87\xa4\xf3\xca\xfcI\xd8\xe7\xbeS\xb3\xc5\x1a\x90\xd5\x04\xe5'</t>
  </si>
  <si>
    <t>b'\x06\x877\xa9\xfd\x1b\xb4\xe9\xca|\xdb-\xa7\x84\x8aC_EY\xa6T,uM&gt;J\xca\xc8\xce}\xe3\x16'</t>
  </si>
  <si>
    <t>b'\xa2\x8d\x85\xeda\xc8`M%\xcd\x86\xe3Ss\x1eMH\xd8\x1f\x86\x84\x9c\xc6m.8um\x0f\xf26]'</t>
  </si>
  <si>
    <t>b'\xa8\xd4\xd9\xf7\x1fke\x92\xc2YS9\x9a\x8b+\xd8\xf7H\rKK$#Q\xb9\x97\xcaJh#\xb8\xd6'</t>
  </si>
  <si>
    <t>b"\xda\xe5\x15\xd1\x8f\xa9\xc38\xd9\x96\xb3\xbc4\xf7\xb9'\x01&lt;\xad3\xce\xfc\xcb\xdaQ\x19Z\xba\xef\x98\xf4-"</t>
  </si>
  <si>
    <t>b's\xd9a\xa7U\\a\xb2\xb9f\xbd^\x88\xc9\x9cB\xe9\xfd\xe1\xa1)}\xbdI\x19\x8f\x05vG\xfd"f'</t>
  </si>
  <si>
    <t>b'\xfc\xc7\xd4\xc6\xb6\x83\x1d\xdd\xa1 \x1b\xd9\xc1.s\xb8JpH0\x1bz.\xfb24\xcd\xbem\x8d\xc3p'</t>
  </si>
  <si>
    <t>b' \x9b_{\xf9H\xdd\xc6\x83m\x8f\x9d\x80\r4\t(\xf8\x92\x12\xd3)[\x83\xc5\x10\x08\xe9\xe6\x88\xab\x11'</t>
  </si>
  <si>
    <t>b'2\x80\xe8?\x1a\x99\t\x13}\xd1\x99a@\xb9\xca\x89\x889\x98rh\xd0\xfd8\x0b\x19A+Mpn\xee'</t>
  </si>
  <si>
    <t>b'\xef\xbcV|r\xe8\xc1\x92\x05\x7f\xa5\x8b\x0e\x94\\&amp;SqO\xc19R\x888N+c\xf8k\xdfZ{'</t>
  </si>
  <si>
    <t>b'\xb7\n\x00:\xd3\xcab\x85\xcfb\x1b\xbf6\xdf\x8e\xa6\xc9\x98\xfe( \xb3\xc1\xf0I\xcf\xaa\xaa\xa1\xf0o+'</t>
  </si>
  <si>
    <t>b't\xcf\x9c\xba?\xb5\xd5\x97{\xa6#\x85{Y\x86\xb4\x9f&lt;\x13&gt;\xa1\x98\xa8\xe7Y\xaa\x90\xc5\x93JB '</t>
  </si>
  <si>
    <t>b'\x9b!\x99\x9eZ\x82+\xe0\xbb&lt;NgO\xca\xe5\xd2:\x06\x9c\xd3E\xd4\xcd\xde\xea%\xd2\x85r#\x1e\xe7'</t>
  </si>
  <si>
    <t>b'e\x8e\xa4#\x18\xa5\xc2X~s\xe0\x0e\xdc\x08E\xef\xa8\xef\\\xc2\xbc`h[\xf7\x9dV\x92\xb7I\xbb\xb6'</t>
  </si>
  <si>
    <t>b'\xbe\xea\xa2\x91\xd7\xe3\xe8\xc4C\xb4`\x88\x840\rU\xd6\xe9\x9d\xd8C\xbd[i:\xb6\xb8\xbc\xad\xd1R\xef'</t>
  </si>
  <si>
    <t>b'\x88"~\xc8\xae\xc6j\x82\x9e\x18\xf5:\x93\x15"\x1aI\x96\'\xad\x02\xd0j\xa4\xa7Cr\x8c\x18\x8eP\xae'</t>
  </si>
  <si>
    <t>b'\x83\xa9\x1c1\xe2\xdfn\xf4x,\xb8\x16Q\x8f\xfe\x9c\xdc\x0b9\xdc\xe19\x14\x07Wf\xc3\x12\xaf\xea\xd6\x08'</t>
  </si>
  <si>
    <t>b"v\xf4\xba_\xaa\x87\xdb\xfe\xaf\xfbyeX\x7f%{K\x97\x82vL'\xdbtjl\\\x9c\xe8s\xdc9"</t>
  </si>
  <si>
    <t>b'\xddS\x8b\t \xd7\xeeUy\x96Y\x19\x983\xe9XrD\x1ePO\xc1j\xeb\x84\xec\xf2-\xb5\x05d\xb1'</t>
  </si>
  <si>
    <t>b'\xb3\x0c\x15\xe3\x17\x86\xdd\xc1k\x96\xb6\x82\x04\x8b\x8a\xccV\xa8D\xc2\xf1M\x1e\x97\xba\xfa\xf0\xd1\xa6Lo\xea'</t>
  </si>
  <si>
    <t>b'S\xa6 P[\xeb"\x99\xd7!2\x01z\xe8\xc6\xcb}y\x9f`nk\x86\xac\xf5\xedL_\xa8\x11\xb5c'</t>
  </si>
  <si>
    <t>b'\x8d\x10\xc6\xdf\xa49&gt;\\\xff\xb7\xab\x18\xfc\x82\x0e\xb5a[\xd0G\xd0\x0f\xf4\x9ft\xba\xa9\xfdQ\xd0\xa7?'</t>
  </si>
  <si>
    <t>b'n\x1c\x8d[\xa5)\x036PG\x97\xba\xb2\xb3\xb0\x16\xda}\x97\xd3\xfa\xbc.h\xa66r\xee\x1a\xc1\xab\xa0'</t>
  </si>
  <si>
    <t>b'3\x1ce\xd8&lt;\xa9\x16\xb2_\x16\x9f\x907h\x91\xec/\x90+\xcf\x1a\xed\x15\x1bJ\xc9\xcd\xcb\xb6\x004R'</t>
  </si>
  <si>
    <t>b'\xab\xaa\xe9V\x9c\xbf\x83"\x1c8\x14\x01\xe1\xb3\xec\xd2\x8b\x0b\xc1q4\xe3\xa2B\xf6\xf5Z(\xbeh\x1d|'</t>
  </si>
  <si>
    <t>b'\x8d^\xa6d\x08\xbbK\x93\xc2\x80\xc4\xcc\xd4\xf52\x9e\t\xd3\x94\xb5.i\xc0Yu\x03\xdcF\xf9&amp;?O'</t>
  </si>
  <si>
    <t>b"\x19\xd7\x88\xb5\xf9\x11}\x91c\xa1]\xca+\xca\x1b\xfbb?\x1f\xc5\x9b\x03'\xe5z\x7f\xd6\xc2\xe7Y#\x08"</t>
  </si>
  <si>
    <t>b'k\xa9\x91Q\xe6B\xc0\x87\x1e\x823\xeay\xb49PI\xd6\xd5-\x9d\xf7\xc1B\xbcM1\xe5\xb0\x8d\xc2\xe4'</t>
  </si>
  <si>
    <t>b'\x9c\xea\xde\xf8n&gt;Wr\xbeb@OT\xd0X\x92\xe3\xcb\x91R-tl\xeb\xda\x7f\x92\xc5\xcd#C\xf3'</t>
  </si>
  <si>
    <t>b'\xd1M\xc4\tR\xd7A\xc4\xf6R&lt;i6\xd5\xcd\xd9^\xec\xb4;\r\xc3\xb2\xc4\xaaF\xd7)!v6{'</t>
  </si>
  <si>
    <t>b'N\xa1\x85"*\x9e\xb2\x00o\xec(\x14\x0b\x94\xfc\xe7O\x1f\xe4s\x10\x84#\xe0\x82\xd4\xc3\xd9\x98&lt;\xc1\xd0'</t>
  </si>
  <si>
    <t>b'T\x93_\x07\xeff\xec(F\xbb\x92E7]\xb1\xf2\x1cb\xf5\xb8\xd6\x0c\xeb\xc2\xa7b\x1e\xab\x1cR\xd4\xde'</t>
  </si>
  <si>
    <t>b'z\xb9t\xf0$W7\x05\x8f\xd8\xdb\xbcs\x8b\x1ah\x1b\xf7v(Zw\xfa\xde\xa9o\xc2C\xc7J\x03`'</t>
  </si>
  <si>
    <t>b'\xc4\n\xa46V\x9a\x98\xdd\xb0\x9dR&lt;`x\xbe\x88\xa8\x1b\xb5I!\xbd\x1c\xa7o\xef\xc2\xa7\xbe\x1a\xea\xe5'</t>
  </si>
  <si>
    <t>b'\xe9+\xdf\xc5\x10\xa8\xf2\nf \xa1/3\xf7\x86\x85\xce\xea\xbd&amp;\x06\xc3a2\xf0d\xd2\xf8\xd7\xd7\xeb\x87'</t>
  </si>
  <si>
    <t>b'\xadv\xe1\xcf$2\xdf\x98\n\xda\xc4\x87\x83z[\xc1z\x8b\xfb\x94\xc2\xfd\xdd\xb7-\xeb=\xea\xe0\xfb,S'</t>
  </si>
  <si>
    <t>b'S&lt;\xeb:\xa5\xe2\xb7\xbb\x08qz\xfa+\x95\xec\xc8\x82\x0e\xf6\xa14\x02\xe0:9\xa4\xad&lt;M0\x06S'</t>
  </si>
  <si>
    <t>b'Wl\x80\xb3\x94w\xd9\xa1\xa4\x10\xc4\x15\xcc\xf3\\;\x0e\xee\xce\x89\xc2\xad\xa42K\xf1\x05\x01\xf2\x9e\x84;'</t>
  </si>
  <si>
    <t>b'\x81"\rN\xde\xfa\xb2\xd5\t\xc3\xe1\xd7\xae\x02\xb6\xc4r\xd9\xc7%\xf8\x92\x80U\x7f\xe2]\r\x89\xc7\x03\x9c'</t>
  </si>
  <si>
    <t>b'L\t\x97\xf0JM$\x15\x0e\xe1\xdc\xee\x97\x8f\xe0\xc1\x8d\n\xf2\x9b\x9dT\xfc\xe8fT\x03t[O(\xbd'</t>
  </si>
  <si>
    <t>b'\x0c\xfaY\x84\xc7l\xd6\x0c%eakuiA\x7f\x88\xfc\xeeRk\xd3\x00\x06\xa9z\x0f_g\xdd\xb6\xa6'</t>
  </si>
  <si>
    <t>b'\xb0\x9a\xad\x94\x82\r\x80\xb6[T_\xf6f\xe58\xfd\xf6\xd9\xf3\n\x12s\x07#c\xe1&gt;_\x86C\x13\xb7'</t>
  </si>
  <si>
    <t>b'Y\x9e\x8f\x19\x94\xea\x903\xb4\x1b\xd0\xffX\xb8\xfb\x9e\xad{\x7f[\xe0\xbb\x1b"o\xee\xb8\xe9\x17Q\x1a\x9a'</t>
  </si>
  <si>
    <t>b'\x9d\xae\xe3n\xff\x8e\x02_-\xda\xd3\x1a\xfb\x9d\xbe\xf8\xb8\xbc\xc6\x92;\xcc|\xd1\xe9\xc9\x1b6\xd0D\xea\xa6'</t>
  </si>
  <si>
    <t>b'\x0b\x08\x0e\xc7\xac\xcc\xa3\xa7\xce\xad\x9b\xd8\x9c5\xc9ESip7p\x19b\xbb\xaa\\\xd7\xb1\x8e\xb0dU'</t>
  </si>
  <si>
    <t>b'\xc8\x9e\xbd\x81\xabz\x90\xc6\x1b\xe7O\xb4\xa3b\xb3\xd6\xdc\xda\x84u\xd4c6\x99\x88\x98\x818\xc5\x83\x85\x11'</t>
  </si>
  <si>
    <t>b'\x9e\xe2\xd0\x91A&lt;\x9a\xbfG\x1a\x8c\x8e\x84B\xf3\xa9,?j\xe0=e\xaf\xb1\x14\x04\xa7Qo*\xf7\x1d'</t>
  </si>
  <si>
    <t>b'G\x93[\xb4\xe4\x95\xdbNP\x10)\xea\x9d%\x9a\x8akZ\xecZ+ \xbec\xb1}\x1c\x8f&lt;\x85\\\xe0'</t>
  </si>
  <si>
    <t>b'V\xab\xbfl\xeb\xde\x13%\x85\xf7\x1c\xd7u\xec\xea\xec\xb4\x8de\xd3\xe3\xcdX+\xb9\n\x93{{BX\xb6'</t>
  </si>
  <si>
    <t>b'+\x93\x13\x9a\x19/\xc1x\xa2\xf4\xf9\x959\x11\xde\xc7w\xb4\xc2E$\xc2\xf4\xe0\x99\xedd3\xcd\x95\x85\xd7'</t>
  </si>
  <si>
    <t>b'q\xadt\xf6x\x8e\xac\xfbIe\x0e@\x8d4\xadf-Q9\xb1\x88o\xd5\xcd\xdd\xf5#1&amp;0\x08\xea'</t>
  </si>
  <si>
    <t>b'\x85\x18oi\xac\xee\xbe?\x97\xa3\x02\x10\xf8\xa8[\xa8\xdb\xbc5\xca\xae-\xba\x16\xd3@\xaa\xdc\x0c\xa1\xecv'</t>
  </si>
  <si>
    <t>b'\xc4p\x1bQ\t\xf9\xcb\x16\xc3/Z|r\xa4\x96l\xf0\xcb1\xf4\x8e\xd5\x93m\x88_^u\xe3\xc7\xb1X'</t>
  </si>
  <si>
    <t>b'\x07\xa1\xdf\x8f \xd5\x16\x0f\xe4\x1d\xee\xc0\xaa\xcf\x8a+\x83Ni\xdb\xf2\xfc\r\x8d\x8emZ\x9e\xa7/\xc8\xea'</t>
  </si>
  <si>
    <t>b'\xac\xf2\x0b\xe8\x05\xbd\xeb\xc6\x99\x9829[\xb2\xc9\x02\xfd\xc7\xfc~5\x89\xda\x17\xd4/&amp;\xe1X\xfd\xfa\t'</t>
  </si>
  <si>
    <t>b'r&gt;6b\xd3\x1c\x97=R\xc2\x1d]c\xdb\x1b0\xce\x9cB-:\x8e\x9ep0"\\\x9b\x81:B\''</t>
  </si>
  <si>
    <t>b'\xa6\xc7\xa70\xd7\xf2\x89\xc7[\xb8/l\x9f09\x15\xe3^\r\xe9\xfc\xd9\x16j\x7f\x89u\xb6\xe37"{'</t>
  </si>
  <si>
    <t>b'\xf1k\xa6j\xcc\xb7\xb2ty\xee\xa4\xf31\x15)\x7f\x1dGK\x99f/\xf2\xd6]\xe5*\xa7\x80\x9c\xef/'</t>
  </si>
  <si>
    <t>b"w\xd9\xf2\xab\xea\xcb\xd8q' 6\xec\x12\xc5hZ\xa5\xc8\x12\xbd\xda\x01\xaf\xb2\xe5.R\xb1\x95%\xcc\x80"</t>
  </si>
  <si>
    <t>b'O\xd2\x02\x9e\x9dW\xe7\x14p\xe2cM-C\xec\xa1\rT\x02\xa8\xcd\xe9\x0fyQ\x0b\xdbDe\x88Ci'</t>
  </si>
  <si>
    <t>b'}\xa7\x9e=\xce\x91\xcf5O\xf5\x9b=\xc9\xa3\xf7\xbey\xba\xee\xfd\x14o%\xce\xbc\x80\x97c\xec$\x95\xce'</t>
  </si>
  <si>
    <t>b'\xb3\x16r?\xa3\xb0\x89a\xf6{\x13k\xdf1\xcb\x01v\x9f\xc4\x9bD\xd8b\xd4\xbd|u\xd4\xa3\xc9\xb4\xe4'</t>
  </si>
  <si>
    <t>b'Z\x1c\xcf\x05\x89\x975\x8c\x92i\xa8\x03n]&lt;N\xd0\xa6\xcf\x1a\xd3\xc7\x93E\x05\xec\x94E\xad\xd9\x0f\xe7'</t>
  </si>
  <si>
    <t>b'lL\x92/\xaf{\xd4\xfe\xa2V\x0b\x9eff.V\xefg\xc3r\x05\xe3\xda\xb7\xcce\x1e\x9czd\xccj'</t>
  </si>
  <si>
    <t>b'\xd2\x90\xe5\x1b&amp;\xda\xba\xda\xfb\x17\x10\x1e\xce\xc7\xf04\xe6\xab\x10\x1chR\xd4\x8e\xca`\x07\xa8\r\xaeu-'</t>
  </si>
  <si>
    <t>b"\x91\xb4PL\xa7\xc9B\x01\xb0'\x0b\xd7\xfb4\x00\xa4\xeb\xa9\x9aI\x16\x9c\x11\xb8\x94]j\xee\xc2dg\x94"</t>
  </si>
  <si>
    <t>b"\xc0\x9c\xbaW\x88\x0b\xae&amp;4y.\xaf\x88\xb9\x8b'\xc3\x87s\x9bY\x98\x81,\\\xa3\x13\xc6Y\xd3z8"</t>
  </si>
  <si>
    <t>b'\x0fJ\xd6\x96\xa5e\xed\xa4\xaf\xd2\xbf\xa5\xd1i\xa8\x96\xf1\x1d)\xd1\xb3\x93Y\x11K;g$\xea\xf1\xe4z'</t>
  </si>
  <si>
    <t>b'\x0c\xbf\x91\xc0\xa4\xf7\xfbY[\xc1\xf5\x84\xd7\x0e\xd7\xe5\xdfN\x81/\x1bW\xaaEH\xa4\xa1\xa5\xdf\xf3\xc54'</t>
  </si>
  <si>
    <t>b'\r\x89_\x1f\xb8\xc0\xc4;\xe9\xdd\x11\x03A\x90\x8f\x87\x8do\xf7\x1a:8_\xdc;\xf0b\xff!2\x11\x08'</t>
  </si>
  <si>
    <t>b'\x95\xebn"\xd0\xcc\x87\xc1\xf3\x15\xad)\x11\x87\x9c\x07\x97\xe2f\xe6 A\x98\x9aE\xa4\xbf\x8ee&lt;B\x11'</t>
  </si>
  <si>
    <t>b'&gt;\xa2E\n\x86\xfdz4l5/7\xf4TN&lt;5g\xeb\xcb*=\x9d\xd8\xf4=\xd2kP\r\x9e\xea'</t>
  </si>
  <si>
    <t>b'OjH\xe3-\xc8\x12\xd8e%I\xc8i\xd0h\xbfL\xb6@\xa9\xb1m/\xf4G\xa5\xa4i\xa2\xb3\x01\xaf'</t>
  </si>
  <si>
    <t>b'\xacJJF\xf4\xe9\xcdc\xda:!,\xa5\xe0l[\x92\x12u\xb4\xf5\xbc\x126\x11\x16\xd0$k1e\xd9'</t>
  </si>
  <si>
    <t>b'YD\xdd\xad\x01\xb3\x18\x878j\xa4+\x87\xc2O\rk\x1b\xb2aB\xe7\xdd\xc6\xc8\x03\x8f\xe4\xbc\xf0^\x86'</t>
  </si>
  <si>
    <t>b'\xa0A&lt;\xeb\xbbYpli\xe8{\xaa\xf87\x91\xe6\xe1j\xd2\xb9\x831"\xec\t\x82^\xe5\xcb\xb7\x1a\xcb'</t>
  </si>
  <si>
    <t>b'UY\x9eR\xa8\xc4P\xcf\x8bfb\x1c"\x9e\x81*\xdf\x06\x9d\xce\xe1\xfa\x857|\xf2\x02\xa4\xaf\xcda\xf6'</t>
  </si>
  <si>
    <t>b'\xaa\xd1\x16\xedC\xe6\x8b\xa6R$)\xb3=\x96)03\x92\xdfb\xc9z\xb8Y\x18S\xf4szu\x99\x98'</t>
  </si>
  <si>
    <t>b'\xf9\x89\x87\xb7\x8e|rnJ\x90s\xb6;SX\xb3\x8cjU\xba\x85M\xfb\xa1\x86G\xb0N\x01\xef\xbb2'</t>
  </si>
  <si>
    <t>b'l\xa5\xc9\x89\xd8\xef\xb8\xfe\x1c\xbfH\xeb\xd2q&gt;\xcch\x9b\xf7q!\xd6#\xfa\x1alb\xe2\xd3\x0b\xaak'</t>
  </si>
  <si>
    <t>b'\x08\xa7OfU4\x83\xde)\xf3\x15\x04\xb2\xbd-\xacLx\\\xd3\xa2\xc1\xd4\xfd3\xc8\x93\x8b\xb7\xf6\xe6\xef'</t>
  </si>
  <si>
    <t>b'\x93\xc5\x91F\xac\\\xe0\xcc\xf94BN+UR\x03\xa3f~\x8b\x138q\xc1H1&gt;\xd33\x1b\x95\x1b'</t>
  </si>
  <si>
    <t>b' \xb6\xad\x91q\xf3^\xb6q\xc2\xb6\xed\x89\xfc\x97\xac\x9f\xc8Alf\xea\xdd\r\x0e\x87\x05&amp;\xe88Ro'</t>
  </si>
  <si>
    <t>b'\xc5\xfd\xb7\x91\xf3\xa86U\x8d&lt;\xaai\x9f\x8f\xf3\xd1\x86W\xadn\xdf\xbe\x85g\x97\x97T`\x19B\xf0z'</t>
  </si>
  <si>
    <t>b'~83\xb2\xc0\xa9\xf1A\xc6\x9f\x84\xd1\xf5\xa8\xdc\t\xff\xb7\xf8\x08\x98w\xe2\x074\xbb\xcc\x08\x83\xcb\xad\xaf'</t>
  </si>
  <si>
    <t>b'\xf6\xf0\xfc\t\xe4e\x1d\xf4\xe13\xfa}\x13\xbc\x83\xc8E\x0e\x90\xc6\xfa\xcc\x1a\xacN1\xe6\x01\x98\xcaLM'</t>
  </si>
  <si>
    <t>b'\xb2\x8c\xc9\xdcd1,\xfe\\\xeb2\xaaN\xe9\x89\xe07d{\xd4}c\x0b\xce% \xa0\xad\x83@\xde3'</t>
  </si>
  <si>
    <t>b'c[\x19-l\xc4\xdc\xc6;\xe9\x97\xb8\xa5\xfa\x11\x96\xdd\x08yBHZ\x0e;G\x00\xd4\xcd\x07)\x1a\x0f'</t>
  </si>
  <si>
    <t>b'\xd5X.\xfa\xe4\xbf\xb5\n\xd4\xa2`\xb2\x13\xf7\x94\xdd}\xc3\xa673~\xbc\x1c\x19\xec\x9bR\x9f_\xc0\x18'</t>
  </si>
  <si>
    <t>b'\xa7B\xab\xc9j\xa7\x98\x81\x93\xb3\xac?\xd8]\xbd\x97\\\x1c\xc8\xe7\x1c\xf7L\xe2A\xd0\x13\x80\x11\xe5\xd4\xba'</t>
  </si>
  <si>
    <t>b'R\xe2gP\xcfx\x962Sn\x8d\xdc\x0f\xf4JU\xe6$&lt;\xf9@g\x91c\xf9\xafL\xb1\xfcx;\x82'</t>
  </si>
  <si>
    <t>b'\xbb&lt;\x01f\xa2~\x11\xf79=\xcb\xae\xdep\n\xd26\xac\xfe\xcc\\%\x19u\xe1\xf02\x03Z\xa8:\xd1'</t>
  </si>
  <si>
    <t>b"X\xc0P3]Z\xff\xc5\xc6\xba\x91\xc5\xa2\x16w\xbd\xd3\xfb\xca\xc8\xa5\xc4\xa7\x97\n\x88\x94'\xb4zv\x8e"</t>
  </si>
  <si>
    <t>b'\x05E\xa0\x9c\xb0\xa8\xedd\x90\xad\xe3G\x01\xa8\xeb\x10\xc9\t5\xa9*\xd3x\xa0\xffR\xf9\xff\xd02`\x88'</t>
  </si>
  <si>
    <t>b'\xa8v\xd9:[\x8a\x07\xe9,\xb2\x14\xc1\xca\xdd\xb51\x89\x1dyG^r\xb4E\xa2\x8f\x82u+I\x0c\xc4'</t>
  </si>
  <si>
    <t>b'O\x95\xf6\xbaT/\x12\x82(?E\xa4l\xa51M\xdd\x0b\xa2\xce\xa1\xfc\xdc\xa76\x19\x96M\x97\xce~z'</t>
  </si>
  <si>
    <t>b'\xba\x94I\xedVfV\xcfL_\xfbmH\\\xe8\xd1OJ^\x9aL\tW\x95\xbc2w\xfa\xb2cq`'</t>
  </si>
  <si>
    <t>b'\x80\x15X\xf9\xb35w\x07Q\xa6\x18\xa4mn\x0c\x9e\xf8\xbeZ\xe5e\xb6\xcf\xd7\x15\xf5$\x8d\x84a\xcf\xfe'</t>
  </si>
  <si>
    <t>b"\xc5u\xbc\xac\xd3nV\x87\x11\xc3\xd4W\xfd\x14en9\xb3R}\xaf'\x15n\x807O\xe67\xa2\x04\x1a"</t>
  </si>
  <si>
    <t>b'\xa3,\x9bh\x00;r"\x10\'a\n,\x84\xe9\xeby\xa8[r\xacW\x05\xcb \xacF\xbc\xbai\x9b\x91'</t>
  </si>
  <si>
    <t>b"f\x97\xd9\x81\x9e\xb3\x1e\xe4\xd9\xcb?,5'\x16\xb3\xc1\xea\xaf{w\xbb\x13\x9a/\x83G\x93YM{\xf6"</t>
  </si>
  <si>
    <t>b'\x13$\xb6\xedbv\x8b*V\xa2R\xdfh&gt;\xea!\x06YIy\xd4Q\x82R=\x91\xa4`Y!\xc3\xcd'</t>
  </si>
  <si>
    <t>b'\xbf\xca\x1b\xbf7\xfb\xd6\x93\xd3\xf5W\xc8X\xe1\x12\xa1\xeb\n^\xf0\x9cX\xdcNv43d$\x99\xef\xa3'</t>
  </si>
  <si>
    <t>b't\x82\xef\x10\x89\xd5;^\xbb*\x91\xc6\x1c\xeb\x0b:OS\x85\xd1\nEmihR^yV\xa5\xb3\x1a'</t>
  </si>
  <si>
    <t>b'V\xcc,\xf3\xbf\xa0\x84v\xb71\xc7\x01\xee\x1b\xe3;p\xa1\xc3\xe5!\xf3\x19\x81\x13\x97\x923\x17\x01-B'</t>
  </si>
  <si>
    <t>b'^\xa8\xca\x92\xd67z\xfa\xe7\xbd\x7fg\x1aA\x92\x08/\xac%\xaa\xc7@\xb2\xe9\xa1Q\x10\xa0_\xb6^]'</t>
  </si>
  <si>
    <t>b"\xf2\xaa\x04$4\x86\xeb2N\xc4H\xf4\xbf\xeeT\xec\x90\xe9rQd\xf8\x9aF\xfeS\xec\x84\xd8YO'"</t>
  </si>
  <si>
    <t>b'\x88o\xbb\x9f*\xde\xac \x98\x99\x01\x98\xdb\xa6\xc5\xff\x90^\x0f\xa7\x8d{v&lt;\xb2\xad\xddS\xa1\xdb[l'</t>
  </si>
  <si>
    <t>b'+\xe5\xcd\xfdKoV\xbaL\x07B}\xb6?a\xc4\xff\xd1Wp\x9f&lt;\xba2$\x8du\n\x19KuU'</t>
  </si>
  <si>
    <t>b'\xd8\xfeM0\xa8\xdd\xed\xdb\t\xee\xbc\xe8$\x0b5\x0e\x93r\x12\x1fA\x1b\n0\xa9\x97\xb3\xdf\xeb\x81\x1e\x9f'</t>
  </si>
  <si>
    <t>b'\xa7\x1cD\xc2\x084\x88\x8e\x83K\x1a\x9b\xe8\x8bFz\x13\x97 \xb1t\xcc\xcd\xe7\xc9\xe5\x08\x9dA\xba\xc0\x8e'</t>
  </si>
  <si>
    <t>b't\x10\x1d$\x0c\xa9\xf7+2f\xb7\xecIUAS/%\xf3\x14\x16\xed \x14\xea\x07\xd4\x7fi\xb4+\xe7'</t>
  </si>
  <si>
    <t>b'\xff\x00\x95\x9av\xb3\\v\x8d#\xbb\xa6~m:9\xb1\x8f\x04\xc8G+y\x15_\xbcv\x1d\xc1\xb6tU'</t>
  </si>
  <si>
    <t>b'r\x99G\xf7\x16m\x1a\xe5v\xa3b\x98\xdaq\xe4\x9c\x91\x10(8\x16\xe2\x9a\xc9\x93\x06\xcfKVO\x01\xa4'</t>
  </si>
  <si>
    <t>b'F\x06x\xe7\x11\xa8\x16\x95\xd1^!\xe8\r6\t\xc2fC9\x0f\x1b\xe13\xcbq\x02\xfb\xd8\xad\xbb\xb5\xc7'</t>
  </si>
  <si>
    <t>b'\xd2]EV\x9adH\xdb\x8c\xe4\x0e\x7f\x97T\x03\x8b}P\xf5\xce\xf2\xa4O)\xcc\x7f)\xbe&gt;\xceG8'</t>
  </si>
  <si>
    <t>b'=\xab\xd0\xc5\x04\x8f=IKI\xf6\xf8\xef\xe9\xa8\xc48\xa0\xb4\x9f\xca+\x96\x90\xb5P\x97\xf4\xc3\x8b\xb5j'</t>
  </si>
  <si>
    <t>b'dF#nI\xd0&lt;\xf0\x19e+[z\xeb%m\x1b\xac%[\x1aGi\xd8\x10(zs`\xe0O\xa0'</t>
  </si>
  <si>
    <t>b'\xd9\xa8E\x87\xc2\x18\x87\xfb\xd66\xf3P\x0f\xac\x03\xd7\xfd:\xa2}\xbb}-J\x81\x15\xa2e\xc1$]\x13'</t>
  </si>
  <si>
    <t>b'3\xee5@\xf4G_\x85\x06\xed\xab\xf6\xf0\xf9\x01\x86\xfb\xf9v-B\xe7Af\x96S&gt;\xfb}b\x87\xf8'</t>
  </si>
  <si>
    <t>b'\xc8\x8d\xd2\x80\xb39yoC*Q\xa4P\xf1\x08\xae\xd1\xa2\x85\x91p(u\x9a\xc4\x85)\xba%\x14%\xb5'</t>
  </si>
  <si>
    <t>b'\x0b6\xde\xd6\x08G%\xe6\x9b${4\xbcK\t\xe4\x9e\xd56\xc0\x9a\t\x90\x16\xf5\x05\xaf;\xfd\xfed\xaa'</t>
  </si>
  <si>
    <t>b's\xb3\x06\x10\xac\x95\xbedc\xee\xf4\xd2\x81\xdb\xd2\x8c\x93,\xc2\xc7\xc3\xbep\xb6/\xe0A\x88:`\xed\xfb'</t>
  </si>
  <si>
    <t>b"Y9\xc55\x8a%\xf2\xb6\x08\xe1\xad\xc2\x7f\xb3]/;p\xbcNV\xa3\r\xd8,\x92K\x13'\xd2\x8b\x1a"</t>
  </si>
  <si>
    <t>b"V\xaf\xfc\x16\x86\xa2Y\x03\xbe\xfb\x0e%\xcd\xe5\xd4\x13\xd8\xac\x9e\xcd\xb7\x93\xeby@qQ'\x10f|\xce"</t>
  </si>
  <si>
    <t>b'\xa2\xe7R\xf1\xe3K\x81[JC\x9e\x95X\x0e\xec\xb2\xb0X\xd2^R43\x07\xb1\xf2\xc0\xf1\x1d]\x10\x9f'</t>
  </si>
  <si>
    <t>b'\x0fl4\x06\x83\xbb\xd6X\xb7\xa9\xcb\xd0\x84\xf3\x0f.^\xf5\xf9\xff\x01\xb3\x7f\xc1\xa1\xd9\xc3\xddm\xacmc'</t>
  </si>
  <si>
    <t>b'\xdc\x08&amp;N\nVq,\xa3~l\xa2\xde\xa4M\xe8U1p\xcb\xd4\xe9\xe5\x16\\\xe3\xed\xc22\xbd\xa4\xe2'</t>
  </si>
  <si>
    <t>b'2cDH\x03l!\xebJ\xf4\xd3\x17\xfa\xdeM\xff\xe7[\x1f\xeb\xdf^\xa6\xad\x0b\xa7\x9107\x8bC\x85'</t>
  </si>
  <si>
    <t>b'\x03\x8e\xb4\x0e"@\xb5\xab\xa4\x8dT\xf0AU\xf7\x0c\xcd\xbb\xfb\x8f\x1f\xbcr\xcc\xce6J\x8a\xcf\xd1\x9b\xc3'</t>
  </si>
  <si>
    <t>b'i\x8f\x11\xec\xc8\xdb$\x84\x8etF\xe0\xb2\xd7\x19\xb2\x0b\xc8%\xbc\x13\xd2\xde\xac\x98\x04\x03\x00\x8c\xa7\x1c\x1f'</t>
  </si>
  <si>
    <t>b'UCx\xe7I\xf1\xfc@t\xc4\xc4k\x16\xd2n\xc2\x17\xc2\xec\xa1\x05\xc4L\xa8\xed\xe2z^\xf3\xa7\xcc\x07'</t>
  </si>
  <si>
    <t>b'\xb3\x9a\xe6\xac\xb3\xcd\xe5\xdd\xf3\xee\xbd\xb9\xcf8\x1e\x9d\xe8\x1a\xbfd\xe7*\x05\x95\xe2\xe2\x89\x8e\xe4\x03\xc1\xec'</t>
  </si>
  <si>
    <t>b'\x98\xb6I\xa6\xf5\rGg\x7f\\\x85\x9a&lt;y7\xa1I\x11\xb4wf\x16\xc3\xe3\xab\r\x8e\x87\x07A\x97\xe5'</t>
  </si>
  <si>
    <t>b'\x96\xca\xd2\xe7\xae\x1f9\xc5\xc0\x14\xe5\xdfcv\x1c\xb0V\xb7\xa1\x1d\x9b\xc2\x17."s\x06{+\xfb\xe54'</t>
  </si>
  <si>
    <t>b'%\xa4O\x84A\xa0&amp;\xe8\xbb#\x93\x06\xe9\x06VF\x10\xe3\xe1\xc6\xfbmlS:\xa6\xefT\x1d\xb2=\x0e'</t>
  </si>
  <si>
    <t>b'\x92\x1a\x9e7\xcfE\xf8\x03\x7fx\x94\x81H2\xcc\xed5#\xd8\xe1u\xbf\xbf\x17\x8c\x0c\xa8\xc7\xca\xe0p\n'</t>
  </si>
  <si>
    <t>b'\x0e\x1f\xd1\x95K\x1b\x0b\x0e\x1d.\xb4\xf9Z\xc4\xbe\xf6;\xa9hGi\xd9%\xff\xc4\x94\xa5\xda\x07\x9a\x8d\x0e'</t>
  </si>
  <si>
    <t>b'\x0cMB,:\r\xb6\xf7\x1f\xfb\xb7%\xfd}\x1b\xc1I\\\x12\x15\xdbK*\xca\x0e\xdd\x82\xd66\x8c\xdb\x98'</t>
  </si>
  <si>
    <t>b'\x94\xb1\x80_\x88&amp;\xe2\x18d\x9fZ\x97\\\x0c\xab\xda\xa9\x16C\x90\x7f)g\xdaT\xb6\xdf\x90Q\xdd\x88\x89'</t>
  </si>
  <si>
    <t>b';\xed\x04I\xc3\xb3I\xd1QN}\xeb\xd5\x90|\xb0\xc9\xdchA&gt;\x92\x81&gt;\x06\xeeN\tX\xab\xd3q'</t>
  </si>
  <si>
    <t>b'1$\xd5\xe1\x85y\x08c\xa7\xcaU\xdf\xb4\x85N\xa3&gt;$\x95\xe6\x04}&gt;&gt;\xa9\xde\x1d\xca\xc8\x04\x8c\xa7'</t>
  </si>
  <si>
    <t>b'X\xaf\r\x8fn\x0e\xcb\xd1c\x8c\xcf\x02\xbfz\xec\xc6\xc1@\xb2\x07\xba\x84R%hw\xb2\xe5\xeb\x84\x1dC'</t>
  </si>
  <si>
    <t>b'\xd4\xa3Izx\x97\xc2H\x9b0\x14\x18i\xa2z\xea#\xdbsp\xaf\xae!\x99\xf9*U\xba\xf2\xa9g\x1d'</t>
  </si>
  <si>
    <t>b'S\x11\xca\xc6\xc1P\xe9\xe7j]\x81\x97\xe4D\xc7\xbfB\x05\x8ej\x99\x08\xec\x00VHP_0\xd9\xd6\x15'</t>
  </si>
  <si>
    <t>b'\x7f\xa4"\xb4\x03\xe1\xd8\xa5\x87\xe6\x12K\xda\x97\x96\xaa\x9bA\x1ei\x9a3\xf0j\xbaR\x8a\xd4\xbb\x8b\x1c\x94'</t>
  </si>
  <si>
    <t>b'\r\x9b\xd24XA\xc2~\xb4?\xf8h\x90q\x03B\xbbo/e8=\xff\xe3v\xb6aMq\xe6l\xc4'</t>
  </si>
  <si>
    <t>b"2\x11\xffG\xf1#%\xce\xa2\xf6Q\x846_M'Rt\xf5\x9e}\x84T\xa1\x03\xa8\x05\x90s\x98\xef\xfe"</t>
  </si>
  <si>
    <t>b'm\x00R?(:\xa8\x99\xa0\xf9\xfci\xa2\xfc=^!\xb1\xafs\xe6\xac\xb30\x8cU\xd6\xdc\xfc\x07\xaf]'</t>
  </si>
  <si>
    <t>b'\x86\xab\x95\x00\xfe\xee\x8f\xcb\xd7I\xaasd\xe9]\\mZM\xfd\x9d\xa8DT\xd7\x8d;\x80&gt;T\xa7\x84'</t>
  </si>
  <si>
    <t>b'\xb9\xf7J \xc6Q\x83\xb5^\xd7\xca\xd1a6\xa1[g\x943jA\t\x0b\xaf\xfeySs"y?\x83'</t>
  </si>
  <si>
    <t>b'S\xaf\x05\xe8x\x089\xa19\x98\xd2\xb7\x9d\x94\xde\xe0\xda\xf8\xfb-p\xa3d\xae\\\xa1\xaf\xb2V\xfd\xbfr'</t>
  </si>
  <si>
    <t>b'a-gY\x0c\xd5\xb0Y\xed1}(\xfc\xfa\xe5\x13yb\x85\x02u\xb4\x83\xd1\xf3%\x0b\xe1\xefIv\x8a'</t>
  </si>
  <si>
    <t>b'\xf4\xbe\xb4\xb0\x98&gt;\xd6(\xa2eX\xbe&gt;\xd1\xf3\x95\x9e\x00i\x19\xce\xdax\xbfq\x9a\x16S[D\x90\x8c'</t>
  </si>
  <si>
    <t>b'5\x08\xa8\x12\xbb\xa4\x81\x16\xe2\xb2\xf6\xd0\xc8\x86_3\xa2\xf3\x7f\x03\x19F\xa7\xdb\xfcP\x9c\xafuW\nN'</t>
  </si>
  <si>
    <t>b'\xc4j\xa6\xa9?\x1a\xc8|\xe1\xbcr\x02\xf2\x93\xc3\x08\x9f\xcb\xaf\x9c\xdaG\x99\xd2\xde\xb6\x03KM\x16\xc3\xb8'</t>
  </si>
  <si>
    <t>b'\xa3\xf0\xc4\xf6\x95\x98\xb3C\xbb,\x04\xc4\xb4?\xbb/}\xe7"\xe2\x14\t\x1e\x94\xa3\x04\xd0\xeb=\xfdg\x9e'</t>
  </si>
  <si>
    <t>b'\x02\r\xf8#eV\xba\n\xb9D\xb1^\xc3\x9d}\xdc\xcf5\x04\xc9&lt;B~^\x06}\xd8\xb0\x81\x18\xe9\x14'</t>
  </si>
  <si>
    <t>b'\xdc*5&amp;\x9ai\xeb\xe6\x8d!\x01\xc2\xf8\xad\xf9\t\x1ap\x1e7K\xa61\xf4R\x8e\xc0\xb6\x8ek3\x93'</t>
  </si>
  <si>
    <t>b'\xb3\xa8\x84\xe6/\xb3\x19e\xf8YH9\xe5\x0eFv\xdeI]\x8d.*1\x99\xb3\xcc\xa6J\xb0\xaa\xe3s'</t>
  </si>
  <si>
    <t>b'\x18\x18W7\x0e@r\x14\xa8\xa5\xa2\x8a\xff\x97\xd3\x98:\x0b\x95\xf3\xbcV\x0c\x95\xe7\xa6\x9b\xdaSm\xc8#'</t>
  </si>
  <si>
    <t>b'\x9f\xab\x9b\x01T\xf2#}\xed\x16\xd9o\xab\xa6\x83\x08\x94yc\x1e\xbe\x02\xb2hBM*\xef6\xc2\xc3y'</t>
  </si>
  <si>
    <t>b'C\xad:\xa2\xcet\xfb\xdb\x16\n\x97\xf6\x8d2w\xdaOO\xa8\xaa%\xaf\x97\xff\xdb\xb7\xdf\xc6W\xa2O\x06'</t>
  </si>
  <si>
    <t>b"7{g\x9c\x84\x04'\xa5\xe6\x04\xd1x\xcf7\x9e:\xe7\xd2n,\xd5\x91\xd6\xeam|=:\xc2\x14\xf5\xc8"</t>
  </si>
  <si>
    <t>b'T\xc9\xb3\x19\xd7\xf1s\x97\x0c\xe8&amp; %\xc2\xde\x13\xd2\x94aO:6\xe5\xc7\xa2.\x1f\x17\xc9\xb6\x94\xeb'</t>
  </si>
  <si>
    <t>b'{\n\xb8\xc0\x8f\xc3!\r\x83(\xd3r\x0f&amp;\t\xc5j\xa6\x1d;\x9f\x8b*lJ\xea\x96\x1f\x19\t\x10;'</t>
  </si>
  <si>
    <t>b'\xc6T\x8d^6\x80\xfe\x0b\x8dK\xf6\x91\xd2\xcc\xe9\x82\x19\xc6\xf95\x14H2\x83\xf8\x99\xfd\xfc\xef6\xab\xee'</t>
  </si>
  <si>
    <t>b'.\t\xc6\x10.\xab\x12j\\\xc0|H\xf7\x8dR;A\x9d\x11\xdb\xa6v!Zj\xd8t9N\xa4y\x8d'</t>
  </si>
  <si>
    <t>b'\xc4i\xc6\xd6\xc7qn&gt;\x11Mm\xb0a]\xaa\x98!\x8d\xfd\xbc\xfa\xc859}\x14\x18+w\x93\x01\x8c'</t>
  </si>
  <si>
    <t>b'hm\x13\xac\x97\x89J\xe4\x92\xa5\xa5\xb6\x91VA;\xf9\x15\x14~\x88\xbb\xa9\x1aW\xe7!\x01d\xb1\xf6P'</t>
  </si>
  <si>
    <t>b'\xfc\x1b\xbc\xde\xac\xdb9\xcf27\x9fEb\x80\xb3\xfe\xba\x0f\xba\x11\x03i\xa2Qyt\x9a\x1f\xech\xbd\x83'</t>
  </si>
  <si>
    <t>b'\x82P\xe3\xddsk]\x17\x95L\xc7/\xa9\xdc&amp;C\x81|\x82\xa5\xff2\x0c\xf0h\xf5d\xab+\xd0E\xcc'</t>
  </si>
  <si>
    <t>b't(+(\xd7\xceZ\xad,\xc8!\x1bB\xd4[K=d\x06\x89E\xa2\xf2\x95a\x7f\x85\x96\xe4\xc8\xa4\x1b'</t>
  </si>
  <si>
    <t>b'[\xd9q(\x8eJ\xe4\xdc\xf3\x83\xd0\x94M\x82\xb1.\xb7P8W\xf1\xc6\xc6x\x11\xa0C\x81noQJ'</t>
  </si>
  <si>
    <t>b'X\x81U\xf8p\xa3\x0e\xe470\xd0F\xfcK\x14LSIdA\x926\x9e\x15s?`B\xb6%\xd4K'</t>
  </si>
  <si>
    <t>b'D\xfa\x14e\x8fS;\x9f\xbd\x8bj\x9e)\x93\xf7\xcdB8\t\xe0\xecg\xfc:\x9b]\xff\xd6\x97\xb5\x13\x9a'</t>
  </si>
  <si>
    <t>b')\xdcM\x82\xe0\xfc8\xc2m\x08\x05\x99\xa1\xd0E\xd7p~\xa3\x9b\xba&amp;\xe6s\xd9"\xc9;\xe5\x89Q2'</t>
  </si>
  <si>
    <t>b'\xf3\x01tk\xe08\r\xd8\xe0\x1aq\xc5\xa5\xe8/\x81\x9c\xed\xa17\xa5S$\xac\x99\x82\xd1\xfa\x1bUy\xa3'</t>
  </si>
  <si>
    <t>b'RK5wO0|b{\xa8\xac\xb8W\xb3vT4\xc6-\x13\xa3\xa2\x1e\xc2\xd1\x870m\xd2\xc8+\xe8'</t>
  </si>
  <si>
    <t>b'\x079t\x1b\x08\x1f6P\x9f\x9c7\x04\xd7B6\xa4\x12\xb0\xd4\x85\xc61\xe7"%n\xa7V\xbc]\xd6\x80'</t>
  </si>
  <si>
    <t>b'\x9fu\xb1\xc6\x8c\x1f\x81\xa8\xdfCv(\xd3\xf13F\xce\xfe\x97\tM\x06\x92j\xba\xc2t\xdf\x08\x00\xa7+'</t>
  </si>
  <si>
    <t>b'i8\x1e\xcaP\x93\xb84T\xd2\x90\xbe\xf1\x9a\xac\x12N\xb5Z\x15\xcd\xbe\x1b\x156h\xf9\xb8\xf8\x8a\xf0\xa7'</t>
  </si>
  <si>
    <t>b'\xff\xd3y\xd5\x13\xe4\xf45\xedz(\x8dk\x06\x87\x0foF=\xf0\xaa\xe7\xf7w\xbf-\x9b\xb1\xee,\xb6:'</t>
  </si>
  <si>
    <t>b'5\xc7\x98\xbc\xb92|&lt;\xf2`\xc9i\xc8&gt;\x1fb\xd4aE\xb7OJi\xe9:\xedS\xfc`\x80\x87\xca'</t>
  </si>
  <si>
    <t>b'_\x0cd\x06\xce\x82\xf03V \xc6\xc6\xaa4s\xc0\xbe\xd0\x16dh\no\xd3\xb5%\x07\xc3\xd1\xae\xb5\xbe'</t>
  </si>
  <si>
    <t>b'\x9c\x16\x11\xc03\xed(zu\x04i\xf5\x19\x0f4\xe0\xc1\xc4m\xa0\x07\xb8&lt;\x93\xeb)\xc4\xd2SIy\x16'</t>
  </si>
  <si>
    <t>b'\xb9\xaa\xe6\xcb\xa8\x07\x03\xf7\x9dD\xb9\x1b\n\xb7\x85\xa2\xbc\x7fVHo\x8d\xa5d\x8cp\x96\xe8\x08[I\x96'</t>
  </si>
  <si>
    <t>b'\xe0\xad\x12G]\xc7\x85\xb7\xc82\x11e2x\xdb/\xcc\xf69)w\x0fW\xd3ymV\xbf\x9cS\x8b\xcf'</t>
  </si>
  <si>
    <t>b'U\xe4\x14\x15s\x11_\x93Pn\xc2\x92,8c\xa6\xa3\x03`\x80\x8eN\x1e\xc8\xf7Zjdh4\xb1\xd8'</t>
  </si>
  <si>
    <t>b'\x85\xda\xf6\x17\xc5\xc6w-y\xfb\x10\xd7\xd9\xd6U\xec\xa5\xf0HqA]3\x15\x17?h\x9b\xa0\xa1%\x85'</t>
  </si>
  <si>
    <t>b'V\xf4s\xb8M$E\xed9\x9b\r\xd5\xfd\x90\x08e\xb6\xf5`\xe2\xd8\x902u\x91\x9b\xfb\x8f`\xc3\xcd\xb1'</t>
  </si>
  <si>
    <t>b'p\xbdNL\xe0\xb3\xd8\x18\xfe\x1d0\xf2\x9321\xb8\xc1"\x1b\x04\xc9LID[\xc6x\xb1\x1fv\x02\xdc'</t>
  </si>
  <si>
    <t>b'Z\x12\x8fs\x9e\'\x17\x92\x1c\xce\x1ffj\xa63M\xb72\x95\x83\'4\x0f\xb8\x1e"d\x13\x10.\x1a\xff'</t>
  </si>
  <si>
    <t>b'Y\x8d\x04\xa7P\xf5\xa1\xac\xc2fo\x86x!\xc0)i\x85\xa1je\x86\x03\xccgS|dY\xdeN1'</t>
  </si>
  <si>
    <t>b"\x90\xfdS\x14\xe1\x8d\xec'&lt;|\xa8\xa5d\xee\x91\xa0Z\x9f\xca@*;:3.\x12\x8aJ\xf9\xc7L\xa6"</t>
  </si>
  <si>
    <t>b'&lt;\xcdo\xd89C6\xa3\x0f\x9e\xcc\xe1\xe3\xf2\x04\x8e\x15\x84\xd7\xb08\xa9\xc6`\xe1\xf4\x1d\xde\xb2lN2'</t>
  </si>
  <si>
    <t>b'R\x01\xd7,\xff\x12\xb7+Hv\x07\xce\xc5\xb5\xb7\x8bTI\xc7P(?\xed\x82[T\xb8\xe5gI\xdf\x04'</t>
  </si>
  <si>
    <t>b'\xd4\xfc*\x1d\xa9\xd0\x0b!\x9b\xf3X\x8ef\xe3:F\nqWi\x07\xb7c\xf6\xfc\r\xf4\xa2\x08\x8b\x8fr'</t>
  </si>
  <si>
    <t>b'$\x82\x12i\x9dD\xa3\xee\xfb\xff5\xa8\x0b]2\xca\xc19P_F\x83\x85\xbf\x00\xc17\xdbj\xb6\x11\x0e'</t>
  </si>
  <si>
    <t>b'\xc0e\xd6\xf2\xae\xe1\xf5\xb2n\xea{\x10( \xa7N\x1e\x9b\x00\xea\xc8eD\x8du(Xbt=\x04\xf0'</t>
  </si>
  <si>
    <t>b'\xec\xa8-5!E~5d7\x0f\x1e\x16\x08\xbatz\x17\x87\xd7k\x8a\xab\xd3\x80\xd1\xb5\x04\x04\xa98\x89'</t>
  </si>
  <si>
    <t>b'\xdck\xedqGV\x12\xa5\xb7\xa0\x96\x16\xeawv\xfe\x8c\xe5\x0cq3Q\xa5\xf5;\xee\xa5r\xc4H0\x01'</t>
  </si>
  <si>
    <t>b'4U{-\x1d\xbaZ\t\xf3\xe8\x8f7x\x81\xbb&amp;\xcf\x97b\xd2\xf0\xa9x\xf1[.\x04ew\x97\xbc\xd7'</t>
  </si>
  <si>
    <t>b'\x86 \x0c\xfd\xc7q"\xb3\xad\xef\xb1\xc70\x03\xfa\xb1o\x1fcx\x12\xed\xc6\na:\x0ej\x96\x04\x7f\xc4'</t>
  </si>
  <si>
    <t>b'o\x06\xe9\x92\x10\x9c\xbc\x9f\xbd\xd8D\x0f"\xb1\xb5\x15B=1\x0f\x80\xa9&lt;\x9e\x8d\x96\xd8\x87\x94\x8f\x1cT'</t>
  </si>
  <si>
    <t>b'\xb3\xca\x80}\x8c\xfa&lt;L\xeef\xa7s\x9f"| D0\x93o\xa6\x1aw\xed\x9b+\x07\xa8G\xe1\x0e\xff'</t>
  </si>
  <si>
    <t>b'\xc2\xb8r\xb8[\x8e\x15\x83\xd1\xf0\x90\xaa\xf3\xfe\x99\x9f&gt;\xc1\xd5\x04W\x86\xc0\x1e\x94E&lt;V\xca\xd8\t6'</t>
  </si>
  <si>
    <t>b"\xed\xc2z\xa6}\xe0\xfd\xe9s\x07\x8at\xef\xa7\x03b/\xc9\x07'b\x96%d\t_\xa4-\x90\xca\xce\xf7"</t>
  </si>
  <si>
    <t>b'\x8a9Ni\x97S~g\xf3\xcb\x99$\xfbi\xcf\xa0U\x92x\xb2\xc2]W\xc7\x88x\xb6\xe4\x08\x82\xf9\xa6'</t>
  </si>
  <si>
    <t>542xx</t>
  </si>
  <si>
    <t>b'\x81ST\x86cA\xfa\xf6v\xec\xe3NXU\x00{E\xba\x9d\x93\xbb\xb8\x9e+_\xabK\x9b\xccP\x16\xc9'</t>
  </si>
  <si>
    <t>b'\xa5\t\xc6X\xbd\x85^\xa5c\x9e\xd7\xbf\xf4$l&gt;\xad\xd9\xc1\xdf/&gt;P\x95\xe4\x1dg\xce\x84\xb7\xf6\xea'</t>
  </si>
  <si>
    <t>b'/\x04\x08\xcd=\x0e\xf6\xc1\xf7\x81J\xcec*\x05\x14\xb6\x84\x93\x11\xa8\xd5\xd0\xe7\xf3/Z\xe1}\x0b\x9c\x1e'</t>
  </si>
  <si>
    <t>b'\x8a\x9dzQ\x1cf\xb2\xd6\xc4\x06\xa0n\x98 6"#\x05\xc8\x1b\xdfA\x8d\xde\x1e\xc9\xe4\xad\x7f\xa7\xf1\xad'</t>
  </si>
  <si>
    <t>b'\x98\x96\xb0\xc5\xfcO\xd5\xa4\xea\x9b\xb9\xf2C\xc5\xe99\xaf\x08\r\x94a\xb2\xb1\xeaq+\xe1 \x86\x8d\xb3\xc5'</t>
  </si>
  <si>
    <t>b'9\x1bDk\xc5\x85p\x01\xdbX\xa2\x841\xeb\x14+\xadZZ\xa7\xdb\x98\xb8\x87\xf5f\x92s\x8e\xf3\xf2%'</t>
  </si>
  <si>
    <t>b'\xfe\x89y\xc0\x82\xe4M\xe8#E\x19\x9b\xef\x93\xe4re\x86%\xe6M\x13\xbf\x95\x08j\xe3S[\xe0\xd5\x08'</t>
  </si>
  <si>
    <t>b'?\xb9\x9b\x10\x94\xf8\xa52\xafQ\xd6V\xdbC\x950\x1d\n&amp;=\xb3%\xb0\xd7\xd3jN\xd7\xbb\xb3*T'</t>
  </si>
  <si>
    <t>b'L\xd8\xa4\xee\xae~|\xc5\xeb\xf5\xc9\xd2\x02\xfexx\x1a\xc7\xdb?E\x8e\xf8v\xa1&gt;\x1f\xeb\xfb\x92v3'</t>
  </si>
  <si>
    <t>b'[\x08\xa6\xcb\x03 \x89\xa9kN\xcch\xb3\x0f\xbc\xe6\x9fE\r\x1c423\x1dx\x14\x1e\xdb1\xf6\xad/'</t>
  </si>
  <si>
    <t>b"s\xc6\xc6\x1aH\xc7\xd5\xdfF\x97Y'1\x06\xe1B\xdd\xdfX\xb3\xdb\x90\x96\x18\x01\xaa\x90\xca\x90D\x00M"</t>
  </si>
  <si>
    <t>b'E\xa3\\&gt;j\x11\xc8\x1fcZ\x80\xf4\xd2&gt;p\xb1`\x91\xaf\xd0\x95\xe3\xcb\x85\x93.6T\xc0\x0eA6'</t>
  </si>
  <si>
    <t>b'\x04\xc8\xb0\x01\x8a\xff2\x0c\xdab\xd5\xd1\xa5\xfc\xf6\x86\xd9\x9e\xde\xe9\x8e\x0b\xab4\xc3l\xeb1*\xc5\xf6\xdf'</t>
  </si>
  <si>
    <t>b'\xbffg\xf1\xe5B\xb3\xc4\xa0\x1a 7nJY\x88\x01\xa8\xa3\xde#\xc6gDt\xab\xaeK\xe2\xb9o\x91'</t>
  </si>
  <si>
    <t>b'\xf4iJ\xf9/\xb3\xbc\xe2+\x9b1\x7f:\x92\xacVB\xf4[\xe2T\x90\x9f\xf2\xda\xecW\xb9f\x91\xf4='</t>
  </si>
  <si>
    <t>b'\xcd\x12g}\x97\x14\xec\xa9\x82\xe5\xe6\x0c\xd0\x13\xce^"\xa1j\xa01V\xef\x84&lt;H\xf9\xeb\xf7\xa0\xf6\xd6'</t>
  </si>
  <si>
    <t>b'\xfd^&lt;\xca\xceO\x19\x14C@\x9b\x11_N\xeb\x05\xa7xjJ!7\x9a\xbd[R\x0bc\xdc\x04&lt;1'</t>
  </si>
  <si>
    <t>b'7b\xc7\xd9A\xe5\xd1\xba\x95\xb1\xd4\xfaF\xb1;@\xe7\xf0h^\xa7\x17y\x86\x0f\x14H\xcc-P:\x1a'</t>
  </si>
  <si>
    <t>b'\x9c&lt;l\x1c\x08\x13s\x18\xfc\xad\xa3T\xc0 \xd4\x1a3\xb1\xe9\xb3\x83\xf2\x84:\x9e1X|\x05K\xd4"'</t>
  </si>
  <si>
    <t>b'\xc6\x81+\x07\xb9,\x84\xfa\xfd\x84\xa4e\x03\xa8\xa9\x9c\x9e\xd7\xe8B\xe7\x02\xaa\x04\x0b\xd4\x82\x88F\x84\x9bM'</t>
  </si>
  <si>
    <t>b'"\xbeJ\x82\xdb\xe6\xdd\xde\x14\x8e\x00r\xd9\xdfP\x82\x9c^5\xd6\x90\x9fo4f\xcb\xd9Z `\xd4\xb7'</t>
  </si>
  <si>
    <t>b'\xde&gt;\xd4\xea\x85\x07\xf4P\x8f\x95=DG `\xeav\x07\xa9\xf9q\xfc\xc6\xcdsG\xc45\x02\x18\x0eJ'</t>
  </si>
  <si>
    <t>b'\xf0z\x02\xc7\xb4\xb8/\x89y\x8bI3y\x8b\xf1QT\xbb/\xcb\x1f\x1c\xb8\x0e\x98#\xf4J\xcfn\xda\x0c'</t>
  </si>
  <si>
    <t>893xx</t>
  </si>
  <si>
    <t>b'\xc9]\x96\xf5XB=\xcb\x03(\x8a\x83[T[ZwY\xc8\xcb!\xa5y\xf6\xdf\xae\xc2\xb3\xef[\x16\x9a'</t>
  </si>
  <si>
    <t>b'\x8c\xe0\xda\xf4\xa8\x98e\xc0e\xa3\xb7lmp\xdc\xc8P\x93\x84\xf0x/3Fv\n\x87\xf8\xc0\x96\xa9\xbb'</t>
  </si>
  <si>
    <t>b"~\xcdg7\xd7u\x19\x8f\x7f\x87\xeaw\x19r\xb2\xef\xcd\n\xed\xef\xc15 \xaf\xb9|\x13\xb3\xfd\\'\x11"</t>
  </si>
  <si>
    <t>b'\xd4\xd1\xdc\xbf\xf6]45\xe7 \xc2\xd2!(\xf0\xe3\x1bJ\x12H\xae\xe9\xee\xd8\r\xfa\xd7\x9a\xeb\x1c4\xd9'</t>
  </si>
  <si>
    <t>b';\x86\xd4\xedI\x0e\xf9\xc2\x82x\x84\xa4&amp;\x89\xd8\xda\x93AX\xe5\xbe\rK\xa5@\x8e/\x06\xfe\x8a|\x80'</t>
  </si>
  <si>
    <t>b'\xbb\xfa[T\x0b\x1a\xd9]\x10j\x19\xe3q\x8f\xcc\xd7?L\x10p\x82Q&lt;\x90\x1a\xb15b\x95\x01\x14)'</t>
  </si>
  <si>
    <t>b'[Ve\x9a\xf8\xd5\x99\x06\x14\xd9\xc7\xa9-\xfb\x99\xfb\xf4\x0f%\xb7\xfeM\x85*\xce\x87\x18\xc5\x8c\x82*\x13'</t>
  </si>
  <si>
    <t>b'\xd7\xa9\x81Py\xddM\xffH\x92\x05\x81\x93Jd-\x1f\x18k\xff\xf7\xf2\x86*\xee\x0fX%}\x8c\x9b,'</t>
  </si>
  <si>
    <t>b'\x7f\xa4\x8a_((\xc2\xedVh\xccQ\xde\xe1\ri\xdd:!\xd5\x18\xef\xdf\x8b\xc9\x0e\xb7y/2\xde\x94'</t>
  </si>
  <si>
    <t>b'\x0c\x81~\xd1+\xb5 \xc7p\xd0a\xc6\xae\xd2\xe1E\x04[[({x\xd6\x051)Y\xd3\x05J\xff+'</t>
  </si>
  <si>
    <t>b"\x8e;D\xc8\x05\x17o\xa6tY\x95\x9a\xcaYQ\x84\x98[\x02\x1bN\xbd7\x89\x15\x0fl&amp;\x14h'\xbe"</t>
  </si>
  <si>
    <t>b'\x1f"|\xd1\xef\xd9\xf5\xe6\x08p\x01\xb1\x14\xf6\x99\xf1\x9f\xf3\x02\xdb\xcb\x9b;s\x0f6\xeb\x89\xf4\xbep '</t>
  </si>
  <si>
    <t>b'|\xaf\xb9\xc6E\xe8\xf4\xe3\x9f\x8b-\x89e\xa7\x1eo]\xb5\xebn\x1c\xc6\xc3;\x1b\x8c\x14\xcf\xe2r\x13\xbe'</t>
  </si>
  <si>
    <t>b'\x98h%\xf7s\xec\xfc[k\xf0\xb2\x12O\xb6\xa6\xb0J\x1ec\x0f6-M\xcb7\xc9\xfe\x99[6G\xc2'</t>
  </si>
  <si>
    <t>b'\xe7T\x10\xb9;\xffH\xdc0d,\xaa\xeeD^\xa8\xe5\xa4\xe1n\xce\x82\x7f\x87\x8b\xb6+\x7f//\xe7r'</t>
  </si>
  <si>
    <t>b'M\xe7\xc3\x180\xb1R\x8f\x7f\x85\x93/\x94\x08\xe6\xc9v\x8c\xfc\xc0B\x0b\x9e\xd8\xbb\x06Fb\xf21\xca\xa4'</t>
  </si>
  <si>
    <t>b'\x99e\xd97X\xb9v\n5c\x07%/\x92\x95GI\xa6\xb1\xceX\xdamML\xee\xf8r\x0bCg\x9f'</t>
  </si>
  <si>
    <t>b'\x85X[\x00B\xbd\xe6\xdd\xc1\x08I (R\x9f\xf8\x84\xd6\x17\xc7\x02B:9\xdb\xfd\xcf\xf4)\xd8\xf3\xff'</t>
  </si>
  <si>
    <t>b'uE/~\xd9\xc2"\x84G\xa1P\xef\x1b\xab\xc7I\xcd\xcc(\xb4\\\xb8W\x1c\x0c\xc6l\x1c\xb3\xb4C\x16'</t>
  </si>
  <si>
    <t>b'b\x19\xf3&amp;\xc9\xa8\x90V\xaf)\x05{\xba\x18\xcd\xc7\x1e\xfa\xdcX\xd6=\xe7k!\x1bu\xe7H\xf6\xe9\xf1'</t>
  </si>
  <si>
    <t>b'i\x1a\x07}\xc9\x85\xde\xef]3\xb6!\xdf\x86\xa0`J\xf0v\x88\xcb\x89\xa9MU\xe7},\x14j\xf4\x1c'</t>
  </si>
  <si>
    <t>b'X\xabS\xc7\x1a\xed\x15\xc7\x8a\xff\x99\x1aW\x020\xd6\x8a\xdb\x1e\x1ekB\x08\x10\x87\xb1\xf7bl\x1a\xb2\x07'</t>
  </si>
  <si>
    <t>b'\x97\x8aKVh@v(\xc0\xc1\x80E\xa2~~\xffUR\x80Q\xdbB\x98(\xbc"3\xa2h jA'</t>
  </si>
  <si>
    <t>b'\xa7\xc2\x17V\xe8\xc5ZV\xc9=(/\xe6\xa3\xc6\xee\xa5\x94\xeb\x1c\xe5\x02\xbf\xa5\x02\xf37fG3\xc6\xdc'</t>
  </si>
  <si>
    <t>b'\xe4}c7\x84\x05=\xc9\x83\xc5|\xd9\xaa\x8d\xdc\xfb\xc3\xcb\x95\x99\x9b\x9e\xf9F\xf2\xf7X\x0b\x9a^uZ'</t>
  </si>
  <si>
    <t>b'\xcd\xcc\xf57\xe3\x9a\xac\x96 0\xc8B0\xbe\xd4\xae\xcdx\xa5 %6B\x1e&amp;\xc9\x7f.\xb8\xa3\x12_'</t>
  </si>
  <si>
    <t>b'\xe8iE\xaeXa\xe3\xc9(\x85\xae\xd7k\xb9;\xfcJ\xed5\x16\xad\x94\xdc|\x1d*L&gt;\xa8\xfer\x92'</t>
  </si>
  <si>
    <t>b'\xdeg\xfajN\xe0MG\xd9M\xb8\xfa\x1b:JQ\x7f\xa0\xcd\xaao\xd4{\x02\x8a\xba1_e\xa986'</t>
  </si>
  <si>
    <t>b'\x89\xce\xbf\\\x82\xcdqck\xad\xf5\xab\x81\x01C\xd6&gt;\xfa^\xaf\x94\xca\x83\xfc3\xad\xb8\xdew7%/'</t>
  </si>
  <si>
    <t>b'\xef\xf2\x15\xd8jn\xed%x\xf7F\xe5\x12\xdb6t::\xb4s\x02\xecUt\xd5\xbd\xbe#\xb6\x1ba\xef'</t>
  </si>
  <si>
    <t>b']\x85\x80\xae[\xael\xe4Q\x13\xbc\xba\xbb\x10+*\x91\x8b\xab\xdd\xac\xad\xffV\xe3\xa9|\xb3~\xf0N\x05'</t>
  </si>
  <si>
    <t>b'\x08\xa79&gt;\xb1\x07\x00llm\x10%\xa3\xef\x95\xffZ\xd6\x11h}\x9f;\xe9\x1b\xcc\xd0\x0c\xbc\xa6\x88\xc7'</t>
  </si>
  <si>
    <t>b'X\xac3\xda\x14"@\'`\x00\xd1\xa4I\xae\xc94\xeaA\xc5\x00\x9dh\xc0Zw\xae@QF\xda\xb9f'</t>
  </si>
  <si>
    <t>b'0\xb2\xea\x14z\xe1\xdb(\x1c\xf5q\xf4\x9d^\x1f\x8c\xef\xf3M~\x8e\x98\xe9\\\x994\xf5\xff\xacqB\xce'</t>
  </si>
  <si>
    <t>b'\xf8\x06\xb1\xa7H\x13\xc1\xbdF\xa9\xda\xb6\x06Q%\x82\x97f\xb5\xab$\x1c\x9dZ\xc8bv\x80d\xbf\xde\x13'</t>
  </si>
  <si>
    <t>b'\xb9\x9a\x8e\x80o\x10o\xb7\xbe\x10\xee\xdd\xc0\x8e*p\xac\xd5\xda\xc7\x9d\xee]\x87\x07S@\xae1\xc0V#'</t>
  </si>
  <si>
    <t>b'\rS\x8a\x04\xff\x91\x19}\xf1]\r,l\xe5\x94\xd7\x81\xa7\x1c\x8b\xa1\xf7\x90c\xd4\xb7\xdc\xc3\xb7\x89\x1d\xde'</t>
  </si>
  <si>
    <t>b'\xd1&gt;\x96X\xeb\x1f\xb8e\x13*\x96\x9b\xd6\x07\xff\x08k[\xee?\x7f\x89\xe3\xe9&amp;{4\xe17\xcb\x80U'</t>
  </si>
  <si>
    <t>b'\xc7\xde\x0f\xa4\t\xd2\xac\xdd\xa64S\x01\xa4\xac|i\xb5O&gt;&gt;\xa4\x1f\xa9\x0e\xe1=H\xec\xcf q\x97'</t>
  </si>
  <si>
    <t>b"\xc2\xc9u]\x9bD'4\xa8\xd0\x93\x15\xcb/\xe8A{\xfcz\x14\n\xaa@YJ\x0bD\xfb\\\xb5#9"</t>
  </si>
  <si>
    <t>b'\x80\x94\x88\x1e\xa7\x92\x9cRM\xbe\xa2A\x92\xcb\xd6r\x84\x14\xfa\x87\xa6-\x1f#\x00{V\xe4S\xc6\x88\x80'</t>
  </si>
  <si>
    <t>b'\xe6^\xea~\xa9~I\xd0G5\xd1\xf8\x97\xe4\xdd\x1b\xdf\xf97\x14;\xd5\xc0{~j\xc4\x00\xba\xe4[K'</t>
  </si>
  <si>
    <t>b"\x96\x91\x93\xf4\x008\x02\xea\xc5\xb7=P\xb9\x00\xc9\rY\x03\x90\xcb*\xc0\x16\x01'-\x9f\xb7\x97\x1c\xf1\x08"</t>
  </si>
  <si>
    <t>b'\xe5\xb1\x92\x16E\xa1*\x02AH\xbc\xf05\xe5\x88\x03\xcd\xdc\xcc\xe5c\xa1\xda57\xc8\xe4\xf1\xf8\x05\xdd+'</t>
  </si>
  <si>
    <t>b'q\xb1v\xe0.\xefZ\xda\x80\xae\xa3\xd7_\x88\x03\xbe\x97\xb1U"U\xde\xb3 \x84&amp;\x8a\xd5`?\xdb\xcc'</t>
  </si>
  <si>
    <t>b'\x99\x8en\xf5\x00\xb4m&amp;\xa1\xa9\xb7|_-\xf1\x17\xb1\t\x06e\t\xdb\xee\xcco\xe3]X\x88\xae\n\x8c'</t>
  </si>
  <si>
    <t>b'&lt;B\xfcL6\xa6.\x0b\xdd@\x91\xc6\x90"\x14\xa73\xde\xb0\xd2\x98\\-\x14\x8f\'\xcf\x07\xed*\xe0\x80'</t>
  </si>
  <si>
    <t>b'\xe0\x1dQ\xa7\xd7\xd9Q\xad\xa4}Z\xff:\x0c\xeaGsX\xbd\xdaU\xb1\xc9XY\xca?\xd7\xd86,\x98'</t>
  </si>
  <si>
    <t>b'\x9e\xa6~\xf4\xbc\x80\xab\x1e\x95\xa2\xafA\xa2\xc5#\xd7\x1dzu#\xd9f\xd4t\xe3\xc1\x10\x82\xaeUX\r'</t>
  </si>
  <si>
    <t>b"\x05\x9b\x18\x97\xec\xc8\xc7\xef+\tU;\xaf\xd2\x89\xe0\x02\xfa CQ'\r\xd6C\xb4\xc1\xc5\x17e\xac\x94"</t>
  </si>
  <si>
    <t>b'\x80\x07\xa2\xef\xe8:Ak\xd1\xb3\xc9\xdd\x08.\xd2\xd4\x8bM\x9e\xad\x91l\x8bZ\xb9\x9b\x15\x8e\xb3\xce\xdb\xf2'</t>
  </si>
  <si>
    <t>b'7x\xddP\xfaK\x85\x188()\xff\xa5E\xfd\t,\x15;W\x89\xdeT4\xd0\xe0\x80\xd8\x13\x0b\x86E'</t>
  </si>
  <si>
    <t>b'K\th\x9b\x11\xe1\xfef\xc2\xdb}\x89\xb1\x98\x1eQu39\r\xc3\xa4\xec\x8b\xc5E\x84\xed+&amp;\xb7l'</t>
  </si>
  <si>
    <t>b'\x03\xa0\x0c\xc7\xbe\x99\xff\xc5 \xbb\xe2\x7f\xfd1w\x8d&gt;\x88\xbcc\xf1;\x88&lt;\xd7=F\xd2\x8a\xc2\xc3\x9b'</t>
  </si>
  <si>
    <t>b'\xdd=y&amp;\xb8\xc2\xc5\xed\\n\xb6\xf2\x87\xf1(\xe2!AOW\x90\x947RK\x98\xa2\x97\xe9\x00\x0e\x1a'</t>
  </si>
  <si>
    <t>b'\xcb\xf9\xbd\x98pi\xa5\x96\x9c\xf5DRr\xc5\x88c6\x7f\xad\xd7RV0\xd8~\x90\x97n8\x00\xe9U'</t>
  </si>
  <si>
    <t>b'\xe4D\xf0@\x0e\x0b\xb0\x9a\x80\xeaGD\x98\x8dM\xcf-V0\xab\x96q\xd1\xae;\xc4\xb2"\x1e\xd6\xe6\x1f'</t>
  </si>
  <si>
    <t>b"\xe5\xb0\x06\xae\xca\xd4\xff\x05\xe5\x07/\x7f\x8e\xb3\xee'\xdd\x96\xfbY&gt;\xf1\xe5\x1dJ&gt;\x95\x83A_-h"</t>
  </si>
  <si>
    <t>b'E\xcd `EW\xb0OL\xa1\x0bo\x1e\x94Nqa\xf2\xd5\x86\xa0\x87K\xb1\xc9O\x1e\xb6\xe2R,\xe4'</t>
  </si>
  <si>
    <t>b'\xcb\x1au&lt;K\xe7X\xf6\xbd\xd0D\x96?m\x06\xcc\x15i%\x12\xd5\xa5n\xbd\xcd\x8f\x97\xa9\xfb\xe0\xfau'</t>
  </si>
  <si>
    <t>b'#\xac\xf4\xa9uc\xc2+6S\x98\xb4%TO\x17\t7\xa1\xcb\x93\xfd\xe3\x06P\xf8\xbf\xff.V\xd76'</t>
  </si>
  <si>
    <t>b'\xbc\x95\xadt\xe3\xf6\x04\xf20@C\xfb\xdd\xbb\xedn\x0b\xea\xf1Sb\xba\xad\x9d\xd5\xf2=\x9cA\xa4"\xc8'</t>
  </si>
  <si>
    <t>b'(\x94t(\x07\x96E\xac\xd1\xa0|\xfc\xd8BJ\xba\xec4\x10\x14 \xd1\xa9t\x82\xa6\x91\x0fs\xfa1\x9b'</t>
  </si>
  <si>
    <t>b':4\x84\x95\nY\x87\xb5\xdc\x0c\xd0\x04\xcc&amp;\x80\t%\x13\xc5\xdf\\\xbf\x80@0\xbd\xdf(\x91!2\xba'</t>
  </si>
  <si>
    <t>b'\xbe\xe7\x0b~Oj\xb5\x8f\x16\xba\xf6\xca;\xae\x9c\x14\xd8\xac\xdbui\xfar\x87{]p\xed#\x9c\x17L'</t>
  </si>
  <si>
    <t>b'\xabB\x7fv\xab\x8d\xb7y6\x96\xe9qH\x1f\x99\x080\xda\x99\xb8\x14\xcd\xb5m\x86\x9e\x91n&amp;\xdd\xac\xc5'</t>
  </si>
  <si>
    <t>b'\x07\xac\tA\x1al\xc1\xdc%\x84\x9a\x07o\xa8\xee=\xbc\xb8\x1b\xf4\x98\x07\xc9\x15&gt;\xc2V\xfaG2\xdf\t'</t>
  </si>
  <si>
    <t>b'\x9b\xb1\xa8\x82HnW3\x92\x84u\x87.\xad\xc3 \x87\xbc\x1eM\x00;\r\xa3\x1f4\xb9\xc3\x02_\x1b\xbe'</t>
  </si>
  <si>
    <t>b'&lt;\x83\xea||\x89\xfe\xfc\xc3\x17!\x07\x8f\x1d\xd1\xb4\t\xb4d\xae\xe6\xd7\x86\x95BL\xe95\xcf]9G'</t>
  </si>
  <si>
    <t>b'*\xc0\x02\x8d\xac\xf1\xf7v\x9b\x81\x97\x8fi=\xc1\xd1\xd8C\ns\xf3\xc5a\x92\xd2\x0cC\xf6c\x1b$L'</t>
  </si>
  <si>
    <t>b'\x89\xa6~\x10\x87f4\xc0m\xd1\xd6\xb9\xfe^\xd1\xb2@\xfb\x0e\x83/\xf2\xf6?\xaa\x16|\x95S\xab&gt;"'</t>
  </si>
  <si>
    <t>b'\xf2A\xfe\x94sj~{\xa0#H\x8e0\xbfy\xcb?w)\xeb\xfe\t\xe4.\xe0l\xf6\xc8\xf1p\x15\xdc'</t>
  </si>
  <si>
    <t>b'\x1f\xe12%\x11\x9a\x9b\xd8\xa1g\xado+\xef\xba\xdb\xf4\xc0AI`\xeb\x7fK\x01\x1dp\x06}/\xe0\xe5'</t>
  </si>
  <si>
    <t>b"\xe4\xb8\xde\xcfK\n\xb6\x88's\x83\xc3%z\xcd\xc2|\x0b\xb2\x15\x1e\xbd\xf1\xc7L_s\xfc\x1e\xfbY\xfe"</t>
  </si>
  <si>
    <t>b'\x1cdMY\xa0\x88\xb7\xfc\x88\x02\xf6\x1c\xf1XQU\x865o\xbcn\x8e86\xa4(A\xb5\xe7@\x02\xe0'</t>
  </si>
  <si>
    <t>b'\xc8\xd7\xa7\xa5}5D\x9c5b_\xa7\xa6\xed\xed\xf2\x06\xec\x12\xa4\x14I\x9f\x97\xd9\x9c\x18a\xed\xf5\x12f'</t>
  </si>
  <si>
    <t>b'=F\xb1GwWt\xa89"\xc77\x9e+\x15\xd81\x07\x87\x02\x941\xb6\x0b$V\x91\x92\x14:\n\xdc'</t>
  </si>
  <si>
    <t>b'\xd1\x0bh\xbc@\xdeZ~\xac\xfc\xcaZ\xc3\xab\x9c;\x8e\xbf\xe5\x06`DuH1\xd4%\x94\x16\x14!\x13'</t>
  </si>
  <si>
    <t>b'\xad\\\x06gW\xa0\xec\xf4&gt;D(K\xfd\x9dW\xd8\t\x07\xe0xF\xf4O=\xf0\x86\xc3\xb2\xa0\x9f\xb3\x19'</t>
  </si>
  <si>
    <t>b'\x7f\x8d`\x14n }q\x9f\xaa`\xf2\xf2D5\xf1),\xdfr4&gt;aH\xb2\x9e;\xbe\x0e\xaf\n\xb3'</t>
  </si>
  <si>
    <t>b'\x83\xf6\x8f\xe8\xe4\xc2\xaeY1&amp;1\x8e\x113\x0c\xa4\xb3%\xef\xa7\x91mP\xbd\xaeX\x12\x01\x10\x11V!'</t>
  </si>
  <si>
    <t>b'\xe5P\xc3(~\xfb\xaa\x9c\xf6\x9a\xbcB\r2O/\xa0\x9a&amp;\x17c;\x02;\xb6 \x93\xa1O5\xe9q'</t>
  </si>
  <si>
    <t>b'\xc6t$\x10h\x17\xc2\x81g\xb8oN?\x0e\x96\xb9\x8e\xbel\xc79\x91\xed\x1c\x98\xf9(\xa3\x17Y\xf3\x19'</t>
  </si>
  <si>
    <t>b'\x92%D\r\xed\xa7\xb0X\xd62\xbd:\xf1\xc2\xb3\x1b\xc2\xf0|\x0e\xe0\x05\xdc.\xba\x82\x13\xe6\xb5nh\xa2'</t>
  </si>
  <si>
    <t>b'v\xbd"\xff\xa1\xca\xcf\xf6\x9b\xf5\x05\x0e\xca"\xd62\x87\xfd\x98\xc0\xcd\xc7\x93\x92\xb9\xda\xe8c\x14\x19\xce\xbc'</t>
  </si>
  <si>
    <t>b'\xd7\x130\x99~r\xfb\x92&lt;H\x88\x11\xadxq\xb50\x96sk4\xb8\xda\xd4Ao\xc1s\xec\x18\x1b\xa6'</t>
  </si>
  <si>
    <t>b'1\r\x91t\xbd\x9c\x8c\xa6D\xc8\xc8x%\xc9\xed`&lt;zr\xee\x8af$Cj\xe7Z\x1b\xef\nF\x15'</t>
  </si>
  <si>
    <t>b'h\xee\x03$m\xbd\xbd\x88\x8f7\xea\x85F\xbff%\x82\x90\xaf\x97=\xf2\xec\x05\xeb.t\x95\x92\xc2\x9e\xdf'</t>
  </si>
  <si>
    <t>b'\xad&amp;\x95=[\x1eT\xaf\xa7\xa5\x05\xafT\x1e%\x8a\xca\xfc\xe5$\x16\xcc&amp;\x99\xfeI\x9aE\x1c\xd1#\x90'</t>
  </si>
  <si>
    <t>b'RX\x89;\xe0\xebE\xbb\x9c\x9eG0\xac\x96C\xed\xe1"+\x06\n\xde\xb0\xda^\x0e\xc4\xf3\xbb\xfb\x8a\xec'</t>
  </si>
  <si>
    <t>b"\x87\xae\xafeD\xaa-L\x0b\x95C\n\xa5\xe0\xd8D!E'\x8d\xd8\x0fA\x94\xc8\xfa\xedG\xbf&lt;\xe0."</t>
  </si>
  <si>
    <t>b'\xc7H\xa8Y\xa5\x14\xd2/O\x81\x88.\xcb\xef\xe1\x91\xe4V\x19\x02\xd2E\x86\x02\x8fM&amp;ui\xc9\xbb\xeb'</t>
  </si>
  <si>
    <t>b'\xed\xa8\xd2\x80\x8aNqn\xc3\x89Q\x19\x9e\x06\xcf_-\t\xcfA\x8f\x18\x9d\x10\xde\x1f\xcc\xca\xb2z\xcd\xcf'</t>
  </si>
  <si>
    <t>b'\x07\xdc\xf1`\xed\xae[V\x06a\xeeFJ\xd4\xfbd\xa9\x1f\x95\xfb\xcd\x84&lt;\x07\x87\xbc\xa9\xad\xaf\x94\xa0\x8a'</t>
  </si>
  <si>
    <t>b'\xb4\xcf\xebp\xc6\\\ndsvg\x16\xeaA.\xa45\x1e\x03\xd1q\xe0\x0b\x045LF\xd7;\xd00q'</t>
  </si>
  <si>
    <t>b'5\x13\x00\x13\xa8\xf2\xd1\xe4&amp;v!\xdd|\xe39\xc9\x99\xa6\x0f\x11\xf1\x03:\x06Q\x93\x1b\xff\x02\x81\t\xb4'</t>
  </si>
  <si>
    <t>b'@6+:\x8e\xc3\x1ai\xa8c\x8d\x00\xd1\xb6\x93a\xe56%\xcc\xa9{\xa2\xbc\x16\x16\x17\x0fHfT\x9e'</t>
  </si>
  <si>
    <t>b'SF\x0f\xdd(\x19\xb7\xeee\x06\xf8Yo\x05V\xd2z\x18\xad\x85\xaaB\x90\xc9\xd1\x83\xc6\x9f\x81C\x04@'</t>
  </si>
  <si>
    <t>b'U+\xdd\x08$\x0ce1\xd6\x86~\xb1\x0cD\xa0\xbeoD*\x9c\xdf\xb9\x07\x03\xbe\xd3\xd3q\xf4\x17\xf1\xa1'</t>
  </si>
  <si>
    <t>b';\x1a\xcf\xe7\x94\t\xfd\xa7\xa1\x7f\x95\xd9\x04\x18\xe7\xa0\x9blN\x96s`\x87\xa55\xaa\xc8Nh\x18\x00j'</t>
  </si>
  <si>
    <t>b'\xf1\xd0S\x94&gt;T\xa6\xe6\xd6\xe4\xdd\x96d\x15@B{\x1a\xbc\\\x08r\xe7T\xddD\xc6]X\xae+\x1e'</t>
  </si>
  <si>
    <t>b'\t\xea9\x8fo^\x82\xfb8\x8e\xf1\xd4\xe0\xbb\x9d\x9a(\x971\x87s\x7f\xc7\x01\x19\xdao\xf9\xca\x9d\xff\xc9'</t>
  </si>
  <si>
    <t>b'f\xf9\xf0"T.\x9d\nC\tk\xcb\xed\xc1\x7f\xb4\xa0@\x87\xe9\xda\xac\x14C\x82ne\x82\xfa\xbf~\xa3'</t>
  </si>
  <si>
    <t>b'\xeb\xcb\x06\r\xa5\xd0&amp;\x96\xba\xd00J\x01!t1\xe3\x04\xa4\xb2\xb7T!u\xe0y\x05\xbe\xe8&amp;6\x99'</t>
  </si>
  <si>
    <t>b'W\x94\x86\x93qc\x14\xfd&amp;\x19\xb7\xbc\xfe\xf9\x93\x1f\x07\xfb\x99s \x85\xc7=\xd8\x1f\xdf\x81\xcb}dP'</t>
  </si>
  <si>
    <t>b"\x11P\n\x14\xa4\xd8w\x0f\xad\xaa\x1a4_H3'\xa0\x9d\x84\xff\xb3hHq\xee\xbf=\x04\xb4\xf2j\x0f"</t>
  </si>
  <si>
    <t>b'XuT\xc4Yt4\ti\xb9R\xce\xc0\xf1\xff\xdb\xcaC@\x10\xd5z\xdd\xfa\x977\xf4I7\xb7\x9d\x05'</t>
  </si>
  <si>
    <t>b'!b\x9b\xd1\nA\xbe#\x94P:\x05\x99#M\x18\xf3\xaf\x12\xd2\xde\x8e\x9b\xbeX\xf6e\xcaE\xab\xe5\xbd'</t>
  </si>
  <si>
    <t>b'\xd9\x9a\xdf%gi\x01vvQ\xbd]q\xe7\x8au\xa4\x95\xd7\x02c\x7fY\xf4 \x96\xc4\x05\xd2r`\x86'</t>
  </si>
  <si>
    <t>b'\x15)\xf3|\x91\xf1\xb4\xb1\xed,\x162\x84|\xb7Q\xa1m\xcb\x9b\x89\x12\x0b\x15\r\xb6\x9b\x92\xa3\x0fl('</t>
  </si>
  <si>
    <t>b'\xb61\xe9\xc7\xd8\xde\x88\xb7\xb6\xda\x9fEj\x94\x8a\xa2\xa0#H2w\xba,\xad\x98\xe4\x99N\xfb\xc8w\xc2'</t>
  </si>
  <si>
    <t>b'\x81O+\xbeM^k\xe37L.6\x840#\xfa\xf5\xf6\xcb\xe0T(\xf6\xe2|RUam.\xe63'</t>
  </si>
  <si>
    <t>b'\x02\xc7v\x85\xfe\xe1\x02=\xdf!f\xa8r6\x15c\x9bG\xd5\xfd\xd39 8\x94t\xd1&amp;\x9fK#\xe7'</t>
  </si>
  <si>
    <t>b'\x8d\x9f\xfe\xbaY1\tR\xb4\x8b\x0e\xd8\xa8\x91,Ua\xd8\xa0\xe9C\x14\xa6\x9c\xe5z$\x10\x00\xc2\x90\xb6'</t>
  </si>
  <si>
    <t>b'\x87\xe5=\xc4 W\x8e\x8e\xadz\xd8M\xc6 w\xb5C+M\xc8j,TG\x86\xc1b^\x91\xca\xf7\x84'</t>
  </si>
  <si>
    <t>b'\xb0\xb8t\xd9,\x16\x0bJ\x0b\xb3\x1cV\x93X\x08~\xd7\x19\x15\xd7d\x83\x9c\xa0\x81\xd9,Q\xb68|3'</t>
  </si>
  <si>
    <t>b"\xc4k@\x97Z\rdr'\x8d\xe4\x0e\xacU\xd4\x86\xbc\x1a\x8b\x15^r\xb0\xae:a\x04v\x1a\x0f\xa7\xa7"</t>
  </si>
  <si>
    <t>b'\xa4O\xeb\x16q\x1e`\x979\x00\x1d\xe1b\xe3\x80\xa8\xb7\x0cQ\xe5\x07\xf65h\xa7a\x9fx\xe3\x91X\xb3'</t>
  </si>
  <si>
    <t>b'\xbb\x99\xf5m\xcdf\xc9\xd2\xc2 \x0f\x1c\x04\xa0RM\x90\x01\x96\xa1l\xba\xf1\x8a\xc8\xdd\x10\xcfH"cL'</t>
  </si>
  <si>
    <t>b'l\x14\xe9\xec\xeb\x93\xb4\x9b\x00\xfdO\xe8\x08\x95w\xd7\xce,X\xbf\xd7@Z\x8aD\xa9\xbf\xc9b\x07\x98\x0f'</t>
  </si>
  <si>
    <t>b'\xdbT9\xa6\xcff\xcf\x12\xdd\xa5\xd4\x82\xa4@\x0e8\xc6@\xb8\xc5\x0fP\tZ(r.\xbe\xc1W\xdaR'</t>
  </si>
  <si>
    <t>b'\x9c*\n\xdd\x12V\x93\x11\xc9\xf3\x18\xdb\x92\xc6+/\xa8\x19\x1b\\V\r{\xa8\xe0H\x8be k,\xf4'</t>
  </si>
  <si>
    <t>b'\xacH\x80M=\x08\x04\xaa*\xf7\xde\x08\xabo\xec\xed\x07q\xf4\xb7\xe8\xe4\x8b}\x8b\xb1Kc\xa5\x8a\xbb\x13'</t>
  </si>
  <si>
    <t>b'G\xb9\x83\x02\xc5D\x05\xf2\x00\x9bW\xa7R\\\xa4R\xd21\xfd\x88\x88L\xdb\xe1B\x88&amp;!m\x89\xd9:'</t>
  </si>
  <si>
    <t>b't\xd7\xc5\x83]e\xb7\xed\x94\xf7\xff_\xdd\x03\xc78ZJ\x15\xb0V}\x8e&gt;\t\xe6\r\xfc\xa1\t&amp;\xc3'</t>
  </si>
  <si>
    <t>b'\x90\x05\x90.%O\x10\x89\x93\ng\x97\xec\xb0 hd\xa8\x9d\xee\x9d\xbc\xd6\xcd9k2nzl\x8fA'</t>
  </si>
  <si>
    <t>b'|\xc7@\xa6\x8cD\x03\x0f\x18\xcf\x96Y\xb1\x05\xa6\xb9\xc1\xda\xc35\xc1\xc5\x9d\x1f\x06f^8\xf9c\xc9\xa2'</t>
  </si>
  <si>
    <t>b'3\xa6pO&amp;%\xb0w\x1f\x8a\x06\xc4\x1e\xf6\xfc\xef\x83\xe7\x8c\xf8xO4\x94\x14\xe1E\xff\n`GS'</t>
  </si>
  <si>
    <t>b'R\xca\x1d\xf5\xc2\xc7\xfbXn\x17\x93\x19dn\xe0(^\x04^\x05\xff\x7f# \x8f\xd0\xc7\xf4\xa0W\x16\xdf'</t>
  </si>
  <si>
    <t>b"=\x87\x9fF\xff\\B\xe9A\xcd\x8a7\x15e\xdc\xe1\xd4\xde\x83g\xd4'\xfd\xd9\xcc\xd3\xfe\x90\xc4Ij "</t>
  </si>
  <si>
    <t>b'0\x9f\xc6"m\xd0\xa7\'\x19\xdb\'tn\xa2\xb7\xeeqn\xe3\x9d!\xcb\\\xb7\xc6xgd\xf3\xc7L\x00'</t>
  </si>
  <si>
    <t>b'\xe4?\xc1\x03\xbf;\xc8\x85\xf4\xe0\xfd\xa2\xde\x8c\xf4\xcb\xf1\x13\x82@\xc9\x8bR\xf0\xfdD,#\x9d\xb4c\x85'</t>
  </si>
  <si>
    <t>b'\xda\x93\xe5\xadU\x86e\x1c\xba\x99h\xd2\xe8}\xb1\t\xc6\x85t\x8fc\r\x03\x92\xbf\xb2@\xf6S7\r\xc9'</t>
  </si>
  <si>
    <t>b'\x8e\xc1\xda:\xbcFg\xc6\xf4) \x00_\xc9\xf2\xd8\x13m;\x7f\xf4al\xf9ZD\x88/\xc6\xe1\xc4R'</t>
  </si>
  <si>
    <t>b'\x01\x9d;\xb2\xb7\x19\xcb\xa3\x07\x80\xf62\xec\xee\xb3\x18\xc2.\xe2\\F\xf0-\x14\xbaP\xc1\xcdq\x04.\xe8'</t>
  </si>
  <si>
    <t>b'\xe7E\xba\xda\xe3\xf9o\xb3^u\xbd\x87+r\x16\xd0\x10\xcbH\x86\x10\xe7\t\x90\xc4\xb7\xb2\xcb\xca\xea;3'</t>
  </si>
  <si>
    <t>b'\xec\xe4\x01\x9f\xa0(\xd1\xf1\xf4[\xb6\xf7\xc8\r\x93\xb0\xa1A5\xab\x9d\xb9\xc0c\xc3\xbd&lt;\xb45\x041\x83'</t>
  </si>
  <si>
    <t>b'\xa3\xac\x84/|\x98\xd6lPV3\xa3\x14\xdd\x82\x12\xd0\x1c?h\x88\xd7(n\x84\xeb\xeec\xb2I\xcbx'</t>
  </si>
  <si>
    <t>b'\xb5\xf9\xca\xa8\x08\x109J%\xca\xd60Q\x1d\xd0\xfb\xbf\xee\n\xd7\x8c\xbc\x82\x16n&lt;\xba\xf9Ta\xa0S'</t>
  </si>
  <si>
    <t>b'\\\x9cD\xc0H\x05;p\xb3-[n\xd3(,\xe0\xad\xafQ\xfe&amp;\xbb\xb28\xc8\xb9\xf6\x1a\x1e\xa9\xc8-'</t>
  </si>
  <si>
    <t>b'\x9c\x1dk\xaa\x93m\xb5\xd0\xf2\xae\x11\x98P\xe2\x14\xb7T\xf8\x08\xfd\x82\xf9\xbc\xdc\xc3Z\xb6\x92-\xb6\xfa\xa5'</t>
  </si>
  <si>
    <t>b'l\xe7@\xf1\x8e\xe5\x9a\xa4\xfb?1\x12\xe8\xed\xcfi#\xcbd\xfe\x10\xdd\xd7V~\xe2W\xf0\xe9uws'</t>
  </si>
  <si>
    <t>b'^1\x17\xdc\xf7ie\x9a\xad\x96`\x9e\xe6n\x07Gx\x1c\xd7C55\x1e\xe1\xe8"t\xa9Bpf\x88'</t>
  </si>
  <si>
    <t>b'\xcb\xd2Q\x92U\x7f\xc7\xd88\x18\xd00T\xb8\x11\xff\xaf\xa9\xcc\xea\xbf\x95-d+oS%\xafl=\xc5'</t>
  </si>
  <si>
    <t>b'\xc8\x00u"N\x9b)\x84\xa4\x8b&lt;\x1bvv\xd7^\xe0cMH\x08\xad\x18\x81\xa0\x7fU\xb7\xb6\n[\x9c'</t>
  </si>
  <si>
    <t>b'\xf74\xaa]\x14\xe4]S\xb0\x05L\xf9\r/\xb2\x1e\x05,\xfb\x08\xa5\x14J\x81\xba\xb9\n \xc2\xe5\xe2A'</t>
  </si>
  <si>
    <t>b'n\n\xec*o$T\xd2Ii\xa8\xed\x15N\xd2\xbeT7\xc5,\xc4\x91T\xb7\xec\x98\xef\xfe_\xd6:\x01'</t>
  </si>
  <si>
    <t>b'\xc9\xda\xf59\x9e\xa88\xda\x8b\xb9\xd4\xf4Q\xe8\x90\xadBV\xc5\xfb\xca\xed\xdc\xff\xd7qR\x87(\xb4\x06\x0b'</t>
  </si>
  <si>
    <t>b'2A\x07\xb5\xf3\xee\xbeoTm\x8c\x0b\xac8\x86\xf2C\xe8\xe7\xc73\xd1T\xc7\x04\xccK_\xf0\xde\xbeX'</t>
  </si>
  <si>
    <t>b'\xb5\x1f\x96\x82\x0eM `=H4\xc3R\xe9\x12~}\xc1X\xfb\xd4W\xa5J\xbf\xe7\x10z(O\xe4\xf4'</t>
  </si>
  <si>
    <t>b'\xca\xb4\xc7K\xeb\xf4j\x84.\x0b/\xf10?B\xe4\xdb\xe1\x17\xe4R\x9b!\x19\x97\x96Y\xe4]vD5'</t>
  </si>
  <si>
    <t>b'\xf7%\xd241o\x89\xc2j\x92\x0fb\x02n\xdb\\\xdf\xd7W%\xde\xe4QC\xfc\xfdV\xa4\x15\x02\xf2\xc6'</t>
  </si>
  <si>
    <t>b'8M\\\x9d\x98\xde\xbab\x1a\x0f\\\xb2n\x05j\xea\xcc\x00+\xf4\x9f*;(h\xa2\x81\xb5VjB\xc0'</t>
  </si>
  <si>
    <t>b'\xba\xd3x&lt;\xad^]X\x90\\\x13\x13]&amp;\x16\xf0\xb6NH\xa9|4\x8c\xc9\x84&lt;oD#\xac\x9br'</t>
  </si>
  <si>
    <t>b'\x10H\x94\xa2\xd3"\x97A\x87\xb1O&gt;A\x95\x98\xde)\x10\xde\x1bm&lt;\x844:\xc08\x84\xe9*\xde\xab'</t>
  </si>
  <si>
    <t>b'\xe4\x9d\x16\xb7y\xf0\xec\x9e\xa1\xf1\xd8\x805|\xed\r\xc2\xf0\x91\xd3?\x80\xbd!\x95eH7\xe7@\xeeq'</t>
  </si>
  <si>
    <t>b'\xf2\x9dg\xb4\x9e\x9a\xc1m\xfeS\x85A\xaf\x9a\xa3\xa6\x1e\x021\x0b\xeae1\x86\xf3\xbd\xf1\xe5\x80\xbe\x9bn'</t>
  </si>
  <si>
    <t>b'\xd8\x98D\xfcB\xe7rO5\x11@\xdf\x8e\x96\xddZ\xa4\x9c\xd5Y\x81\xe0\x81C\x99\xe9dt\x1d\xe7\xdd\xc8'</t>
  </si>
  <si>
    <t>b'O\x9a\x1b\xf7\xd5\xaa\x9b\xdf@(\xe1OK\x10fs\xe0\xce\xc64\xe0\xec\x02\xb7*8\xb4\xe2\xa3wj\xfd'</t>
  </si>
  <si>
    <t>b'=\xa3\xe5\xd0ii%\x05\xa60\xf6\x82Z\xee\r\xd7*\x12\xdf\xcf+\xbf\x94#I\x9eg8\xc2\x18\xa2\xd8'</t>
  </si>
  <si>
    <t>b'\x18\x8a\xa9\x9a\xe0\xf2\x92\xb5\xed\x03\x1c\t~;\xa4.\xd9\xc2\xac"]\x1d\x12\xd6I\xb0\xe7\x03\xf0, ='</t>
  </si>
  <si>
    <t>b'^\x1bs\xd1\x05\x01J\xb3)\xdd\xd1\xb9(\x0c5\xe1\xe3;N60Au\x10\xa7\x9f\xeb\xf9\xd5\x83\xf1u'</t>
  </si>
  <si>
    <t>b'Z\xcfx\xe7\x90\xf4\xf5\xdc\xeaozk5\x99\xa1\x84\x12z\x1c%{\xbe\x9ep\x86\x8d\xd5\xaf\x18\x1c\xbfU'</t>
  </si>
  <si>
    <t>b"$=\xe21U\xf5\xec'\xb5\x00e:\xd6\xa9\xdb\x98vC\xee\xa7\xd3\n\xa9\xa2\xfc\x1bQ\xf6\xcc\x01\x1a*"</t>
  </si>
  <si>
    <t>b'TN=\xc01\xf8\x07-\xd4t\x7f]\x12M\xab\xa1\xc9\xfb.\xf5\x1e\xbad\x8ddR.\x8d\x11\xb0EW'</t>
  </si>
  <si>
    <t>b'\xb8\x18&lt;\xa1-\x98n\xd1@&lt;%\x95\x96\xd5P\xa2\xc9\xee\xe9\x03]?\x9bOAbUEvDAk'</t>
  </si>
  <si>
    <t>b"\x188G&amp;\xa4D\x86\xbb\xa3\x18\xcc%5\x93\x86&gt;\xcd\x08\x12'\x87\xee\xd1\xc0\x17\x91\x95\x1c\x1f\xc4$$"</t>
  </si>
  <si>
    <t>b'\xbc\x18L\x16+\xd5\x1a\xcb2{B\x87x\x91\xc94-\x10\xecAka\xba\xeb?F\xe0\xcd\xc9\x1a\x8fG'</t>
  </si>
  <si>
    <t>b'\x0f\x86H\xc9\xec\x04\xe7?\x1a\x92\xb7vU\xd1n\x9d\x9c\x04\x1c\x10\x1dC\xd1\xc7\xf6\x06}\xd5\xf6\xc7\x9fm'</t>
  </si>
  <si>
    <t>b'k\xae\xf5\xa4\xe6\xf4#}$\xe6:\x8b\x06y\xc7\xae9\x80\xf0\x08\xd1\xe8&gt;\xf3\x83\xbca0\xec:\x1a\xc4'</t>
  </si>
  <si>
    <t>b'\x8b\x9a\x15\xe6K\xdd\xbd\x18\x12\xa4\xfc\x19U\xc8\xab\xb0\xea\x8bo\xaebm\xd7y\xb0\x97\xe0\x11\xaba\x93,'</t>
  </si>
  <si>
    <t>b'\xed\\\xe8\xc3\x8e\x0f\xd4\x12\x97\x1a\xe8br\xfenL\x8b\xa3\xf3`.z*\xa5\xb5\x18\x0ef\x81[\x1c~'</t>
  </si>
  <si>
    <t>b"Y\xd3\xe94\xc2N\x1d`\xa5\x81iR\x0e\x866&amp;\xff*(\xca'\xcfR@\xae\xfc\xae\x04])\xb0e"</t>
  </si>
  <si>
    <t>b'ei\xb1\x0b7\x81Tq\x16\xc4\x9c\xdbu\xe6\xd0C\x02\xba?&amp;\x08\xe5\xdf\xb7\xc2\xe2\xe3-\xf8\xa0\xc3:'</t>
  </si>
  <si>
    <t>b'\xaa\x81\xf3\xd0\x87\x0f{d\xad\x90\xa3\xc78J\x076|\x01\x0bb\xde\xca\x93\x96\xe7\x93K\x89\xa46\xd7S'</t>
  </si>
  <si>
    <t>b"\xd8\xfc\xed?'\xfd\xc8\x1fQaz@\xc9\x96`Y\xa0\xc8K\xab\x1ecol\x84*\x12\x01lTR\xbd"</t>
  </si>
  <si>
    <t>b'\xec|\xe6\xff\x15\xc2m\xdfx\x1aCc\x951\xcc&gt;\x03\xdeh (\x95JZ\xb1\xd1x\x0c\xac\x9a,]'</t>
  </si>
  <si>
    <t>b"\xef\x0e\xc2\xab~\x88\x19R\xd4\x08\xf2\xeaq\\\xe7QGQ\xba\xd0\xcdH\xdc\\\xc8\xfe\x14W\x88'\xff\xea"</t>
  </si>
  <si>
    <t>b'\xe3{\x18u\xda\xb3@\xa6v\xccY\xe8A\x1b\xd2\xcc\xe4\xdfD\x0bD\xce\x8fI\xae\xe8\x9f9\x11\xc6\xa4\xc8'</t>
  </si>
  <si>
    <t>b'\xe2\x1bba\xfe\xd3S\x98R\x11\xabSnl$\xcf\xcb\xb4|:w(7\x0f4\x95\\(\xd0x\x01$'</t>
  </si>
  <si>
    <t>b'\xad\x8b\x08\x87v\xdc\x88\xce\xea\xf0\x1f\xe4s\xe0[\xa6\x10\x82G\xd6\xbd?=I?!\xba\xf4\xf14~*'</t>
  </si>
  <si>
    <t>b'lRf\xa78\xeaFg\xf6\x8a\xfe\x93\xfcq4k\xbb\xb9`\xe9\xbb3\xe6\xb4\xc2\xf5\xa0\xabJ\xb5\xd5Z'</t>
  </si>
  <si>
    <t>b'\xca\xc3\x04\xb7\x0c\x87\x85\xe93j\xd5\xac\xe5B\xab}\xaap\xbe\x99\xb7s\xa8|r,\xdb\xa1\x0fm\xd9G'</t>
  </si>
  <si>
    <t>b'M\xe9*\x88\x13\xf5\x9cY\x1a\x0f\x1c!\xdd\xf6\xd1Gg\x87c\xb6{\x17`\x16\xb5\x1c\x83sk\xbf\xb9G'</t>
  </si>
  <si>
    <t>b'\x93\x88\xdf/4\x82\x7fa\xb2&gt;\r\xb1\x0b\xbe\x8c\xf1\xc1Z\x1c\xf7\xedc\xb8\xf7.D&amp;Q4\x97\xc4R'</t>
  </si>
  <si>
    <t>b'\x93\xb8 \xef+\x92@\x03"p\x91\xd8&gt;~\xc5\x99\x00&lt;\x1a\xf1\xb1t\xc7c`o\xe7%\x12\xe0\x07D'</t>
  </si>
  <si>
    <t>b'\xd3\xaf\xab\xa3\x19+\x00\xab\xe2\x0b2\xbd\x1b\x92\x9c\xe6+/o\xd952L\xbd\xde\x8at\x8f9\xc5\xdd\x8a'</t>
  </si>
  <si>
    <t>b'\x90Bb\xdb\xa2\xd5\x0e\xf5\xa8\x98{\xc0&gt;#Vk\xbc"\xbb/\xff\xfc\xaa\x8c\x9b\xfb\'\xd5\x9b+3\xb3'</t>
  </si>
  <si>
    <t>b"\xa4C\x82\xfb~#\xde,B'&amp;\xb7\xed\xd9\r\xce\xfd\x93s\xdbi\x0f\x80O\x9b\xd5\x84\x0b\x128\xd2\x99"</t>
  </si>
  <si>
    <t>b'\x11\x1c\xa8\xb9\xcd"]\x0fzRQH\xf1\xe6EX\xe4Z\xcb\x9c\x06?\xec\xb9\x88\x9d\xb3\t\xb1\x06d\x86'</t>
  </si>
  <si>
    <t>b'\xae\xac\xf3G\x17\x06\xb4\xbb\xe2\xc9\x02\x19\xaej\x1fD\xcc+_\xd0;\xa6\xf6J\x82i\xe0\xeb=\x9b\xbc\xcd'</t>
  </si>
  <si>
    <t>b'\xa0\x831\xb3\xc5Y\x17\xcb\xf2\xd4I2\xf2Qb\x7f\x02\x11\xbb\x7f\xc0\xda\xac\x1e\x8e\xe1\x81D\x9emd\xe3'</t>
  </si>
  <si>
    <t>b'\x16?~\t\xf5\xb2~\x9fq7v@\xecH6\x00;)\xd0Jb\xb7\x1f\xfd]\x8eVW\xbfm?\x1c'</t>
  </si>
  <si>
    <t>b'\xb9\xa0\xce\xea%\xec\xac\xbcyg\x95"*\xf6 \xf6n\x86U\x96\xf0tm\x9b7/\xe4\x93U\\\xf1h'</t>
  </si>
  <si>
    <t>b'UZ\xb34\xda\x18\x16]h\xa4R^\xf9:\xeef\\\xe4\x84\xef\xbb\xf6I\x9f\x87\x01\n\x0bc\xc2\xa4\x12'</t>
  </si>
  <si>
    <t>b'\xe9\xcc\xff\xb8\xfc\x8a\xb2\xbbi\xb2\x08dS\t\xe8f\x03\xea\x17&amp;P#l\r\x8d\xa4\xde\xbe^\xc4o\x94'</t>
  </si>
  <si>
    <t>b'\x80\xc5\xfe\x83\x82v\xf79\xb9\x95\xae\xcc$\xd5eh\x1d+\x9aF\xba{eP(\xb7\xd1\xa3\x03f}v'</t>
  </si>
  <si>
    <t>b'`\x03\x87\xd4-\x92\xf0\xea\x8aB\x08\x84\xd8l\xdf\x1a\xeb\xfc\x836r#\x03\xf3"z\xa7d\xfe\xd6\x82j'</t>
  </si>
  <si>
    <t>b'\xd3l\x0f\x0c\xe3\xf1\xf8\xfb\xef\xad\xd7P-w%\xff\xd6jGk\xf0.\xaeM\xe2m\x14\xac\xf0\x06\xa6g'</t>
  </si>
  <si>
    <t>b'\xd87\x82q&amp;\x01}\xf4hd:5\xaf\xadY.\xb9\xbcf^\xdf\xd5b\x7f\t\x18R\rsqc\n'</t>
  </si>
  <si>
    <t>b'u^\xab\xa4l\xadq\xe1g\xf0d\x0e&lt;\xfd\x910y \x81&gt;\x96Z\xdc,Z\xfc-g \xf2mS'</t>
  </si>
  <si>
    <t>b'\x16\x81\x87\xab\x1b\xd1\x86\x05dZ\xc3#\x9cy\xb0\xad\xbc\x00\xa9F\x83\x05g\xa2\x9eW\x11aw*b\x0c'</t>
  </si>
  <si>
    <t>b'\xd7:x6\xa5\x0f\xe5\x05q\xc1\xf7\xb9X`\x12\xd6T\x0c/G()=\xe3\x82\x83e\xb4\x00-\x06\xa4'</t>
  </si>
  <si>
    <t>b'\xc2d\xb7\x13\x9d\x89Z\xe4\xe0\xbd\x85\xbfC\xeb\x1d\xe1\xb9\xb4\xd0\xac\x92\xd9V\xd7p)&lt;\xbek=\x80\x87'</t>
  </si>
  <si>
    <t>b'\x02\xb3\x80\xd9_\xd5\xb4r?\xb4\xaf\x01X\x08Q\x8aR\x03\xaaP\xe0C\x89\xe9\xcf\xffS`\xd9\xe7\xe3\x82'</t>
  </si>
  <si>
    <t>b'\x00)3\x00\x05\xe4\x9cT-9\t\xfb\x81\xf0:\xd1\x93G\x15\x12\xa2\xf3i\xfdz\x0c\xbb\xfa\xafm\xe8h'</t>
  </si>
  <si>
    <t>b'x\xd3\xdb\xf1\xd5=\x88\xb1\xd0\x05|\xbb\xbf\xe2 \xe1\xc8\x15\xb1\x95\xc0+\xa0Q\xa6x\xbeV.\x84\xbf\x03'</t>
  </si>
  <si>
    <t>b'\xab\x93k\xaf\x025\xd2&amp;_P\xef{\x0c\x9b\x9b#\xc5\xb6\xd7p\r,}"d\x8e\xec?Ca\xdeN'</t>
  </si>
  <si>
    <t>b'P \xc4\xaf\x90\xbe\xe8=\xc8t\xa4~\xe4L\xa4\x15\xb2\xc5\xc1\xcb\x80=\xf5\xff.\x98z;3\xb1q\xb9'</t>
  </si>
  <si>
    <t>b'\x84\xbd\xae\r@\x8cY\xbd\xf6Z\xc4n\xbf\x02\xf2\xaf\x15,j\xc4\xdc\x18\xf5\xbbP\xfa/4\xc4\xf9`\xc9'</t>
  </si>
  <si>
    <t>b'\x1c\x00p\xcb*&lt;#\x1c\xf0\x83\xa9\xea\xe4`\x16\xde\xaf#\xffS~\xd8\x81\xbb\x1d\x1a0A1\x9fb8'</t>
  </si>
  <si>
    <t>b'\x01\xd9\xe0\xdf&lt;r\x13\x9d\xdc\xd9v\xdd_I\x80\x14\x82t\xa5\x9b\x80\xbd\xe8\xac55\x9d$\xf3\x05\ny'</t>
  </si>
  <si>
    <t>b'\xfc\x86\xb1\'`\xde\xa9\x8aX2\xb0\xcd\xbc\xee80\xe9\x0e\\"\tv\xc9\xa3=\xf5\xce}\x93\x1f\x98\xba'</t>
  </si>
  <si>
    <t>b'\xaf\x15\xca\xdc\xe0w\x16u\xc4\x0e\xdb+\xbd\x8f\xa4\x16\xddG\xce\xef\xbcp\xd9;C&lt;2\x80\x14\xaf\xd5v'</t>
  </si>
  <si>
    <t>b'\x1d\xd3fba\xe0\xea\xf0\xdd\x92\xb7dYd9\xe5\x1d\x05\xe2\x03\xd6\xfdL\x05\x87I\xe5lZ?\x86I'</t>
  </si>
  <si>
    <t>b'\x7fFi\xdb\xd9\xea\xdd\xb9\x91\xd8\x80\xd2\x0e\xa7h\x8b]_-vOZ\xbc\\\xed\xbcE=\xf9 &lt;\xc8'</t>
  </si>
  <si>
    <t>b'\x86\xafpo\x10)e\xd6\\\xd2\xbe\x9d\x1b1[\x9fe\x11\xb9\xe0\x07\x99\xc5\xddFmY\x1eL\xe5@)'</t>
  </si>
  <si>
    <t>b'\x7f5\x17\x98\x83I\x11\xcd\xec02\xfcK\x1f\x15\xec\x1e(\xd2\xcd\x96\xf5i\xa2\x16\xb9\xe3Pw*\xee\x92'</t>
  </si>
  <si>
    <t>b'4C\xcdh\xc1\xb7\xb7\xa5[G\x12[jg\x0f\xe6\x9e\xe9\xe1Q\xc0\x8d\xa3\xb0\xdb\xeb\xad\xf8\xab\x027('</t>
  </si>
  <si>
    <t>b'.\xc9Qk\x0c\xa7\xdc\xbf\xc6\x88\n\x0e\xe2\\@\x88\xe7\xbf\x96\xec+\xc7\xc7\xff\xde\xab]\x87\xceN\xdb\xea'</t>
  </si>
  <si>
    <t>b'\xdc\xfcqa\xaa\x1b\xb5w\xf8\xf0v{\x0c\xf9\xb7+\xecH\xa8\xf9\xdc\x8e\xe2\x9e\x08Q\xce;\xc3\x9c\xbc6'</t>
  </si>
  <si>
    <t>b'\x1d\th\x97\x8cO\x82o\x87\xa7\x89\x96\x91Zl/\xb8\xd8Z\xe7|&gt;\xbb*\xd8:20\xf0\xd3\xb6\n'</t>
  </si>
  <si>
    <t>b'"\xf5[;\xc2u\x82\x11\xfb\x97\x8a\xa3\x17\xb5\xfeb\xa3Q\xd6\xed(\x0c\xcb\xfa\xf6\rSgB\xf5\xf1\xff'</t>
  </si>
  <si>
    <t>b"\xd5%\xfd\x13\x9d\x19\xeb\x90y\xb1'\xe4\xd7X=8.25\xe7\xe4DV\xa5tq.\xbf\xa7\xce\x1dD"</t>
  </si>
  <si>
    <t>b'\xb8\xdbaI\x15f"~\x7f,\xbb\x18\xdd\x96\x143\xa0\xfc\xad\x940\x02\xb8\xf9{\x8f\x93u\x9c\xa8^='</t>
  </si>
  <si>
    <t>b'8\x08\xee\x13\xa1+\xfd2(sn\xfe\xc9~9-\x17[\x84}&amp;\xe5\xe7V\xf3\xdc\xa7\x96\x1b\xe6\x03,'</t>
  </si>
  <si>
    <t>b'\x13\xe3\xc3jJ?\xf2L\x9f\x1b\xbd\x14\x1c{\x06@|\x99\x1a#1h\x1a\xab\x0c\x89\xd8\xc2\xea\x05T\xf4'</t>
  </si>
  <si>
    <t>b'\x04\xacx\xe3\xc9"\xffy\xe0\xa6\xcci\x8bI\xf51\x83\x08\xc0\x00\x01SG\x11d\xe7WV\xdf\xa85M'</t>
  </si>
  <si>
    <t>b'\xba6\x9d\x8a\xa7\x83R=M\xc9\xfbsP\x05q&lt;\x97\xc7&lt;\x1d\xdf\xc2\x1e&amp;\xfd\xb1\xabZ\x97Z\xe2\xfa'</t>
  </si>
  <si>
    <t>b'6;\xb3%5\x03\x19\xd8\x9bl\x8c\xb2\x95\xb1\xdc\xcb#\xb1\x08f\xd8!\xedN\xd2{\x95\x14\xe2\xae\xd2e'</t>
  </si>
  <si>
    <t>b'\xac_@\x17\xf8\x01"\xc7\x98\xf0\xce\xa1\xad\xce{\xd7\xd9&lt;\xc3\x1fP\x8c\xfdT_\x9bg\xb4\xf4\x08^\xd4'</t>
  </si>
  <si>
    <t>b'\xca\x01\x02vb03\xbc4\xd3\x8f&gt;q6\x0b\\\x91\xf8\x9c\xa7\xb0b\xc6Nn\x8b\x81\xc0:j-\xc8'</t>
  </si>
  <si>
    <t>b',)\x82\x17a\x16\x8dD\xefx\x81^\xf6\x18\x9a\x99\x00\xfb\x9f^[\xe7\xd3\xd2\xdf\xfd\x97\x8d\xcbKu\xf7'</t>
  </si>
  <si>
    <t>b'x\x15\xd3C\x834\x9a\x0e\xce\x06\xf0x\xd0\xb4\x1cB\x19\xcb\x92\xcf\xd0\x07\xbe\x14\x1eT\x1f\xcf~\xbf\x96\x1e'</t>
  </si>
  <si>
    <t>b'\xbb$\x06\x00\x10\xb1\xeb\xa0\xb5:\x06\xa8\\G/\xd9\x0esq1hC\x10\x7f\xab\x7f\xc3\xde\x92\x88\x04\x91'</t>
  </si>
  <si>
    <t>b"\x97?\xc51\x86\xb8A4d\xe4\xc5F\x9bQ\x9510\xb2\xd2y\xdf\xbb\x04Q~L\x8a'\xfc\xbd]\xf3"</t>
  </si>
  <si>
    <t>b'`\x9b\x86\xe6\xbc&gt;\xf3\xc2\x9c\x9a\xce\xbb\x05\xf2\x97.\xe1\xf2\xc1\x1941\xa9\x84^q0\x12\x98m$\xb5'</t>
  </si>
  <si>
    <t>b'\xc0\x06\x9c\x1f\xe7\xe3v\xa6\xd6\xed\x9fCPp;\x18\xf4\xbe\xd4\xa2\x00X\xd3\x92T\x11\x12q9\x12p\x1f'</t>
  </si>
  <si>
    <t>b'u\xb7\xda\xfa\xd7\x10V\'\xea\xa2^\x07_."\xdf\xda\x9dJ\x9d\xf2@ \x90\xe8o\x15L\xfe[\x1eR'</t>
  </si>
  <si>
    <t>b'e9\xce5\xe0\xfcI\x87\xbcb\xe0\xae\xa6\xa8\xafS\x8b\xfcGN\xda9\x82\x9d\xe1\r\x93%\xf9\xea\xd4q'</t>
  </si>
  <si>
    <t>b'Z\x93\xc6\\\x92\x15\xceL\xd6/R2w$\xe5i\x85ek\xfc\xde+\xc3\xc7]\xc4J\x85\x08n\xf0\xbb'</t>
  </si>
  <si>
    <t>b'E\x9ap\x89:\xd5`\xec\x12\xcc\xb3\xea\xac\xb5\x0cM3U\x01\x11\xdfH\xa4cJO^\xc3\x95S\x8a\xc3'</t>
  </si>
  <si>
    <t>b"\xe6j\xbe\xdc\x90i\xaeE^\xac\xadf^\x0f'\xb1d\x0b`\x18\xa2\x03\x84\xba\xb5\x9f\xba\xae*{\xbf\xe3"</t>
  </si>
  <si>
    <t>b'\xe2\xcfV\x98\\m\x1e\xc1/\xc8_\xb1\x88@\xc2\xb2\xbb\xbb\xd0\xc7=\xc9\t\xa8\x0c\xd5\x96\x17qB\x0c\xa7'</t>
  </si>
  <si>
    <t>b'E\xc7\xa7Yns\xaf\xd4\x17"`\xd6Y\xff\xe9\xb9/\xfe\xed\xe1\xf3\xfaMR}\x9c\xf4o\xed\\\xde}'</t>
  </si>
  <si>
    <t>b';\xa2H\xbc\x04\x9a \x92\xea\x1a\x99\x0f\x8d.\x94n\xde3\xfa\xd9a\x93]a\xfa\xd1\x1f\xb38v\x9bs'</t>
  </si>
  <si>
    <t>b'g\x8c5\x8e\xcf\xfcw\x93\xe2\xe3\\\x98\xbc$~\xc5-a\xa0Q\\\x82\xd6\xb2\xaf\x15`f\x0b\xeb\xf6\xee'</t>
  </si>
  <si>
    <t>b'\x9c\x83m\xe5PuEQ\xc6\x1f\xb6\xbb\xd6s\x1d\x1e\x96\xa3\x90c\xcezf\xe4\x9b\x0e\x94\xdc\\\x1b\xb5\x07'</t>
  </si>
  <si>
    <t>b'\x8f\xe1\xff\x10\xf83j\t&gt;\xb9\xf2k-\x15(\xaa\x93\x98\x12t\xa6\xa2\xb7\x83\xd9\xa2\xf9O\xff\xc4S\xeb'</t>
  </si>
  <si>
    <t>b'hL\xd4.\xb8\xaaVW\xc3\xfc\x89\xf8\x95jX\x08G\x0b\x08\xa1\x1dz\xd7\x9b\xbd&lt;r\x15)\xe7\x07\xf8'</t>
  </si>
  <si>
    <t>b'\xf1!\xd4\x1b\x1f\xaf~\xb28\x1eN\x12\xed^Z\xa0C\xb1O\x8a8Z\x07\xb2~\xee\x93,m\xcc\xb4v'</t>
  </si>
  <si>
    <t>b'\x07\xa2\xa5\xf6B\x90x\xfc\x86\x8bG\x84\xf2\x01\x89\x95o\xbc\xf5}\xae\xb2\x13\x83\t\xd9\x93\xf7;\xe9\xf21'</t>
  </si>
  <si>
    <t>b',V\x99\xbd&gt;QDf\x1e\x13.\x81\xf1\x98m\xba\xb4Ax\x15\xd0s\x97\xa3J\x11\x06o\xe0\x92\xb74'</t>
  </si>
  <si>
    <t>b'\x85\x9e\xaf\x89\x85\xcct&amp;E=w\x14[\xc1\xbam]J\x83\xe3\t\x03\t\x83\x8d\xf8\xd5\x97CQ};'</t>
  </si>
  <si>
    <t>b'\xceY\xefV\xedi0\x08F\xf1v\x9a\xbc9(\xfd\xa5\x16\x88.T~\x98\x9c\xd3\xd9J%H\x8d\xf6d'</t>
  </si>
  <si>
    <t>b'w\xf2\x15\x0f\xafK\xad\xfcu\xf5\xef+\xd3n\x93\xe3\x99\x02\xcc\xadyaE\x8f\x97\x0e\xe0\xfa\xd0Aw\xc0'</t>
  </si>
  <si>
    <t>b'\n}\xa46\xb7F\xd7\xa4\xc5\xe0w\xa9\xf0|\x1c\xfa\x01\xdcHq\xa6\xb94Ev\x1ek\x92\xc5\xe1\xd7\xec'</t>
  </si>
  <si>
    <t>b'}\x99\xb4\xc6\xfa\x8a(\x84\xed.\xad\xfa\x9b\xb7S\xe6\xc4w\\^X\xc6\x89\x1d\xbb\xfe}\x06\xc1\x9e\xfb\xfb'</t>
  </si>
  <si>
    <t>b'\xf9\x15&gt;\x10F\x8e\x0b\x927b\x0b\x07&amp;\x13\xbc\x95&gt;P\xe6\xe6\xcd7\xc6+X\x94\xf2Ev\x05\xd9r'</t>
  </si>
  <si>
    <t>b'\xfa\xf2q\xdb%\xc1L\xf2}\x04\xbd\xa3~\xb5\xd4g&amp;\xf9Uc\x19*\xf8?\xe7\x91p\x0c\x9e#\x83\xc0'</t>
  </si>
  <si>
    <t>b'\xca[\x1e\x05\xd3\xda1?p\x92\x93\x0b\x14\r\x85U\x8c\xa8a-\x00\xfe\x0ed\x94\x1e\x94ug%\x8e,'</t>
  </si>
  <si>
    <t>b'\xc6\x8b 6\xf2\xf7\xfc\xf3\xe7\xb8\x9c\x850\x8b%c\xfe\x98Be\x1dqh\xa7\xdb\xbfn\xfb!UmH'</t>
  </si>
  <si>
    <t>b'e\xb7\xa35j\x8b\x13\xb0\x9fO\xab\t@\xe1\xa2\x82\x19?D\x1f\xe0ud\x17\xf9M\xa8\x81\x8c\xdazu'</t>
  </si>
  <si>
    <t>b'\xcfj\xa5m,\x9d\xb7\xab\xd6\xdd8\xd2\x89\xf5z\xfa\xc0\xe5\xcf\xbeEA\xc8\x99\x0e8\x8c4v\xd5\xa4\xf8'</t>
  </si>
  <si>
    <t>b'H\xb7k\xc5\x9a\x89J\xe5\xa4)\xb6m\x94_)\xabm\x8dJ\x9f\x1b\xc5\xc1\x86M,\xb0q\xc0\x8b\x13\xe0'</t>
  </si>
  <si>
    <t>b'\\0\xeaA\x96\x05\x8d\xc4\x998[\xfaR$\xf4\xe9\x99i\xcb\x9cq\xf0\xea=)\xe4\x08\x95\x97\x17\xe5\x97'</t>
  </si>
  <si>
    <t>b'\xbb\x03\x0e\x1d\x8aF\xfa*\x9b\x8f\x83*\xdd\xd9\xf2\xe5#K\xe3\x06[\x90\x92&gt;w\x80^5\x96?s\xc0'</t>
  </si>
  <si>
    <t>b"\x07p&amp;\xf8\x121\xc9&amp;\xc9\xd1\t\xfd\xf3*\\\xad\x07\xe3{\xa1'q\xa1\x95T\xfa\xc9\xd9\x06\x8a \x06"</t>
  </si>
  <si>
    <t>b'\xb7B\x81\n\xa7\xd6\x1aqT&amp;\xa7\x00\xa9M\xb3\xa6\xf5\x8d=t\xa7\xdf\xf8\xd2\xe9\x90\x80/\xac\x14ef'</t>
  </si>
  <si>
    <t>b'\t\x85[\x90\xf2s\xe2\xa59SVo\xc3\xa1\xd4\x80{\x07(\xd1\x17\xc5\xaa\xbd\xc6\xe3\xd1SPQ\xc31'</t>
  </si>
  <si>
    <t>b'\xba\xbda\x87\xfc\xd0\xb1\x8d#\xda\xd2|m\x90\x83\xda\xa0S\\\xf2I\xc6d\x9a.\x19\xbdk\x8f\xc9\xc8@'</t>
  </si>
  <si>
    <t>b'\xa3\x05\xd77\x93\x91Z\xc0\xc5!\x18s\x01\x1cN\x16\x95\xda \xe8\x82\x9b\x13^\xdd\xad\xfa|\xb1\x14\x91\x96'</t>
  </si>
  <si>
    <t>b'\x9aN\xc6&gt;G\x0e\x87\x90\xf4\xa8\xa4P\xc8\xa1\x8f\xbc+\xe5\x8c\xb9\x92a\xbc]#G\x11 \x13\x8b\xf7&gt;'</t>
  </si>
  <si>
    <t>b'\xfb\xe2\xd5|\xa5\xeew\x8a\xf2\xe0\xb0\x0e\xeb\x81D\xa8\xb8+GS\xdeG\x16Cq\x12\xee&gt;_\x7f\xc7P'</t>
  </si>
  <si>
    <t>b'\xcd`\xb7\xc3aL\x02\xb1*\x839U[\xa9\xeaa\x8f\xc3G\x06\xd90\x18-\x8e\x14\xc90w\x83\xc7\x08'</t>
  </si>
  <si>
    <t>b'uU\xd6\xfe\xf6\xc4\xb5\x1c\xa2\xc5\xde\xa3\x94\x8c\r\xe3\x99u\xd1\xb4\x0b\xb1D@@\xa1\xa3\x0b!W\xe4\xcd'</t>
  </si>
  <si>
    <t>b' U\xd4\x97\x99\xd7\x8d\t\xf3\xc9\xc0\xe7\x07w\xf2\x00\x05o\xf3\x15~\xb9\xaagZ\x98tTADv\x9e'</t>
  </si>
  <si>
    <t>b'\xb3\xe9\xb7\x7fq\xe8\x92\x18\xc9.\xa7\xecKt\xde\xf3\x12\xdc\xf8T\x1do!\xe0\xcd\x9a\xadO\x8aHE{'</t>
  </si>
  <si>
    <t>b'\xee\x1e\xb3\x11\x9ao\x1a\xb2I\x8f\xb6\xc9\x80\\\xf0\x05\x1e6\n\xfb\xcd\xba`\xd0]\xff]\xf1iv\xed\xbd'</t>
  </si>
  <si>
    <t>b'\x92\xcaNp\x9a4D\x95\xa3\xb7p\xd6\xa3\xb6k_\xaa#\xc1Q\xfeZ=\xfd\xe2\x93\xbc%\xce\xbf2\x19'</t>
  </si>
  <si>
    <t>b'\xde\xad"\xfa\x02S\x07\x04\xfb\xf8\'#r\xb6\xf7\xf7\x13\x80\xef$\x0fn\xa9\xa65\xc6\xa1\xf9\x9e\x92\x1a"'</t>
  </si>
  <si>
    <t>b'\xea\xba\x8e\xb8\xe0\xe9]\xeaV\x00\x1b\xe1\xa6\x01\xd7\xa7,u&lt;\x7f\x04C;\r\x98C\x15O\x13\x93\x95\x99'</t>
  </si>
  <si>
    <t>b'\xa9cSy+p\xf0\x04\xa1\xe9\x88y\xe5\x9dqv"\xbcK\x89\x0e\x90\x9ai\xee\x1fM\xbb`4\x1fU'</t>
  </si>
  <si>
    <t>b'$\x07\xce\x83\x9b\x19C\xbd;\x82:\xc9\xa0T:7X\x03\xb8\xe5\xfe\x1c\x04\xdb\xd7\x95Y\xcb\xbb\xeei\xde'</t>
  </si>
  <si>
    <t>b'\xfc\x11\xd5,\xab\x98\x9d\xb6\xaaw\x04\xfc$&gt;\x0f9\x04\xb7\xd4y\xf4\x8aE-\x11h\xf2\x91\x11\xfe\x9c\xa3'</t>
  </si>
  <si>
    <t>b'\x14!D\xca\x13\xc9\xe4\xce\xbcz\x8c\x94\xef.\xa2zGV\x1an-o\xf5\xa4\xe3,\x1f\xb2\xc9\xdb\x1aS'</t>
  </si>
  <si>
    <t>b"%\xd2\x06eg\xcf'm3\x8b\x07O \x83\xbb\x85\xe0\xe2i\x96\n\x9c\xfa\x06\xa1\x81\xd7\x10@\x02\xaa$"</t>
  </si>
  <si>
    <t>b'\xde\xf4\x98\\\xfc\x94\x95`\x96^%\n\x956\xde\x92w1\xb5\x92\xf2\x0b`5\x8drtBZS\x05\x84'</t>
  </si>
  <si>
    <t>b'\x96\x82h\xf6_4\xd6\x80\x1b\x9e\xbd\xfa-\xa0!\x014\xd4f\x95\x04\xe7\x0c(N\xdeU\xa3\xa8\xf8\x08\x03'</t>
  </si>
  <si>
    <t>b'?\xe8\x17\xcdm\xe4V\x9e"\x9e\xd9\xa4\x0b\xd6Nh\xb0\x02\ts.\x81"\x8ea\xa6m\x15\xb7a\xbc\x0b'</t>
  </si>
  <si>
    <t>b'\x187`&amp;\xf9`\xd6(\x84\x89n\xca\xba\xb1C\x86\x8bR\xd2l\x03\xbaR\xfb-%\xd9\x11G\xb3\xf6\x06'</t>
  </si>
  <si>
    <t>b'\x92\xef\xd0~\x91?\xffuK\x19\xe3\xf0\xa5\x1d\xe1\x19pcy\x91\xe2\xa7BLj\xd9#:\xcb\x12\xc6\xfb'</t>
  </si>
  <si>
    <t>b'\xd3\xee\xf9\xd5a\x81N\xd2\xe3\xea\x82\xd5\xfe\x96\x13\xb5?z\x9a\xcb4\xea\xe0\x18\xee\xb7R)zB\x8d\x93'</t>
  </si>
  <si>
    <t>b'7\xbbC\x199\x19x9|\x90\xcb#H\xf7I\xeb\xd7\x1c\x84,\x86\x96\xed\x12L\xa9\x8a\x93\xed\xe8\x8b\xe9'</t>
  </si>
  <si>
    <t>b"\xce\xc6\xd7\xec\xfd\x92\xe4'\xf7P\xba4\x8fa\xc63\x02\xaaw\xc7\x9bO\xff\x87X\x8dEL\x90\x07];"</t>
  </si>
  <si>
    <t>b' \xa3\x96\xa8v\x9b)\xbdj\xc8\x84"\xfc\xeakY\xea\xefkr:\xfdq\x19)\xfa\xb5\x9e`\xf2;\xe4'</t>
  </si>
  <si>
    <t>b'u\x02\x9f\xf5\x17\xfa\xbe\xe2\xf2yG\x8d/\x0e\xde\xa5*M\x18\xcf\xcde\xfd&gt;j\xd9\xfb\x8f/O\x04\x17'</t>
  </si>
  <si>
    <t>b"A\xa3\xb1\xcd\x02\xfcb}\x9b\x05H\x88\x1b6e'\x8b\x1c\\X\x8c\x84\xaf\xbc\x17\xf2t\xac:\xdf\x01\xae"</t>
  </si>
  <si>
    <t>b'\xed\x93f9\x91\xcb\x91\xc2Dc\x92\x9d{%X\x84D\x13\x97y\xa8+\x1d\xb9gq\xcec&lt;\xc5D\xf4'</t>
  </si>
  <si>
    <t>b'\xde7\x08\x00\xb1:\xe3\x93S\xa0\xb0\x9e\xfb\xa3C\xc7-\xa9=GROj\t2\x07~VB\x85\xc9\xd8'</t>
  </si>
  <si>
    <t>b'\xca*0\xf8\xf6Z\xfdR\r\xb2\x0e)mM\x8c&lt;V\x0f\x80\x94\xf3\x8d}\x98k\xc7\x1c{\x8c\x0eOp'</t>
  </si>
  <si>
    <t>b'=\x9a\xb9\xff\x9be\x81\x8e\xe0\xd4\xdd/\x0f!\x96etCg\xa5C\xd8\xafO\xf1\x01+\xa5\x85=yQ'</t>
  </si>
  <si>
    <t>b' 5\x04#\x86\x19n\x00\xc2\xcc\xd6^2xZYm\t4{\xdf\xa7\x80\xd1\x19\xa95_\xb0oX\xda'</t>
  </si>
  <si>
    <t>b'ES\x8dnj9\xb2\xa7h\x87\xb7e\xae\xd8\xcb"\x05\xe6\xa7\x040W\xec"%\xec\xb5\xde;\xcac\xb8'</t>
  </si>
  <si>
    <t>b'\n\xcc\xc9w/S\x06\xfb\x1a~*\\\x92\xb3+\xa1\xc2l\x9afr\xc8\\\x0233\xfd\x0e\xe3\xceVx'</t>
  </si>
  <si>
    <t>b"&amp;\xad\xf3'\xaa\x13\x91\xa8\xe8X\xc2\x87c\x1b\xcb\x85i(\x84\xc4\xd6\x85\x95k\x19\xbf\xc2\x1dg^\xfc\xf6"</t>
  </si>
  <si>
    <t>b'\x8dh\x8c\xce\x8de\x9d?na\xf4\x9a2\xfa\xc8?\xb2\xac\x8fB\x80F o\\\xb2\xf0\xef\xf50]J'</t>
  </si>
  <si>
    <t>b'\x92\xe4\xc4;$K\xc1\xd2\x1c\xaaY\xbe\xb9\x8d\xe1\xd5\xab]T&gt;\xae\xfaB\xdd\x15O\xb2\xb5\xf1\xb9\xf8S'</t>
  </si>
  <si>
    <t>b'\xd3\xb6:T\xe7\x10\x846\xd1R\x9f\xe7R\xec\xf2\xc7L\xa9M\x83\xe0Y\xe4y \x1fT&gt;P\x08\x8f\x8c'</t>
  </si>
  <si>
    <t>b'\x8e\x06,k\xd5\x01\xe6\x0f1\xd2\xf6\x98\xff\xfe\x18|\xbe\x17\x16\xba\x92\xc4\xb0W\xfa\xd6ax\x0b\xf8\xc3\xe5'</t>
  </si>
  <si>
    <t>b'Y\\\x0b\xa4ID\x9a)\xfe\xa0\xcb\xf4\xef\xc4\x9c\n\xf6\xd43N\x9d\xa6}\xdaE\xf7\xf4\x8a\xa1 \x9e$'</t>
  </si>
  <si>
    <t>b"m\xf9\x826\xae\xba*\xa2\xae\x90\xe6Qz}H\x82\x02^}\xce\xf0br'9z\x04B\xa3w}\xe4"</t>
  </si>
  <si>
    <t>b'\x95\xe3\xf0\x06\x15\xf3UZ}m\xf9\x9f8zr\xde\x81\xd82\xe7j&lt;\x0e\x8f-Y\x88\xc1~K\xf5\x1a'</t>
  </si>
  <si>
    <t>b'\xe5!b\xbf\x00\x80\xc9\x83 A\xba\xbf\xc5\x92-;\xccCy\x18\x16\x00\x9cQd\x0cy\xde\xd4g\x80\xb2'</t>
  </si>
  <si>
    <t>b'\xf8\x1eW\r\x11\xc1k\x1eM\xafE\xec\x06\x8ao\x00\x8d\xf3x\xe3uZ\x96\xa0\xc4\xb7B\xd5\xdd\x9a\x8e?'</t>
  </si>
  <si>
    <t>b'Jh-\x93\xc8\xfe\xc1\xa6&gt;\xcb&gt;\x97\xad-\xd7\x8e\x1b\x10\xd5y\xc8E\xce\x95\xddq}]\x93x\x12\x8b'</t>
  </si>
  <si>
    <t>b'\x17\xde\xfc\x89\xb7\x17\x8a&gt;|\x86]\xa2L\x9a+5\xb5RV..\xcbc^\xe0\xcb\xba`\xcbvM\xb9'</t>
  </si>
  <si>
    <t>b"\xcd\xb7\xdfu\xab\xdc\xd7\xc4!\xd44\xc0\x026 \xfbL`\x03\xcc'\xe0\xf6e\x8aw\xef\xdd\x1b6\xbaC"</t>
  </si>
  <si>
    <t>b'\x14\xf0\xc6\xe6\xf3hU\xdd\n\x95\x98\x9al\x8d\xddeD\xff\x0c\x7f~&amp;\x93\x85\xa2\xe6\xc8heQ\xb3\xde'</t>
  </si>
  <si>
    <t>b'\x18\x08I\xee \x873`\x99\xf8s:\xde\xdfuB9\x08an&amp;\xe785&lt;\x86\xa6Y\xab\x15\x14\xad'</t>
  </si>
  <si>
    <t>b'\xf7.\xeb\xaa\x85\x04x\xbf\xd95\xc5\x1a\x9b\x90\x8c\xfdz?\x8d\x8e\xc1\xebUJ\xf7\x9cx\x08\xc7\x12\xcaX'</t>
  </si>
  <si>
    <t>b'\x98\xcc\xb3H\xe7\xc5\xb26I\xc7\xc5\x84u\x82G\x8c\x03\x08R\xd8\xa8&gt;\xdc\x90b\xb4\x99\xc2\xfb1`:'</t>
  </si>
  <si>
    <t>b'\xf8\xb3\xa7\xf2\xc4\xdf\x8c\xc8\\G\xe9\xaf\xf7\xa07\xd2\xe8\x074\xb1\xf9\xfc.\xcf\xe3j\xe8"[\xf7\xbb\xbb'</t>
  </si>
  <si>
    <t>b'\xa9\x98\xdc\x0c\xf2\x9d\xf1\xdeuIQ\x8eI\x0f\x94\x82\x1c\x88e\x88\xae\x10|pD\xf9\xa4\xe6\x9f^\x93\xd5'</t>
  </si>
  <si>
    <t>b'\x97\x0b\xa22M\x17@m\x88\x7f\xd1b\xc6.\x9e\xd91\x16\x10?\xd7Y\xbac\x99\x0e\xda\x0c\x91WP\x96'</t>
  </si>
  <si>
    <t>b'_.\x18\xb7^\xd2Aq~\x95\xf1\xc3\x06G\xcd\xb4\xcf\xe6\xa6\xf91)\xe6\xec\xc2\xb1h\xfdr1\xc4F'</t>
  </si>
  <si>
    <t>b'\xfa\xa5\xabD\xe7[\xfc\x98\xde\xcb\xb0\xed\x7f\xc4\xfaO\xd4\x86\xa0\xe7\xa0\xb4&lt;\x9b\xac\x07\x05A\x9f\x06o@'</t>
  </si>
  <si>
    <t>b',\xd8\xa6\xc6\xa9\x00\xa8\xb7\x9a\xa9\x98@\xa7\x85x\x03\xc2Z\x14\x8cq\xbbK\x92\x03\xafN*t\xd5!Q'</t>
  </si>
  <si>
    <t>b'*^\x10\xbf\x0c\x97\xd3\xae{\xa6\xd56\x05H\xfdj\x05\x1d`s\xd6\xb5\x06)T\x95kR\xf4\x15\xc8\xcc'</t>
  </si>
  <si>
    <t>b'\xfd\xa2~&gt;\x8a\xa7\x9evXm\xf9\xd7\xe9\x0b\x9dh\\\x06\xdaZS\xcd\x1f\xbe\xb3\xa1"@\n\x7fsL'</t>
  </si>
  <si>
    <t>b'}\xd0\xae1\xef\xbbE\xa3\xee\x1a\x8c\xdd\xaei\xed=\xb2\xce\xcdn?S(\x8d\x02\t3\x94\x0c\xd4_\x8a'</t>
  </si>
  <si>
    <t>b'\xb7\x15|\x88\x90\xd9\x85\xf2\x15G\xbc\x89\xe6\x17V=\xd0\xc4\xd8T\x95\xc2T,\xea\xd8\xbdf\xed\x9c\x07N'</t>
  </si>
  <si>
    <t>b'\xa3\xd9\xf0\x10\xa3wj\xc5*\x16\xc9\xf1\x12\x08\xf8"\xe3GLHd\xa6\xb9\xc7)\x8cI\x87G\xf2\x11{'</t>
  </si>
  <si>
    <t>b'$\xad\xf21v\xf33Z\xd6\xd1:\xae\xca\xd4j\x8b\xb6x:\x0c\xe62o\x04y\xcb\xf8\x9c\x04\t\xd5\xbb'</t>
  </si>
  <si>
    <t>b'%\x94\xb6\xdb\xfa\x84r\x8b~T \xbe\x0e\xef#\xd0\xbcG\xbe\xf9\xfb\xfe\xaf\\mR(\x90qv\x04\xdc'</t>
  </si>
  <si>
    <t>b'\xe4\xda\xc5I\x8715\xe3\x8b\xec\xa1m\xb3K\xbb\x1a=\x00u\x1e\xff\xae\x9e9\njP \x94\x11\x90\xaf'</t>
  </si>
  <si>
    <t>b'(\xd9P\x01^\xe6\xf2g\xb0\xc3\xdb\xf7\x1fS\xe9y\xb6\x87|W\x0c\xd1\xb3\\*\xfcG\xfe\xa3i\xdb\xce'</t>
  </si>
  <si>
    <t>b'QaM\x7f\xe2X\x07\xb3\x11\xdc p\x03\xfeG[\xf92\xa8\x95\x99\xcc|\xbd\x97\xe8n\xfb=\xa57\xf2'</t>
  </si>
  <si>
    <t>b'\x04\x8fh\xf1t\x18\xd4\xd3\xf8\\\xf5\xed\xc6\xe1\xd9\x13j\xc1\x81\xba\xbe/\xb7\xb2\x99\x1b\xdb$KH\x0b\xe7'</t>
  </si>
  <si>
    <t>b'x\xd7/X\x16:\xaa\x96\x98\xfa\x00\x07\xe6\xbb\xd1\\\x85\xf5?\x02\x1d\x05\x02\xfb\xee\x95\x18dS\x9d\x0cW'</t>
  </si>
  <si>
    <t>b'-\\&gt;\x868\xa2W\x8c\xac\x06&amp;z}\xdf*\x0cw^\x1c\xe6Y\xaa\xf5f\xb1B\xd6\x1a\xb8\x12\xf9O'</t>
  </si>
  <si>
    <t>b'k\xa3\xe1\xa6\x02-\xdc9\xb81\xb7\xd5gy\x84\x82\xac\xa5qR\xa7(\x9e\xbce\xc6\x0c\rH\xe9PN'</t>
  </si>
  <si>
    <t>b'w\x00X\xaeb\x95\xc6\xa0q&gt;~\xad\x7f\xcddD\x9a`,\xdf\xe2\xf0\xde9\x17\xa4Prt\xb7\x80\x8f'</t>
  </si>
  <si>
    <t>b'&lt;\xc1\x8b\xa5\xb1/\x91\xcf\xf3hW\xee\xd5\xd9{9V\x88\xa7Q\xa3\x9bgB\x9e\x0b\x8e=\xb2\xda\x15\xfb'</t>
  </si>
  <si>
    <t>b'\x7fL\xf2\xf0o\x06#\xed3\xb4`\x86\x9a/\xec\xcd\x13\xba&amp;V\xd1\xb1\xdd\xd1\xcc\xe6 \xa8\xcb\x15\x16\xaf'</t>
  </si>
  <si>
    <t>b'7\xd9\x1a\x1eW\xa1\xeb\xa6|\xbfb1\x81\x82h\x8a\xc4wF\xad\xbf\x0f\xba\x908\x80\x1a\xedR(m\xe2'</t>
  </si>
  <si>
    <t>b'/\x9ap\xd6\xd8h\xa0\x93)\x0f\xfa\x9f\x95~X\xd0\xa1@NZ\x05\x83w\xb2\x9cek\xce\xba\xebNE'</t>
  </si>
  <si>
    <t>b'5%3\xbe\xc3(m\xef\xb8\xcbm\x87\xca\xc6\xbb\xdd\xca\xbc\x05:\x1f\x071R\x87\x14\x02n\x88\xcd\xf1t'</t>
  </si>
  <si>
    <t>b'\xd8\xcdVAO!\x01C\xaf\xb5\x1et\x12 \x86gp\xfb\xc0\x01\xef\x991\xa56\xf7l;\xe2\x19\x97\xb7'</t>
  </si>
  <si>
    <t>b'\x98\x1cyG\xa0\xc1\x16\xfe/\xb3\x12\xba(\xa0m\x00\xad\x9c\x8av\xe7f\x01\x98\xb2a\xa4H\x87k\x1a\xca'</t>
  </si>
  <si>
    <t>b'$\xdfbO\x15_#G\xa5\xae\x80\x02\x06\xa4\xb2\x11\xb9\xf7\xd2\x91\xa4D\xce\xfa\xcd\xdbo\xe6}y\xd1y'</t>
  </si>
  <si>
    <t>b'\x91Ut\x97q\xcbO\xf862\xd7\xef+\xf7\xf9kI\x7f\xbe\x93\xe4\xe2\x92\xaaA\xca\x9cK\x88\x1b\xf3\xe0'</t>
  </si>
  <si>
    <t>b'\xd4\xe9\r\xcd\xf1\xe7g\x85\x176\xfa\xae\xb3\x1e\xe4\x8c\x9b\x8eS\xd5\x14\x0e\xc3\xf4\x03\xe7T\x91\x99\x05\xdfr'</t>
  </si>
  <si>
    <t>b'\x08\x19\xd9\xbck6Ls(,\x960\x07P\xfb\xc5g~\xa2\x88\xa5\xb6\xd1\xf2[\xd7\x87/\xe5Jb\xbb'</t>
  </si>
  <si>
    <t>b'\xd3\xdeB%\x8d\x14&gt;\xa9\xcf\x11\x98\x05c\xaa\xce\x0b\xd7`A\x9b\xce\x9c_\xf0\xa8r,\xab\r\\\xfa\xab'</t>
  </si>
  <si>
    <t>b'\x17\x8a!VbH\x9b\x14\xdfu\x12\xc7\xe9u\xf6U;\xdd2\xdd\x9bz!\xfd,\x14Ii}:@\x8e'</t>
  </si>
  <si>
    <t>b'y\xcc\xd7\xa5A\xda&lt;4\xea\x0c\xe9E\xf78J7\x10\x17rm\xa7N\xa3\t\x0fV\xeeH\x80\x10\xcb\x9f'</t>
  </si>
  <si>
    <t>b's\x16\x1f6\xf2N^\xeb\x9c\xe6f\xfck\x82\x90\xd9\xb9\xb1D\x98\x8dk\xcaC\xc2+j\x80\x8a\x1d\n\xd6'</t>
  </si>
  <si>
    <t>b'\x12[\xa2\xf9)\xca\xa8k\xbf\xc1\xdd&gt;\xf5$\x1a\x1a\r\x9c\t\x14\r\x07S\n&gt;\xe36\xa5E\xb9(\xc7'</t>
  </si>
  <si>
    <t>b'\xb1\x06\x11\x9c\x81\x0b\x8b&amp;\xe1\xf6\xb6yB\xdc\xc4\x8e\x0f\x92\x89X\xe5\t8d\xa7\xc9n\x1d\xccjW\xa1'</t>
  </si>
  <si>
    <t>b"kp\x88x;\xd3:\xe6Q\xc2\xd4{\xe9\x9a\xce/\xae\xa9s\xfd\x05g\xcf'\xc0\xd9\x9fc^\x88\nF"</t>
  </si>
  <si>
    <t>b'Z\x99&amp;\xcf\xda\xf8gC\xb8\xd4)\xe8&lt;)&gt;\xfb-k\x99K\xd2\xbc\xa5\r\n\x14Z\xb71\x1c\x081'</t>
  </si>
  <si>
    <t>b"\xea\x951\xab\x05w\x0e\x03\xdc\xe8y'\x80Z&lt;\x0bQ\x8dLp\x8a\xe9V\x8b?g\x02\x03ji\xb7\x03"</t>
  </si>
  <si>
    <t>b'S\x1a\x14\xa3t1\x94\x9fD\x95\xd5\x85\xb6\x88?\x95%M\x93\x112*?C\xd9\x1f\xce\xb2\xc7-iu'</t>
  </si>
  <si>
    <t>b'%\xa2\xe2\xb1\x80\xbe\xf8\x8a\x9d\x9e\xa0\x84\xdc\xfb\xe4\x0f1\x8b3\xb2\x03\xec\x7fc\xd2\xb6e+f\xd5\x9e\x12'</t>
  </si>
  <si>
    <t>b'\xd5j\xaf\xaa\x0e\x13\x13\xe5\xbb\x18T\x8a^m\xa4\x9a:A\x1f\xc4\xd5\x0b\x8e\xda\x98\xec?C\xd4i\xc3\xc0'</t>
  </si>
  <si>
    <t>b'\xbe%0\xa7}M\x19\xd7\xe6\xabW\x9ej^4\x83\xdc\xa4S\x14\xb4/=*@\xba\x83\t\x16,?Y'</t>
  </si>
  <si>
    <t>b'\x922\xf0\x10\xa6\xb7\xdf\xfb\xe5e\x03\xef{\x0f6\xc9]\xf7\x11\x93\xb9\x11[6\xd7/\x060\xa0X\x1b\xb0'</t>
  </si>
  <si>
    <t>b":*#'\x12T\xe4\xd3vM\x94\xf0\xed#C\x88\xaf^\x02o,\x98\xd6\x12n\x88K\xe2\xde\xf8\x07\x15"</t>
  </si>
  <si>
    <t>b'}\x82\xb6S\xcc\xc9q\x0e\xe6\x9e2\x1c\x8cjy\xf7\xba\xa4\x93\xb5\xe6\x97(\xc7\x8a\x99\xdc-\x10\xc2\xab:'</t>
  </si>
  <si>
    <t>b'\xc4\xd2&gt;\x05\x9c\xcc\x8f\xb4\x80%\x1c\\E\xf5\xb5\xe7\x12\x98V4\x81*\xbf\xf7{\xec\xad\x92\x9a\xab\xc3\xf5'</t>
  </si>
  <si>
    <t>b'\xd9\xf6\x1f\xee\xb0\xbapK\x83&gt;\x89l\xca\xc8\xfb\x82\xf6\xc0bW\xe2\x03\x8f\xa1p\x82e\x93\xc2\xe6\xb5\xf4'</t>
  </si>
  <si>
    <t>b"\x16'\x93\x1e\xd9\xf7\xa7C\xe6\xbb}Cn\\2\xb4\xce\xf6h\\\xf8Z\xf9\xdff\x01\xc8S\xbb\t\xe0\xa4"</t>
  </si>
  <si>
    <t>b"\xb6\xa6:\xde\xaa\xfd\xf3\xc1\xfb?Xd\xa4\x05\xb6\x16\x8e\xef\xf4\n\xdf\x89\xb3'1\x16\xf2ZL\x1b\x17\x87"</t>
  </si>
  <si>
    <t>b'\xf9\xea\xe9g\x84k5\x89j\xfd\xf4t\xfb\xa3Srr9\x8c\xf6\xc3xU{\xe4j\xfc\x86\x0f\xc0\x8b1'</t>
  </si>
  <si>
    <t>b'?\x19\x8e|\x9c\xd1\x12=\xb6\xa1\xbf\xbd\xff\xc5\xa9*\x0e\xb9\xa7\xf5\x01\xb9\xde\xcf\xd2\xf6\t\x9b`5\xa9&gt;'</t>
  </si>
  <si>
    <t>b'\xaa@\xad\x92\x03~&amp;\xba\x0b`i\x8a\xd7\x8f\xf0^\xbe\x91\x92\xa6\x1d(\x8c\x82\x96A/{\xdc\x11\x11o'</t>
  </si>
  <si>
    <t>b'\x01\x81}.2\xd0=I\xd9\xe1\x9b,-C}\xa7b\x05\x11\xdeH\x1d\xe6\x99\xdb#\x04\xf7\xd7\xeb\xc3\xe5'</t>
  </si>
  <si>
    <t>b'\x030\xb7\\\xa5\x9f?D\xe7\xde\xbd`;ui\xc9\xda\x99Nn\xd0\xa7\xa3\xc8\x13\x19\x0e\t\xd1\x99]\x96'</t>
  </si>
  <si>
    <t>b'\xa5\xf0A\x81\x96&amp;T\xe7%s*\x81\x87E\x1cf\x7f\x16\x03\xban\x91%\xbe\xe9\xa6&gt;\xc2\xfe\xab\x83\x0c'</t>
  </si>
  <si>
    <t>b'\x91\xa6\xce\x18Q\xc2\xd3IWO\xb6AI\xca\xe0\xe6\xe6\xba2\xa6v\xabi\xc6 \xb9\xf87oZ\\\xbb'</t>
  </si>
  <si>
    <t>b'\xbc&gt;\x85\xb70\xe6A\xa4\x1a\x8a\x03\xac\xe4/\xc68t\xdb\x1f\tp\x8cq\x81\x85V\xb9\x84;\xea\xd5\x92'</t>
  </si>
  <si>
    <t>b'\x01E\xc9F\\s\x80\xe8,\x89\xa0\xcb\x00}\xd9Z\xc9\xea\x1e\xd2\xcd\xfc\xbe?\x8f\xf0\xde\x1d\xd1_\xee\xe5'</t>
  </si>
  <si>
    <t>b'\xc5}Uu\xf8\xa5 S\x1aS\x0fvz\xbc\xe2\xb7v\x89\xfde\x07t\xdfo\xd7\xc3\x16\xf47r\x1c\x0b'</t>
  </si>
  <si>
    <t>b'P\xbe\x1c\xfdv\xa7\x9f\xb0\x10\xbf\xc2\xa7\xa2\xfd\x85\xaa\x98\x1c\xcb\x820\x98\xa5%6\x13\n\x9e$@/\xfa'</t>
  </si>
  <si>
    <t>b'\x0c\xa8\xf6\x9bZ\xaf\xd1J\xd7.\x9a\xd2\x10u\x0e\xa6\xd5\xf9\x12M\xb7t\xe6\x95H\x92M\x81\x8d0\xf7\xcb'</t>
  </si>
  <si>
    <t>b'H\xe7\xa3X\x12\x0f\tO[7\xb5\x92\xe1a\x88?\x8bG\xbb\x82x\xf26\x87m\xa8T\xa0\x89\xc4V\x8c'</t>
  </si>
  <si>
    <t>b'\xb3\x81v\x91\xa0$\r{\x9c-\xb8RK\xfe9\x99\n@\xb4\xf5\xa2\x9b\xc7X\x82\xba\xd1JmZ\xa1\xf1'</t>
  </si>
  <si>
    <t>b'\x90?qV%G\xe9\xfd\x9e\x1cjv\xbe\xbc\xe3\xb3\x97Q\xa6\x08b\xa8\xf4\xc7\xa9\xf3\xc1\xa2\x1fX\xbe\xbb'</t>
  </si>
  <si>
    <t>b'\xf7\x95\xad0\xb5\xb0\x8b\xfe\x18;\xe0\xb98\xef\xa7\xc8W\x9f\xe6\\vS\xc51V*\x07gj\xd8.\x1e'</t>
  </si>
  <si>
    <t>b'E\x97\xc0\x0e\xcb+}v_\x1c\xa9\xc2\x18,\n]\xb7\x02\x1dT/\x07"\xd4l\xe7\xaeC\x08\x8e \xf3'</t>
  </si>
  <si>
    <t>b'\xfes\xeaoF\xef\xab8p!\xcfl\ra72\xe8\x05.z\x87\x80&amp;\xbd+B\x85\xfc\xf7\xeb(Q'</t>
  </si>
  <si>
    <t>b'\xbf\n\xfb\xc7\xc6\xe4\xf0\xc7\x8fR\x157\x1bs\x06\x16m\x7f\xc7\x80\xd5\xd9W\xc8ep\x9e(1\x1c\x8dH'</t>
  </si>
  <si>
    <t>b'\x1a\x1f#\xe7\xd9s\xa3\xa2\xe8\x8c*~\xcfa]M\xf4;\xd9\x1e\x83\x9eh\xab\x8b\x19&gt;\x02\x17m\x80\xd7'</t>
  </si>
  <si>
    <t>b'\xf1\x15\xc6\xb3\xde\xae\xc2\x1d\xb3A\xfaWw\xb6-m\x1e\xdb\x00\x8f\xd3F\x165y\xfdT\x07\xe6\x15\x9a\xc7'</t>
  </si>
  <si>
    <t>b'\xccY\x92\x98ho\xe2\xe1\tur\x98}e\xff19VKx\x087\x9a\xd4LC\x86\x95\x0f\xea\x8a\x8a'</t>
  </si>
  <si>
    <t>b'\x86\x85"\xb8\xf8cRF\\\xa7E\xe5\xbdw:\x86\x96\xa8v\x1cYy\xe74\x9ad\xa5I4\x02}\xdf'</t>
  </si>
  <si>
    <t>b'\x0b\x07S?&lt;\x9d\x07\xc2\xc7Kx\xce\xf2\xed\x8d?\x1b\xc2\x1c\x8b\x14W\xaeW\xb6\x9c#@\xf6\xc0\xa5\xc9'</t>
  </si>
  <si>
    <t>b'\x07#(h]\x94\xbc\x17\x8a\xa6LM"\xce\xda\x19\xabT\x94n&lt;z\xa3\xacv\x0b\xa8\xcb\xc0\xd1\x9a\r'</t>
  </si>
  <si>
    <t>b"\x95\xb6\xc0;J^ \xdcu\xfb\x94\xc7\xce\xda#\xc9\x81rq'\xcb\x1a\xbbtc\x04R\x1eG\xe4-\xd9"</t>
  </si>
  <si>
    <t>b'\x8f\xe1\x92\xa1\x8b.\x87\xf8\xd0\xe6\xf9\xf82\xa5%\x94\xfcY\x07WD\x11o\x85\xf5\x8dH\xf4\xfa\xeb\xf5\x98'</t>
  </si>
  <si>
    <t>b'\x90^\x9f(\xa4\x90\x83\x9a\xd1B\xc7S2\xcb+m\x9c\x0c\xed_}\xac\xdc\xc1\xf9\x93X\xb8Ln\xc0\xea'</t>
  </si>
  <si>
    <t>b'\x1c;^J\x95`X\xc20\xda\xf9\xc4\r\xcf\xcd\xde\xaa\x14\xa9K\x85\xb5y\xdf\x14\x07\xc8\xb5\x02\xb2v\x92'</t>
  </si>
  <si>
    <t>b'Qg\x17f\x08A\xbf4\x9c\xd8\x1e;Fw^\x18\xab\xe83\x14"\xf5\x9d\xf9\xa3\xbc\x14\xf4\x18\xfe\\\x85'</t>
  </si>
  <si>
    <t>b'\xcd\xfe\x05\x8e_\xd7\x02m\x9cAc\xf8\xcec\xa8hp\xa2\xb8\xe2Y\x94\xce\xa2\xa0\x9b@\xbc\xfd\xf8p\xb9'</t>
  </si>
  <si>
    <t>b'&lt;}\x93N=\xcdw4\xca\x95\x82d\xa0#\xa1*\xe3kv#!c+8(C`\xcf\x0c?\xc8w'</t>
  </si>
  <si>
    <t>b'\xde\xab\xf7\xa5\xf9x\xec\x04\xd2\xdb\x01h\xa79\x93r\xf1\xb5\xae\xb5x\x19)\x85\x85\xab@\x1cj\xea@7'</t>
  </si>
  <si>
    <t>b'F\xf5\x11\x99h\x04\xf7/\xd9w\xe0\xa4\r\x07.\x11\xf8UuQ\x88\x7f,\xfe\xdb\xd9\x99R\x19\x84\xfcp'</t>
  </si>
  <si>
    <t>b'\x9fv=\xdeJ\x03.\x08~\x0e\x18\xd3\x86\xdc\xe1\xeb\xb4\xf9Y\xb69\xe6\xdc&amp;\xc2\xd7\xd8\xb9\xe0$\x86f'</t>
  </si>
  <si>
    <t>b'\xe6i\x02\x04*\xa6\x04b\xe6|\x8e\xc5\xf4Z^\xb9\xe2"\x03\xdd\x90It7_\xfd`\x9e\xa2\xe4\xf1\x93'</t>
  </si>
  <si>
    <t>b"\x16\x08\xb8V\x89\xa6\x85\xdb\xe1\xe3\xe3\x125V\x10\x05[\xc8c\xcd\xaft\xbb&gt;\xbf\xe9\xb9'\xa9\xad\x9d\xa8"</t>
  </si>
  <si>
    <t>b'\x17\xa2\x7f\n\xf5\x7f\xcf\xd1\xc1\xfb"$t\xba\x849\x82\xfex\xa1\xf9\x16\xc1\x1fV\x00\xe9\x1e87\xb0\x06'</t>
  </si>
  <si>
    <t>b'\xf4\xa8\x15\xe3`\x12\xd8mHEz\xbb\x9a*\xae_\x19\xdb\x0cE\x1d\x15g\x80./q&gt;\xd8\x00N\\'</t>
  </si>
  <si>
    <t>b'C\xc2\x14O\xf64\xd99i\xccE\xe8\xb1(L\x01p\xaa\xddT\x10\xc4b\xbd\xe8\xa9%N\x15C\xc2_'</t>
  </si>
  <si>
    <t>b'xc\t\x90@/B;\xb0wE\xee\x17\x12\xb6\x8aNW3\xf74\x0bY\xf6z}j\xfax\x0c\xfc\x18'</t>
  </si>
  <si>
    <t>b'\xe70\xbd\xfa5\xbc\xc9\xd5\xdcS\xb0\x1e\x10H\x0c\n\xb7Q\x99T\xfb\xf0_\x06(5+\x95\xd3\x00\xc9y'</t>
  </si>
  <si>
    <t>b'\xdf\x8e\x93\xd4\xd2\x11]\xe5\xb9\xba\xe9\xd8\xfaeP\x12\xd8%\xa8\x16\xb8\x8dU9\xce\xf0&amp;\xb7\xde z\xe4'</t>
  </si>
  <si>
    <t>b'[L\x9e\xc6\xd4\x93\xf6\xf1%zO\xde\x93\xe0\xa9\xbe(\xafi8\xc9&gt;QB\x9b?^zPS2\x0f'</t>
  </si>
  <si>
    <t>b'\xd3\x9e;\x91aM\x80\xedP\xd0"\xd0\x95\x07\x9e\xea?\xf1\xe0\xc3\x0c[\xf9\xb3\\LDh\x00\x1d\xfb\xb8'</t>
  </si>
  <si>
    <t>b'Y\xbf\xb6\xa1\xbb\xcb\x81o\x9e\xf4\xb6&gt;\xd7ySH\t\x0e\x11\xc547\x06\xc4/i\xe5\xb7m\\d\xbc'</t>
  </si>
  <si>
    <t>b'\xa1\xbb\xf8\x00\xfc\xf4\x0b|\x8dz\xeeg\xe9\x89o[&lt;_\xa2\xff\xcf\x02d\xf1x\x0e\xa8i\xd1]9\x0e'</t>
  </si>
  <si>
    <t>b'\x8bvn\xde\x15\xc5\xaeW\xdd\xf8\xea\xa7\xd6u\xe4\xa0\xaf&lt;\x12\x83\xaeL\xfax\x1a\xf2\x8f\x80t\x8a?\x82'</t>
  </si>
  <si>
    <t>b'n\x1e8\xf6\xb2\x18\xf79\x11\x1b\xb7{\\\x11\x8e\x07SRV\xaf\xcc/\x89p?\xcc^\x8e87\x8d}'</t>
  </si>
  <si>
    <t>b"\xa3x\xf9j\xe9$Z\x1d\xbc}\xb9$\xdd\xcb\xb1\xe3\xc8\xe05\xbd{\x02'\xa6\x15\x82\xe9\x16\x0b\xc6C\xbe"</t>
  </si>
  <si>
    <t>b"\xf6&lt;\x14x\x05\xa8\n\xbf\x97\x80r\x9d\xbd\x08u\xf7\x15\xf85Y\x99@/\xb5\xc8\x8f'`y\x17!\x08"</t>
  </si>
  <si>
    <t>b'\x9f\x8d{\xb3\xa9\xc0\xd6t\x8d\xf9\x10\xf7A\xee7\x94\xcc\xb9B)e9\xba\x84\xdd\xf7\xbd\xa0\x7fRp\x1a'</t>
  </si>
  <si>
    <t>b'Z\xd2\x11\xec\x9c\x058\xcdh\x13\xbd\xc9\xe0o\x13\xa9\x16\xf9\xc2\xa5:g\x11;s5\xa5\x81u?\xeb^'</t>
  </si>
  <si>
    <t>b'zB\xbf\xa5\xebE\xc2\x06\x1c\x85+\xfb\xd9\x9dr\x99\xbf\xff\t$\xcf\xe3\nw\xc8\xde/Bu2a\xcc'</t>
  </si>
  <si>
    <t>b'\xea\xd5\x1e\xff\xa0\xe6{Z:\x1fQ\xa1\x1f\x9fc\xf9\xb2\xb1\n\x14\x17Yb\xfb:i]\x98\x7f\xdd\xbc\xea'</t>
  </si>
  <si>
    <t>b"%\x91P4\x00F\x16\x0f\xb0eBP1\x10\\\xf6\xb4\xef9&lt;M'\xd0d7%\x81\xb6d\x9b$\xb8"</t>
  </si>
  <si>
    <t>b'\x9f\xb6V\x0e\xee\xa0G\x00\x9dq\xbbO\xe1p\xb0\xd6oPq:\xa2i\xfd\x0f\xdc\xe2\x80g\xa8tE7'</t>
  </si>
  <si>
    <t>b'\xe0{\xeb\xec\x97\xf3e\x9cF)\xd1-\xd9\xb7:\xa7\xc9\xd5\xfd\xcc\xc7\xc5\r\x9d\x0f:\xfd\xe0\xf8\x9e$*'</t>
  </si>
  <si>
    <t>b'\xf9\xf3#|\xb1\xd8\xc6\xb2\xfax\x01l\xae\xdb\x0b\xb5\x17\x80\xee\xd6\xee\xa2\xc4/aJ\xbbu\x85sJ\xe9'</t>
  </si>
  <si>
    <t>b'\x1b\x15\x9e\x10\x8e\x02&gt;&gt;\x7f\xbc\x8a/\xba\xc2\xad\xab^\xba\x80[\x03\xd6\xd0\x83\xd5\xfa\x1d\xf2\xa9\x07\xb6k'</t>
  </si>
  <si>
    <t>b'\xdd$\xaa\rT_,Q\xbf\x90O{\xa3\xccB\x80\xeb\x80\xb0)\xdc\xb1\xf1\xa2\xc4f\xd1g\x042ek'</t>
  </si>
  <si>
    <t>b'\xe6\x0fF\x1f\xc6\xe70\xac\xc0\x86\xae\x00c&amp;)J\xce\x96(%\xe8P&amp;V\xc2\xe1G\xa5&gt;\x8c\xe8|'</t>
  </si>
  <si>
    <t>b'\xcc\x05\x07S\xb8+\x04\x089\xa5W\xa5\xf3\x0f[\x1d\xff\x90\xf5@\xa0\xd8/\x861\xdaD\xacl/\x86\x06'</t>
  </si>
  <si>
    <t>b'R\xe5+\x11\xf0\x0fn\xf1\x81\x9f\x1b\x9dR\x1d(Z\n\x18\xea\x02\xf2A\xfd\x9d\xee\xc1\xdb.f\xfe\x11\xd9'</t>
  </si>
  <si>
    <t>b'\x9d\xae\x08\x848\xf9\xdf,\xde\xd9/\xc5V\xa1\x02\xbb\xfb\x90\xe8J\x1e\xb6\xf8\x83U\x07\xbb\x17\x9d\xa5X@'</t>
  </si>
  <si>
    <t>b'\xfa\xe0_\xfb\x1ct\x97Y\x01\x95h\xba\x8de\xde\xad\x89\xb78\x9b \xeff\x02\x1fQ\xc9\xa9mw)g'</t>
  </si>
  <si>
    <t>b'[Oa\x1bw\xb5\xd6&amp;\x80\x14\xe59.\xa4\x87g\x92~\x8eg\xf7\xed\xde\xef\x06\xe6Z\xcd\xcf\xaan\xa2'</t>
  </si>
  <si>
    <t>b'\xe7(\xf4B\xb0\xf3\xfc\xd3\xa2F\xc29\x96/\xd7^\xf5H\xe5U\x1d\xf0V\x8c\xc1\xa2(\x0b2E\x82\x8d'</t>
  </si>
  <si>
    <t>b'5\xb7?\x00\xcb\xf5*%\x06K\xc3&amp;9\xd6\xd2$\x84\xd1\xed?\xa6\x94\xca\x1e\x11\x98\x1e\xba&gt;w\x18\xd3'</t>
  </si>
  <si>
    <t>b'\xa0\xd5\xab/ZQ\x1cUoL\xb1hS1\x9f\xa95\xe7\xdd\xc7\xe2|"\x9b\x1e\x90\xef\xdfp\xb2\xfb5'</t>
  </si>
  <si>
    <t>b'oZ\x1a\x1e\x1a\x05\x96\xe92Y\xa0\xb2\x0f\x92C\x0e\x05\x9f\x0e\rE\xe6wd\xfc4\x9b\xf9kN\xc6\x8f'</t>
  </si>
  <si>
    <t>b'6\xf0\xfa\x7f4\xea,\x80)7\xc9&lt;@\x176\xba\x90\x051\x8f\xe0\xdcL!4\x08\x07\x8e5\x960\x0b'</t>
  </si>
  <si>
    <t>b'6\xaf\xcb^\x8a\xcb\x92\x8e%\x9d}w\x80\xa9H5\x1a\x9f?\xe7\xcc\xe6\xef\xd1\xc3\x9f\xaa\x17V\xcc\xdfg'</t>
  </si>
  <si>
    <t>b'\xf7Qt\xd6\xbb\xe8\xf3\x7fs\xf5XT\xdb)&lt;5tT\xf4\xba\x7f\xd5P\xca\x1e\xfa\x0c\xea\xb1k ?'</t>
  </si>
  <si>
    <t>b'\xa5\xc0`\x80o\xb1T\x7f \xf7\x8a\x84\x04%\xbe\x19\x94\xea8\xc6MS~\x1a\xfb\x98\x9f\x84q\x14\x87I'</t>
  </si>
  <si>
    <t>b'\xb0\xa6\xdfRX\xc1\xea\x8a\x13\xf5\x88wf.Xe\\\xe6\x8c\xa0!\xf4\xfb\x0c\xba\xd0\x9d6A!7K'</t>
  </si>
  <si>
    <t>b'\x02\t"l\xde\xdf\x1c\x7f\x1d\x0c\n\xb9\x91\x00\xa8OW\xc2\x7fo1M&gt;/\xb8+V\x05\'Uf\x1c'</t>
  </si>
  <si>
    <t>b'\x11L\xb0\xa1\x16\x86"\n1H-\xd1\x89\xf60&gt;\xcd{\xdcY\xb6\x96\xa1&amp;\xbf\x0b[\xe8\x03M\x04\xd6'</t>
  </si>
  <si>
    <t>b'\x1f\x93\xc58A?\x933\xfdM\r\x03?\x12\xd45\xe8v\xe2\x18\xca\x97\xac\x83?\xc4&lt;~~+\x19\xd9'</t>
  </si>
  <si>
    <t>b'\x8c[\x0f\xe7\x12L$e`#\xf6DP\x83\xe1\x8e\xd5\xc5;5\x86\x0fx&amp;\x9b\x86+\x04-9\x9b\r'</t>
  </si>
  <si>
    <t>b'\xa1\x93\xfc-\xb8\x85\xba\xc3M\xc4\xd6\xa3\xfc\xccx\x98\xed\xa5{\xb3\xa0\xe4\x07\xfd{X\x16\xb7\xbe\xd7\xb0g'</t>
  </si>
  <si>
    <t>b',\xd4]\xdc\x00\x8e!\xa2\xb1 \x15x\x82O\x16sb\x9b&amp;Sio\xa9$\xc6b\xc7oM+Z\x1a'</t>
  </si>
  <si>
    <t>b'D7\xf8\xdc\x8f\xa5\xcds\xcak\x0c\xbdW\x0co\xde\xbcS\x9a\n\x17ZxJ\xbeYd\x95\xed\x15\xf98'</t>
  </si>
  <si>
    <t>b'\x00\\y\xb0\x1f\xe0s\xf2f\xf1\xce\x9e8B\xbd\x9aM\xd4 \x0ckuJj#\xc2\x9d\xbby\xca\xe6\x8e'</t>
  </si>
  <si>
    <t>b'\xc9ZF\xf2p\xb058\n\xd3;MG\x96\t\x17\x11g\xcc\xaa\xb8\xf3\x7f\x86"\xe63!P\x04\xa7\xdf'</t>
  </si>
  <si>
    <t>b'\xa1\x83\xe5S\xf8\x01\x15s\xd2+;\xa9|\x1er\x8cx\xcf4\xf2=:\xc4O\xd1\xd9%\xbb$6\xb7D'</t>
  </si>
  <si>
    <t>b'\x80\xe6\xc6a\xbc\xd7\xb9}\xc2_\xea\\\xfe\xf4\xed\x8a\xa8\x90\x95\x17xA\x06\xb8D\x89\x14-\x06\t\x14\x8f'</t>
  </si>
  <si>
    <t>b'][\x00~\xc0\xc9Oy\xd0\x00\xfa\x85C0\xe6\xc0+f\x1bE\x02\xca\x83\xb6\xdeB\xc8\t1\x13\x9a\x19'</t>
  </si>
  <si>
    <t>b'zN\x1f9g\xa3\xbe;\x175um\x9a\x06\x8eZ\x8e\x9d\x91pW\x8e1\x03*\xaf\xdd\xa3\xa2\xb3\x85\xb8'</t>
  </si>
  <si>
    <t>b'\xdd\x02\xbe\x9d\xe4\xfc\xda\x82.&lt;\xa0O{F^\x0ed\xe5\xb2\x92\x085t\x8e\x1cX\xfeK=~\xb8\x9b'</t>
  </si>
  <si>
    <t>b'\xe5[\x95\xb3\xb0\xb7\x7f\xfd\xfd\x9e?\x12\xc9\xe2\xbe\xa7\xc8\xf6I\xf6m\xda\x1b\xe1\xc6&gt;\xd8\x9f\xcd\xac\xbbU'</t>
  </si>
  <si>
    <t>b'\xf8.\xc5xe{\x1cuf\x11\x1c(m\x8d8 6\x94g\xc2"\xbe\xf5\xa7\\\xcb\xf5\xcf\xd4\x14\x96\x0e'</t>
  </si>
  <si>
    <t>b"w\x98\xb2\xa2`\xe7\xb5\xed\xbe\xdfm\x00\x7f\xf7\xa7\xa3\xc4\xd6\x87a\xa7q\x90%Q'\xbb\x06\x89\x95\xaa\x8c"</t>
  </si>
  <si>
    <t>b'\xbc\xcf\x13\xa2\x8d/\xff!H\xd0b-\x8d\xdf\xe1\x95\x94\xb2Y\xf4\xe5H\xa2\xf1\xb9Q\r\xcc\xc2\xd1\x03\xf1'</t>
  </si>
  <si>
    <t>b'\xd0]!J\x8fm\x1cz\x96\x0f\r\xc2\xba6\xb7;h\x88\x7f\xd9\x00\xect18\x99\xb4\x04\x1b`\xbf\xd2'</t>
  </si>
  <si>
    <t>b'\x16\x14v\xc5\x87\t\x06\xde\x95\x96\xab\xc9\xeb\xa3\x91\x1d\x049\xb0)\t7\xe3`\x86\x14\xad\xb4\xfb!\xf1\xa2'</t>
  </si>
  <si>
    <t>b'R\xed,\xc5\xf2\xedm\xec\x93Tf\x9ar{/\x97\x00\xa1W\xd2\t\x1a\x10\xe2\xa2,\x85\xf1K\x1ftN'</t>
  </si>
  <si>
    <t>b'\xc7\xdf\xc2\xc3\x19\x8b\ry\x86l&lt;\xbc\x84\x07R\xc6\x13\x83}j\x92/\xd7Z\x9fN\x0e\xe4^\x01\xda\xaf'</t>
  </si>
  <si>
    <t>b'SA\x0f\x96\xcc\xdf3\xde!x\x17SyV_\xd5\x8f\xf7m\x9f=\xf0h\xd5\xa06\x12D8\x02l\xa1'</t>
  </si>
  <si>
    <t>b'\xb6wW\xe0\xee\x96\xde\xe5\xbd`b\xa4K\xf6\x99\x9cR\xd4jG\xd4\xe0\x82\x04\x1dc\xce\x81(\nX\x1f'</t>
  </si>
  <si>
    <t>b'/R\xd0T\x90\xb9-\xa5!\n%Ww\x12\xd3\xca\x17\xaf\xfaq\x88lg\x8dL\xcaL\x97UoZ\xe4'</t>
  </si>
  <si>
    <t>b'+\x1ag\x8a\xea\x87\xb5\xe7\x1e\x01\xa5\x7f\x84\xb4-AN\x0b_=-\xc60\xd5\xf53\xc0\xcb$\x0e\xc7\xbf'</t>
  </si>
  <si>
    <t>b'_2\x89\x86*\x86\xfb\xc8\xaf\xa1\xc9%\x11\xc1\xd9.\xc2\r\x18\x97\x86T\xc3\x8f\xbaJZG\n\x9e\x96\xc8'</t>
  </si>
  <si>
    <t>b'\x9d\xf6\xc6\xd9\x8e\x0f\x8cP\xc2JH\x00\xb8Q|U\x1c\xce\xcb\xcb\x8b\xe9&gt;`\xb4Ig-2\x8e`&amp;'</t>
  </si>
  <si>
    <t>b'\x06\x85\x0e-\xfb\xc4\xde0p\xa7\xa7\x00[ObjL7\x18P\xedIv5f\xa2\x82\x9d\xf0PI\xd9'</t>
  </si>
  <si>
    <t>b'\x82\xc9\xd9\xb6\xfd\xa8\xf0\x9e\xe8\xf1\xc3Q\x9c\x8e$\xd6\xa4\xf51\xc0R{\x1eG\x1a\x86\xe9\xc2\x1f\xeb\x07^'</t>
  </si>
  <si>
    <t>b'\xc8\xe4\xfc\xc1Q\x8dH\xc1\xc9\x15\xb2\x13\x8f\x0e\xe3\xe9}\xd7O\xb7+\\\\&amp;yD\xad,r\xc7\xecF'</t>
  </si>
  <si>
    <t>b'T&gt;a\x07\x1f\x01\xce\n\x8b}!\xe0\xbd\x08r\xc3\x02\x80\xa8\x9a\xb8\xbf\xca\x1ey~\xed\xcb\xa2\x95\xe4G'</t>
  </si>
  <si>
    <t>b"a,\xc9N\x82\x8d\x1c\xb2^\x8c\xe2'\x88\x0f\x1c\xac\x97WUS9\x1f*\xb1\xa8\xad\x9fh\x02=\xe3\xef"</t>
  </si>
  <si>
    <t>b'D \xc6\xa1Y\x1d\x1a\xce\x12lA\x0b\x15s\x18\x0eIA\xf4\x8cU]\xac\xcf\xf4\xa3\x8a\x11\x82}\xf8\x05'</t>
  </si>
  <si>
    <t>b's\x13\x85c\x08_\x07\xba\xe0s.\xaf{mlZR6bM\x15\xec\\\xfc\xab\x16A9\xf6sc\x06'</t>
  </si>
  <si>
    <t>b'\xc9"\x1a\x8f\x0eb(\xcb\xcc\x06QOr\x8e\xc8\xf9\x80\xd0\x9b\x8cXn\xe30\xa15P\xad\xb9\x9e\x0f6'</t>
  </si>
  <si>
    <t>b'\xd2d?"\xf2z\xcd\xe6^\x95\xdd\xa5w\x0eO\xbbd\x90/G\x8d\x01\xac}a\xa8h\x9c[\x12G\x12'</t>
  </si>
  <si>
    <t>b'\xe7B\x8d\x88=\xdf*\x9d\x15L\x11ka\xfb|\xf1\xa5\xf7\x0cR\xa7\xbe\x1d\x86\xa8+|Eek\xfbK'</t>
  </si>
  <si>
    <t>b'\xce4p\x19\xfb\x12h\x0f\xde\xa4\xb4L-\xde\xa7\xec\x0f\xce\xbc\xe5.\xcfx\xc1\xa6\x98&gt;\xb8\x15\r.\x04'</t>
  </si>
  <si>
    <t>b'rF\xbf\xb4O\xacW\x84+\x8e\xe1\xd7\x12\xde\x1f\x1b\x94\r%~Us\xdfW\n\xf3Z$\xc4\xc4\xa1\x9e'</t>
  </si>
  <si>
    <t>b'[\xe0\xc8\xd1{\x8cbU\x9fhs\xc9l\x19\xe8\x92\xa04\xc9\x9b\xc8Z\xb23\xda\x95\xb3Q\xda6\x88\xd2'</t>
  </si>
  <si>
    <t>b'\x0e\x0f\xce\xa9-\xcb#E\xbeg\xb5\xd2\x02\x85D\xe0["\n1\xf7L6\xaf\xc0jIR\x0f&gt;|\xf0'</t>
  </si>
  <si>
    <t>b"\xe8\xbd\xf5&lt;w\xb3\xb5\x12p\xf2^5\x02%U\x87\xbe3\xafho3`\rB\x8b'\xd7\xbc-\xe9j"</t>
  </si>
  <si>
    <t>b'@\x83HL\n\x13\xd4\xed\x1e\xb6\xd4v\xa9\x80\xad\x18\xc6\xa6\xf7J&gt;\xdb\xa9_\xbdr\x9a\x9fp.\xfb\x7f'</t>
  </si>
  <si>
    <t>b'\x8b\xa0}HMK%\xa5I\x01\x1d[i\x9d\x95\x11\x8f,\x97\xcd\x16K\xa50\x87\x9dda\xde\xc2v\x1f'</t>
  </si>
  <si>
    <t>b'\x04k\xfd\x96\x16\x1f\xd3\xcbh7\xb2\xfd\xa1\x02\xb4~\t\x95\xe8k\xf8\xa5\xb7\xa1\xb8\x1d\x00?\xba\x91\xcd\xe9'</t>
  </si>
  <si>
    <t>b"K\x1fS\xc8\xafT\xec\x85TNmD\x17\x08=\\\xa7(\x16\xc4\xa6\x88\x8e\xc5\x10\x16-\xf0\xed '["</t>
  </si>
  <si>
    <t>b'\xcdQD\xac\xead\xa5\x1d]\xe9Lb\x04\x97\xe0\xa4\xb6Y\x93\xa8\xc2v}PX8~nc\x93\xe1\x01'</t>
  </si>
  <si>
    <t>b'!S\xb0.\xf4\xb52*\x1aa\x04\x91"O\xc6\x94X\x97,"\x1c\xb7C-\x9e\xb0Lt \xd2\xba\x87'</t>
  </si>
  <si>
    <t>b'\r\xe73(\x0c\x16\x1a\xb0\x8c\xdf-e\x0e\x80\xa8\xa7\x96}\x8b\xb7\xb7\x91\x11\x9c\x9bn\x08\xf0\x8f\xcaA\xc0'</t>
  </si>
  <si>
    <t>b'\xf3*\xd7&lt;\x9bd\xff\x0f\xc7\x06\xac\xa1lu\xe8H\xf2\xd9}&gt;\xdc\xb4\xf9\\\x80\xe1\xb3\n&gt;\x1d\x98\xea'</t>
  </si>
  <si>
    <t>b'\xdf&amp;2$G\xd9\xa2\x1f\x85\xff\x0e!\x17\x15\xf9\x94\x8b\t4\x9d\xdd\xdc*\x97\xebMD\x97\x9d\x00\x1ap'</t>
  </si>
  <si>
    <t>b'\x9b\xfe\xe3\xb7\xac\x91\x07\x9f\xdd\x1ah\xb0\xc0\xdd^\xd1\xaf\x12\xda1\xc0\xd8HB2\xe6L\x80\xd6\x89\xc4\xeb'</t>
  </si>
  <si>
    <t>b'Z\xa5\x19d\xa6s\xf6\x95\xf3\xd0*a0E\xee\x13\xede\x8e\x04X\xca\t\x95U\xfd6\xcd/\x021\xa1'</t>
  </si>
  <si>
    <t>b'Up\x7fG\xd1\x1c\x0b%Ni\xc6|\xda)\x8d\xbf\\o:Q\xc44\xf6\xf1\x03k\x16u\xef=\xed\xaa'</t>
  </si>
  <si>
    <t>b'\xc9\xd1&gt;\x11\xd0\x8c\xe8\xa0@\xff~\x98b\xb3\xfa\x8e\x847\xa8}^\x88\x9b\xf5\xb4\\\xc14\xa5\x8b\xa9\x1b'</t>
  </si>
  <si>
    <t>b'3,\x81M\xbd\xf9L\x9e\r\x80P\x7f\x90\xc7)!\xc6\xfb\x18g\\\x0b\x7f\x0c\x81\\\x82\\{[kv'</t>
  </si>
  <si>
    <t>b'2\xc78,=dVnN&gt;b\xffb\x84\xaa\xad\x94\xb1\xae\xe3\xa5\xc3T&amp;\xc2\x82bp\xd3\xbd\x9e\x92'</t>
  </si>
  <si>
    <t>b'{)\x98\xf4\xed\xdb\xf83(\n\x02`\xd7-\t\x00t\xebG\xd0Eh\xb7\x8d\xa8\xab\xd7}\x9dnD&gt;'</t>
  </si>
  <si>
    <t>b'I\xc5T\xb9\xc7/\xc5\xdf\x92p[\x1bDTb\xb8\xa7\x14\x8a\xa0\xad\xf1\xd2\xb5\x88\x12\xd4\xf7\x9f\x05\x89\xb6'</t>
  </si>
  <si>
    <t>b',\xbchT\ns\xb6!\xfc*\xac\x8f\xbf\xfc\xebR\x98\x13\xad\xc9\x8a-^\x1f\xf01\x05\x86\xe2M.\xc2'</t>
  </si>
  <si>
    <t>b'\x89\rX\xeer&amp;*\xa1D\xd7\x16\x9eiv\xe9\n\xc7\x88X\x07\x05\xf1\x1c\xfb=\xbc\xb5l\xa7\x12,h'</t>
  </si>
  <si>
    <t>b'S\x98]\xdfR\xe5\xa1_\xb1M\x85\xf6\x03\xfd\x97\xf2\t\x17\x82\xcb\xea@\x89\x98cK"U\x89\xa3x\xb9'</t>
  </si>
  <si>
    <t>b'\xc0\xc1\xad\xaaFjb\x9f!Xa\n\xe8\x9e\x00KK(\xf0\x04\xb2!eRM\x90\xe7f\xf4\xedC\x1b'</t>
  </si>
  <si>
    <t>b'\xe4.\x0c\x03\xf3i\x81\xcd\xee\x95\xf1\n&lt;7\x9ff\x02 \x85\xd2\x0b\xc0\xac\xca;~\x02\x87\x9a\xad&amp;\xf7'</t>
  </si>
  <si>
    <t>b'!\xc2\xad\xac\x84\x8a\xe2\x99\xdfw+b\xfc\xe3\x84\x051\x9f\xdbA\xa28\\\x18\x15\x92\xdc"\xfe\xfcn\xf8'</t>
  </si>
  <si>
    <t>b'\x1f\xd6\xc8+\x190\x18\x0fP$u\xec\x81\x97\xb6\x94\xe7\x16\xa5x\xaa\xebu_\xd0\xbap\x81\x96r\xb4('</t>
  </si>
  <si>
    <t>b'{.\\\x84\t1\x9f\x0eS\x9b\xb7\x9f)\xfeE\xab\xedR~\x1cK\xfb1"\xa8\xbbW\xd4\x1b\r9\xa4'</t>
  </si>
  <si>
    <t>b'\xa7\x0cJj#\\I\xc8\x1d&amp;\xb3\xc7\xbef\xe2\x02n\xda\xb8\xb2m\x87[\x08\xb7\xecR\xd8\x12\x97\xc7a'</t>
  </si>
  <si>
    <t>b'\xbfa\xf5\xe2\xfcc\xca\xde\x8dl\xaf\xfa%&lt;\x17g\xe5\x15\xc8\xed\xc6=i\x89\xd6\x10`\x13L$\xa09'</t>
  </si>
  <si>
    <t>b'\xa0\xc4d\x9cF\xc2r&gt;\xcd\x1a\xcb\xe0\xd07p\xcbpF\x92\x84\x8eG\xdb\xb2\xbd\x88\xf0b&lt;B/\x96'</t>
  </si>
  <si>
    <t>b'D\x07\x17\x8e\xa8\xe1\xa3\x80\x97H?\x13\xde\x9d\xfc\xa8\xcdw(Ka\x1e\xb5\xfc\x8b7\xccr\xb3\xdf`D'</t>
  </si>
  <si>
    <t>b'\xa6.\x06ny-\xabG \x97o\xcf\xb1\x9e\xe8}\x17\xab\x95\xd1h@r^\xe0\x0c\x8c\xf0F\xf6\xc5"'</t>
  </si>
  <si>
    <t>b'\xa7!\xd4\x99\xe6o\xb3\xe6\x89H\xf0\xbd\x1e\x8e\xc4CQ#x\x82;\xb7\xee4\xef5\xb3\x1d\xcd\xf5E\xf6'</t>
  </si>
  <si>
    <t>b'\x9f\xb7\xa3\x1a\xcc\x17\xd7\xd3\xec\xbe\xa8U\xc3&amp;\xcc;{\x9e\xa4\x185\x15\xe2d!\x0eruu\x9en\xa2'</t>
  </si>
  <si>
    <t>b'W\xb0\xc9w\x92\xe8r\xbc\xf8F\xa6\x12\xeb\xdf\x0ce\x8b\xf06}W\x0e\xa0\x95\x89\x85V\xa0\x01&amp;\xb1&lt;'</t>
  </si>
  <si>
    <t>b'\xbaR)rI\x14\xcd\xcb\xc6.\x91\xff\x8bLe=\xc69\xd5\xf8\xfb\xe9dH\t\xa6\x96\xf4\xd7\xb2\x91i'</t>
  </si>
  <si>
    <t>b'a\xf5\xeed\xf8{\xd9\xc5\xc02\xc95\x9b\x92\xf0\xc3G*O\x05\x04\x12EyN\x9fL\xa0h7LM'</t>
  </si>
  <si>
    <t>b"\x97'\x0c\xea3\xf0Lf\xa1\xc6\xe0Q\x8aO\xba4\xc6\x0b{\xd3i\xf6`\x99\x1a\xcf^\x1e\xb0\x82\x9e\t"</t>
  </si>
  <si>
    <t>b'\x92\x93i\x99P\xb0C\x8f\xb9\xa5\xbe\x8b6\xb5q\xf4\\]F\nd\xc8\x84\x8a\xe1W\xbdIWj\x0c.'</t>
  </si>
  <si>
    <t>b'9r\xadX&lt;\x19\xe7\x81\xcd\xcd\xe76\x92\x95\xc2{[\xd6r4pt\x8d\x0ca\xbc\xad\xaf.J"\x1d'</t>
  </si>
  <si>
    <t>b've\xa9\xd0\x8e6,\x01G/\xd8\xc2V\x96~MT\xd1\xe5|e\x81\x9e@\x1a\xaaw\xb2\xba\x80\xb4\x7f'</t>
  </si>
  <si>
    <t>b's7\xae\xa4\x03fl%\xd4\x17\x0fz\xae\x04,V\x9a\x0ch\xa7\xbd\xb3\x1d-G=(\x16f|\xa4='</t>
  </si>
  <si>
    <t>b'#\x80."\xc7\xe5\x1f\xebY&lt;|\x87L\xc4\xda\x8d\x90%[m\\@|\xde&amp;!\x05D\xce\x91\x93\xaf'</t>
  </si>
  <si>
    <t>b'3\xaef\xb2\xc9\xc2\xe7"\xdbc\xd4w~\xa6\xebP\x9c+\x00\xc5\xf1u\xc4\xb4\xae\xf8\xda\x999\xd4e\xc9'</t>
  </si>
  <si>
    <t>b'\xadqmk\x1f\x0c`\x1f\x00j\xed\x00\x8en\x8bh\x8eB9\x9eb9\xcfG,YC\xd5\xca\xd1\x18,'</t>
  </si>
  <si>
    <t>b'?\xc0\xe8\x1f\xf4\xbb\x11y\xd3\xc5\x8c\x12P\xf2\xf99\x13\xb6@\x9a\xf8\x90#\xb7\x0e%?\xf6\xf0\xe8\x06\xcc'</t>
  </si>
  <si>
    <t>b'/&gt;b.\xd1\xd8\xff~K\xc1\x86\xd6HS\x02rm]P\xc4feK\xf4\x0f\x022\xafgX\xe7\xe5'</t>
  </si>
  <si>
    <t>b'\x15\x17\x02\x8b\xd6]\x08zJ\x0bx\xdbo\x17\x0e\xf2\x16\xd3?S@c6^\xcatuA\xe0\xa2I\xac'</t>
  </si>
  <si>
    <t>b'\x8d}md\x18t]\x1f\x81\x1b\xa6\xaf\xf6d\xe3\xc6P4/g\x1f\x9a~\x8b\xc7\xb3j\x8a\x045hd'</t>
  </si>
  <si>
    <t>b'\xaf\x04\xde\x8ee\x1f&lt;\x08\xd0OU\xebJ`\x1b\xbe\x9f\xaa[\x8c\xe3\x99n\xe7\x8b\x194\x0e\x14\xccK\x9c'</t>
  </si>
  <si>
    <t>b'\x94n\n\x85{-\xf0\xa9\xe6\x9c\x16\xb9\xa0\xc6\x1a\xce\xec\xad\x9f\x9cs0\xbd\x84\xba\xa6\x90\x914\xb1\x19\xae'</t>
  </si>
  <si>
    <t>b'S\xf6\xe6\xd2\xb0\x90\x964*5v\xb9\x1e\xa2\xf5\x82R\xe8\xdc\x81\xa5\xbe\xbd\xf3\x82\xf1D\x81\x1b\xee\xc7\xc0'</t>
  </si>
  <si>
    <t>b'\xc0Hi\xcc\xaf\x93N\xa7\x85\xd1K\xeaW/\xebX\xd9\xbc\x96\x01X\xfb\x0b\x8a\xbf\xf0\xaa\xf6\xc5\x87\xa7\x9d'</t>
  </si>
  <si>
    <t>b'\xc0\x88.\xa3\n\x8fX\x92~#c;;\xb4\x1b+\x86^\xce\x01\xb3\xd4\xd3w\x8f|\xc8F\xd5jI\x98'</t>
  </si>
  <si>
    <t>b'\xb4?\x94!V\x0e*\xad\xe3\x93\xeaQA\x7fF[;\xd5\xfapY\xc6\xc6\xaa:f\xba\xb8\xe1\xe7\xb5\xf9'</t>
  </si>
  <si>
    <t>b'\x12K\xd8JI\xb1\xe4\xa8\xee\xaa\xbeP\xc1\\\xe6\x19k\x08}\xfe\x89\x91!\x99\xa3\xf6\xc5:G\x7f\x87\x99'</t>
  </si>
  <si>
    <t>b'7_\xf1.\xbc\xd0`\\.\x80\x94\xec\x90\xfa\xa3\xe9\xc0a1y.}\x83d9\xca\x84\xc5[\xf7|c'</t>
  </si>
  <si>
    <t>b"D\xaa\x8b\xa6\xf4w\x1aY\xba\xb2\xaf\xa8\x06\xbc\x81\xae\x00\xfe\x17\xfc'\xa7\xea\x08\x07r{[\x03\x1f\x86\xb0"</t>
  </si>
  <si>
    <t>b'\xe8*\xe0\xd8\xb3\xa8\xb9\xadfr\xc2\x9b\xdfqshI\x99\x10_3\x81g\xbd\x14\x8eN+\x86\xffv#'</t>
  </si>
  <si>
    <t>b'j\xf5\x1e\xa2\x18\xb4@P\xd7)\xd6\x80M\xd0\xb0\xc9:C\x889\xb89\xdb\xde\xd1\xbe\x87uk\xb2\x95)'</t>
  </si>
  <si>
    <t>b"@W\xa0\x96K8\x7fB\x11\x8e(\x94\xd0\x0c\xa7\xc3{\xae\x1bS\xb8\xa1'\xd7\x1a\xb33*\xbc\xcfe\xec"</t>
  </si>
  <si>
    <t>b'z\x8d\xec2f\xba\xae\xa1\x88\x9c\x86{-\xd4\xd5\xf0\x8f\xfd\xe4I\xc5\xe1,+\x10A&amp;\x1b\x04\xa02\x15'</t>
  </si>
  <si>
    <t>b'\x89r\x03+P!\x81\xfc\x92\xf6u?~\xb0\xbe:\x11:\x8e\xb3\x1bZ\xddA\x80\x8f\xe3\xde1\xd0\xaan'</t>
  </si>
  <si>
    <t>b'\x9b\xa5\xbf\x92\xf3\xef\xa2w\xab,G\xaahY\xc8\x16W\xd6r\xc5\xa9\xcb\x1d\xd6\x0eF\x95^\x14\x1a\x03p'</t>
  </si>
  <si>
    <t>b'\x85.Zp#7\xba\xd3-c\x12c\x03\xd0\x7fOH\xe81\xfc\x88a\x01\x9d\x9384e`\x8eq\xcd'</t>
  </si>
  <si>
    <t>b'\xd3\xb2\xaby\xe5\xa3\xf8\x8e^\xeeNv\x06F\xba\xe9al\xc7\xff\x7fIA\x85(\xdfTn3\xa0ra'</t>
  </si>
  <si>
    <t>b'\x9a\xb3j\xa9\xc6\xd4}\xa3!~\xeacN\xe3j\xff\xfb\x8d\xd1\xb4;\xa4\xcf\x0e\xdf\xad#3g\xa4\x86\x0e'</t>
  </si>
  <si>
    <t>b'h[\x1e\x8aN\xa9\x92:v\x8a\x96\xa3\x0e\xfa\xcay\x1b-i\x95:^\xca7\xa1JD@\x13&amp;\x8d:'</t>
  </si>
  <si>
    <t>b'.\x97\x95=g\xc4\x14\x08\xa8\x8c\xbe\xf4\x12\x12\xf6\x92$\xd4\x03\x9b29\xe0\xfd\xe8\x14\x8c\xd22\xf7\xcf)'</t>
  </si>
  <si>
    <t>b'\xf2\xae\xbe\xe7\x941\xcc\x10!7\xd8\x07z5V5\xdc-\x1a\xca5\x96\x8e\xbf\xd8\x8d\xf4\xba-\xfa\x07\x8c'</t>
  </si>
  <si>
    <t>b"j\x144\xa0\x9f\xa5\xb1\x11\xa5\x97\xc5\x81_3\xa7Q]\xa7'\x8ab\xfc\x8f'|\x0c\xf5\x08A\xe3\x9f\x9f"</t>
  </si>
  <si>
    <t>b'\r\xd1!\xd8T\x16\x9c\xc5U\xe6W\t\xa7\nj\x9c\xfc\xdb\x95\x97M\x16X\x99\xc2%_fu\x186\x84'</t>
  </si>
  <si>
    <t>b'g8\x95\x15\xde\xc9\x07k\x06Rw\xed\xc5\x98\xd8%\xd0\x06Gu\xe8\xe5C\xcdM-\xaf!&lt;\xe5\xe6\x04'</t>
  </si>
  <si>
    <t>b'0\xd2To^\x07\xbe\xf1&gt;\xfb^\x13_\x16\xfe\xbdf+b\x07\x03d\x9fJ]\xaa\xdca\xa8\xa6\xe5^'</t>
  </si>
  <si>
    <t>b'W:\x8dho\xf33\xf2\xa2\x95\xefs\xba\x1f\xf4\xa1\x87t2\xe0\xbfe*\xbb\xfa\xea\xdez\xb6\x8d\x1eX'</t>
  </si>
  <si>
    <t>b'UyI\xef\xbb\\|\xbb\xbf\x90\xc9\x9d2^1\xe0\xd9ac@\xaa\x18)O\xf4z\x8bs\xe6\xa6\x1e&amp;'</t>
  </si>
  <si>
    <t>b'*\xa2J3Ll_\x01\xfd\xe1\\a\xcb@Q\x1c\x12suLT\x81\xef\xc0\xb7\x1b\x19lrF\xcf\xad'</t>
  </si>
  <si>
    <t>b'\x97\r\xa8z\xd4:0%\xdb\x03\xf8\xba$Z_%H*\xb4\x04\x13\xdc-\x9d\xee\xac \xde)\x08h9'</t>
  </si>
  <si>
    <t>b'\x9f\xa9"\xd2\xcas\x90\x0c\xa9\xcf\x05\xea$t&gt;\xc6\x9dci\xd1\xcf\xd9\x18b\xc7\x0e\xee`\xe1(h\xf0'</t>
  </si>
  <si>
    <t>b'\xeab\xae&amp;\x96\xf7\x06\xfc\xbd;4\xb5\xd5\xc8\x05RD\xbd\x16\xbc\xccu\x0b\xee\xcc\x03\xd9\x97\x03\xf8|g'</t>
  </si>
  <si>
    <t>b'\xe3B\xfcA\x0bx \xbd\xfa\x15\xca\\\xe6\x85wF\xe8\x08\xcb\xe4\xc5\x81\x96_\xf5\xc8\x93.\xd9\x1e5\x8d'</t>
  </si>
  <si>
    <t>b'\xcb\xed\xb4\xbb]\xc1\xba\xd6,\x97\x00Q9Q\xa6\x99\x1a\x8f\xf5\x12qQ\xf3\xd7x1\x9aI\xbd\xf2\xe2R'</t>
  </si>
  <si>
    <t>b'\xc0\x9dL\xb2\x00\xe7\xe0u\np\xa0c7\xcc\x98Z\xb0p4=\xc8im\r\x11\xe5\x8d\x9a\xd1s}\xd3'</t>
  </si>
  <si>
    <t>b"\x9f\xe6\xdd\xe2\x84\xa8,'\x99\xba\xbd,\x1d2\xa8\xc8\x9c\xea\tjZ\xc52%\xc1\xc8\xa7\xf4\xe0h]4"</t>
  </si>
  <si>
    <t>b']\xcb\x0e\x16\xb0\xb2\xd2\x18\xa2&gt;e\x16\xd8\xec\xdc\xdb\xb9\xa5\xe2\rC\x7f\x03\x98\xec\x1a\xf8\x9f\x0e&amp;4\xe0'</t>
  </si>
  <si>
    <t>b'\xbb\x85\x86\xee\xdf\xae\xb8EE\x9f\x13\xb6\x9c\x94\xf8\xa8\x95UI\xdcA\xd5\xf1V\xae\xfd\x90\xa9Xo[\xea'</t>
  </si>
  <si>
    <t>b'\xdc\xd00Yq\x9e*|5\xfd\x05\xf4u\t\x97\x12\x85J\xa9\xd5qidW\x88@\x8e\x1c:=!,'</t>
  </si>
  <si>
    <t>b'.\x06\x8f\xb35\x99\xc1\x00\xd1#\xb45a0\xff\x0f"\xb8:+,B+?\x9d\xb2\x07\xb3\xbf$HX'</t>
  </si>
  <si>
    <t>b'AuR\x93\x81~k61n\x04\xd4\xb0u\xb8\xdc&gt;Z+\xe0\xee\xfe\x1c\x84Bq \xbcB\xbbX\xa6'</t>
  </si>
  <si>
    <t>b'\xed\xf5DE\x92,a\x93{V\x19?W\xdb^\xedH\xa3S8\xc2S\xb0\xe7\xf4\x9b\xe4\xc7N\xd0)\xee'</t>
  </si>
  <si>
    <t>b"\x02\xde\xc4\x8e\x12\\\xec\xf9\x0f\x05\xb6\x0b\xc9\xc8\x081\xfd\xbf'}\xc6\xbcT\x11m\x97^\x93'\x98\xa1\xe7"</t>
  </si>
  <si>
    <t>b'\xcc&amp;\xceD\xf5\xa89\x7f\x93\xfb\x7f\xe6\x80\xdaZ\x9a\xc1\xf2\x12\xe8\xcennv\x92\xb3\x03\x13\xd2!\x11\x14'</t>
  </si>
  <si>
    <t>b'"\rU7\x00\x18I\x8b\xf2.X\x95q\xb2\x13\xd6wD\x85\xfcfG\xa4G[\x06\xe0,1\xb0\xb0\x13'</t>
  </si>
  <si>
    <t>b'c\x94\xaa\xb6\xf9\xad3\xb5p\x80\x15TEvu6\xf6Ul\x15\xd5\x0f \x10\x1a3\xd8(\x07\x01I\xa0'</t>
  </si>
  <si>
    <t>b'\xa0\xdf\x8c,\xc3\xd2\x18X\xab\r\x19Dt\xa7\xf6\xbb\xb3\xfa\xf2q+p\xa9\x86\xc9&lt;\xe0h\xf8`4B'</t>
  </si>
  <si>
    <t>b'\x1c\xaa\x9bI\x15\xef\x88Z\xf73^\xe0\xf4\x05(\xa2D\xd4\xaa\x84\xe2F\x98\x1aY]&amp;\x8e\xfc\xc6F\xbc'</t>
  </si>
  <si>
    <t>b'\x9d6sE\x7f/\xaa\xf9?\x90\xbc\t!\xad\x15\xfa\xf7\x15p\x9c\xf3!\xaf\xd8\xab\xd2\xed\xa1X\x08\xc6Q'</t>
  </si>
  <si>
    <t>b'\xf6\xaaez3\x18l\xea\xf5\xd1\xc7\x180U+\xf9\x15\xde\xe1\xddh\xf6\x84\xc6{\xf3\xf0A\xe8\x1bj\xca'</t>
  </si>
  <si>
    <t>b'\xa3\xa6\xd721\x17\xd0\xf8\xac}\x10}\xa8\xb3\xf7Ip\xfe\xddi*\x99\xc38L\xfc\xfc+w\x97\xb5\x89'</t>
  </si>
  <si>
    <t>b'\xce\x0e(\x0e\xe6\xf1\xa43=\xed3ge\x9f-\x8a\x9fF*o\xdd\xe3\n\xf3W\xb2\x90}\xa3k\x16\xbc'</t>
  </si>
  <si>
    <t>b'H\x8e0\x99\xbf\xe0(\xa8\x0fk\x9d\xb8 \xac\x9f%\xcc\xa5\x87\xdf#\xcccE\xcc%#.\x13\xa1\x16\xf3'</t>
  </si>
  <si>
    <t>b"I\xb5\xa0'\xc6\x9c7\xee4\x84a\xb1\xf3\x97\xc9\x90I.6f6\xc1\x87:c_&lt;\x9d\x1d\x9b\x1d\xd8"</t>
  </si>
  <si>
    <t>b'\x7fY8"\x1c5D\x14zlO\xda\x03CC\xbb\xa1\x0c\x1d\xf4\xd5I\xc7\x1d\xc5\xc8%\xc7\xa3W\t\xf8'</t>
  </si>
  <si>
    <t>b'|\x9c\x12_1NV\xb9\xa5dvD\xa0~\xb3\xd9*t\xae \xb4#\x14D\xba\xb9\xce\x95\xbd\xfb\x02\xe0'</t>
  </si>
  <si>
    <t>b't.w\t\xee}Q8\x1c\xf4\x9eA\xd1\x1f?y\xed|\xa1g.!\xb3\xb0m\x92\x86\xe4\x89\xa5m='</t>
  </si>
  <si>
    <t>b'\xc3\xc9}\x93\x8b!\xfc$4\xc5.\x9b\xf3SM\xaa\xf0\xe3\x8f\xdb\xbf]\xd7\x04\x7f\xbb\xd1OK/z\x18'</t>
  </si>
  <si>
    <t>b"\xda\xe6B\xf1\xfd&lt;\x83\xdd\x94\xdc\x08\xdd\xa0\x08\x04'\xc8J1\xe5\xe3\xed\x94^\xa1}\x82\xbe\x9a\xb8\xa1_"</t>
  </si>
  <si>
    <t>b'85\xaex"\xcf)B\xe6\xc6,:4\xf9\xa5\xe3\'_\x87\xad\xf9\xb3\xc1\xa5"y\xfd\xf4{+`p'</t>
  </si>
  <si>
    <t>b'H\x99\xa3\xce_\xad[2\xa3\xe3).\xa6F\x9f\xd9%G\x9f\x1bN\xeb\xe6\x0fy\xf9;`\xa8\xa9\x0f\x17'</t>
  </si>
  <si>
    <t>b'\xf1\x1cq\x0e74\xedo{cm_\xdch\xd4\xa2\xb6\xfc\xc6M#Z\xf2\xccz\xa31\xc7\x1c1\x06W'</t>
  </si>
  <si>
    <t>b"?\xa7\xefO\xef\x8ds\xc8\xf2\xb8\xb0b\x97%x\x95%\xdf\xd9\xab\xfbbs\xd0RD'\xd2\x19\x1c\xc3\xc5"</t>
  </si>
  <si>
    <t>b'"\xeb\xdb\x8f$\xf3\x06\xac\xf6\xfc\xa7\xd5\x8f]\xfdY\xffdg\xee\xe1;\xa4\x16\xf7~\x08\x0e@07\x00'</t>
  </si>
  <si>
    <t>b'\x88\x1f\xf2"|\xd8gK\xc1M\xe8W\x93\xbd\x1f\x18\x86\x9c+\x13\x90[\xb5\xfeAn\x13q\xc5#\xb8\x8e'</t>
  </si>
  <si>
    <t>b'\xca\x80\x06%\x196\xcd\n^TvU\x0e\xed\xf2;\x89\xd5\x00W\xb7/N8\x9c\x820@\x18y^\xee'</t>
  </si>
  <si>
    <t>b'E\x9c\xbd\x9e\xf2\xaa\xfe\xea\xc4\xa1\x94\xbb\x13\xecQ\x88:\xb4.]\xe1nbv\x1c`\xcf\xcb\xca\x88\x11I'</t>
  </si>
  <si>
    <t>b'\x1c\xf4\x84\xe43\xbfY\x1bu&amp;\xe9\xc54\xf7\xa4\xabR3P\xbf~\x0f\x91\x901\xf5\x15 A0F\x87'</t>
  </si>
  <si>
    <t>b'\x80&lt;$\x0b\xaf\xe0\xfe\xc2\xc7\xf7\x98\xb85\xa2\xf1\xab#\xb9\xf4e]YUbdN.\n`\xdf\xe9\xda'</t>
  </si>
  <si>
    <t>b'\x86\x10\xc1ba\xd0\xbf\xe4\xa00w\x8duu\x87\xa7\xf0G\x7f\xc7\xc4ea\xf6\x18]7\x08\xa2\x95\xf9\xec'</t>
  </si>
  <si>
    <t>b"\x98f \xa3\x92&amp;h\xeb,\xdd\xf8\xf7\xcc\xf5\x154$\xc4\xd7\xaa'\x9b[\x10\xd1\xd1!\x125\x81\xf5_"</t>
  </si>
  <si>
    <t>b'5\x95$\xf7\xc2\xdb\xe0\xd9\xee\xccR\xe8\xdf~3\xae\xcf;\x1a\xd1\xff\x1e\x92\x0f\xd7\xf1\xaeYG~\xc5\xa7'</t>
  </si>
  <si>
    <t>b'\x01\xdb\xcf\xdf\x8e_\x9a*-ly\x94\x01\xbf\xb9\xac\xee\x8e^\xed\xd0\xd1\x11\xd4FZD\x0b,\xf9\t\xb5'</t>
  </si>
  <si>
    <t>b'\x99r\x9brny\x86w\xae\x85N27.}\x13\x90[,\xcd\xc2\xad\xe69\x16\xe5\xb4Z\xb9M$K'</t>
  </si>
  <si>
    <t>b"\xe3&lt;\x1a\x8d\xcdP\x1f\x043I\xbe\x10\x03J\x05\xcb~\xba\x16\xa1L'\xe3f\xaf\x89\xd0\xcba\xb6\x7f\x18"</t>
  </si>
  <si>
    <t>b't\xdf\x05\x08\x0e\xd3\xbb\xec\x84\x10\x13Y1\xdb\x15\xe6\xaat\x94\xbe\xd9}\xa5\x0c\x8b&amp;k\x0e\xd4\xfb}\r'</t>
  </si>
  <si>
    <t>b'Ju\x82XZ\xba\x12)\xf6l\x10\x02\xebL\xc6\x8a\xe5\x04/\xa1\x83\xd0\x80\xd0\xc5rq\xeaT\xd3\x0c\x99'</t>
  </si>
  <si>
    <t>b"|\x05\x8e\xf0T\x86E\x88\x7f\xa0wg\x0f\xb8\x92'\xdd\x8f]\xe0\xb3\xe3\x7f=\x0c\xd6ze\xb4\x1f\x87\xde"</t>
  </si>
  <si>
    <t>b'\xe1\x1f\x96\xdb@\xa3lyY\xc9\xaa@\x06K\x03\xa9\xeeI!|-{\xbc\x1a\x98\xf6\xf8k\x02\xfb7J'</t>
  </si>
  <si>
    <t>b"\xc6q\x9b\t\xb1\xc5s\xbfLb\x05h)O+'m9x\x01\xe6pR\xa7\xd3\xb4\xc1^\x8eP\xc4q"</t>
  </si>
  <si>
    <t>b'\xa9k\xbd\xf1\x1c\xc2\x9f\xc2\xffA\x8f\x80\xdcE\xd4-Lkr\xe1\xc0\xce\xa1H-\xbd\x1a\xf1\xf0?\n\xb2'</t>
  </si>
  <si>
    <t>b'+*\xf7\xc9$\xaft\xcf\x00\xbfm%\x7f[\x9e\\\xf26\x83\x0bz\x1f^SL\x8f \xcf\xa0\x14\x9b\xc3'</t>
  </si>
  <si>
    <t>b"\xe4\xc0\xb2l\xac\x99\nX\x15;,I\x89\x1cr\x15W\x8aN\xf9/'\xb9\x1cJ\xb8\x0by?\x9f\x87\xc6"</t>
  </si>
  <si>
    <t>b'"\xdfMwI\x91\xbf\xb0\x15}\x90\'\xe5\x87"\x9d\xb2\x96_k\xfc\x04\x1e\x0f\xc2\t:\xde\x8d-:\x04'</t>
  </si>
  <si>
    <t>b'\xa0`q\x07\x93\t\x82\xad\xf7\x96\xe7"w\xb0\xf0h\xc1\xc2W\r\xf4h\x8f7TN&amp;\xf8\x13\xb3\xfcT'</t>
  </si>
  <si>
    <t>b'\x90f\t\xa8\xf3\xc4\xd9\x8d\x86\xd1\x8bb.\xf2\xf4K+lx\xc7\x1a\xc2\x9b\x1c\x04\x1f\xab\xdeG_\xa7\xe8'</t>
  </si>
  <si>
    <t>b"x5\xe9M$\x05\x08\xc2\xa1\xcb$4\xb0V)\x192\x9b\x03_='\xeb\xc5\x11\xf7+\xe7Q\t\xb7y"</t>
  </si>
  <si>
    <t>b'\x1bQk\xea\xbf\x1f\x8e\xde\xeeh\xbd/,\xcf\xc3L\xf2S\x8d\xddDc\x1f\x13\x87Im\xd6\x94x\xce/'</t>
  </si>
  <si>
    <t>b'\x93&lt;\x19\x08\x8b\x02\xae\xef\x8b(\xce\xdaz\x92I1J[\xa0RDj\xd8\xde\xe2q"\xfa*\xc7C\xad'</t>
  </si>
  <si>
    <t>b'\xb2!(CEu\xbc\x90a\x0b\xee\x15\xa7|\x89x\x06\xa6\xee\xbc\xebAQ\x0f\xa5\xf0|\xf2UI\rz'</t>
  </si>
  <si>
    <t>b'\xa6\xe7,\x7f\xa0\xa1\x9c!\xe9^\xb5x\xab\xf1\x14O\xa4 \x05m\x85KI\xd6\xf1\xacj\xac!f\xe1v'</t>
  </si>
  <si>
    <t>b'?\xa2}\xc2*\xbcF\rT\x97$\x14\x03\x8cDz-\x19\x16J\xa8\x95O\x92R(\xe6\t\x9c\xf1\xb45'</t>
  </si>
  <si>
    <t>b'\xf0a\x9e}\xa9\xf3\xd3\xedXL\x1e\xca\xc9\xf7\xb8x\x16\xc7\x93\x90Iu\xc2Y\xee\xa8N\xac;b\x83\x1c'</t>
  </si>
  <si>
    <t>b"b\xc7\x14'\xd2\x95\xb9@\x10\x8fb\xe8\x9f\xb1\xc0\x1f\nd\xd8\xb6\xfbZ\\\x8d\xa4\xc4\xfe\x1d#\x0c\xdf\xb9"</t>
  </si>
  <si>
    <t>b'z\xc4\x0e|i\x80g\xb3\xa1\x15\xa2\x8f\xef=\xfdn \xf8%\x98\xce\xfd\x86\xbd\xbb\xa0\x93\x1d\xfb1\xd8\x9a'</t>
  </si>
  <si>
    <t>b"\x8d\x1eM\x83'\xb2\xb6/\xec\xe3[J(\xd7\x02\xf7\xe7\xc4lWu\xd2X49'Dv\x19\xb5\xf1\xd4"</t>
  </si>
  <si>
    <t>b'\xcc\xc4\x10p\xe8\xc3D\x13\xd8\x16D}\xe4CL\xfbb\xe3)\xb9\x18\xa7#\xbd\xb0\xc3\xa6\x86ga9\x04'</t>
  </si>
  <si>
    <t>b"\xb8\x82\x96\x00\xa0\xc8\x88\x0e\x10\xfb\x04\x05\x8e'uph\xab\xd9~k1\xaa\x0f%\x13j\x9d\xbeB\xcd\x8f"</t>
  </si>
  <si>
    <t>b'\xc0\xdd\xc7\x83\x1b\x08!\xaf\xeb\xcd\xef$\x81\x13\xf0\xb1)\x1b\xb6\x15e\xee[?\x7f\xf1\xe75g\xabw\xb2'</t>
  </si>
  <si>
    <t>b'\x1c3-\x82=\xa3\xc1\xdfu\xe5u\x8b\xb1\x82\x1f\x05\xc7\r\x80\xa6\xb4\xba\xda\x84\xd9-\xe0o\x08h\xcf\xb8'</t>
  </si>
  <si>
    <t>b'\xeca\x88\x812\xd6Z\x82\x8b8\xef\x19\xdc\xcd\xceN\xf0\xdc\xa6\xe3\x0f\xcb\x1a\x93\x80\x12AXU\x83,\xbb'</t>
  </si>
  <si>
    <t>b'\xf2\x1eo \x14\x07p\xdd\xfd\x82^\x9e~\xdd\xc9\xea\x92\x86P\xb8\xd3\x8a\x04.C\x08=\\\x927\xfa\xc5'</t>
  </si>
  <si>
    <t>b'.I\x8b!\x8d\xbc\x1b\xceM\xfa\xd7,-\xbdM\x98\x17\x99O\xb1\xc5d\xb2\xb4\xb0\xa2\xbb\xd8\xae2L\xfe'</t>
  </si>
  <si>
    <t>b'd\xd3\xa6m\xdf\x9a\x11\xd8$N\xce+\x14\xc4\xd6e\xa9s\xda\x18J\x9aS|\xa6\x83vN\x95u\xe3&amp;'</t>
  </si>
  <si>
    <t>b'R%\xbb|\xa5\xcb\xa5a\xda{\x9d\x0f\xf8R&amp;m\x896&amp;Bb\x1df~\x0c\xea\x07\xba\x10H\xfc\xff'</t>
  </si>
  <si>
    <t>b'Iy\xe8\r,\x85\x9a^y\x81\xb8\xb6\x00\xcbv8\x98;R\x08K\x17NU\xb2\x11zcq\x05\xf0,'</t>
  </si>
  <si>
    <t>b'\xd3\x98\xdd/[N\xa7,\x85\xfe\xbd\x87\x15\xa9f\n\x1fX1N{\xff\xa4\x8a\x94\xef\x81\xde\x19\x9a\x15\xee'</t>
  </si>
  <si>
    <t>b'\x87|\xa3r&gt;f.\xf5|\x88V\xd0\x96\xa8VN\x1e\x07hS\x04~c\xaf\x8a\x08\xe5\x1f\xffU\\I'</t>
  </si>
  <si>
    <t>b'[=\xb6\xa0P\xe7\x92\x99\xc8\xe9\xd8)\xd2@/\x03\x82\xa3\xc2\xa1\xd1\xa3\x82J\xd0{\xb7&amp;\x9a]\nj'</t>
  </si>
  <si>
    <t>b'd\x0f\x9ds\xd7K\xae@\x8f\x04\x9di\x89W\x97\x97\xe1\xf9\xa4\xaa\xf6+3\x99\xa1\xf2w\x19\x05\xc7J\xce'</t>
  </si>
  <si>
    <t>b'E]\x07\xdb\xbb\xd8\x8b2\xdf\x92b\x1a\xff\xac\x95\x86$"\x0b\xcd\x88\x95\xd7\xe7p\xff\xa4\xbf\r\x0f\x1e.'</t>
  </si>
  <si>
    <t>b"\xd0\x8e\x93[*\xc4\xd3'\x0f\xbeQ\xba\xe5/_\xbb\xaa\xbc5\x9az\xfd\x95\xa8DX\xf5\xa2\x01*s\xd1"</t>
  </si>
  <si>
    <t>b'\x8a\xda\xe9:y\xbd1\x8d\xf8\xbd&gt;\n\xc5@\xe0\x85Oe\xba,l\xca\xea\xffq:\x87\x11\xaf\x1e\xc3a'</t>
  </si>
  <si>
    <t>b'm\x13\x8e\xcb\xac\xc1\xac/\x02\x0b\x9c\xaf\xd5\xd3\x89\xc8\xbf\x93\xbc\xf8\xde\x14\xa8\xcc@T;w\x9a\x1a\x88_'</t>
  </si>
  <si>
    <t>b'\xc5\xf8\xb7QT@px\xacL$\xdc\x93\x0cH\x06\t\x14^\xc6\x93\x8c\xa1\xdan\x86\xe0a$\x97Q8'</t>
  </si>
  <si>
    <t>b'\xd0\xe9\x96\x1e\xd3\xbd\x9d\xa97\xa7d\x81\xd9\xc3\xe2LX\xd4\xa2Zd\xf7\xc7\xfak\xc5&amp;-B\x9f=\x15'</t>
  </si>
  <si>
    <t>b'\x97\xeaF\xb3-\xca\x93\xad.\xb0\x81\x8c\x18\xe1\xc7\xb0P\n\xbf\xb6\x90\xf6\xec\xdb.D\x1d\x17\xab\x93\x80\xa4'</t>
  </si>
  <si>
    <t>b'\xbac4\x8e\x0e\x99[p\xfc!O\xd6|\xa9 #N$\xc7\xbd\xca\x81Ufwc\x1b\x8f\xf2Y\xa9f'</t>
  </si>
  <si>
    <t>b'\x92I\xde\xe1ph\x1b\xda\xff\xa0\xbf%z\x99\xd4\x8a\xc0\xbc\x0f7\x86\x11\xebM\xc5\xf5\xf5{\xd7\xf9y\xd3'</t>
  </si>
  <si>
    <t>b'J#\x8cg\x9b\xea\x9a\xcc\x0b\xfdX\xcc\x0e\x1e\xabq!E\x0e"\xb8S\xde\xb2\x16\x07\x942\xc7\xac\xd9\x80'</t>
  </si>
  <si>
    <t>b'\xdd\xf7A\x14\xc7\xb9{oc\xa3|\xa4\xc4h\x99\xc6\xb3\xfc\xb9+rR.\xdc\x7f\xfb\xbez\xc2/\xa7\x11'</t>
  </si>
  <si>
    <t>b'\xf0\xa9{\xaf\x1f\xfd\xdf\xa3c\x96\xf3H\xad\xaf\xf0lh\xd5\n\xe1\xd8`\xe5\xdb`\xf3L\xe1a\xe82\xc8'</t>
  </si>
  <si>
    <t>b'\x99S\xd6U\xf8^\xb91#Z\xb8\xba\x87\xd3G\x8f\xe8\xf6\xd8\xeb\x00\x0b\x08\n\xe0^\xf1\xbcqQ\xdb\x14'</t>
  </si>
  <si>
    <t>b'Y\x94\xef\x10\x17\x1e\xe7\xc0\x89mp\x17\nH\xa8\xed2T\nE\x0b\x07\x11\x18\x95\x16Q\xd9I\xba\xddY'</t>
  </si>
  <si>
    <t>b'\xc2\x1d\xe4\xae\x12]\xf4\xe1\x0f\xd0\x1dJ\xe8\xc8\x8b\xabI\x9a9@q\x18\x02}U\x03\xb7\xd2\xad\xf5\x00\x10'</t>
  </si>
  <si>
    <t>b'\x1aW|c\x19\xcd9\x1f\xe5\x1a$\xce\xa2`\xc0\x83 \xd5&lt;\xc0\xfd\xd5y\x05 \x0c\x9b7uoW\xfc'</t>
  </si>
  <si>
    <t>b'@xP\xcb{\xd5D\x15&amp;\xfaL#[\x0c\xaa\xfb\xf5kki\x86\xe6\xae\x9d\x1cl\xcb\x83\xa3\x9e\xd6\xa6'</t>
  </si>
  <si>
    <t>b"\xe0\xdb\x08\xeaaY8'\xfa\xf2\x12\xc8s*\xe4b\x00\xc2\x14j\xe9\xb1\xd3\x97\xcdI\xf4\xa3*\x021O"</t>
  </si>
  <si>
    <t>b'&amp;\x86\xd3\xc1\x89=8\xbc\xb9\xc4\xe8*[\xbe\xb9\xbf\x7f\x9c\x0f\x95R\xfa\xaa\x90\x86\xb3\nw\xc0\xc6\x8d\xde'</t>
  </si>
  <si>
    <t>b'\xac\xb0,\x85\xa8[\x06\x1aK\x1a\x9e\xb7\xf9UA\xa1\xdb\xaf1\x0f\xb2U\x80\xf4\xe78\x01\xb2\xf6\x06\xfc\xbc'</t>
  </si>
  <si>
    <t>b'\x89\x06\xdd\xc7\xd8\x8c\xcd*}\xf3\xe7U\xf0`\xbaXX?\xb3?\xee\xd6\x88\x84\xea\xb3\xde\xbd\xbc\x98\xa2\x89'</t>
  </si>
  <si>
    <t>b'\x11\x95I&gt;\xb0)\\\xfb\xbb\x9b\x9e|\x11p\xd4\xeb\x01\xc6\xb2\xf9c\x060\xe9\xf9\x9b\x87\x99\xca\x14\xd9d'</t>
  </si>
  <si>
    <t>b'\xc9\xc2}\xf2\x1a\x8c\x91\xea\xe9\xfe\xec\x1e\xcd\x84j\xc7\xfb\x8a-\xae\x10m\x19\x06\x08\xd3e{\xc0\xa2\xa0H'</t>
  </si>
  <si>
    <t>b"^\xf7\xafEL\xc5\xdd^$\x9al\xa8\x12P\xcc&lt;\xfa\xf0\xe8\xd7\x8eZ'\xbf\x06\xcf\x00\x90\x05\xcf\x12\x8b"</t>
  </si>
  <si>
    <t>b'\xcd\xe5\xcd\x96\x0c%\xac\xf4\xa3rr\xaddh\xf4]y\x0b"\x97\xf3DqH\x11\xbb1\x01\xb6n\n7'</t>
  </si>
  <si>
    <t>b'\xf6~\xc8H\x0b\x9f\xd4\x97\xc0F\x8e\x9d\xfb]\x96\x89`{\x1a\xba\xc6z\xad)\x9f}\x02\xebw\xf6\xfd\x97'</t>
  </si>
  <si>
    <t>b'z\x1f\xed\x026\xd4\x8c:i\x1b\x83\x89\xb8\x14\x91K\x84\xeb\x19&gt;\x06\xd1\xb1\xb3\x08\xb6\x82R*\xf8L\x11'</t>
  </si>
  <si>
    <t>b'\x17\x8e\x9f|A\xf6\xc9\xe7\x16b\x8f\x0e\xe8`su\xbb\xe1W.\x9f\x00\xf4\x1e\x9f\xe2i\xa0%\xc6\xf9\xd4'</t>
  </si>
  <si>
    <t>b'mP\xd4\xce\xa2\xfd\xbf\x1d\x1b\xf0*(\xc8H\xc9M\xb4\xb3[\xfc\xb4\x10c\xe9Z\xa5\xf0\xc2\xe7N3?'</t>
  </si>
  <si>
    <t>b'\xbb\xe9\xa5\xc6bW\xf5\xfaSo\xf3\x1e[\xf0\xcb\xcd\xab\x80\x06\x96\xfc\x95\xee\xed\xbc\x01\xb7\xc8\t\xbdl{'</t>
  </si>
  <si>
    <t>b"4\xa7\xbdtnk\xaa'1\xa1\xc3\x07\xacj\xdf\x16\xed\x85\xa7bFM\xa1\x19de\x1e\\p\xfc\x04\t"</t>
  </si>
  <si>
    <t>b'\xb2XS\xaa\x9e\x1b\xa7\rr\x9d\xee\x88\x81\xc1*\x06a\xacLH?\xed_\x90\xc2V\xd6\xe7\xd5L\xbd\xcf'</t>
  </si>
  <si>
    <t>b'Kb,F(;\x96zK\x80KQ\n9jt\xb2\x8c3FG\xb9X\xeb\x1d\x901\xe5K\x93k&amp;'</t>
  </si>
  <si>
    <t>b'\xb5i_]\xbe\xce\x8a$II&lt;\xdc\x13MF\x98b\x03N\xd5Z[\x84\x1a\xe4&lt;G\x16\xca\x9d\r\x96'</t>
  </si>
  <si>
    <t>b"\xbeR|\x8e'\x02\xb7\xa6$=T+\xc1\x14a\xae\x07\xd8\x00jE\xa5\xfc#\x96\xf2\x05\xef\xf9I\x1f{"</t>
  </si>
  <si>
    <t>b'R\x1e\x8d\xd1(JY\x87j\x85\x85\x83\xaa\x9e\x86\xc1\x80\x90\\7\xef\xda\xd8\x97\n\xd2\xc5\x0e\x96\xafs\xfb'</t>
  </si>
  <si>
    <t>b'\x8f\xc3\x8b\xc5\xe08\xca\x9168\x84\x81\xbf\x93L\x18\xe5/\x1e\x10|S\x9f\x95\x9bI\x83\xb6\xba\xa4\\\\'</t>
  </si>
  <si>
    <t>b'\x90\xccZziX\xb9\x8c\x00\x9c/\xf8\xa3\x1dqNY\x8f\xccp\xdb\xec#{A}.\xbd\x8e\x8axl'</t>
  </si>
  <si>
    <t>b"Th\xdfC\xfd\x07(nv\xea\x8b\xcd`\xc9\xde\xfe\xe1d\xd4\x82'\x9a;S\xfdld\x96\xb6\x0ej+"</t>
  </si>
  <si>
    <t>b'3\xe8&gt;t\xb3\xdf\x8aH8\x06\xa9k\xbe\xf2\xcfHf\xf9\x0cE\xd1\xad\xdc)b\xf1\xb25\xff\x8fs1'</t>
  </si>
  <si>
    <t>b'j\xdb\xb4\xee|\xce\x9f8D8o9\x0bb\xfdj\x82\x8a\xa6\x11Y\xea\x8eI\xb6F\x9c3\xa2\x1d\x99z'</t>
  </si>
  <si>
    <t>b'_\xa2\xd1\x12\x19W\x0f!\xea{\xa91-\xa6\x04%\xd8?7\xa0jeJ\xa3\x0b\x0f\x141\x1a\x15\x16\x9e'</t>
  </si>
  <si>
    <t>b'\xec{v\xac\xed\xe0$\xa1\xd2\x19\x85\xd1\xf9\xab[\xf0\xddD\xa3\x119\xa4\xcd\x00v~\x84\xee\xaddq\xed'</t>
  </si>
  <si>
    <t>b'\x02\xeeV\x94\x14\xd1\x9d\xa8\xbb{\x7f]\xf6\xec\\\xa9\xa7K\x16\xdc\xc3./\x04\xdcC\x15\x94\xed\x15\xfa\x11'</t>
  </si>
  <si>
    <t>b'B\xc6^\xa7)\x91F\xa9\x01@\n\xcf\xe5\x074\'\xf3\xf3n\x0e\x9a7\x9aj\xc2\xea$\x85\xb1"%&gt;'</t>
  </si>
  <si>
    <t>b'\xf2\x83\xeb&lt;\xd4\xf8.V}\x19\xae\x972\xd0\x93\xdeC\xa2\x86\xf1~o&amp;\xa8\xaa\xea\xb2\xf3\x9f\x85\x10\xa3'</t>
  </si>
  <si>
    <t>b'/^\xd3\xfbI\xa7\x80\xaa\xdf\xd8\x8c\xaa\x0e1\xfb\xfdf\xb3\xc6\xbe\x0f\xe0z\xe7P\x8bf-\x96DN\xec'</t>
  </si>
  <si>
    <t>b'\x92\xa0\xdf&gt;\xc6`!\x98\xdcK\x9cU\xcc\x98]~Q$]X\xa0:C\x90\xe5;\x9c\x82\x16\x03\xe5\x1b'</t>
  </si>
  <si>
    <t>b'\xcf\xeb\xa9\r)t\x87c\xe8*|\xde\n\xe2\xde\xc0}^\xa5\x97\xbe\xd2?B&lt;\xbd\x8b&gt;\xbb\x9f\x8f\xbf'</t>
  </si>
  <si>
    <t>b"\x9aY\x8b\xee\xed\xd7\x9b\x1b\xf4\xd7K\x1b\xb4#\x92\x08\xffNi\xc9\x07#Fq\xd4\xae\xc4w'\xa8\xa6\xfc"</t>
  </si>
  <si>
    <t>b'\xd5\xb3\xe9\xa2\xa9M\xd35\xcd\x19|\x06\xe6\x16P\x7fd\xdd\xb5\x009h\xcc\xe0\x13\x02\x84A\\\x8e\xc3\xed'</t>
  </si>
  <si>
    <t>b'\xc6\xef"\x8aG\x9avE\x94/\r\x8d\xa4\xbd\x8dZ\xfd\x96\x0e\xb3\xca\xed\xf1\xab\'\xf5\xd4\xed\x9c\x1d\x8f-'</t>
  </si>
  <si>
    <t>b'\xe5Hd\x0b\xc0\xc5\xf1lT9=\x0c\xc3\x0btz\x9e\x96mr\xd366\x80\x96.ok\xc8)\xe9\xad'</t>
  </si>
  <si>
    <t>b'k\xd2\xb79Y+@\x12\xe6\x1f\xd2\x8b\x81E\xff\xbc$\xaf\xd7\x00\xe0.K\x0c\x10A%\xcf\x14\xed\x13\x17'</t>
  </si>
  <si>
    <t>b"3v\xe6\xb4\xa1'\x1d N\xf2\xf20@\x9at&amp;\xa7\xa9\x1a\x9a\xe3\x88\xa1\x87\x7f\x912\x95\x1d8\xfc\x1f"</t>
  </si>
  <si>
    <t>b'v\x04\xc1\xbf(d"H\xe3\xc9\x14\rt)O\x9fY\xd5\xdb\xe7\x87&amp;\x89N@\x01x\x8f\xbc#R\xb6'</t>
  </si>
  <si>
    <t>b"\xd9\x80L8o\x9c\xcc&amp;\xb9\xc5\xe4\x80\x03\xdf\xd8L\x98\x04\x1b\x1cBZ\xe1\xcb\xcd\xb3'\xd9\xad\xb2\xda\xc6"</t>
  </si>
  <si>
    <t>b'\x0e"\xbb(\xc0?\xeb\xafm\xba\x8bH\xfb\x99\xad\xe2K\x10w`b\xba\xe2\x90\xcd\x84Nd\x89\r\x7f\xb7'</t>
  </si>
  <si>
    <t>b'\x8b\x14\xce\xd7]\x0bl#6\xffKU\xaf\xc81\x00\xc3r\xfd\xaa\x0bQ\xd1\x8f:\xa0\xaa\xc9\xd1&amp;\xfc\x08'</t>
  </si>
  <si>
    <t>b'~M\xed\x95\x03\xd7+\x99\x80\xe0.iY\xdf\xd6\xfb\x94pH\xe8|&lt;g\xa1A\xe7f\xc4\xfam\x83\xdd'</t>
  </si>
  <si>
    <t>b'hOK\x92\x08K!\xa8\x14\xb0O_\x84\xe4L\xdc\xbb[1"\x0ezT\xbeJi-\x819\xf7\x94\x08'</t>
  </si>
  <si>
    <t>b'|\xb6m!\x0b\xb1\x19\xe3\xed}\xcaaj\xf3\x8d\xeaS\x1aK\x91\xaaV|\x03\xab\xe6\xac\xc1|\xc7:\xbc'</t>
  </si>
  <si>
    <t>b")\xe5[W\x8f\xa0\x03\xca,'lgT\xc7&gt; v\x1e\xc6MxBJ\x14\x96\x9c\xea7\xe4\xdeP\xfd"</t>
  </si>
  <si>
    <t>b'g\xc3*\xc8\xc9\xc0\r\x11J\x10\xddG\x1f\xa8\xc0\x1d3\xfd;1&gt;\x0f\xa5\x88\xb1\xd0n\xae,\x01\xe0W'</t>
  </si>
  <si>
    <t>b'\x81\xdd&amp;\x87N\x1e*+Y\xd2\xc0\x8aw5\x94\xac\xe2\x99=gU\x7f\x92\xb3\xf3\xa4vK)_\r\x07'</t>
  </si>
  <si>
    <t>b'\xf9\xba{n%\xda\xc94|\xdf\xba\x9d(\x1bY:\xa6Od`\xd3\xb7\xb7\xd3\x8e\xfb\x00\x05R\x04\xe7#'</t>
  </si>
  <si>
    <t>b'E\xe9\xe4j\xeau\xa4Z\xfdLd\xac\xde?\xc01\xc5RI\xf0\x8du%\xb3/\xfb\xa4\xdf\x14FNH'</t>
  </si>
  <si>
    <t>b'\x9d\xbe\xfa\x11\xeaG\x81o\x93s\xe2\x93|/\x92\x98K-B\x96\x9d\xa3\x81\x80\x7fo\xcde\xe8\x81\x80\x16'</t>
  </si>
  <si>
    <t>b'-h\xd5n.\\\x8fK\x80&gt;\xe0\x14q\xaa\x00\xa1rO:\x1e\x92[;\xc1\xea\xef\x88\xb4kmN$'</t>
  </si>
  <si>
    <t>b'\x17w\xcb1\x06\xc8\r\xd3\x8a\xff\x85\xfe\xd3\\\x11\x08\xbc&lt;g\x84.\xbc\xd6\xc1+)/\xc7U|\x932'</t>
  </si>
  <si>
    <t>b'\x81(\xd0\xfd0Z\xbf\xee\x14J;\xdd1\x15zY?\n\xf8\x0cq\x18^\xa3*\xb3\x08|\xb7U\x08\xa2'</t>
  </si>
  <si>
    <t>b'\xd5\xf5~\x9dk\xe2\xed\x85E=;m\x19\x91\xac\xc9i\xd4\xab\xb5\x98\x98h\x03\xa1%\x8c5\xcd\xd4dE'</t>
  </si>
  <si>
    <t>b'\xed\\\xda\t\x8d@\x1c\x0eY\x82\xb2\xa9^ME*{}\x9e+\xbb"AN\x10\xd7\xe4\x16\x1c\xcc7\xc5'</t>
  </si>
  <si>
    <t>b'\x82&lt;oi\xd2\xac\xed\xaf\xa06\x7f\x01\x1fjT\n\xad\xdf\xb4\x81\xbbAY\xa575\x8b\xbd\x1b\x8e\xedx'</t>
  </si>
  <si>
    <t>b'njj\xc1\xaa\xd1\xf6\xcd\x14\xf3\x9dpL\x8b\x0e\x17\x9dc\x9d\x0e\x07\xb8\xddD\x95"Q\xe6\x19\x12p\xd8'</t>
  </si>
  <si>
    <t>b'\x1d^\xeb\xd7u9\xb8\x13\x8eL\xbcZ\x9b2\x12\xd8\r\x86\\\x1f_&lt;:\x17\x0b\xa2\xcbxW\xcf\xcc\xce'</t>
  </si>
  <si>
    <t>b'\xf9\xb4\xf0\xd3Ut\xb4\x01\x94\x011\xfe\x80\xf0p\xf0\xb5\x8d\x93\xec/\xb0\x92\x9b1\xcbmH\x06y\xc7\xb5'</t>
  </si>
  <si>
    <t>b"\x05\nV|o'|\xe9CAc\xd4D\x8d\xcc\x8d|v\xe0\xf3\xef\xd9\x95f\x81\xcd\xaa\x16\x84\x8d]\x91"</t>
  </si>
  <si>
    <t>b'\xb5\xb5 \x9c\xe8H\xf6\x0f!\xe0\x8c\xd7\x91\x1b=\xa1\x04\xf0v\x8b\xa0\xe3\xf0\x99\xb9vk\x9c\x10\xc0\xfe\x07'</t>
  </si>
  <si>
    <t>b'&lt;\x9e\xff\x1b\xed\xcba\xfb\xc3tn\x02\xebiW\xd2\x7f~\x1eWI1[\xb1&amp;:R\xc0\xbdK\xe8v'</t>
  </si>
  <si>
    <t>b'\x08v/\xf4%\xaeZ|\x04\x9esX\x1d\x95\xfe\xb7\xc4y\xf1\x19+W\x0f\x91U\x9c2O\xcc\xa5\xb6\xb2'</t>
  </si>
  <si>
    <t>b'\x82w\xf4\xe7\x80?\x9aZ%J\x1fu\x1b\xcc\xfa\xbd\xdc\xdb\x11\x86\xe6a\xbdzR\xa8\xd5\xced\xa7\xc3\x9f'</t>
  </si>
  <si>
    <t>b'Y\xbd8?\x05\xac\xf9EN\xdcm&amp;\x8a\xda\xe0T\xc8n6\x07\xd1\xfd\x92=\xdd6PA\x93\x0e\xc5\xdc'</t>
  </si>
  <si>
    <t>b"\xa21\x0c\xffO\xce\xdf\xc8 \x07O\x0e!1L\xcb\xff\xd5\xad&amp;w\x95'\xe1\xf7aU\xf2\xae\xd7\xcc\xbd"</t>
  </si>
  <si>
    <t>b':\xb8\xb4:;\xfeH\xce\x91V+\xc8L#)E7\xdb\xfc\x14;\xb2\xd0\x06Kt.\x03j\xfaRA'</t>
  </si>
  <si>
    <t>b"G9\xf4\x1a3\xbdP\xb4\xed\x99#B\xe9\xbbs\x96\x8e\x011\x92h\xdb\xfa\xb8\xaa'\xbf\x9b\x11\xc6\xb2\xe3"</t>
  </si>
  <si>
    <t>b'\xb5\xe6\xa0\xb0\x08\xfc-\xcd\x14\x8c\xad+\x0c~\xa6\xb8,O|\xb1\xd3\xa6g\xc6\\\xb7\x9bn\x9c\x19`;'</t>
  </si>
  <si>
    <t>b'H%\xd0\x02w\x9dJ:N\xc4\xaa\x12"\x98\x04W\x90,\x86\xcac\x04\xd8TJ\xb0\xa4\xd37F\x9c\x8d'</t>
  </si>
  <si>
    <t>b'\x8b\xc0\xb9C\x93/i-\xe0\xc1\xc3N^\xc5bo)T\xfdt\xf9\xb1\xf6\xbe\xae\xeck\xc2\xac\x91\xd7.'</t>
  </si>
  <si>
    <t>b'!\xe99\xe6e\xaa.\x1c\x81~\x9d\x1b\xaax\xd2\x92(\x92j\xe3\xcc\x82zce\x87?a\xac\x15\x0c\xab'</t>
  </si>
  <si>
    <t>b'Zk\xf3\x12(\xf8\xbb\xb4g\xa1e\xb2\xa4h[|\xd1\xe5\xff\x9aOQ;\x13\xb9\xbd\xdfl\xd5\x94?\xd5'</t>
  </si>
  <si>
    <t>b'f\x86x}\xdf\xec\xc0\xcb&gt;\xdb\x08\x07\x14\xad\xe8\x14n/\x9b\x8d\x10\xca\x0c\xe9\x1b\xbann\xc9\xe2\x8f\xe0'</t>
  </si>
  <si>
    <t>b"p\x829\x93\xce\xf8\xc6~3\xf5s\xfcb\x95\xc6\x061\xa2Q\x0b\xdak\xccj'D#\xe9]\xaa\xc3\xe0"</t>
  </si>
  <si>
    <t>b'\xc9q\xd9\xf5-\xe0Q\x85:\xf3\xb7g\xbaJ|\xd1\x99\xfb\xf14j%\xfbF\xfd\xde\x06\x14\xcb\x0e\xb4^'</t>
  </si>
  <si>
    <t>b"&amp;e\x04v&lt;Im\xd5.\x93\x8b:\xda\r\x1b@\xcf\x98\xebD\xdd\xe3N,\x90\xf1'x\x98\xba\x11\xd2"</t>
  </si>
  <si>
    <t>b"\xeb\x80Q\x1c\xcc\xd8\x06\xb2\x82\x02\xf6\xc4\xe1\x9a\xf1d\x85\x0eq7\x81/\xfa\xbc\xbc:'\xec\xc2+\xda\x8c"</t>
  </si>
  <si>
    <t>b'\xed\x8fj\xd0\x97\x89\xc1$y\x05\x18\x02\xd2\xb8Kz]\x96\xb2=f\xd8\xa6\xbfY]\x9b\xa1\xfb\x13\x82\xa4'</t>
  </si>
  <si>
    <t>b'\xf2!c\xe1\x06j\xec\x01\x90(\xddg=C\xc8\xa8;UDD\xda4\x1c\xe1g\x16\x17\x7f(\xf1u{'</t>
  </si>
  <si>
    <t>b'\x06\x89|\xe6\xea\xb1\xb9\x95\xfa\x92$\xc5\x8c\x9a\x80\x8b\xab\x02\x17\r\xb0\xa6\xa2\x1d\x82w\x88+z\xad\x94\xc9'</t>
  </si>
  <si>
    <t>b'\xcf&amp;\n\xe7\xda|\xbf\x9d&amp;\x12\xce\xca\x80*Z\xf0\xad\xc9\xd5\x18\x10\xf9_\xca\xb5\xf5`\xdb)&amp;\x01\x19'</t>
  </si>
  <si>
    <t>b'\x06B\xab7 N+9\x9bYI\x11\xe1q\x161\xf9\xc9\xf2&gt;\ro_\x18\xf8\xaf(\x07\xdfI\xb2\x94'</t>
  </si>
  <si>
    <t>b'\x13\xc2\x89\xc9\xe2\xc8hj.\xf1\xa5\x86\xd0\x1b\xab\xe6\xee\xbezn#\x10\x84[-\xf5\xa1\x7f\xfd\x02gP'</t>
  </si>
  <si>
    <t>b' \xc4\x87\x9c!\xedv[\xcaK\x1f\xd6oP7&gt;m\x87zw&gt;\xa7T\xea\xcfw\x0fN\xa34\x07_'</t>
  </si>
  <si>
    <t>b'\xea\xf9\xe6\x81\x17\xac#\x1c\xc1Z1cg\x01\x89]\xea\x989\xec\xbf\x98C\xa3\x1fc\x92&lt;0\xae\x1a\x03'</t>
  </si>
  <si>
    <t>b'\xa1\n\xcfI\x9c}|J\xd3cz\x9c\x07\xacW@\xcc9~\x17\xf0\xc8m \xad\xf5\x00\t\x8f)9\xfe'</t>
  </si>
  <si>
    <t>b"'\xfd\x19\x8b\x12j\xd1q\xcbA&gt;\xa0\xbc\x87'\xc6\xb5\xc4\xc7\x9bn4\x1d\x85Y\xed\xd9\x02\xdd\xd1\xae\xc1"</t>
  </si>
  <si>
    <t>b'\xe1\x94\x90\xaf\xa6M\x814\x1dk)\t\x9a\x13n\xc0\x95\xae~\\\xc1\xe3\xb0h\x9d"\xe6\xa0+~xJ'</t>
  </si>
  <si>
    <t>b'\x0er\x1e\x98\x9d\xff0x\x98\x0c\xab\xb3\x8dC\xd4O\xd8\x97r\x16,\x93\xda\x12ru\xa1o\x9bo\xd9\x0c'</t>
  </si>
  <si>
    <t>b"4\x0c:#\x1e*'\x80\x94\xa6\xca$Cp\x7f\xcc!\x8e\xfd\x82\x98'\\e\x87qR\xd0\x7fH6;"</t>
  </si>
  <si>
    <t>b'1\xae\x01\x07\xb4t\x1b\xd2!\x07\xca\xadh\xc3\t\xbatd\\S$\xbfC\xac\xb8\x98\xe1\x83\x1a\x1b\xedJ'</t>
  </si>
  <si>
    <t>b'\x87\xf0\x9e\xd7\x1be\x07\r\xa7~\xcb&amp;\xe7\x19~7\xd8\n\x82m\xf5^Q\xd6\x0f\xf1\xdf\xe0\xedj\xae\x96'</t>
  </si>
  <si>
    <t>b'\x99\xc8\xaa\x1a\xcd\xc6\xd1(ME\xc1\xc1H\x80\xd9\xca\xfb.(\xb1\xbb\xa5\x0e\xe4\xd2HQ\xb7}\xa7\xf9\n'</t>
  </si>
  <si>
    <t>b'\xddb\xd5f\x8eO\rFW\xf9\xd0\x9d\x7f\xba\xe7\x82\x10%\\\x96\xd8H"*\x08\xba\x93\xad`\xffye'</t>
  </si>
  <si>
    <t>b'\x0eg\xf8\xe5\x7fqT\xa4)\x9f\x00b\xec\x84\x07\xdf:J\xd6\xd9q\x86\xce\x7f\x90hV\xc7\x7fh\xccz'</t>
  </si>
  <si>
    <t>b'\xdb\xdd\xc2\x9a\xbc\xad\xe4H \x15eV\x7f\xa4\x13\xfa\xa5\xc9\xcf{\x8c\xa6\x1b\t\x83n\xd3[\x16Z;\xcb'</t>
  </si>
  <si>
    <t>b'-\xf3\x0f\xec\xfe\xbb\xc8\nR\x9a\xc7\x00\xae\xd8B\x00L\xa5\xa2gGC/\xfb\x81\x93\x04)\x99\x0ca\xf7'</t>
  </si>
  <si>
    <t>b'\xd0\xf3)mmP\x8e\xdb\xbe\xa4t\x98\xeeo\xabH\x11x\xb9\x97z](Fm\xc9Nr\x88t\x18 '</t>
  </si>
  <si>
    <t>b'\x03\x95\x95\x82\xce\x8f\x92\xe2\x1e\xf1\xa7\xa3\x1c!\xdaV\xba\x96\xf0K \xb3\xba{GX\xe7z\xcc8!\xba'</t>
  </si>
  <si>
    <t>b'R(D0\xb5\xf30&lt;\x15\xf6s\xbeZ\xa7I\xad\x13\x84j\x1b\xfdE\x90\x89\xa8\xee\xbf\x19\xd4&amp;\x9d='</t>
  </si>
  <si>
    <t>b'\x84]\x04\xb84Q{\x14\x89\xf5\xef\x0cY\xb3\x8b|x\x91\xbe\xb1\xa3R\xa1;\xa6\xef\xfcA\x97\xe7\xb6G'</t>
  </si>
  <si>
    <t>b"\x821\x8c\xd1\xd93P\xf2)\xfa\x1d,bI\xb1\x18\x93\x85\r\x86Yj\x99V\x8b'Rv\x02\xf9\x92\xb5"</t>
  </si>
  <si>
    <t>b'\xb4\xb2T{\x91\xfaf\x18d\ti&amp;\xf3\xd5\x14\xfcb\xe1\xd1\xb4\x1f|9\x1fe\x135x3I\xbep'</t>
  </si>
  <si>
    <t>b'\xe4\x1a\xaeC\xef6\xf7=\xdd\x12\x08fo\xc8\xbcY\x06\xb8Zb\xc7\xc6\xa7\xd6\xabK\x1dZn#\xa4\xea'</t>
  </si>
  <si>
    <t>b'(\xde\x90\xcd\xb61\xb2W:\xf1\x9b\xcf\xc3\xc2\xbe\xf9C\xdfu\xea\xc7\xcb\x18\xe0\xa0k\x91\xfb]\x8b\xbdo'</t>
  </si>
  <si>
    <t>b'\x19\x08\xa08MP\xd7w*\xcd\xa6{\x083p\xfa\xa4_\xb3\xf1/*\xf9\xeb#3#\xf4\xe4e\xe2O'</t>
  </si>
  <si>
    <t>b'\x9c\xbbtT[\xa6\xc4T\x01\xde\xe9iWc\xba\x9bd\x06\xfd\x93W}g\xa1i\xfd|\xaa\x11w\x94H'</t>
  </si>
  <si>
    <t>b'&lt;\xfb\xd0MxK\xa2\x8e\x85 C\x11\x1fr\xd5\x1b\xaa\xc36\x1e\xceK2\x8d0\xdaJT+7\x0c\x1b'</t>
  </si>
  <si>
    <t>b"\x87\xf3\xd4\x18\xdf\xdbH\x02l/&amp;\x13\x8d\\}f\x98?'\x83\xf8\xd3d\x91j;F5\xa4*\xe0\xb5"</t>
  </si>
  <si>
    <t>b'n_\x9a\x08\x9c\r&amp;\x0fL\xd9\xc8\xf1p\xd9\xe2W\xc2Dj\x10\xb3\xf5\x01^\xa0\x82Mz\xe7\x9en\x83'</t>
  </si>
  <si>
    <t>b'\xf5\x0cbsP\\\xf5\x9f\x17A\xb9\xa7\xab\xa8\x96\xdau\xef\xd51\xf7\x7f6\xede\x91^\xc0\xae\x03@\x86'</t>
  </si>
  <si>
    <t>b"q\xf6'D\xbbil/\xae\xb6\xe8Kf\x94\xf8\x08W\xd7\xa5'\xec\xfb\xf9\xb1\xbe\xc5s`\xa1e7\x02"</t>
  </si>
  <si>
    <t>b'b-\x98\x196\x94\x16\xc7\x13B\xe2\xbdM\x19\x05\xd8wE4\xaf\x94\x90[\xc6q\xaa9\x9da&amp;\xfc\\'</t>
  </si>
  <si>
    <t>b'\r\xfe|\x0er\x18\x936\tA\xc94\x9c\xb7bQ^\xf5\xf9\xe4\xd0\x18\x1e5\xc6\xff\x99-"G\x95\xb2'</t>
  </si>
  <si>
    <t>b'\xb0\x9amZ\x9d\x93f\n\xe8\xb9\x9c\xf2\xe4\x06\x97\x0e\xc4D&gt;\x9dR\x0c\x99\x98\xd9\xc0=\x7f\x06\x8f\x8aF'</t>
  </si>
  <si>
    <t>b'k\x8f\x91 \xbfl\xc0+\x9d~\xefF\x8f\x17Sj\xbeD 8\x1f\x14\xf4\xf2w\xfa{g\x82\xfaF\xf9'</t>
  </si>
  <si>
    <t>b'\x9el\xc9\xbcAn\xf5\xbe\x06a0$,\xeb\xe4(\xa4\x9e?\xa3\x96\x0b\x12\x8c+4\xa4\xaf\x87\x1b\x03\x8b'</t>
  </si>
  <si>
    <t>b'R\x0c\r\xf1&gt;~\xa5\xe5\xb36\xfa\xcf3\xf95^\xc0D\xd1P\x8b\xb6\x845~o\xb9\x83\xa9g\xf2\x03'</t>
  </si>
  <si>
    <t>b'\xc5\x84m~\x01\xa7\x17\xa6\xa0\xeb\x16\xad!\xf0\x88K+\x98\xa2HN\xfd\xb6)\x0bC\xb9\x8dz\xf2\xc2\xd1'</t>
  </si>
  <si>
    <t>b'4^\xb7Lw\x1dB\xf9\xe8L^e%%A\xb0?\xaeUmx`\xe9\xc8\xc5\x06O\x1b\xbc\xc4I%'</t>
  </si>
  <si>
    <t>b'F\xdb\xb8cX\x11\x13\x95{\xf6A\xad\x83h\xfbF\xcc\x9c\xedPB\x81\xc7\xd1\xcf1W\x0c\xccr\xb1\x96'</t>
  </si>
  <si>
    <t>b'7d\x18\xac\xd4I\xde\xc3\x08\xdcD\x01\x84.\x99~[v{\xbf\xcfoqA\xb9\xfa[\xe6\xe0\xb4q+'</t>
  </si>
  <si>
    <t>b'\x9a2\x1d\xb4u\x1c\xd4\x9c\xb2c\xab\xd9|N\x1a\x14\x9b\xe0e\xc2e\xaa\xa4\xed\x8c\x0b\x0c\xcf\xd1N8\xfe'</t>
  </si>
  <si>
    <t>b'\x8a\x11o\xc6\x80\xael\xccE%\xf5D\xd6k\xc3@\xd8\x01.n\x1e\x14\xf0\xe1*\xe8\x0e\x07\xafC\xcdb'</t>
  </si>
  <si>
    <t>b'\xe6\xe1\xfe\xc3\xfd-\x1a\x8f\xbeQmtT\xec\xcf\xc0$\x7f+.\x05\x89\x86\xa7\xdc%\x8e8\xfc\xe9q\xe4'</t>
  </si>
  <si>
    <t>b'\xed\xec\xd1\xbb\xce\x03\xccl\x0fI\x1f\xcf\xc9\x18\xa5V\x95a\xac\xe9\xe4\xc1\xfb\xb8\x00%\xe3\x08:z\xbf\xa2'</t>
  </si>
  <si>
    <t>b'\xd9}\x0b\xeel\xa9\xc2\x91\xf1R\x9cHJ\xc5\nl\xef\xab\xf96k^l_\x1e\xc7\x92M{\x01\n\xac'</t>
  </si>
  <si>
    <t>b'\xfa\xc1\xd3\xc6\xe6\x08\xe8\xde\x98\xc9\xf2\xff\x08\xed\xe8\x016\xf6\xa5\xcbRD\xfbqF\x0c\t\x9f\x8fv\x16\x04'</t>
  </si>
  <si>
    <t>b"\x85q\x8a'\x03\xb0~\xb6\xc5qj\xf6}\xd9\xe8\xe2+\x92\xbc\x1f_\x1e[\x12\xbb\x89\x16\xfa,\xb9\x11:"</t>
  </si>
  <si>
    <t>b'\xf7\xaa\x08GP\x971\x7f}\xef\tsC\x90\x9c\xdc_9\xc5\x8b\x1b\x92(\xcaO\x8c\x93\xa4\x94\xa5\x82['</t>
  </si>
  <si>
    <t>b'wU\xfa\xe2\xbf\xfem\xfe\xd7\xb5\xdf&amp;\xbb(bp\xf9\x102\x00"Hy\xf4;\xb6\x98\xd0\xaa\x9d\xe2\xfd'</t>
  </si>
  <si>
    <t>b',"B\x00zx\xea\xecE\x90\xa1P\xc1\xe03d%\xe0\xabR^\x82\xee\x18EB\xc1\x1c\xb8:\xcb\xcf'</t>
  </si>
  <si>
    <t>b'\xb2\xcd\x12\x9e[\xa9\x97$\x0fQ\xb6NNK\xe7\x84ih\xfa\x96\xe1w`&lt;I+:\xd2I\x9d\xbd+'</t>
  </si>
  <si>
    <t>b's\x90s~\xf3)\xf4\xedX&gt;J\xa7,\xaa\xb1\xfe\xdd\x00@Uc\x94,&gt;\xdcy\xca\xa4\x0e\x95\xe0\xd4'</t>
  </si>
  <si>
    <t>b'\xce\xfc\xaa\x1e\xd4X\xc7\x88tV\xb8\xf3\xd9\xe8\x83j*\x80I\xb0\xdc\xc8\xc2T\xb3F\xc0)\xe9Utx'</t>
  </si>
  <si>
    <t>b'u\x145\xa0n\xe0v\xaf\x9b\x96q\xcc\xc0`\xc4\x19x\xaf\xc9\xca\xeb\x8a\x1chYg\x81\x85\x15\xb7\x8c\x04'</t>
  </si>
  <si>
    <t>b'\x90S\xac\x18\x1f}7\x9cv\x19\xe9\x8cOb\x17\xf66\xa7\x01\t8g\x91\xd9P\xa5CJ\x03\x19P\xaf'</t>
  </si>
  <si>
    <t>b"\x85\xfb_'\x89R\xeaI^\x0eE\xbd\xbf$\x9b\xfe\x7f\x1a\xe8\xdc\xcf*\xc9A)\xabP7\xde\xfe\xe7\x12"</t>
  </si>
  <si>
    <t>b'\xb1\x18b\xfd\x94\xcc\x16\x0f~\xc5AY\xeb\xd8\x12\x02\t\x12\xd3\xd6\xab\x9c\x13\xa4\x8d\xd4&amp;\xf8q\x88cn'</t>
  </si>
  <si>
    <t>b'\x91\xc3aS`\x05\x8aHfnq\xaa\x96\xf8\x80(\x9a\xbeo\x9acE\xd1~\xe8\xae\x93\x04\x07\x85:\x8b'</t>
  </si>
  <si>
    <t>b'\x07\xbfG\x9cA\x86\xc1\x16\x9f\xfc=\x18\xa9\xc0\x08\xe7/uS&lt;\xbf\x8d\xf61\n\xa4\xbb\xa4\xb5\x1c@^'</t>
  </si>
  <si>
    <t>b'\xc5\xfc.\xc0\xab7eg\xfe\x9aC\xc9{=~!\xe7&lt;\xcb\xb8\x9f\x121_\x04^Hc*\xb6\xf8\x83'</t>
  </si>
  <si>
    <t>b'P\xd8p"g\x80n^\xb6z\xba\xd7;|.e@\x15g\xad\x02\x11\xdey.\x89\th0\xba\x82\xeb'</t>
  </si>
  <si>
    <t>b'\x0e\xb3(\xb9\xd9+\xe5\xab\xd2\xb83\x04\xecb%\x146\xc5T\x0b"\x0e\x06c\xa88EZ\x82\xcf{\x8d'</t>
  </si>
  <si>
    <t>b'\xf7\x8d\xa7p\x97\x1d(f\xb5\xa3WX\xadh\xbe\xec\xbe\x00\xe70\x15\x871\x04T\x0f\x0etw\xee\x16]'</t>
  </si>
  <si>
    <t>b'\xf5l\x95\xe7\xc1K\xb9Z\x05\x93\xb6\xbb\xe7k\xaf\x8b\xc0\x0f]\xc1KI\x80K\xf9\x00\xf4\x8c\xc2\xbd\x88\xac'</t>
  </si>
  <si>
    <t>b'\x9c \xa4\xecs\xb2|&lt;\xc9\x96~\xb1\x9f\x85\xb0*i}{\xdc\xed\xff\x91\x93L\xba%\x8d\xc9\x9e1B'</t>
  </si>
  <si>
    <t>b'\x18\xd6\xc55Wu\xdc\xaad\xb32^\x8e\xae\xbe\xad)\xa6\x04\x10_\xdd\x14\xd1&amp;P3\x05\xf6\x01\x03\xfd'</t>
  </si>
  <si>
    <t>b"\x01\x9cHE\x0f\xe5\xfe\x92B\x1c\x8b\xcf\x08\x8d\xf4p\xc5\x92\x9cq\x8c\x00'M\xe7\xce\x7f\xeb\xf8\x16\x16\x8a"</t>
  </si>
  <si>
    <t>b'\xf5q\x84\xa5\x970\xcb5,\xb5\xe0\xc1Nsf\xa9\xdcG&lt;yu\x9c\x12\xd7^K\x96\xf6\xfa\x1f"\x8a'</t>
  </si>
  <si>
    <t>b'\xdf\x19w1U\x9d\xe0\xcd&lt;[\xcf\x87\xde\x9a\xa3\x12b\xb39\x14\xa3\x00=g\xd1GC\x8f\xd1\x8b\x85('</t>
  </si>
  <si>
    <t>b')\x93\xd4Cv\xcd\x1b\xec\xf6\xa4!\x95\x00\xddzf\xa7|\x19fr\n3V\x84\xb3\x86\x84\x81c:\xbf'</t>
  </si>
  <si>
    <t>b'\x01\xee\xeaC\x98\xc0\x15\xb1\x0c\x00+a\x01\x94rTr\xf6\x13\xa6\xff\x14K\xda\x96\x80X\x9c&gt;\xf4\xea7'</t>
  </si>
  <si>
    <t>b'\x933\x87\xb9\xc8D!2\x06\xd8\xf6\xc6\xe3\xf2g2\xb0\xd7Y_\xb6S\x9f\xd5\xe59d\xdf\xad\x85\xbf\xed'</t>
  </si>
  <si>
    <t>b'G|\t*\x07bf\x0b\xd0*\xb9\xaa[\xbc\xa9k\xaeP\x82b\x9dB\xea\\L\xf2\xdb\x00S\xee\xd6_'</t>
  </si>
  <si>
    <t>b'\xcf\xe2\x17\xaaa+\xa1\x00s\xeei+\x9e=\xc1\x00\x1f\x94\xbcloR\x84q\x86|B\xb9\xee-&gt;D'</t>
  </si>
  <si>
    <t>b'\xf9\x1b{\xdf\x80\x13&lt;e\x99{\xd0\x00\xeb\n\xd8\x14\xdb\x86=s-^\xb4\xd3\xf2\x90\x00L\xe2\x81\xdd4'</t>
  </si>
  <si>
    <t>b'ap\x9d\th\xe4uO\xed\x17R\xa3\xff\xa7\x89\xd4\xb55\x8e\xc6\xe3|\x03\xa2\x8b&lt;\xea?N\xfb3\xa4'</t>
  </si>
  <si>
    <t>b'\xc4\xf3\xd4\x1b\x88Zk\x02\x7f\x18\x1f)F\x0e\xa12X\xd0\x9b\x0e\xaa\xa9\x12\xcd\xc0\xb6S\xdd\x1d\xa2\xb29'</t>
  </si>
  <si>
    <t>b'\x85+\x11\xad\xcf\xf2?V\x1d\xfa\xd5{\t%\xad\x93\x06\n\xdc\xd4\x9fQ\xf8\xf7\xed\xb0\xc0\xccl\xd9\xcde'</t>
  </si>
  <si>
    <t>b'\x93\x8ep\x9eg\x16\xe4\xedL\xf7\x1cP\xec\xdf}\x96\rw&gt;V\xa2\xa8\xdd\x1e\xa2\x11\x84\x81\xd9J\x14\x9d'</t>
  </si>
  <si>
    <t>b'-\x8d\xf5\xb7\xd4\xac\xb1\xce\x07&amp;p\x8a\x08\xb5\xad\x1e&lt;\x02\xc6\n9\xb1z\xad7\xf8\xf5\x95* \xbaM'</t>
  </si>
  <si>
    <t>b'\xea\x98\xd3\xca\xe1\x99+\xdf\xc7B\x1c\xd6\x93\x8e\xfc\tg\xbd\x00\xce\x00P\xa5\xc5.\x82\xb3\xb4\xd7\xe9\xad\xae'</t>
  </si>
  <si>
    <t>b'd#\xd9\x04\x00+?\xd0\xba7x\xe6o\xf4u\x87_]\xe7\xc8\x941\xb8\x97@\xe6t\t\xc8V\xbe\x0c'</t>
  </si>
  <si>
    <t>b'P\xb1\xb6TRno\x921\x8b\xeeI\xab\x1f\xd4\xba\xcb\xe3a=a\x96W\xbbs\x93I\xe3\x0e|M+'</t>
  </si>
  <si>
    <t>b'\x86M\xc8\xab9\x1c?v\xa6/\xb1P\x06\xe8\xccYxx\xf8\xf0G\x8e\xea\x19\xffD\xdae\xae\xf0\xd6i'</t>
  </si>
  <si>
    <t>b'\xfd\xdc\xb0 1\xb3\xa7\x98w\xe5\xc3\xa4;w\xef%\xeag1\x1a\xf3\xe4\x9b=\xfe\xaab\xb9\xe6\xfc\xb6T'</t>
  </si>
  <si>
    <t>b'\xcc\xbc\x88V\xd4\xdc\xb9\x9b\xd8\xae\xb8\xa8*\xafo\x01\xd2\xcfa\xfb\t\x85\x1a\xcd+\xf9\xdb\xdbcSv\xda'</t>
  </si>
  <si>
    <t>b'\xe8ao"\xc4\x9e\xaa\x89\x98\xec\xbbj\x19M\x1f\xba\xed\x17\x1e\xc6j\x82\x1d\xeb\x86k\xc6Y\xde{\xc5\xc3'</t>
  </si>
  <si>
    <t>b'\n7\x14\xdex\x14*\x9b&amp;5\xc0\t4\x95 \x84\xaa\x8888?\xe2u)\xacC\xa7\x1b\x04\xae\xb0\x90'</t>
  </si>
  <si>
    <t>b'\x88\xc4\xff\x92\x02\x87F\xd8\xe1\x89\x0b\x85t\xb8\xc5\xd0I;\x01\x9c\x1d$M\xe4*\xc2F\x80&gt;\xe1Qr'</t>
  </si>
  <si>
    <t>b'*6\xe8U\x1a\xc2\x99\x16\x85z\xb5\xfdYya\x99\x8ck#\xa6\x99\x10\xcd{\r\x92u;*\xe5\xff\xdb'</t>
  </si>
  <si>
    <t>b'\xdb\x02\xdb\xd3_\x15_\x9c\x92\x01\x87\xf5\x16\x9f8\x00\xe4\xd8_\xa3\x17\xd0\xffd\xcd\xeeF\x9f\xa3\xd7p\xd0'</t>
  </si>
  <si>
    <t>b'"\xceK\x9d\x96\xd9\xba\x81\x163\xb5I\xa0\x96\xaa\x15{\xb1\xe8\x05\x83N-Pi\xd6\x11\xc8\xc3\xc5\x03\x0f'</t>
  </si>
  <si>
    <t>b"U\xe3g\xdc'\xd8\xf7n\xbfM\xc3E+u\xe6k\xc90o\xc2-\x8b_\x89\x82\x9fcdb\x1fF\x13"</t>
  </si>
  <si>
    <t>b'g\x19\x0eP0\xd5\xff\xbdm\x8c\xed\x89\xd5B:\x0euv\xca\x81\xdfS\xa7\xe8eTc&lt;\xc8u!}'</t>
  </si>
  <si>
    <t>b' 7\xe3\xb7\x96Ca\x9f\xe8\xa5\x82\xec\xb2 B\xae\xa1\xd2\xfb\xdf\xb6\xf6\x88\x1b\xd7"\xbaQ\xbd\xc9\xa4p'</t>
  </si>
  <si>
    <t>b"\xd9\x91\xd8\xddG\x7f\xfd\xa8\x1f'\xd5\x91&amp;\xfd\xc8j\x9egZ\x1c\xde\x83\x9c\x7fz\xff\xc6\xc3\x0b0\x80,"</t>
  </si>
  <si>
    <t>b'\x12k\xc6B\x08\x9f3\xe9\xb3\x89I\xbb\x0c\x14\xf8\xf7c\xdc\xc7/\xd4\x8c\x9b4d\x14\xac\x96/\xaas\x98'</t>
  </si>
  <si>
    <t>b'D\xd1c\xd2\x0e\xf8cSg\xd7\xc8\x13\x82\xaa\xbc~\x1aG="`\xf2\x08\xe0{\x16\xd4\xe1\xf16\xb3\x94'</t>
  </si>
  <si>
    <t>b'\x13F\xb3;\xfdoEi\xf2{w\x92\xe2&gt;\xfb\x03\xb2\xae|\x17\xd1\xa2O\xf2\xe1p\x86\xaa\xf6h\xad\x15'</t>
  </si>
  <si>
    <t>b'\x81\xc1\xf9s\x9e,Jf\xea\xae\rv\xd8\xc9\xdd\x95\xa5\xc8\\J\xfcZ\xe9\xa4s\xa4\xcd\xc1\xef\xf2\xe0"'</t>
  </si>
  <si>
    <t>b'\x00\x92&lt;\x8d,+maM\xc2\x1b\x80\x1f\x05\x89j\xb2\xf7\x8c\xf4y\x9cb\xabl\xd9*\xdb\x0b\xe7\x93\x03'</t>
  </si>
  <si>
    <t>b'\x1b\xc2\xdf\xe9w\\\xf4\x82\x16N\x01\xb0\x9c\xf6\xa6\x99\xbf!\xc7\x99&lt;cN\x01\x1eC\xb8\xc6$\xbf\xf8\x81'</t>
  </si>
  <si>
    <t>b'\x9dm\xbcF\xaa\x16\xd5\xd2#J\x18\xe6\x8e\x97)\n\xc4\r\x02\xb7\x0feV\xce\x99\x80\xcbqOl\x85\x9b'</t>
  </si>
  <si>
    <t>b'\x13b\xb5\xe8\x86\xa9\x84=\xdc\xfe\x1d\xec&amp;\xc8\x97\x81bh8\x1fA\x93y?do\x1d\x91W\x88\x89\xd5'</t>
  </si>
  <si>
    <t>b'\xf5\xfb\x97u\n\x97\\\xdd\xf9\xe8d\x15p\xea\x08-t~\xf7\x18(\x84\x95\xbe\x9b\x9b*&lt;7\xb1\xe9\xd6'</t>
  </si>
  <si>
    <t>b'!7V\xef\x1f\xf4%%rq\xc9\xbe64Qe\x92a\xd3\x1b\xfbx&lt;\x9b"t\xd6\xec5\xb0\x11\xdc'</t>
  </si>
  <si>
    <t>b'\xbf\xd4\xb2\x01\xe6\xee\x1e\xe3Y\xef\x03\x02&lt;\xe1s\xd9\xed!\xd6\x1f\xaf\xae\x057\x12\xd8\x8f\xa4&amp;\x99\x10Z'</t>
  </si>
  <si>
    <t>b'\x89 |\x9d-\x9f\x95f$3\xd6*\xe0m\xfe\xf4\xe9"\x99\x1c\t\xdc\xbayC\\\x0bRd\x10\xe4\x01'</t>
  </si>
  <si>
    <t>b'\x8c\x13\xd4\xe1\xdeYpI\xf9@\x97Q);r\x19m\xcb\xe9\x11r\xbf^x"0\x8d\xf7\xb3\xec\xbf5'</t>
  </si>
  <si>
    <t>b'o\xb4E\x1f\xfa\x8a,1\xd7\x9e2\xf9\xdf\xe4\xad\xfaR,\xad\xf5\xd1|2\xcckA5&amp;s\x97\xc28'</t>
  </si>
  <si>
    <t>044xx</t>
  </si>
  <si>
    <t>b'\x13\xf2?\xee\xb5\x8a\x06\xe1 \x87\xc9xp\xb4\x8e\xca?\x1dD\xb3\x02(\xc5-\xdc\xac+\t\xfd\xc0\xa2\xcd'</t>
  </si>
  <si>
    <t>b'\xa0\x113E\xff\x18X\x9b\x97\x8a\xaf\xbf\xc5\xcc\xc9\xe4\xa9\xb7$\n"\xc2\x8e\x8a!\xd6\xa4b\xef \x85\xe2'</t>
  </si>
  <si>
    <t>b']\xb9e\xf1n\xee\xf7\x8fL\xfb(wN\xde\xf4\xb4\xc3@^\xd9\xbc\xb6F\x11c\xdd!\x19w\xfcD\x9e'</t>
  </si>
  <si>
    <t>b'\x1dpI\xda\xda\x9a\xafC)\xfb\xd8br\x07\xab-\x0e\xf1"\xcc\xbeU\x80\x1f\x1db\xd5\xc4\xdaPd\xef'</t>
  </si>
  <si>
    <t>b'\x1fob\xa9\xe2\x82\r\xf5V\x04w\x85\xf1\x85\xd6\xef\x93\x08\xfdH8+\xd6DZ\x0c_\xd0\x00E\x91\xfb'</t>
  </si>
  <si>
    <t>b'Y\x93%\xe2\xbe\xfbL\x9b\xc64\xd9\rBL\x1d:RLG=\xe4\xc2\xa3\xf9\xa5\x9a\x14\x08\x0f\x956V'</t>
  </si>
  <si>
    <t>b'[\xdc\x0f,6\x91\xc3\xff\x19\xe0\xc9\xf4\xf6\xa6\x0e\xc7\x14\xc0 M\x80\xd5\xeb\xa29_\xfe\xc8\xe9\x8c5\xcf'</t>
  </si>
  <si>
    <t>b'ld\xa7TK\xbe*\x97sv\xbe\xd7\x89\xadv\xc9\xee\xcej\xe6\x91k\x1dD\xa7\xe0P\x895u\xb0\x06'</t>
  </si>
  <si>
    <t>b'r\x02\xba\x88\x90\x9e\xf8r\xd6:l\xffc\xbbm8+MgUB\xc0"\xcaG\x17\xda~\xfd\xa1p\x9b'</t>
  </si>
  <si>
    <t>b'\xde&gt;\xac\xe5\x04\xee.\xa4\xfd?\x8d\xa1\x90\xdbQi\xad\x1f\xab\xe3\x10\xf2\x98\x05\x96\x00\xd7\xd5n}F%'</t>
  </si>
  <si>
    <t>b'q\xd4\xad2Omb*\xf1\xaa\x8a\xb0\xa6\x86\xe9\xa4\x7f\xbf\xa6\xac\x8f\xa4N\x98\x91\x86"\x80 \x8a\xd1\xac'</t>
  </si>
  <si>
    <t>b'\xf09\xa8\x9d\x15\xa2f\x03\xda\xc5\xc8\xb6\x82\x1ca\x07\x12\xe7\x03P\x8bS\x98!\x1d}\xea~\x8a\x1b]\x02'</t>
  </si>
  <si>
    <t>b'\xda\x0b\xbf\x1f\x89\xfc/\xba\xa2\xb5\xe2j\xfd\xec\xca\xaa\xc9\xa1\xad\x82\x96]\x91G\xbcr\xcb\xee$\x1bIj'</t>
  </si>
  <si>
    <t>b"\xa8\x8e\x07\xd0\x04\xbb\xaf\x83\xfc\xe9\x11\xd5j/\xa9\xacs\x18\x80F'$\xa5K\x04\xf9\x96\x83\x9b\xd5\xb0*"</t>
  </si>
  <si>
    <t>b'\xf3~mnm\xbe%\xc5\xb2\xd7\xf2\xe9\xe7x\xf2\xd3\xb2\x8b\xe5\x01\x1e\xbd\xbe\xc5\xa7a&lt;\xfb\xa0\x11\x00\xa7'</t>
  </si>
  <si>
    <t>b'\xcc\xa6\xd8K\x05\n\x80a\x8aG\xb5\x0f\xaf\x8cYw^G\xdbV\x9b\x8a84\x95!OY\xc0ph\xd6'</t>
  </si>
  <si>
    <t>b"\x16\x14\xbd~c\xd5['\xb9kz\xf7\xef\xd8\xad\xceof\xbdHE\xfa\xb11\xd4\xc2|B\\\x7fF\x8d"</t>
  </si>
  <si>
    <t>b'\xb0eBI\xca\x01G8\xd5\xcd\xc3\x1a\xfc8\x8e\xb3GL\x90\xa8\xe3\x1f\x1dc`\xb5[\x918+.&gt;'</t>
  </si>
  <si>
    <t>b'\x19\xfeu&amp;+\xf8\xcf\xe7b\xd6&gt;yw\xfb\x1c\xfc\x88x3\xd3\xf4\x1d\xe8Xj\xf4\x19\x9bWD\xe0f'</t>
  </si>
  <si>
    <t>b'\x86\xb6\x9e \x96d\x87\xc9\x19S\x1f:\xbd\x12C\t\x1bp\x06\xd6=\xbb\xe7\xc3\xd3\xaf\xf9\x0fuGG\xd1'</t>
  </si>
  <si>
    <t>b'q\xe7\x85\x1f\xd8\x80*!\xcd\x11\x03\xa2\x06\x8b\x9e\xc16x\xa6\x85\xfbF\xea\x95\xfc\xac\x9bk\xd3\xbd\x9f\t'</t>
  </si>
  <si>
    <t>b'\xd07\xe1e\x86\xf7\xf9\x81*2\xdev\xd9\xdbu\xcf\xfbt*\xd4\x8a]\x83\xad~B\xf4\xe7g!y\xa9'</t>
  </si>
  <si>
    <t>b'\x0c\x0b\xcaE\xe4\xf7\xc8\xf0&lt;mQ\x90\xcf\xdb\xc4x\xee\xfd\x03\xc9\xdd\x91r\xdd\x0cD?\xd1\xeer\xb64'</t>
  </si>
  <si>
    <t>b'\xed \x9d\t\xf0\xac{\xeb:\x85\x04\xe8$\x96\xa3b\xf8\xc0Z\x82\x84knh\x84u;\xbb7\xa2$\xa2'</t>
  </si>
  <si>
    <t>b'\xf674\x82\xe1Y\xdb\x87\xf8-m\xc6cW\xad)\x0f\xd6\x95R\x1e\xb0v\xe2\xd08\x8e\xe5\x05U\x0f\xb7'</t>
  </si>
  <si>
    <t>b'K\xcd=\x97\xf5\xc7\xa4\xaa\xf5\xe8I\xf8\x85\xd3O\x18\xf1\xb9\xda\xb4l\xda\x81F\xd4\x96\x8f$+Mc\xa8'</t>
  </si>
  <si>
    <t>b'\xd9a$\xf7\xc1Qi\xe6\xbc\xefK\xcb\x95\xda\x04,T$w9s$pQ\x10\x1d~\xb3s\xea&gt;V'</t>
  </si>
  <si>
    <t>b'\xc4%\x83\xc8hk\x0c\x1d9\xe9`vN4\xcc\xcf\xce\xaa\x1b\xe2\x18\x10\x86\xc4\xa3\x03I7\xdc\xd8\xc0\x9b'</t>
  </si>
  <si>
    <t>b'\xfb\xf0\x8e{,\xf17\xf6}Ql\x83A\xfcf:\x88\xa6\xf9e\xf6\xd0\x0e\xc1\xaeE\xca\xe1\xb4\xea\xe9@'</t>
  </si>
  <si>
    <t>b'\xe8u\xe4\x92\xc0\xd98\x85\xa4U\x0c\x06Q\xc5\xef\x7f7\xeb\x0b k\xb4\xc3\xf2\x0e\xe00\xc4\x1f,\x9f\xd7'</t>
  </si>
  <si>
    <t>b'g\x06[V\x17\x83Y\x1c\xd2\xe0Ug\xe0*\xadT\x83\xcb\xba?\xd47\xb4\xc6\xcdr\xb0n\\\x8c[C'</t>
  </si>
  <si>
    <t>b'\x17\xf8"\x858\xde\xa4E\x11\xbfz\xb3\xbd\x9a\xd2\xb5V\xea\x17\xc1\x07\x82\xa7Ca\x97Rx\xe5\xd5\xbe\xa5'</t>
  </si>
  <si>
    <t>b'\xb1\xb5\xfd$\x9bT|3\x91E\xd5\x9e^\xc2\xaa\x1e\xb5\xc6\xc4\xed\xb6\x00\xd3\xc5h\xa7\x87\xe7\x9b\xe6\xe8\xf1'</t>
  </si>
  <si>
    <t>b'p4]`\x83\x8e;\r\xde\xdb`\xda9\x0f8\xa6\x81\x80}H\xb1\x83\xbb\x94\xa8\xeb\x0f\xac\xd7\x0b\x8a\xe6'</t>
  </si>
  <si>
    <t>b'7\xf6\xc9\xa0\xce\x8a\x03\x15\xed\xec\xd1\xc8\xff\x0b\x87\xda\xdd`/{\xd1\xd1\x95\xc2\x97"\x13\x03\t\x95\xecd'</t>
  </si>
  <si>
    <t>b'\xe1T\x0f\xb8\xe0Z\xb0\x80\x89U\x9au\xebWt\xcci\xc3\xcb\xfa\xe0(\x1e*/7\xb8\xc0\x82\xc6r;'</t>
  </si>
  <si>
    <t>b':\x99\xfb\x8b\x9de\xa3hO)\xcb\x97\xe8Yv\xe8\xdf\xc15\xa9\x9es\x8b\x10\xd5\xab\xff;\xe3\xea\x90\xb4'</t>
  </si>
  <si>
    <t>b'\xb3v\xc9|\x03\xe5&lt;.\x80\xd4J\xd9\x97\xe6\x85;4\xebf~\xe5\x1ec\xe5)\r\xaa\x87SP\x05S'</t>
  </si>
  <si>
    <t>b'X{\xf5j7wm\x82f\xfc\xdd\x93\xf5\xed\xffE\xc7@\xb2\x9b\x7f\xc8\xc6\x99Z\xef\xe9\xb5\x9b!\x08\x86'</t>
  </si>
  <si>
    <t>b'\xc7&gt;\xaft\x9bi\xc1P\x9e\x8a%\xc3F\xe4q\xa6\xbc\x146"\xa6\x93w\x18\xf8\xa6\xc4\x80D\xed[}'</t>
  </si>
  <si>
    <t>b'\x1c;\xf8\x08\xcc\xd3\xb1=\x1e\xb5\xde\x17\xeb\x9bo_\xe7\xa3g\xe8I\x04V\xc4\x9f\xc6\x89\xf63t\t:'</t>
  </si>
  <si>
    <t>b"J\xc1\xc5-\xea\xde\xf2\x13Bd\x1c\xb7\xd7nXRDGW\x1e\xb7a\x048V'\xf64\x84\x84;\xa8"</t>
  </si>
  <si>
    <t>b's\xa0\x0c0\x10\x1d}\x1dL&gt;\xd3\x7f!i\xca\xee\xd1t\xb3^\xe4\xc1\x9d\x84\xd0b\xdc\xc9l4\xb1\x91'</t>
  </si>
  <si>
    <t>b'vk\xc1\x8e\xc5\xe9\xdab\x88tr\x9d&amp;2\x93\xe3&amp;\x1a\xc6\xba2;i\xcd\xd52\xa2\xf6Qe\xd8\xac'</t>
  </si>
  <si>
    <t>b'\xa9T^0\xfc\xf8\xbe\xb5\xdbk\x14\xe9T\xa7\xcb\xf0\xcag\xae5\xad\x07\xbb\xce`\xd8\x1bt\xb4_\xa3\xbb'</t>
  </si>
  <si>
    <t>b':\x02/\x04\x99m\x10\x885\\Q\x12\xde\x17\x1e\xc44"\xb0\xb3\x9c,\x10\x1b\xd9\x9f\x1f5Vi6\x95'</t>
  </si>
  <si>
    <t>b'V\xc3&lt;\xabE\xd0\xde\xad\xe9(\xaa2m\xa0};\xf8\xfb\x1e\xb4MQ\xd2\xb3\xfa\x82\xbd\xc9m\xc2o\x17'</t>
  </si>
  <si>
    <t>b'x\xbe\xc0\xa4\x9av\xffk\xe8\xd1\xc8\xa8\xe8\x9b%\xac\xd5\xff\x9e\xa0\x8b\x940\xf8=\xd5\xf9\x9fWu|%'</t>
  </si>
  <si>
    <t>b'\xd1o\xe8\x1a\xfb\\\xef\x9d{\xbc\x16\xca\xc1\xefr\xf0\xa7-\xc8\x16\xd34\xf33\xact\xf2\x1c`\xdb\xec\x86'</t>
  </si>
  <si>
    <t>b'b\xa9\x9d\x1d#j\xff\x8bpd\xc5\xff\x901\x89\x9b\x91M,\x94\xf4,\x8f2\xae\x98\x83\xe9g&gt;xF'</t>
  </si>
  <si>
    <t>b'[\x96(\x15Q&gt;\xe6\x9f\xb6\xb8]\r\xf9h\x84t\xb5\xb0u\xaeLKv\xc6\x127\xc6\xac1\xe6yh'</t>
  </si>
  <si>
    <t>b'v\xefc\xba\xef\x82\xe7X\x81\xf4\x14\xcdfM\xdb\xfb\xbf\xdcn\xe0\x15\rx\xe6\xf8A\xe7a\x8a\xb2\xde\xba'</t>
  </si>
  <si>
    <t>b'q\xdd\xe8Yk\x0f2R\xcd\xd4-\xf6,`R\x87\xdd\xb9kUr\x87)\xad\xfb&gt;\xc3k0)#\xa1'</t>
  </si>
  <si>
    <t>b'g\x11T\x01u/\xf33\xb1\x8b\xfc~\xccgnL7e\\\xbf\x19AK\x03Q\xc6\xa4\xbe\xcdS,\x80'</t>
  </si>
  <si>
    <t>b"n\xd3g[\x97y_H\x0b\xa3\x13'\xb70\x1b\xd8\x08z\xf2\xddFs\xcbJ79\xe7\xe8\x02f\x97\xc1"</t>
  </si>
  <si>
    <t>b'~^;\xd4\xbf}\x8b\xba\xfe\x99\xd0\xd8\r\x91`\xebd\x95\xfaP.\x0b=M\xa8\xa0t\xe0\xb5\xb7\x04\xe1'</t>
  </si>
  <si>
    <t>b'\xb6\x99e}@9\x17)\xcc\xd6\x95a\x93\xfe\x0bF?\x84&lt;L\x99\x00=\xe7\x92\xcd$d\x03\x13Nu'</t>
  </si>
  <si>
    <t>b'&gt;\xfaWr\x99\xc4\xc5\xe5-!o\xd9\x9b\xa1\x80l\xfa\xb5p\t\xddai\xd8Egv\xfe\x1bM\xddz'</t>
  </si>
  <si>
    <t>b'\xc5\xbb\x9a{\x94\xfa\x00\x1e\xb5B5\xdd=UL\xc5\xfex5\xf0&lt;\xc8\x8dd)\xab\xc3\xc4\xad+\x84\xb3'</t>
  </si>
  <si>
    <t>b'LQf\xdb\x90\xe4\xafp\xa8\x87\xa7&amp;\xda\xc0\xf1\xc2\xffYRb9.[l\n\x87\xf0,\r@\x92\xc1'</t>
  </si>
  <si>
    <t>b'H@j\xf6%%o\xbe\xf0R\xf20\xe7ikb\xc4\x0c;t?\xfai-\xe9\x1b\xdf\x0f\x99+\xa0|'</t>
  </si>
  <si>
    <t>b'\xf8\x8e\x99\xde\x15\xbc\xeb\xb8!NR\x91\xa7M\xea\xac\xb9Y\x00J\xc1\xb8\x99\x9chf\x99\xc3\xc5g!\xde'</t>
  </si>
  <si>
    <t>b'&amp;\x84\x80\xf7\xa7\xe51\xa09\xa1=}Z\xfaa\xcbY\x93\xde\x19.U\xeb\xd5\x08-\xa4\xfe\xca\xcc\x15\xe4'</t>
  </si>
  <si>
    <t>b'\x91\xb2;\xf2\n*\x85l\xf8\x94\xee^F\x14\x15f\xdc\xa5,i\xe7DX}\xa4\x81D\x8f\x82\xcd\xbcb'</t>
  </si>
  <si>
    <t>b'\xac\xa5\xab\xd4n\x16\x81\x17\x8d\x13R\xc7\xf8\xbdG\x8b8\x8ai\xd0\xc0\x9a\xc4\xb1d\xef\xbbM\xfa\xc5\x92 '</t>
  </si>
  <si>
    <t>b'\x97\xe8\x10\xfa\xc9#\xf2\x96x\xdd\xbfrR\xc5 T\xe9\xb9\xe8\x00\t\x1a*J\xcf\xff\xf7\x82\x05|\xab\xaa'</t>
  </si>
  <si>
    <t>b'fw\xdc\xa5\xae\x04\xd8\xbd\x13"e\x1c:E\xc5\xa4\'S\xef\x94\xf8R\x1e\x12\x80Z\x90\xc2\x16\xb2\x06+'</t>
  </si>
  <si>
    <t>b'\x80\xc5\xe3 \xe9\xb0\x86.^%j\x7f\xa0\xff\xd9\x06\x16u\xda\x88\xdb\xc5\xe8j\xb3\xaf\xf1\x1eo\xb0\x1c\x1e'</t>
  </si>
  <si>
    <t>b'z"X\xcee\xdc!?\xe5\x8c\x8e[\xcc\xb7\xc4\xb4\xc3D\xad\t\xbd\x93\x85m\xa0\x9d\xe2w\xf2\xf4J\x04'</t>
  </si>
  <si>
    <t>b'\x92EX\xbcC\x9d3O(Iv \xf2\xcfs\xdc:\xc5\xa5PV\x1b\x03\xf4\x90c^S\x12Z1n'</t>
  </si>
  <si>
    <t>b'\x86\xe7\x86\xac=I\xb5\x86\xdcv\x19\xbb\xea1\xb2!\xb2\x9cQ\xd0K\xae\x03\xdf[\xfa\x9b\xae\xe6Uy\xe5'</t>
  </si>
  <si>
    <t>b'\xa3\xf4@\x88\xe3m$r\xd3!\xa3\xd2u:+\xad\xf7P\xe4R\xdeb\x93b\x90\xc6\x02u\xe7pl\xb7'</t>
  </si>
  <si>
    <t>b'Q\xe7J:f\xc8`\xc8l\x95H2j\xadn9K\xf3\xf8\x14\xdd\x9eXh\x145\xff&lt;\x87\x8d\x05k'</t>
  </si>
  <si>
    <t>b'\xbb\x9cVi\x9b~p5l\xd4\xfa.\xb0!?6\xbc\x8f\xbc\x082 \xe6\t\xf8\xc2\xfd8=p\xbd\x9f'</t>
  </si>
  <si>
    <t>b'\x88d\xbf6F\xd96\x1e\xa5\xdf%2\xdcV\x148\x1a\xef\x16\xd3\x990HAp\xcd\x8e\x11\xb0I\xf4~'</t>
  </si>
  <si>
    <t>b'\xd8\xed\xa6-\xa84e\xdd\xea\xffT\xaf\x15\xf4\x98\xfd`&lt;\xfdVN\xcd:\xabd\xe2\xd5\xf3"&gt;\xa9\x12'</t>
  </si>
  <si>
    <t>b'\x1f\x97\x1c \xa0\x9el}t7\x15\x8e\x95r}\x82/QV\x13\xae\xde\x03h.\x10\xf3\xb3j\xca\xfd\x88'</t>
  </si>
  <si>
    <t>b"SH?\xa3k\xee\x1e\x91\x1c'h\x04\x1b\x1b\xbb*\x12A\xa15\xc3k\xd2o\xf8\xb2~o\xb7\xbc;\x08"</t>
  </si>
  <si>
    <t>b'\x96\x15\xdaw!\xef\x0f\xae\xcd\n(\x97\n\t\xfez\x99/\x00\xcd\xd9\x13e\xc2\x05n\xfc\x07,\xf0\x0fD'</t>
  </si>
  <si>
    <t>b'X\xaa\xb5J\xb3\x1f6a\x85\xe3\xaaE6\x88&lt;r0\x10\x86\x16\xca\x8b\xfe\xa0\xfel\xe6\xc4\xf1\xd2\xe8 '</t>
  </si>
  <si>
    <t>b'\xad\x89=\xf26&amp;K!\xd1\x7f#\xb6\xe9\xda \xaa_\xeb\x18i\xfe\x7f\xdd\xd1P\x87\xce\xc44|\xbd\xd0'</t>
  </si>
  <si>
    <t>b'\xb6\x8bE\xb8\x92z\xacL\x0f/\xdf\xe8\xed\xbe2o\x99\x9e\xa4}&lt;t\xbb\xe0"\xb8\x1b\xb2VO\x96\x98'</t>
  </si>
  <si>
    <t>b'\xa5\xd4\x89\xd9&gt;\x0b\xbd\xb9\xad\x0f\xc5Ee\x8f=\xa9\xe5/s\x85\xfa\x81\x84\xbd\x1f\xd8nQg\xd1#/'</t>
  </si>
  <si>
    <t>b'\xe3\xe9d\xb5h!\x01\x84\x06u\xa7AD\x7f\x12\x12\x83\x06\xf8\x96W\xb2\xd8\xc8xV@*\x97\x917\xfe'</t>
  </si>
  <si>
    <t>b'\xad\xb3\x97\x19\x1d\xef\xe2\xd33\xf4\x84#\\\xea\xce\xf1\xa3#92)\xfc;wFI\\)G-}p'</t>
  </si>
  <si>
    <t>b'\xd4\xb9\xfa\x99\xbcW\xfeIG\xc8\x84\x1b\xef\x96T\x96\xcb\n\x03xe\xd5\x86{COT\xafx\xd7\x07F'</t>
  </si>
  <si>
    <t>b'\xbcx\xf2w\xf2\xa3\xbc\xcf\x9aQe\x9e\xd3\x11e\x95^\xd6\xfd.\xe6\xd8\xc7:\xc8C\xbc\xa8\xa1ZW^'</t>
  </si>
  <si>
    <t>b'\xbf\x16(\xff\x83\xa8u`\xf3[\xae\xb5\xfa\xd1\xd0:\xc4\xa6\\\x95\x7f\xb3\x8a\xd8.\xffI\x968\xfc\xaa6'</t>
  </si>
  <si>
    <t>b'\x8f\xc9\x18\x03]CzJ\xb8\xa6v\x94\x96tyP\x1f\x1e\x0c\x01\x97ozr\xce\xabf\xa9\xc0w\x8a\x8f'</t>
  </si>
  <si>
    <t>b'\xab\xed\x90\x9fo\xfe.\xf2t\xa8@\xfb\xd1\xf0\x80\x822y\xc4\xecQ/\xd6\x97o\xe8\xbaC\xe8k\xd1m'</t>
  </si>
  <si>
    <t>b"\xd2\x8b\x95\x85V\xce\x06\x1e'\x07q\xa5\xbf\x82\xceO\xb9\xad\xbd\xf6\xd1+;\xb7j\xaaK\n\xdb\xf9ER"</t>
  </si>
  <si>
    <t>b'h\x12s\x96\x9c\xa5\x1a\x1c.q*vW\xeb&gt;l7\xc2\xca\xbejZ\xba|Bz\x19+\xf6)\xed^'</t>
  </si>
  <si>
    <t>b'\xc9\x8d\x9b\xec*\x85\x94\xdep\x8f\x846\xa0P&lt;\xf28\xbe\xc4]\xcb\xcf\x07\xfb\x85\x0e}\x16\x82z\xb0\x9a'</t>
  </si>
  <si>
    <t>b'o\x9c\xcb\x90\x08&lt;\xa0+\xee\xeeT\x8aN\xdaqB\xbc\x05\xe5\xfa\xbc\x8az\xe9\x15N\x81 \x92\xc8\xe0\xd2'</t>
  </si>
  <si>
    <t>b'S\xcc\x9a\xc6!h\xd9?%kn\xec\xc2\xb3\x02d\rj\xe5\xc4\xc4\x1e7\xeb\xf2OG\xad(\xb5\x99\xfe'</t>
  </si>
  <si>
    <t>b'\xb1\x10\xf9\xee_\xd6\xc77\xdd\xca=j\xa6}\xc39\xa3\xdb\xfe\x1a\xfd\xff\xc8\x88`4\t\x07A\xeb/\xff'</t>
  </si>
  <si>
    <t>b'\xd8E8\xb3Z\x9eO9WB\xb4bq\xd1&gt;k\xe2\x1e\x8dgb\xb9\x9b=t\xa3\n\xfb\x92\xf3\xbf\xeb'</t>
  </si>
  <si>
    <t>b'\xaf\xa1\x00\xad\xeb\xf5\x08,\x07\xbc\xfcq&amp;tz\x14q\x85\x9fP\xbbR|\n\xae\xb1(&amp;\xb4\x0f\xc5['</t>
  </si>
  <si>
    <t>b',\xa3u0\x8f\x0eJ\xa2o\xfat\xc5&lt;\xc8\x02M[\xb2\xb5a\xef\xb9\x01\xe8#\x9f_\xed\xf8O\xe8}'</t>
  </si>
  <si>
    <t>b'R\x8d5\xb25\xb3\xbay\xa0=\x0bP\x9d\x81b\xfcgVe&lt;sF\xe2\x7f\n`\x9d\xeal\x19\xb4\x10'</t>
  </si>
  <si>
    <t>b'vl+\x15UpQ\x0cl0tY\x17\x1b;\xdf\xc3\x05"2Y\xadc\xe9\x1a\xebW\x9a\xc3\x04j/'</t>
  </si>
  <si>
    <t>b'\xc2)\xccx\x8eVl\xa0\\(\x98e\x19\xaf\x9e3\xe6\xee\x9c\xa1ZUeR\x83C\xaa\xdc=I\x03\x0c'</t>
  </si>
  <si>
    <t>b'7\xb1!\x16\x7f5\x88C\xed\xc6\x88o\xd5\xf4\xa4\xa4\xfd\xc8\xf4=+\xdd\xb6m$\x8d\x95\x8c\xc2\x89\xc2|'</t>
  </si>
  <si>
    <t>b'\xc8\x86\xb2\xdf\xc1\x05\x89\x1c\x95/\x16\x14p\xaaJ\x8cL\x8c\xc8m\xa6\xc3\xb7*\x86e\x80\xfb\x94\xd8\xbf\x00'</t>
  </si>
  <si>
    <t>b'}\xd7\nQt\x7fD\xdf"\xfa\xc5w\xd1\xea\xe4\x93\x96W\xb5OqA\xe6\x05\xcfK\xe6\n\x87iz\x0b'</t>
  </si>
  <si>
    <t>b'\xb9K\x81\xc2\xc1\xfc\xaf\x97\xa3IT\x99\x9c\x94\xdd\xe3*\xc03${\xec*\xaf\x99\xfd\x8a\xee\x1a\xb1c}'</t>
  </si>
  <si>
    <t>b'\xbeV\xdaN\xb1d\xa4+6\x9f\xac\xbbq\x9e\xc1\xdaq\x1b\x16\xf6\x00T~\\\xf1)\x99\x93\xca2\x87W'</t>
  </si>
  <si>
    <t>b'\x8aO\xd2\xf1\xda\x0c\xa7.\xc8\xc8\xc1K\xfb\xe7\x14\x0eQ\xf9B&gt;\x0c\xfa\x9b\xb8U4\xf0\xc7\x81\x92\xe7\xaf'</t>
  </si>
  <si>
    <t>b"y\xc9\xa2\x052\xadX\x01\x92HeZ\xfeO\xc7\x9ed|w\x14\x89\x7f\xc7\x11\xca\xc2\xc9T\xf1n\xfe'"</t>
  </si>
  <si>
    <t>b'\x9d\x10 gk\x17\xcc0B\x93j\xf1\xb5e\x7fH\xf0BD~1F\xd9R\xa8\xc5E$\xe8\xd4p\x9b'</t>
  </si>
  <si>
    <t>b'p\xc2X\xff\x1c\x1c\x0b\xd0\xe1D\x9e\x1c%)}\x19\xbf\xe9\xca\x1b\xedA\xa6\xedl\xe9\xab`\\\x88t\x19'</t>
  </si>
  <si>
    <t>b'\xa7\xf0"+m\x0e\x013\xe9{\xd6\x9dXB\x93\x18\xb0.\n\x92\x8d\x14\x1d\x95\x14!a`4\x99\xfb\xf3'</t>
  </si>
  <si>
    <t>b'xi.\xb7d\xe3Q\xbaF\x95"\xff\xce\xee\x16\x02T\x8eL\x80\xd2\xe6\'\x806\xd0\xe8\x02.\xf5\'\xf2'</t>
  </si>
  <si>
    <t>b'tA&gt;vs\xe0\t\xa5=\xdf\x15\x8f\xde\xe6\x9f[D\xb3M\xb1y\x1d^&amp;m,\xa7f[}\xe9\xfb'</t>
  </si>
  <si>
    <t>b'FL\xe1\x13\xef\x9b\xb8\xf0i"\xbariK=f4\xfd\x03\x8fi)f\xa4\xb5\xed\xb2BI\xc1c\xfd'</t>
  </si>
  <si>
    <t>b'/\x95\xd3\xc3\xb3\x05|\xee\xb4\x1b\xaa\xfbak\xe5H\x95;g\x88\xdb\x04gE\x01\xbd\xe5\x01\xf4\xa9c\x0f'</t>
  </si>
  <si>
    <t>b'\xaa\x925\x99\xf9\x0fx\xd7E\xdeL\xba&lt;\xd4^\xa1\xb9\x02\xbc\xd1\x1c\x90\xfd\xbe\x87\x90\xc0U\xe7\x0f|\xa6'</t>
  </si>
  <si>
    <t>b'#2b\x0c\x0f\x93E\x89/a\x8e\xe3uo\xc6\x9b\xe3\xba\xc4\x93\xfe&lt;\x01\xae\x03\xc3\x11\x07\xcb]ZF'</t>
  </si>
  <si>
    <t>b'\x1d\xb2\xc8f\x19S\x9f|7\xd1L\xce\r\x88\x1c1\xd7\xe6\x92\xa0\x8btJ\x91f\xd0\xec\xf8\xb3\x15\x0cm'</t>
  </si>
  <si>
    <t>b'\xe3\xc7-\xcaU\x9d\x1f\xbb\x03\xaf\xf8\xa4/3B\xb5\xe4\x08\xf6\xf6q\xcd\xa3F\xb1\xd7?0\x8c\x19\xa6T'</t>
  </si>
  <si>
    <t>b'\x82\xe85\x93\xaa\xc2\x0e\x8e\x0e\xf7\x85\x1d\xbc\x83\xd5\xabC\xe7J\x8d\x91m\xf4\xc6\xb0\xc2|/9\x8a\xd4\xeb'</t>
  </si>
  <si>
    <t>b'\xb2u9\xdd4v\x1a\xa9\xc1[6j\x00L)\xd8\xa9\x8b\x12\xbd\xb9n\x1ek\x81P\xa3R\xf3\xd1\xe2f'</t>
  </si>
  <si>
    <t>b'\xfacF\n\x9d\x9ez\xbdO\x9cQD)R4n\xcfU2\x99\x1c\xdf*\x10\xa2x\x8bW\x0fz\xfd\xdf'</t>
  </si>
  <si>
    <t>b"\xabR\x04z\xc5\x01\x95\xc6Rc\xfb\x90\x0b\xcf\xe8X\xe9\x19\x0frc\x17\x05C\xf2d'\x06\x8e\xe5\xb9\xe4"</t>
  </si>
  <si>
    <t>b'\xb8C;\xfd!\xdf\x85\xa8W\xb7\xb4\xe56\xf6;\xe4\x94\xd3\x917\xe3H\xa8\xbf\x86\x0f\xa8\x9b_s\xc0\x8e'</t>
  </si>
  <si>
    <t>b'\x9c\xec\x02\x917\x88&gt;\xdb\xb1\x926B\x84\xc4\xc1\xcd\xa8\xc0\xce\x00bwm\x89\xbef\x94\x83\xaaH\xb8P'</t>
  </si>
  <si>
    <t>b'L[n5\x0e\x9a\x07\xc6\x9d\x0c\xa17l\xbb\x9c\xd8\xb5wly\x90\\\x84\xbf,\x9d\x96\x91G\xa3\xb9\xfc'</t>
  </si>
  <si>
    <t>b'y\xad\xd7\x1b\xc7A\xbb\xea\x14\xb2&amp;L\xe5\xbd3\xa4\xe6\x81\xebs\xb0Z\xe7\xf3\x94\xeb\xb8\x00d\x979('</t>
  </si>
  <si>
    <t>b'zq\xacaZ\xc17\xd6\xa3\xce\xb4\xa4\xbe\x08\xc8\x8d\xecB\xf6\xc4o\xf9\xa4\xe2J{\xfc\xe7q99J'</t>
  </si>
  <si>
    <t>b'tj\x19\xab \xd8e\xef\xf7\xb0\xac\xcc\xa3tBJV\x9a\x11\xfaU\xe9(\x80\xdc\x00\xf2\xa9P\x84\xf0t'</t>
  </si>
  <si>
    <t>b'\xed\xa1\x13\xd6\xb8u\x92\x8b\xe5\x94\xe7\xf9\xf9|_\xe0\xcd\xcfj\xab\xba\xa4Y\x8fJ\x8eo/Ny\xbc\xf1'</t>
  </si>
  <si>
    <t>b'\xb0\xb8y\xd4\x94\x8c\xece\xfe\xb9\xf59d\xfdjsa\xc4\xcb_E\xc3\xc3{p\xca\x93&amp;P\xd2\x8d\xcd'</t>
  </si>
  <si>
    <t>b'\xb57\xaa\x1f\xdbUw\x00\x11u\x87\x12F\xfc\xc3\r\x0c\xb6\xae\xd2\x86\xaf\xc9\xef\\\xbb\x88r\xcf\xc3\xf4\r'</t>
  </si>
  <si>
    <t>b'\x125\xd2^\xed\xa9\x89@r6i\xc7MZ\xb8\xa8\xe4C\xa1\x87^\xc7\x93@\x87j\x99\x97\xf17\x8as'</t>
  </si>
  <si>
    <t>b",wA\xe0se'\xd0h(\xa0m\xcfy\xd1\xc9T\\\xb1\xdf\xcevi\xbb\xb5\x92\x8e'\x7fu\xab\xcf"</t>
  </si>
  <si>
    <t>b'u\xce\xfe\x98Ya\x1cwG\xde\xbaO4:\x87\x98L\xa4\x85\x9bxL\x13Y~\xca\xf7\x0c\xbe\x18\xdbc'</t>
  </si>
  <si>
    <t>b'\x0fd\x7f\x9b\x18*\xef\x03\x0b\xf5\xf0\xa4\x0f\xb0\x89\xbfu%\xb0\x1d\xb7\x00u\xdd\x1c{\xa2\xdb\xb9\xbd7g'</t>
  </si>
  <si>
    <t>b'\xb2GH\xc3\xf5\x98Qx\xf8\x81Hm\xbc\x03\xc6\n\x0b"3\xa8"_\x1ap\x01El\x87)#\xeb\x96'</t>
  </si>
  <si>
    <t>b'\xefgt\xc5\xd5\x0b\x0b\x1ezTG\x91\x06\xb8\x02\x174\xab\xb0xy\xe9T\xfe\x17\xb2\xa0r\xad\x93\xdf\x88'</t>
  </si>
  <si>
    <t>b'\xd0\x83,\x11\xd4%\x87\xd4SV\x830\x1a\xa3\xed\x00\x12\xc1J\xde=\xfaFFx_\x15J\xcf\xb4f?'</t>
  </si>
  <si>
    <t>b'\x88\xb91m|\xf9_h\xd6r\x94m\xfc\xf1j3\xb9%F\xcb\xa7Pj\x9d\xae\x96+\xaa9\xcc\xden'</t>
  </si>
  <si>
    <t>b'\xfd\xa8\x899\xdf*\x08c\x0b\x8e\x8e\x80!\x0ep\x0c\xd4\xef\xc8\x91\x14^`O\x8c&lt;\x84\xba\xa0\xfd\xccI'</t>
  </si>
  <si>
    <t>b'dx\x84\x9e\x85\xe9\x151\xc8n\x81IU\xd0\xaf\xb7\x8c\x1ejJ\xf4\xeb\xa1\xc2Vo\t\xccC\xc4\xf6\xea'</t>
  </si>
  <si>
    <t>b'\xa6\xca\xb1\x81.\x83\xa7\x8d+\xfb\xdb\x07\xe4D\xf5\xde\x00\xa1\xd6o3-0\x0byw\xe8\xd7\x8f\x11\xbc\xf3'</t>
  </si>
  <si>
    <t>b'eV\x1bFP\x1b\x06qc!zk\xad\xaa\xdc\x98\xab%\xbd\xe7b\xc8\xde9\xb9\xfc,\n\x19\rFW'</t>
  </si>
  <si>
    <t>b"!,\xc5\x92\x9c&amp;AO\xfb\xe9\xb1*\xbfBW\xb6;_\xe4\xae\x9e'\x0e\xd3a\xc5d\xa1\xc2\xb3F`"</t>
  </si>
  <si>
    <t>b'-\x02\xdf\x04\x1dO0\x82\x99\x14\xdd\x15\x13\xeaF\x9f+\xd3\xf3\xc0\xcc\xacC\x9c\xf0\x19lQ\x05\xefV\xe8'</t>
  </si>
  <si>
    <t>b'\xf3\xce\xe5Ki\xe5f\xa2H$\x19q`~c\xdaict[I\xb8\xf4fn\x89\x96\x99\xf4\x03\x8e\x9f'</t>
  </si>
  <si>
    <t>b'\xe5\xb2\xe4\x1b\x85\xca\xa4\x01\xad.W\x81U\x1cY\x89\x81\xf6\x0c\x01\xd7x&lt;5\xb9pq\xef\x9a\x1f@\xd8'</t>
  </si>
  <si>
    <t>b'\x1d\xe2EC5|8\xae\x18\x7f\xabu/P\xe4\x1fL\xe3\x03\x9b\xa9gO\xe4\xc5\xdc\xd0P\x1aV;\xc9'</t>
  </si>
  <si>
    <t>b'\x88\xc0\xb5\xc7%\x06\xd9\x80\x83\x1e\xeb\xfeJ\xdf\xb1\xf7j&lt;\xab\x0c]\xd81\xa1\x9d=\xaf\xbfO\xf4]m'</t>
  </si>
  <si>
    <t>b'\x84bM\x15\xe9\x8c@\xa1\xbf\xbf+\xd3\x0b\\\x9c\xdd\xf7\x96\xe5\xec\x0c0\xc8_\xb8\xea\xa3\xb0\xf86P\xc0'</t>
  </si>
  <si>
    <t>b'\x1c\xc8/\x9e\xa1\xb4T\xb2,\xa25\x89q\xa5\xbe&amp;c\x14\xa7\x1a\x86)&gt;9/\xb3\x80u\xdee7f'</t>
  </si>
  <si>
    <t>b"'{n\x1e\x18\xb40Y\xb7\x85\xc2\x1e\xe3\x11o\xc91\xe1\x104\x0f/o\xda\xd5\xe8\x9c`\xa3{\xde&gt;"</t>
  </si>
  <si>
    <t>b'v\xed\xb0\xe0J\xe8\x06\x0bO\xab+\xc3D\xfc\xf4\x90\xd7\x9c\x00\xeb\xb6\xd7\xf7\xeafc\xbb\x12\x07\x14\xda\\'</t>
  </si>
  <si>
    <t>b'\xcf\xda\xdb\x064c\x96\xa7G,\xee9\xbc?\x97\xa4\xe7\xd4\xbf*[\x9e\xcd7\xd1\x03\xbc\xe7\xe5d\xdd\xc1'</t>
  </si>
  <si>
    <t>b'\xca\x0fTa$o\x83K\r\xe5mB\xf2\xf6\xa0\x9f\xa9\xe88\x84\xda\x0c\x9d{\xfdW\xf0\x91\xbe\xa7-:'</t>
  </si>
  <si>
    <t>b'\t\xe7\xdc\x83\x128\x10\x96\x16swm\x8f\xb7#?#\xe1J\xcc{%\x1bY\xa1\xe9\xaeH%Y\xe3\x8a'</t>
  </si>
  <si>
    <t>b'\x90,\xb9A\x1c\x86\xf9Bt\xe9\xf7B\xe3D\xd3\xef\xe9\xa5\xc3F\x85\x12\xd4\xa3\xfe\x10\\\xa5\xb3k\xf0\xc7'</t>
  </si>
  <si>
    <t>b'C\xa7t\xacQ&lt;m1\x17&lt;\xca\xfe\x8c!N\x15\xde\xd7I\xf7\x04\xc7{\xc1\xe0\x94\x8f\xd0"\xe0\x1a\xbf'</t>
  </si>
  <si>
    <t>b'\x19\xa0Bd\xbd\xa3[\x07c\x0b3vN\x1d\x03^x_\x7f\x8cu\x0c\xf2\xf1\xa9\xba\xbds\x87\xde\xbdR'</t>
  </si>
  <si>
    <t>b'1\x04\xafS\xd6\xb1\xf5_\xf7\xf2\xdc)\x8avs]\x15\xa7\xee9}\xe7C\x98+&lt;|N\xc8 \xb5\xb1'</t>
  </si>
  <si>
    <t>b'"0\xeb\xab\xf6\x9b L\x97!\x00F}\x1e9\xa3\xa2_\xd7j\xbb\x98\x89\xc6\x8f\xe7\x9dZ\x9eS\x82\xe2'</t>
  </si>
  <si>
    <t>b'1\xa8\x05\xcd\xb1\xbevf*\xb3&gt;\x14\xbc\x0c\xba y\xe7\xdd\xae\xb4&lt;\xe1K`\x13\xf3\x08\x9eR\x88\x9b'</t>
  </si>
  <si>
    <t>b'\x08\xc4&gt;\x04M\xa6\xe8\x87\x07-\xad3,=\x8aWB9\x85\x90W\x97\xa2?!\xa2S\xeb\x9bSU\x00'</t>
  </si>
  <si>
    <t>b'%\xce\xe2\xca\x99\xd1\xea\x1c\xf2C\xe8:\xc3\xd9\x89\xde|J\xeb\x98f\x08\xd8\x0f\xa1\xc5!v\xe8%\xcd\xbb'</t>
  </si>
  <si>
    <t>b'\x99\xeb\xd4\xa6CMhg|%\xa8=\x16S#S\x9f8?\x80\x93n\x9fj\xc6\xc4C\xef-\x86\xd1\x0f'</t>
  </si>
  <si>
    <t>b'm\xbfd\xd7\xdc\xec\x1c\xd4\xd1n\xb5\xf8\x9b\xffLv\xeek\x0f\x85\xf4\x03fP\xa2\xc5\xc5\xc5?\xf1;\xcd'</t>
  </si>
  <si>
    <t>b"\x95\xc6\xbe\x7f\xef~\x12\xb2a\xd2\x1dC2,\x9b,{\xb8^&lt;R\xbd&amp;\x9e'5\xbf\x8d\x07\xbb\x85\xd7"</t>
  </si>
  <si>
    <t>b'\xe7\xf5\xa2SR\x0cW\xa6hl\xec\xec~\x9d\xf3\x16\x94\x0c\x06\xed\xde\xe3\xbe\x18\x19\xf9\xaf}=\x87\xf8\xa4'</t>
  </si>
  <si>
    <t>b'=\xd4&lt;\xff\xaeN\xf3T\x98\xfa\xe6\x9e\xdd`.\xdfb1=\xe2&gt;\x14\xac\xbbibH\xae\x004\t\xee'</t>
  </si>
  <si>
    <t>b'\x11\xb1\xa2Uu\x96{\x98\x02\x9bZ.\xbb\x19\xd7m9\xa6\x19i@\xd8ov\xc5\xf8\xbfz\xb8q\xb0v'</t>
  </si>
  <si>
    <t>b'\xe2\xe3\xca\x83\x08\x10\x8b^\xf1J\x91\x0fS\x9f\xba\x95\x7fx\x91\xf5eK\xfa\xb2#4\xbbd\x95\xb2\xc0\xa0'</t>
  </si>
  <si>
    <t>b'G\xa8E\x15\x0e\x10\x035\x18N\x8a\xc9 I\x8f\xe4)\xfc\xf5\x03\x94\x8f\xe7\xe3\x18F9?\x82u\xc6X'</t>
  </si>
  <si>
    <t>b'd\x96/\xeb\x8ej&gt;\xd9\x02\x9d\x83\xd7\xa2\xda\x00\x90\xc8\xf3\xc0r\x9c\xa5\xecM\x80\x01\xfd\xc4y0\xe6d'</t>
  </si>
  <si>
    <t>b"\xbcY\xe6\xbb\xbe\xc0&amp;']\xc9\xdf?$M\xf6\xa6,\xda\x81\xb2\x07\xd9\x8a\x94\x8e\xff\xae\xf2\x87\xb8L\xd6"</t>
  </si>
  <si>
    <t>b'\xb9\xaf\x10\xf2\x8c\xe7\x16\x9b\xb9\x7f\xd2T\xac)\xf1k$\xbd\xed\xb3\xe5#\xafi~\xeea\xef\xe6\x05\xd9\x91'</t>
  </si>
  <si>
    <t>b'\xf0M\xde\x9f\xb7\xba\x1f\xe7\xc07\x94\x7f\xb3\x15\xcc\xb8\x82g\x99\x8f\rY/\x97O\x9d\x8e}C\xf4.O'</t>
  </si>
  <si>
    <t>b'z&amp;VQ4|X\x97\x1e\x97\xf1\x0c{\xe9@\xd9@6\xc1\xd1\xbb\x17U\xe8\x9f\xd2\x90\x97\x9af#\xb4'</t>
  </si>
  <si>
    <t>b'\xb3\x83%2?\xa7\xcf\x9b\xc3\x1f\'td"\xcd*\\\xaf\x8b\xfa@YdL\xc1(\xd1\x1f\x16\x81M\x83'</t>
  </si>
  <si>
    <t>b'\r\x9d&amp;\xc4\x8e\xa3\x1av\xc5\xfd\xea\xb7\xbd\x9b{o\x93\x84S\x8d\x7f/Y\xed-\x1b\xff&gt;\xe8\xca\xd2\xa7'</t>
  </si>
  <si>
    <t>b'\x8dA.\x05\x1d\x9c\x8f`\xc9pK\xb0\\OS#\xcf\xa1\x048C\xc8\x06\xce\x89\xc9\xa1|\xce\xa4\x03\x8d'</t>
  </si>
  <si>
    <t>b'ebwLp^d\x05\xc4\x1dbz\x0e\xbb\xd6\x912l\xb6}c_\xd5K\xfdT&gt;^Rbg\xe3'</t>
  </si>
  <si>
    <t>b'L`80g&amp;^\xb38\x9a\xfa\x84\x16\x97\xb4\xf0\xf8\xdc\x9b\xdf{\x08\xfe\x08\x0e\xd4G?\xd3\x04\xdd3'</t>
  </si>
  <si>
    <t>b')9\xba\x93\xbe\xd0d\xf7\xe9\xb1\xbfCf\x18\xa6\x8f\xfcH\xd0\x11k\xb4\xae\xf7\x00\x8c\xb8 RO\xa6\x15'</t>
  </si>
  <si>
    <t>b'\x89{\x18\xd5\xb87\x98\xa3\x8f\x82\xdb\xa9\x04\xbbA\x08\x11\x08\xc8rd\x13&amp;\x0f\xbau\x95\xd5\xff\xcd\xa3U'</t>
  </si>
  <si>
    <t>b'\xbf\xb0\xd2\x7f\x02\x1c\xbf\xe0\xb9@\x06\x95&gt;\xbf\x07\xb0G()0\xe6\x1e\xed\x03\xb0\x93\xb6+\x83\x82\x0e\x1b'</t>
  </si>
  <si>
    <t>b'}\xa7\xc1\xed\x06,o\xe1\x90\x97\x89\x8az\x92c\x88\x16\xbf\t(\x84\xd4e\x19Y\xf4\xd1r\xd2\xb3\xffn'</t>
  </si>
  <si>
    <t>b'\xbe~\x0bB\xb7\x05_\xe8RH:\xbf\xb7\xb0&amp;\xcc\xef\xb2\x06\x8b&lt;\xd5\xe3\x89\x10\xc4B\x0c\x15(\xf8\xc6'</t>
  </si>
  <si>
    <t>b'\xaeR\xda\xbb\xbb=\xf5K?m\x1a\xeb\xefu\xf1\xa9\xbb\xd1\xb4{r\xd4\xc6\x91\xfc\xd6\xd0\xc8\x97\x9f\xfa\xff'</t>
  </si>
  <si>
    <t>b'\xfeY\xba\xe9\xce\xbdl\xcf\xe4esB\x83&amp;Z\xad\n\x9b]ZZ.\xc4\xa4eB\x17\xe0\x05\xc2\xec\x14'</t>
  </si>
  <si>
    <t>b'H\x08\xfb\x8a\xd8\xc9M\xb0SlK;_O\x97\n\xe7\xfcL\xbe\x0f\x92~\xa3\x14\xbe\x87rU\x1f$S'</t>
  </si>
  <si>
    <t>b'\xfcDqe&lt;\xae\xc1\xeb9\xe8\xc6\xe4_f\x8f\xd7\tR@\xb7ef\x81\xbb9n\x05F\xeel\x1f\xaf'</t>
  </si>
  <si>
    <t>b'\xe6m\x8e\xc9\xda\xa8\xca\x92\x16%4/\xda\xa6\xff\xab;\x901\xa4=\x13\x1f8\xc0\x18\xc6\xd3\xca|gy'</t>
  </si>
  <si>
    <t>b'\x0e\xc1\x08\x92\x88\x13\x86\xfb\r\x8f\x1d\x9b\xf4\xc1\x19/\n\xc1&amp;6~!t\x8b\xaa\xc9\x9b\xb9\x94\x1fS5'</t>
  </si>
  <si>
    <t>b'\xe2\x91\x1d[\x92\n.\xc6L..^\xd7S\xe8\x0e\\\xc1q\xe0\x1d1\x043G\x0b\x1f\x1c\xfel{\x8a'</t>
  </si>
  <si>
    <t>b'"\x8f\x90\x8c\x90\x15\xd4o\xbc\xc9\x16\xf2\xdc\xb4\xc9,\x92\xf9v\xf8=\xd6d\xbf\xe7&lt;okj{\xf9\x18'</t>
  </si>
  <si>
    <t>b"D\xb8!\x8591\xbc\x97\x8e\xb5\x8c\xb8\xee\xa4\xdel\xe5*\xe9\x0e\xb2?\x1a\xdd\xd3\x8b5\xc7\x8e\x9c\x14'"</t>
  </si>
  <si>
    <t>b'\x97!\xdesF\x1b\t\xb0\xc6\x13\xcb\xf0\xee+#O\xcc\x1b\x19\xe2Y\x88\xe1\xc2\xe8\x813M}\xbb.\xa1'</t>
  </si>
  <si>
    <t>b'\xa5V0\xa5\xa7qr\x8e1\xc1\xe7r\xa1\xc7U\xa8\x86\x99\x9e\xe95\xac\xb5cs\x10$\xd3\xf6\xd6\xfdh'</t>
  </si>
  <si>
    <t>b'\x81\x93\x85\x907\n\x88&lt;\xb8p\x80\\&lt;\xde\xa3\xe8\xe4\xd7\xed\x8a\xc5\x92\x1b\xa6?\xb5&gt;\x0f0\xb0\xbe\xfa'</t>
  </si>
  <si>
    <t>b'\xba\xdc\x9e#\x02\xb7\xa4\xaf(\xec\x03u)\xec&lt;\xd5-\xc3\xdd\xff\xaf\x07y\x1fGL\xe7\xd6\x91\xcb\xba\x9c'</t>
  </si>
  <si>
    <t>b'3\xe9\xbcP\x03\x0c\xfc?\xa3`5\xc8\x8e\xf7)\x12\x95\x12\xfa2Pb\xf1\xa8\xfb\xa2t\xcb`}\xe8\x8a'</t>
  </si>
  <si>
    <t>b'\x9a\xa2\xc9h\x12k\xdd\x0c2\x85\xe0x\xcc\x8e\xdc&amp;\xf3U\xf3jkr1\xa0\xf7\xb2O;F\xab\xa8\xee'</t>
  </si>
  <si>
    <t>b'\xe1\xe98\x1ei:\xec\xf9\xa7U\x02Q\xab\x12\xd6v\xbeD\x0c\x1fB,\x98n\xfa\x9f\xaac\xe9&gt;\x99$'</t>
  </si>
  <si>
    <t>b'\x99\xa1g\x02r|\x89\xb1`\x10\xd7\x93\xb4:R\x97\xba6\xbc)\xb1\x10\xe2\x0c\xdf\x90\x93$\xe4\x9b}\x85'</t>
  </si>
  <si>
    <t>b'\xec\xd0a\xaf\xd0+6^\xa5\xd9\xfc\xea7\x15\xd0\x9c\xc66\n\x1dq:\x8a\xdb\xc1\xb7bs\x80\xd9\xf4\x9d'</t>
  </si>
  <si>
    <t>b'\x86\xa5F\xb0&gt;\xb6s\x01\xc2%\xb0\x89\xdf\xe4:8\xe6\x1f.\x8faOy\xcb\x88\xe4\xda\x10&lt;\xa2\x9fe'</t>
  </si>
  <si>
    <t>b'/\x97n1\xa3k\xf7\xe8\x8e\xcfR\xd4\xd2\xc7J9DzZ\xc5\xcc\xc0JLB\x13~\x92 \xeal\xce'</t>
  </si>
  <si>
    <t>b'\x98\xab\xa2\x81\xdf\xf0\xf6\x93sS\xe5O\xc8\x8c\xb2\x0f\xcb\xd855I\xa3\x9dy1V{g8\xf1\xdc\x9e'</t>
  </si>
  <si>
    <t>b'\x9bE\xbc\xbb\xf0\xd6j\xf6-k\xa9\xebF$?\xcd\x9c\xb3 3\x02\x08\x1f\xd5\x9e\xc0\xb9\x91\xf3\x83\x02\xb3'</t>
  </si>
  <si>
    <t>b'~\x9c,3\x0b\x94&amp;5\xd6\xa0ff\xde\xa7\x0e\x98\xc2R\x02j\xbe\x9a\x15\xbd1\xa3\xdb\x98H\xc7\xa4\xd6'</t>
  </si>
  <si>
    <t>b'\xc3\xb7\xa7!\xb6\xc8`E\x05p\x1a\xf1e\x8fF\xbb6\xa5Qu\xa2\xb4\xd2e\x88sg:\xfd\r\xffx'</t>
  </si>
  <si>
    <t>b'U\xed\x96j\xb0\x08wjS=\xa3\t{+\x8eZ\x9d \xb8\xcd\x18\x12W\xaa\xf7\xd6\xb0i/\xbc\x04o'</t>
  </si>
  <si>
    <t>b'\xf2\x10\xed\xed5\xc2\xb2\xc8\x8c/\xf1\x89\xdel\x13\xd0\x7fo\x1b\x7f\x93.\xc6\xa3\\\x1e\x89R\x93i*$'</t>
  </si>
  <si>
    <t>b'c\xe1\x89\x140\n\xba\xde\xa6\xb5u\xb1\x13\xc2\xa3\xa9\xce\xfb\x1d\x02(\n\x07\xce\xa4\x17\x96O\x8a\xd1\x1fz'</t>
  </si>
  <si>
    <t>039xx</t>
  </si>
  <si>
    <t>b'\x03r\xa4\xc0\xb9\xb4\xc4JM2\xd2S4%o\xe2\xb5\xbd\xa10Kb&amp;!P\xe7=\x01\xd4\xf4GE'</t>
  </si>
  <si>
    <t>b'\xe3/P\xe9K\xff\x19\xcd8\xac-\xfcv\xbbDN\x04\xec\xcfN\x87\x93\xfa4\x9eV\xb3Q\xdf\x91*\x9b'</t>
  </si>
  <si>
    <t>b'\xb3\xa3,F1\xf9\x11&lt;&gt;.7\x1dbS\xf8p\x12\xf7*3]\xb4\x99\x84\x11\x85\x1eh\x93\x9c\x18|'</t>
  </si>
  <si>
    <t>b'\xb5\xee#\xad\xdai\x8b\t\xd4\xb8\xbf\xf13#\x13z\xcbQ+\x04\xd2\x8b\x14\xa3\x88\x18\x16\xfa^\xc7\x86!'</t>
  </si>
  <si>
    <t>b"\xad[\x9fI\xb5\xeeI'q2\xb5@\xce.\x100\xc1\xfb\x13\x07R\x91\xba\x80W\xdc\x11\xe1^$\x12\xa4"</t>
  </si>
  <si>
    <t>b'j\xaaU\xc7\xed\xbe\xde\x92\xd1wp\x8a\xf7W#\xf20\xdf\xceZ\xa7\xbf\x7f\x01\x81\x08\xf5\xc9v\x0cjz'</t>
  </si>
  <si>
    <t>b'_\x92{\xbf\xe4\xb6G\xad\xfc\xdd\xca\xf6\x05\xb6\xb3\xa7\xaa\\pw\x9f\x82i\xeax!\xe5\xe2eZ\x98\xb0'</t>
  </si>
  <si>
    <t>b'\xd5\xdf\xe9~\x98\x8d\xdc\xcc\xe5x\xcd\xc3R\x17\xf5\xcc\x04\t\x92\x8c\xbf\x95\xa3\x88t\x13\xa8\xd3\xaal\x0ff'</t>
  </si>
  <si>
    <t>b"\x0c0&amp;\xd6D\xa3\xac\x11]9\xa3\xdf\xa5zb\n\xc5_\x83\x83\xd9\xc3\x1b\x85\x13\xa3\xbeAW'\xd3\xd1"</t>
  </si>
  <si>
    <t>b'lY\x92\xb2\xff-\xac\xd8J\x18\x85\x18P\xac9\x8clsI\xae)OIT\x19\xac\x878\xe6o8s'</t>
  </si>
  <si>
    <t>b'Wtm5\xe4XJt\xec\n\x02\xc3\xa0\xd0\xfd)\x14@\xe30\x06\xbe\x9f\xea\xf3B8\x96wT\x86\xeb'</t>
  </si>
  <si>
    <t>b'\x99\xdek\xc9"\x84\x92h\xe6O\x86\xdc\xff\x02\xca\x0f\x9b\x9c#\xca\xe5\x80\x08~\x8fW+\xea\xb7{ft'</t>
  </si>
  <si>
    <t>b'\row\xa5\xe8n\xd6\xc2\xf9z\xcd\nX\x93\xd1\xeck\xf1o9\x86\x0f\xc1\x02~)\xb2d\xf2\xfb\xb1\xfc'</t>
  </si>
  <si>
    <t>b'{\x97\x0e\xb9;&amp;\x82A\xbf\xb4\x12\xf0\xaa\xf1\x93^\xb5\x9b\x11\xb7c\x82\x18\x9a\xda\x1e*\xd7\xc7\x1e\xfdT'</t>
  </si>
  <si>
    <t>b'.}u\x7f\xc0^\xe0&amp;P\xcf`\xf7\x0f{\xc2\xc3\xbbF5\xfe\xcd\xe4w\x94G\xe0bJ\xd0\x81\xe1z'</t>
  </si>
  <si>
    <t>b'd\xe1R\xc8j\xa5\xb0\x96q\xa2\xa4I\xfdu\x07~o\xdaA]\xe9\xe2\xbc\xf3P\x80+\x9f$\xd3\xb0\xf2'</t>
  </si>
  <si>
    <t>b'\xba\x89\xb2\xbb\x99\x81,\xd0M\xc2J\x9a\xde\x84\x06B\xbd\xab\x11\xb8u\xe4\xbb\xa0\xb7\xb7{\xe5\\\x9bGi'</t>
  </si>
  <si>
    <t>b'\xe5n\x8f\xf5\xaf\xc1{\nHd, w\x04\x0f{\xd9\xa3\xcbzESz"\xde:\xba\xe6\x91\xef\xabc'</t>
  </si>
  <si>
    <t>b'c\xe54\xff\xdd\xba;b}\xaf\xfd\xf3\xff\xb8h\xff\xdb\x0cWO\xe43[\xc2\xc7D)\xa6u0\xb5\x16'</t>
  </si>
  <si>
    <t>b'gG\xc1|\x11K\xdfi\xcf\xda\xdapf\x0c6\xa7\xad\xf9O\xc3\x1f\xe3&amp;\xac\xe0g\xe7\x1f\xbe5\x01\x15'</t>
  </si>
  <si>
    <t>b'\x15\xdf\x9c\xe8l\xd5\xba\xd2\xff\x9e\xd5\xe9\xa2\xfd\xbd\xb9\xec&gt;\xe2\x19\x91\xb6\x0fwjYe\xb3\xc6\xa4\x83&gt;'</t>
  </si>
  <si>
    <t>b':1\xb1l\x9b\x03\xa8\xed\xad\ne\xdb\xcc${E\xb0\x1d\x82\xb06\xd3\x8f\xe2\xe5\xc2\x9a\xc58%C\r'</t>
  </si>
  <si>
    <t>b'(\x93\xacU\x84\xf5R\xc2\x87`\x9a}\xa8N\x857\xe1\x08\x98\x91\rSC\xc6\x9d\xc6\x15\xa9\xbe\xda\x02\xf7'</t>
  </si>
  <si>
    <t>b'\xa7VX\xcd\xd6\xa2w\xee\xee\xb7\x83\xaa:;EZ\xb0\xc5\xec\xc8\xb9\x8cX\xf0\xd2|Q\xf8\xa2{\xa0\xaf'</t>
  </si>
  <si>
    <t>b'\xb0\xde\xc3 \xbb\xa5U\x99\x81\x1f7\x83B*\xfc\x8c\x025[\x96\xc0Wm0W\x11\x92\xa2F\x16\x86?'</t>
  </si>
  <si>
    <t>b'\xa5\xca\x0f\x1eh\x94\xea,r\xf2\x81\xac-\xb0C?m\xa8\xd8\x8cb\x16\x7f\xd2%q\xbe\x02,0\xb5\x80'</t>
  </si>
  <si>
    <t>b'G\x0b\xed\x88\x92&lt;7\xe4LZ\x80\xca\xaa\x07\x0e\xa0.\xb64o\xfd!E\xe5{\xe4nEqW1r'</t>
  </si>
  <si>
    <t>b'\xbf\x9e}\xa8\r\xb5\xb7U\xf3\x1au\xc0\xcf} \xeax\xb50rf\xc5\x0b\xad\xc0X\xb0\x9f&gt;\xf5I~'</t>
  </si>
  <si>
    <t>b'-\xe2l\xbbo\xcf%\xf6H\xaee\xaa\\\x95n"2\xd0s\xb8\x06N\r\xb9\xa0\xf1\xd2\x86\xc4\xecR#'</t>
  </si>
  <si>
    <t>b'^28s}\x8d\x0fca[\xed\xe8,\xd3yH[\xd0\xdc^\xab36\xb7K?y\xc6\x97\xb44\xff'</t>
  </si>
  <si>
    <t>b'\x10F\xacu\x98\xcc\xa6\x15\xb9\xaf\x8fB-\x15\x1b\x9bm[\x9eG\x03\xf2\xfe\x9c\xd4#E\xd5\x9f\n#\x97'</t>
  </si>
  <si>
    <t>b'v\xea\x03\x03\xae\xed\xb4n\x00\xa2\xf6\x15{&gt;\x82\x12\x05\x9c\xb6\xc0\x8c-\te3\xe5\x96\x02\xff\x1bJ\x01'</t>
  </si>
  <si>
    <t>b'\x9b\xda-\x17\xef\xaff\x94\x83\xbf1ez\x17\x18\xfatXr\xee-CJ\x89\x95\x91\x92\xd3x\xdb\xede'</t>
  </si>
  <si>
    <t>b"\x0c\xbcsz\x03\x16\x99\xda\xb2\xcb\xd0\x0f\xd3\xe9\xa1s\x86h\xc8sa:#\xd3%\n[\xc7'\x0b\xcc\xc8"</t>
  </si>
  <si>
    <t>b'\x83\xa9\x8e\xc3\x98Q\xcf\xa1\xf5\x91\xc5\xe5\x824\x99z|uJ\xeb&gt;{\xfd%\x07\xa5#\xbd\x9f\xa0L\xc3'</t>
  </si>
  <si>
    <t>b'\xbbqN\x83\x00\x04|\xd2\xb2\xcc8B[\x1c\xc9\xa7\xe8U\x99&lt;\xff\x1f\xad\nN]\xc4\xe7`8\xba\xd2'</t>
  </si>
  <si>
    <t>b'\t\xc7\xa6\x7f\xc4GGhufI\xdbKP(\xcc\x1a\xb5\xb1\x9a#\xb3Z\x12\xfc\xb4\x15\xb7E\x18\xb7\x1a'</t>
  </si>
  <si>
    <t>b'\xe9\xed\xf6\x96\xcb\xa3\x90\xc1h\xe9^j\x98\x82\xd6\xf2\x93\xdf\x84\xb8\x0bg`\xf0\xf4^\xa3\xc8\x149\x05\x97'</t>
  </si>
  <si>
    <t>b'3\x92\x9f\x00`\x8e\xbd\x02|\x1f\xbd9^\xf9y2T\xd0\x7f\xe2t5J\x9c=\xf6\x06Y\xe5\xb0\x0es'</t>
  </si>
  <si>
    <t>b"\xf0\xeb\x8a\x9a\\\xda\x8f\x8b\x9e\xc8l\xaa7\xc9_\x1f\x94j\x9e\x03\x9b:\x154\x1e\xa4\x98{\xdc\xe0'o"</t>
  </si>
  <si>
    <t>b'\xc7\x01\x15\xc3N\xe3\xca\xe8\xd7\x1c%f\xe1\x92\xd6\xfc\x1e\x8d\xc7]\xad\xddQ\xdfqJw\xf5b\x92b\xa4'</t>
  </si>
  <si>
    <t>b'\x8c\x0b\x0eN$\xf1@\x8f\x8f\x12\xdc\xa0\xc3\xff/\xa6\xcb\xf5,\xa9S\x92+\x9cd\xa1\x91\xfa,Ld\x86'</t>
  </si>
  <si>
    <t>b'2\x7fe\x85\xae\xe0j\x9bvy\x14f\xbfA\xb8\xa9B\xfc\xf7\\,\xc1\xee\x8a\xbbS\xf3\xb6\x94c\xf6\xaf'</t>
  </si>
  <si>
    <t>b'\xe1\t\xdb\xee:\x8as\xed7\xf6\xcc\x81\xae^\xe3\xb4\xf1\xccy\xfcom\xaa\xd4EbX?\x8d\x1e\xf0\xbc'</t>
  </si>
  <si>
    <t>b'V.\x90\xde\xfd\\z\xde\xc9\xcb\xdfb\xa2\x7fF56\x7f\x17&lt;\xbc\x1a\x12H\xb6-J\xd1qCj\xad'</t>
  </si>
  <si>
    <t>b'ixH\x94\xcf\xea\xb1\xdfm\xfd}\rL\xea\x99\x16O=\x04\xd2R\x86\xfa\xcd\x1e\xaa\xcen\xae\xb1\xa6x'</t>
  </si>
  <si>
    <t>b'\x11\x05\x08L7 5P\xc3\x89\r\xf6O\x9e\xfcLv\x93\r\x18\x89Z\x94P\x83\x02\xef%\x97\xef\x95\x83'</t>
  </si>
  <si>
    <t>b'OO\x88\xe7\xd2\xe4\xbcwxF%b\x85\xe3\xb3\xeb\x0cU\xdf\x98\xd1\xadk\x9f/a\xcb\xc0a\x14\xbc\x05'</t>
  </si>
  <si>
    <t>b'B]a\xb1\xbe\xa3\x8c\x19b;\xe1\xe0\x8aL\xc1\xa9\xbc/@\xc9\x89\x1c\xc1c\xbf\xb4@-\xc2\xe7\xd4\xfb'</t>
  </si>
  <si>
    <t>b'\x8b\xaaA\x84\xbfkN&gt;A-\xd4\x0f\xb8AGF\xe7\xa8\x91\x1a\xc1&gt;\xd8kz\xd4\xc8\xa7\xc5J\x0b\xb3'</t>
  </si>
  <si>
    <t>b'E;\xfa{\x0e\xc5\x0b\xd7,\xb5\'\x02"6\xa9\xcd))HJ\xa6\x85R\xd2\xf4\xd5/\x02jK\xf7}'</t>
  </si>
  <si>
    <t>b'\x84&amp;=\xf4\x9f\x99\x8d\xae\x81\xd7\xb4\x114\x91\xc7\xd8i\xeb&gt;\xf1\xfd\x8c\xb9\xd0^\xe4gA\x8dg\x9d\x8d'</t>
  </si>
  <si>
    <t>b'\x1e\x90\x0e\xc2\xdb\x1d\x13\xd6\xa37\x0e\x8cse\x91\xeb\x85\xb3L\xa7\xf1\x81\x81K\xea,\x1f\x9d$\xf1\x9f\xb3'</t>
  </si>
  <si>
    <t>b'13\xf2\x18\xd7\xce\xdf\xdd\x13\x83,\xa2nT\xa5\\\x9f\xd8#A\xf3n*\xa3\xcf\xc2\xa6\xfdC\xad`\x92'</t>
  </si>
  <si>
    <t>046xx</t>
  </si>
  <si>
    <t>b'7\xa7C\x88\xc0b\xbc"\'U\xdf2@NZ\xdf\x8bW\x08\x04*\x1c.\xbb\x04\x0bk\xe4\xf0\xc2\xdbd'</t>
  </si>
  <si>
    <t>b"\xcb\xc8\xc7s\xc1\xe2\xb0\xdd\xd41A'$q[\x8c\x8bX\xe2\xcc\xbb\x0b\x1a2+YPU\x86_\x1e\x08"</t>
  </si>
  <si>
    <t>b'\xa0\xd7\xa7v\x14\xcd\x1f\xf4*\x9fh\x17\xe6\xe4\xca\x8a\x14\x1d\xf3\xe6}\xf0\x86\xf1[(\xe4]\x1bg\xef\x1a'</t>
  </si>
  <si>
    <t>b'\xfb\x7f\xbf]\xfe\x06f\xce\x9an\xd8\xec\xb3\x8d?;=\xdd[ _\xcf\xa9\x8e\x94\x17\x88\xa3\xe1\x19@\xc1'</t>
  </si>
  <si>
    <t>b'\xde\xa5bu\x81\x8dQ\x82S3\xb1=oF\x82+\x00\xc2\x921\x1a\xacB\xc5\xaa\xe5\x13`\xf2\xac\x9a\x9c'</t>
  </si>
  <si>
    <t>b'7\x9f{ImC\xe8\x08\n\xe5\x93\x06D-\x02\xf1\x83*\x96\xb7\x1b\n\xd0\x90*i\xd2\x86\xcdRSB'</t>
  </si>
  <si>
    <t>b'\xb0 \x8f\xe4#\xe2\x11l[\x00\x9a\x90 \xae\x00\xd1$r\x96\\\xbb\x91\x8f\x17\xb8jg\xba[\xbe9d'</t>
  </si>
  <si>
    <t>b'(\xb9\xc1?\x88KY7\xb6\xabwl\x11~\xdb\xd5L1\xd6-z!\x98U\x01\x04Qi\xd7\x1b\x89!'</t>
  </si>
  <si>
    <t>b'\xa6\x04\xd1w\r\x96eO\x92\x92:\x844\x9bb\xc5\xb2\x8f.\xa3%\x1c\xd9BY\x13"\xb4E\xbe\xa8\xcc'</t>
  </si>
  <si>
    <t>b'\xfb\xd5\xc5\xf81\x1a7\xbc\x93L\xf3A\x8cG\xc9\xe2,t\xe5\xf0\x0f\xffbT\xb4n\x0c\x90d,\\\xd1'</t>
  </si>
  <si>
    <t>b'\x96\x91$\xf7\xac\xcd\x97}\xab\xad\xf75\xf3j\x0fh\xd0\x8d\xdf\x19\xeb.X\x8b\xe3%GU$\xb72\x96'</t>
  </si>
  <si>
    <t>b'\xb6PB\x9e[]\x98\t\xb0{\xd5\x0b\xadc\xcedQ\x1e\xda\xb7X/5;~pS\xd1\x06\xc1\x837'</t>
  </si>
  <si>
    <t>b'\xf8\xce2\x934FSh\xe7\x150\xcb\xf3\xd7\xcd&gt;\xdfa\xd9\x1c\xf1\xf2h\xf9u\xbf\xd6O\xe9c\xb6\xef'</t>
  </si>
  <si>
    <t>b'\xc2\x9c\x95\xea\xb1%\x93\x88\xfd\x02|\x08\x0f|\x07_\x10L\x07\xd8}e\xd3\xf6\xc9?,\x90\xdd\xd2m\x1f'</t>
  </si>
  <si>
    <t>b'\x0c\xc4\xcfusi\x7f\xcc\xf3\x81\xad\xa0{\xd3\xa9g\x89.\xf248\xe7a\xa7\xb3J!\x82\x13\xdcw\x8a'</t>
  </si>
  <si>
    <t>b'\x98\x82\xa3\xfce0\x1d\xde\xa6\xbe+\xde\x1b\xc8\x9c\xc9g\xbf\t8\xfd\xeb\r\x8e\xb8\xe3\x0fiL\x96\xcdW'</t>
  </si>
  <si>
    <t>b'\xbfS\xa2Ye\xd5\x8fK\xdb\x01\xc4=}\x92\x96\x15\xe3T\x80\xf3\x97vK=\x02qmK\xc5\xd4@L'</t>
  </si>
  <si>
    <t>b'\xe4\x80\x0c\xb0\xc9\x97\xf2\x01_iG\x87#\xb1\xcd\x9d\x92\xfd\x1axv1\xf9\x08\xd8\x8a\xe2\xb9u#\xd0\xa1'</t>
  </si>
  <si>
    <t>b'x\xc6\xca\x91\xc1J\xea\xb1\xf5M\xb4\x1b\xaf\x86\xe8\x04\x13\xce\x0e\xbc\xaa\xcbj\xd0\x1b\n\xec\xe1\xab\xeb\xd4\x13'</t>
  </si>
  <si>
    <t>b'\xae\xdaD\x83\xff\x06\xfe\x8a\xba\xbf\xfa`\x88\x7f\xca\x05\x88\x04\xf0\x12)\n\xc0\x85hU\xb4\xa5w*\xeb\xfd'</t>
  </si>
  <si>
    <t>b's{b\x9c\x85\xf2\xe6\xcd\x8b*\x9a\xc5\x06\xa4\xa9\xebr\x86n\x88\xaf\xd0.5\x8f\x13\xca\xe2e\xd1\xbe!'</t>
  </si>
  <si>
    <t>b'(t\xe9\xcf\xa3\x1clzY\xd7"\xefV&amp;\x1b\x03U1\xe0\xbe\xd5\x1as\xa6\x1c&amp;\xe2"\xc6\xba\x88A'</t>
  </si>
  <si>
    <t>b'\xa1\xc8\x1e; 9\xday(\xc0Bp\x99\x12\x82sK\x0c`B\xb1X\xa0\x8aS\x90\xbb\xb0iP`\x93'</t>
  </si>
  <si>
    <t>b'\xbeM\xa7\\\xeap\xad1\xba\xad\x0e8m"\xf7D\xb7\xad\xec\xb1\\\x03\xed\x98\x03\x14\xc4\xe6\xc8\x97\x8d\x8f'</t>
  </si>
  <si>
    <t>b'2\xd0\xbb\x00\xbbq\xd6\xf2\xf5\x82\x03\x9a\x9fX\x06\xf5\xee\x87uk\x10/\xe2\\\x85*\xc4\xd3\x9c.Z\x9d'</t>
  </si>
  <si>
    <t>b'X\xf1\xe2`@\xb0\x89q`y\x19)\xcaSe\x89\x1e\xf7\xbd\xc7\xe8*~\xa15\xac\x98r\xd9\xe2\n,'</t>
  </si>
  <si>
    <t>b'\r\x96\xc3/n\x7f\xc0\x0cM!\xd0\xd7_\xf1mo\x7f\x0e%\xb9\xac448\xdcz\xaaq\xe9\x86\xe1A'</t>
  </si>
  <si>
    <t>b'Y\x92\xa6(V\x9f\xa1\xcc\xfcg\xf7\x8aS\xf6\xb0\x88\x90\\\x866\x91\xfc\x08+\xe2 \xd0\xa5\x7f\xc7\n8'</t>
  </si>
  <si>
    <t>b'B6G\xcd\xf4\xd2!\xd5\xde\xc5\xf8\xf3\xa9C\xe3\x87\xa6\x9eZL]\xb5\xd8\x19\xf9d\xbd\xe2}\x0f(\xc6'</t>
  </si>
  <si>
    <t>b'\x94(\x85\x86\xaf3\xce\xe3\xa9Z\x7f\x95P\xfd\x14\xa8`\x03T\xbe\x03\xa8&amp;\x17\xaa\x0cIhu\xc6\xad\xc1'</t>
  </si>
  <si>
    <t>b'\xe0%M\xc9\xeam\x9a\x81\x0fl\x97\xdbH\xab\xbc\xd8\xf8\x06\xe2\x85PE\xf5b\xdeq\x03\xe36\x84\x047'</t>
  </si>
  <si>
    <t>b'+\xb5\xef\xcf\xda.G\xa6\x14\nt\xca\x82\x12\xf6Z\xdd\xe9HX\xa9\x926|\xfbE\xba\x99\xcc&lt;W\xc3'</t>
  </si>
  <si>
    <t>b'\x1e\xae\tA\xd4\xfc\xde\x93)\xb9\xf0\xea\x18\x9a\x7fe`\xee\x05\xcc\x04T\x1dC\xe0C\xaeGr\x1c\x1e\x82'</t>
  </si>
  <si>
    <t>b"\xa5\xd6b\xe8\xc2\x9dSNp'P\x83F\xc1H'\xea\xd3K\xb0\x07\x80\x0bL\xf1g\x86!p\x87n\xcf"</t>
  </si>
  <si>
    <t>b'\xdf\xb8\x94\xac\x9d\xabB\x81\xf9\xa2\xfeba\xab\xba\x1e\xe1\xd2L\x0c\x9f\xa9\xf2N\xa5\n\xdc\xcb$W&amp;$'</t>
  </si>
  <si>
    <t>b'&gt;:\x1f\x0f\\\x9fK@\x9d\xc2\xb9 \x930\x02\xfb\xec\x9d/\xcc\xa5Rh\xb0^:\xa0_\xe8\xff\xba&amp;'</t>
  </si>
  <si>
    <t>b'\xc3\xd1\xe7!;;\x13\x96@\xc8\x16\xcc\xf46\xfcXS\x08\x9d\x1e\xa0\xeb\x94\x80:3^81\xab\xa4\xfb'</t>
  </si>
  <si>
    <t>b'}\xce\xeb&amp;\xac\xf3\xf8\x8e1\xb3\x12H\xd6\xdd4\xac#$\xa8|\xe1O\x1cSpOU\x14\x0e\x8a\x86\x0e'</t>
  </si>
  <si>
    <t>b'\x7f\xd4\xdf\xba)&gt;\xd0\xb8\x88.\xcb\xbe\x87\xa2\x14\xc7\x18r\xb8Z\x05\x1aN\xd9\x1c\xa0\x98\x83\xd7e\ri'</t>
  </si>
  <si>
    <t>b'!\xa6\x05\xa7\x92\x95FF\xb2\xc8\x0c\x1c\x12\x8b_\xbe3#\xa6\xb2\x9f\xa5\x17\x0e\xbcB;\x9d\x1f\xeduG'</t>
  </si>
  <si>
    <t>b"\x9cr\xa5\xf6p4\xbb\xbe\x85G\x03c\xf4\x0fN{F1&lt;'\xdd\x1f&lt;RC\xe6\xcf\xba\xd5t\t\xe5"</t>
  </si>
  <si>
    <t>b'M\xfa\x89\x95\xe4\x8b\xd5\xf7.xEU\x04\xe4u\xab|Y\xbb\xc7\x17\xfbh\xf6\x0f\n\xab \x1b\xf7M.'</t>
  </si>
  <si>
    <t>b'&amp;LVd\xd5\x9eZ\x14\x0c\xc1%\xacb\xe5\xaf\xb4\x90C/\xa4\x80\x07\xcc\xebgH\x97\xa9\x93&amp;0b'</t>
  </si>
  <si>
    <t>b'&gt;pss\xe7-{|\x13\xea\xe4\x11\xc0\xfd\x03AJ\xaa\x87.\x81\xfdV(\xa3@=Y8CD:'</t>
  </si>
  <si>
    <t>b'&lt;\xd4\x07\xcb7i\xb3\xb8\xaf\x1d\x0bd\x98\xbbnm\xe2\xaa\xb7\x96\x82\x7f\xe4k\xcdO|\x07\xefu\xc3\xcd'</t>
  </si>
  <si>
    <t>b'\x89j\xc7\xdb\xcd^\x17\xf0\xfb\xb0\xf4\xd6\xefe.\xd07\x90\xb7\xd3\xc8\xcfex\x81ouV\x01\x1d\x89\x91'</t>
  </si>
  <si>
    <t>b'a\xd9\x01\xcei\x82K\xddP\xab\xc1\xaeWV\xbfR/j\xa41-\xfc\x1d\x17\xb1\x915{\xda$\x9e\xf0'</t>
  </si>
  <si>
    <t>b'\x83\x0fH\x14\xb5&amp;\x9el\xf4H4$\x00\xf99\xa0g+Q6\xc9X\xf5\x98\xd1\x95\xb5"\xb6c!}'</t>
  </si>
  <si>
    <t>b'5-/d\xfe\xbe\xfaT\xb4\xf96_\x89\x8d~\xa7\xad\x1c\xfeu]?Qc\xa5\xdd\x82^\x89D\x02f'</t>
  </si>
  <si>
    <t>b"\xe0\xc8\x8a\xc8?ei6\xc6/('\x89\x9a&gt;\x95T~\xcd\x00kUo\xa1\x1f\x96\x8d3\x8aA_~"</t>
  </si>
  <si>
    <t>b'\xb7\x8f\x84\xabF\x81\xbe\xfd\xb3\xbfp\x13\xb7~"\x9b\x89]\x8b=!\x83o\x05\xba7\xa0D\x80U-\xea'</t>
  </si>
  <si>
    <t>b'^\xa6\xe2\xdf\xdet\x17\n;.c\x89!\xa6\xa92\xf8\x07s\x01db\xfe\x07\xb0b\xf1\x83\xe8\xa4[.'</t>
  </si>
  <si>
    <t>b'\x96\x01eK\x81]\xfc\xde\x06\xbe/o\xfb\xa9\xe2VeG+J\x15\x95\xc8\xf3\x8f\xbf\x07\x04\xaf\x03\xaf\xb9'</t>
  </si>
  <si>
    <t>b'\xbf\xdc_ .Bgt\x1dG\x96\x95h}\t/\xeb\xb4_\xe2\xfa,y\xda\xeb\xbe\x8b\xe7\x05\xfa\xa6\xc9'</t>
  </si>
  <si>
    <t>b'\x0c\x1c~\xc1\xae\xa3\x85\xfc\x10&lt;}&lt;e\x82Rh\xae\xa4\x04\xa5I\x9f\xc1\xdf1]\xc8}\x8dn\x06\xad'</t>
  </si>
  <si>
    <t>b'\\8\x16\xfe\xadA\xbb\xc9y\xea\xb8+\xf2\xcd\x9c\xd3\xc5\x1a\x00\xfa\xc3a\xa0\xb0\x91.zD&lt;\x12(\x89'</t>
  </si>
  <si>
    <t>b'a:\x08\xb5\xbb\x92\xa2\xe2\xe6aJ\x8fN\xf4\xe4\x14\xff\x98\x93\x182\xb0\xbd8\x0e\xf4\xbahcf\x14\x01'</t>
  </si>
  <si>
    <t>b"U\xa5-'\xfaS\xd6\x16\xdb\rf\x18\x84]\xb9\\j\x9fGfh\x98\t\xeabB?\xf0\xad\xe5\xadc"</t>
  </si>
  <si>
    <t>b'+\x01\x13\x8bZ\x82\x05\x04r\x11\xb8\xfc\xd1F\xd4\xbc\xf2\xf4\xf2\x0e\x8c\r\xa9\xaeU\x0b\x19sU\x88\x17\xbb'</t>
  </si>
  <si>
    <t>b'\xe8\x8b\xec\xb3[R\x03,\xa0\x7f\xe8\x89O\x87\rA\xc1\xe7u$\x00\x02\x13y\x83}\x9c\x8e\xa92\xf6f'</t>
  </si>
  <si>
    <t>b'\x0e\x1d\xe2K\xf3O\r\x829\xa9\x84gze\x128 \x11=C-J3\x82\xb1\xda\xb6%\xda\xb6W\x9c'</t>
  </si>
  <si>
    <t>b'\x84l\xf3\xcfx\x85\x86\xba\xe2\xe1\x06\x07\xf7Jy\xe6%$\xe2\x1c\xa5%$\xf1\xd95\xd9v\xd9\x89\xb8\xab'</t>
  </si>
  <si>
    <t>b'\x0f\x96\xad\xc5\xf2\x95\xb2\xee\x02\xf4\x1c}\xd4\xa8\xf7\x87Ja\xef\xb6\x0c\xcd9g\xef\x00\xcc\xae\x0b\xc7G^'</t>
  </si>
  <si>
    <t>b'x\xa2\x12\xe2[\xfd\xe2\x92\xb2X\xa9L\xd6|\xf8\xe2\xfcT\xf8\xe5+\xb6M\xf1\x93\xd2FJy\x9b\xae\x93'</t>
  </si>
  <si>
    <t>b'\x15;\x12h\x9d\xf3Aj\xbd\xc6\x80\xd7m\xb5\xbc\xcc\xf7/-\x1b=\x19\x9e\xe7\xab^\xe5\x98\x05\xc2\x8f~'</t>
  </si>
  <si>
    <t>b'\x14\x8e\r\xe3a\xd4)\x98\xc02d\xa8\x14\x81\xcb\x94\x9f1P\x88/\xbb\xf4\xfa(0\xa3`\x05\x88\x86\x9a'</t>
  </si>
  <si>
    <t>b'\xd0\xdc\xb4\x1dD\x8c\x1e\x81\xc8\xea\x00v`\xd7\xf9![c\xceT\xc5\xb3/3\x05u\xcc4\xeb0\x13\xd0'</t>
  </si>
  <si>
    <t>b'S\xf0}\xa8C?[\x92U\x84I,_\xcdx\xd8\x0cC3\xddLZ \xa9P\x83\xc6\xf8(\xd7O\x01'</t>
  </si>
  <si>
    <t>b"au\x9d\xc2g\n\x1exa\xd0be\xf2\x19\x91\x98\x80)T\xc2\xe3\x01'\xb8Y\r\xcd\xc9\xb5\xa5\xc3\xc6"</t>
  </si>
  <si>
    <t>b'O\x95\x1d\x0c4\x07\xf8N\xe2\xa9\xf6\x98\t\xccWp\x15\x0blvC\xe7\xe4\xae\x19\x9e4\xfaw\xaa\xc2\xb7'</t>
  </si>
  <si>
    <t>b"P\xd9]v\xee\xae'\x843}\x9b\x9d\xe9\x84\xae\x07s\x81\x9a\x96\xbc\x18r\x02\x8b&lt;\n\x10\xf4,\x02["</t>
  </si>
  <si>
    <t>b's\x82U[\th\xc6\x9bz|_)\x81\xbc\xad\xd9\xab@\x122\x9fUb\xca~5SRy1\x89\xf4'</t>
  </si>
  <si>
    <t>b'&lt;I\x08\xcd$mT\xd8\x0fi\x82\x13\x9aA\xb4\xd84\x8d#u\xc7\x1dR\xdf\xe9{\xcc\x05N\t\xcf\x86'</t>
  </si>
  <si>
    <t>b'\x86\xf2\x91\xf4\xa6%f3w\xe2\x83J\xb1DZ\x02\n\x95\xf1r\xed\xff\xce7es6\xce\r/\xf6|'</t>
  </si>
  <si>
    <t>b'=\xde\x03\x01\xcc\xaf\xd3\xadQ\x01\x96av\xd5u`\xf6&lt;?\xa2\xcf\x7f\x98:{ \xca\x99L\xf1\x17\x03'</t>
  </si>
  <si>
    <t>b'\x0e\xb4\x968.Q\xc3xs\xb2~Z)$\x1d\x07\xed%w\x7f\xa0\xc0b\xd35&amp;\x05\x08*$\xb4N'</t>
  </si>
  <si>
    <t>b'\xb7\x80?\xb6\x1el\xf5\x0b\xfd)y\x07\xb4R\x0b\x18I\xbaur\x0b0\x80\xc5M|\xcfp\xad\xa6-\xb6'</t>
  </si>
  <si>
    <t>b'\x98\xa4\xe9\xdb\xf0M\xf7\xc1a\xf9?\x92\xfd\x9f\x01\xa0\xe6\x8fX\xdd\xc5\xc0\xcf+\xa1\xbf\x1be\x18\xcd\xe2q'</t>
  </si>
  <si>
    <t>b']\xfa\xebn\xa5Kd\x87"\xc9\xbf\xf4\xb3&lt;\x84\xc1\\\xb3\xbf\xdb\x9ao{\x7f=\x04\xed\xb7cN\xcd\xcf'</t>
  </si>
  <si>
    <t>b'\xf5o\xd6K\xd6N\x92j\x04\xea^\x96@\xbb\x11p\xc2pu6WW\xcfz\xad\x87\xa6\x06\xf5\xc0\xb8\xe1'</t>
  </si>
  <si>
    <t>b'\xa5\xf3\x03!\xec\xb2\xfc\xd3\xefx\xc5a\xbf\x15$\xe0\x90\xf1\x8e}\x07\x08pC\xc5\x1b\x9d\x17\x18\xfe\xa4I'</t>
  </si>
  <si>
    <t>b'\x93\xeb\xae\xbc\xfeC\xe0\xe6G\xdf\x1e\xeb\xdb`UJn\x0e@\x1d\x0e\x9fK\xf9\x958NP\xaa\\\xdb\x98'</t>
  </si>
  <si>
    <t>b'\x8cmI\xfc\x01\xbdi\xf7\x96Z!\xcbM\x95\x80N\xf3\xc6 \x05\x92\t\xfe\x1f\x0c\xf4Sw\xd2Sz\xc2'</t>
  </si>
  <si>
    <t>b'BF\x1a\x0b\xe9Mo\xf0\xdf\xc9\x9314SJ\x87K6\xdc\x19\x90/\x81\x9f\xed\xef\x0f\xe4\xdfy\x92\xb6'</t>
  </si>
  <si>
    <t>b'\x19\x80\x1e\x9e\xab%\xccG\xefJ%\xb9\x8c\xdf;\xa4}\xba-kE\xd7\xcf\x8e\xb5\xc0E\xaaB^\x99\x9a'</t>
  </si>
  <si>
    <t>b'{?\xd6&lt;%\xb1\x07\xd8\xa3\xf8\xc3)\xf4\xc2\xcc\x9f\xd7\xbab\xdc\x95\r\xffc\xc7\x9b\xf7X\xbb;\xabP'</t>
  </si>
  <si>
    <t>b'q\xb8k|]aS:\x8d\x9a\x01\x03\x7f\xb2:z\xe7\x01\x13o\x97\xebT\x8e\x87\x98\x88\xce2\xeez8'</t>
  </si>
  <si>
    <t>b'\xa6\x11\x03\xc5#\x0f@\xc3,?\xac\xa0!s\x1fGpJw;\x9ds\xb8\x97m\x8c\xcd&lt;3bI\x98'</t>
  </si>
  <si>
    <t>b'\x8c\x06\xec\x94\xd8=\xb0N\xa4\x85\xfc\x11\xf7\xe5pZf\x05\x01w\xa1\x16\x81\xd5\x10L\xd32Q\x93\xc4\t'</t>
  </si>
  <si>
    <t>b'dG\x83\xd7\xbe\x14\xa6\x0eb\xa1m 5+\x1ah#z\xd7\xfe\xc4)\xb6\xd6\xd7\x1fC4\xd95Z.'</t>
  </si>
  <si>
    <t>b'\xd5n7I\xda\xaf\xc8"\xf46\xd9\x91\xa1r\x15\xc3\x96\xe64\xf4AO \'yV\x0e$\xc6M\xb5A'</t>
  </si>
  <si>
    <t>b'\xc6@&lt;\xd9\xdaD\xe0\x00\x8db,3J\xab\xedY,--\x07\xcd\xf0B\xfcT\xa6\xbe\xa7\x82|\xd4\xd4'</t>
  </si>
  <si>
    <t>b'\xbcci\xacct\xd6\x11\x8b\x81$oX(Z9\x94\xff\x9eb\xe5\x86\t\x94\xd2\x9d\x06\xd8:x\x82\xad'</t>
  </si>
  <si>
    <t>b'\x10\x99\xf2\x86C\xb2\x15\xef\xf0\xce\x0fx\xf8\x0e\x14\x16\x85\xc1~p--y\xb5D\x86\xea\x9do\xc52i'</t>
  </si>
  <si>
    <t>b'\xb9b2\xb7\x0f\x86Z\x95Rsr\x8b\xe5\x06\x96\xe5\xeb\x06\x12\xae(P82\xe0\xd3\xc8\xf3\xce\x96F\xa1'</t>
  </si>
  <si>
    <t>b'\x92\x10`\xd0\xc5t\n\x8f\x87\xe7\xa3d\xa1)\xbe\xc4\xf8oE\xd8\xba\xd1\xc3m_\xb0\xf6\xc0\xb11\xe0\xcc'</t>
  </si>
  <si>
    <t>b'\xcd\r\xcfD\xc3\x92\xe4\xa29_\xf3\x91\x98\x94Jy\xca\xfa\x00\x91\x99\xba\xbc[\xd2\x9f\x8a:\\b@$'</t>
  </si>
  <si>
    <t>b"np\xb1\x8c/\x93\xfa\x1a'\x08\xdc\x7fV\xf9\x9e\x01\x1e\x92\xc7\xf1\xe0\x14}\x13\x05\xff\xee\x1b=\xb5\xc7\x15"</t>
  </si>
  <si>
    <t>b'\xdfG1\x90x\xa6\x103\x05\x15\xa5\x82\xa2#\x9d\x94RHH`zi\t\x90\xd3\xbe\xa1W\xbc\xe2\xdb\x9d'</t>
  </si>
  <si>
    <t>b'\x8a\xa6\x98\xa5SIT\xaa4\xc5(\xb1M\r\xf7\xc3\x1f\x99\x0cN\xad\x90jm\x81\xac)\x95\x1b~{\xdb'</t>
  </si>
  <si>
    <t>b'\xc1\xd8\xe1\x90y\x88D\xc8D/\xfe\xa8\x8b\xc0\x9b\x04D\xe8_\xcd\x00m\xd7f\xc5\x84\x9fX\xe1\x13\xba\xb2'</t>
  </si>
  <si>
    <t>b'\xbdp\xd8r\xc7\x84\x85\xfa_\xaef[\xf1\xf9e\xab\xcf\x9a\x0b*\xf6\x9e&amp;\xeen\xf3\xdf\xd8}\x1e\xe9&amp;'</t>
  </si>
  <si>
    <t>b"\xda;0:\x8dK\x9b\xe4\t\xef\xe6u\xad\xc5\x8c\xeb\x13\x8f\xe9\xba\x1d\xd0\xfc\xe0\xfe'\x97\xb6\xf4V\xd0+"</t>
  </si>
  <si>
    <t>b'\xa4\xcc\xba0\xb7o\xa2m\xc5\xff\xfe\x0f\xcf\xa5\xb8\x16e\x9d\x84jWw\xb3\xd0\xc5\x8c\x85@\xce\x0b\xae\x96'</t>
  </si>
  <si>
    <t>b'@\x8ec2\x01\x14W\t\xc0\x9a\x87\x97\xd0o\x94\xc6\xf7\x9a\xa6,\xfa\xf8\x8d\x88\xac4\xdd\xd6g\x12\xe8\xf5'</t>
  </si>
  <si>
    <t>b'\x93Ya_\x12/]\xd5F\xf4\xf8Y\x83\x126[g\x1f2@\xb0\xa6\xb3\xa1\xee\x1b\x1c\x80\xe9\xbak\xde'</t>
  </si>
  <si>
    <t>b'N\x9b\x8c\xf9\xbb+o\x1f\x18\x0e\xb6\xb1\xa2,\x18`\xbd\xba\x1b2Y\xcd\xa7\x96\xc8\xdd\x98s\xb6&gt;\xa4\x84'</t>
  </si>
  <si>
    <t>b'\xc0\x90\xc3\xe4\xe4vJD\x05\x13\xf4vX\xc2\xa0\x0eG\xc0\x1d\xba\x03\xdf\x03!\xfc\x1fb\xc5\xe6\xc38\x9c'</t>
  </si>
  <si>
    <t>b"^\x8bF\xdd\x8e\xd61\x10t\xfc.\x90\xe8\xa0\xee'\x86\xef\x18\x10\xf6*\xf1\x16[\xa9&lt;\xe1\x1c&amp;\xc19"</t>
  </si>
  <si>
    <t>b"\xc5\xbc\xe8\xa0\xc7\xaaU\xbc\xd5\xd7s!\xef,\x11\x19\xb1\x80\x99\x873'[$\xfc\xd5D'3\xc6\x80\x8f"</t>
  </si>
  <si>
    <t>b'\xec&gt;\xf8\x7fo\xa0\xdcj\xd4\xde\xf1\x05@s\xfct\xd8\xfdy\xfc\xf7\xc4f\xf6\x15\xecp\x822\xd7\xc6\x1b'</t>
  </si>
  <si>
    <t>b'br\x1fAX\x8d\xcbF+TWZ\xa1s\xdf\xee\xa0v6\x12\x16\xfe;\xe2G\xb9Pr&gt;\xdb\xde\xd1'</t>
  </si>
  <si>
    <t>b'),jk\xc9\x165\xed\xab\n\x06\xf4IG\xc1`4\xef\xec&lt;\xc7\x18\xf3\xe2\x90|\x0e\xe3\xc1/\x9d,'</t>
  </si>
  <si>
    <t>b'\xe4\x98\x85\x89\xa5\xeaI\x1b\xae\x9dp~i\xfc\x8d}\x19\x95\x1d\xd2\xa6\xda\xbc$\xb7\xd5 \x13\xc9\xf4\xf3\r'</t>
  </si>
  <si>
    <t>b'.|)ul\n)\xe6$\xd8!b\\x\xe4\x91+my*\xc4[9\xe5\xad\xc3\xe2\xael\xdc\xac?'</t>
  </si>
  <si>
    <t>b'a&gt;\x1a\xa1\xf0\x0b{\x8d \xdd\xb9\x16\x0c\xe1\xde\x02\xdb\xc6\x1d\xe3\xa0\x07n\xed:\xe1\x9b\x9a\xd5g\x9d\xcb'</t>
  </si>
  <si>
    <t>b'NT\r\xc2&lt;\xa5\xcf\x92$V\xc9[\x06\xfc\x1e\x98\xfaa\xacy*\x16\xff\x99ug#\xbf\xb1h~\xa6'</t>
  </si>
  <si>
    <t>b"c\x1dP\xac5\xb6\xf989e\xa5\x9b\x8fq\x1c\xab\xd2\xb9\xdc\x9fb\x9dl\x0b'p\xd6\xe6^\xca\x1c\x96"</t>
  </si>
  <si>
    <t>b'L\xc0.\xa4@u\xad/\xd6C\xe1svw\xe2?\xa5\x054\x9a\x17+E(\xcc\xef9\xb6\xff\xfd\x89\xd5'</t>
  </si>
  <si>
    <t>b'\xef\xb7\x1d{G\xa6\x18X*\xee%\x85#\x08\xdd\x9dT\x95b\xa2\x04\xc3"\x87\xad\x972\x1d\x8e\x9c\x06t'</t>
  </si>
  <si>
    <t>b'\x04\xe9\xf8J\x0f\xe98C\xbd\xce\x1d\x08O\x9e\xa1-\xc4\x11B\x12\x86\x13\x0f\xc3\xfa`z\xca\x00\xfb\xaas'</t>
  </si>
  <si>
    <t>b'ES\xfe\xfe\xff\xac\xef\xd2\x14%p0\xcd\xbf\xa1\xbc\xef\xaa\xb9\x06\x7f\xa8/\xaf\xce$\xbe\x94\xaf4\xa46'</t>
  </si>
  <si>
    <t>b'm\xf2\x9f\xd5~d\x18\x12\r\x081\x89e}\x88\x8d\xb4L@\xd7\xca,\xe2\x18\xac\xab\xac^\xb8\xf1;\xba'</t>
  </si>
  <si>
    <t>b'\\b\xb3&lt;1\xff\xd8s\x95\x8d9\xb2\x01$\x1b\x14)r\xc7\t\xba\xbdP\x12#\x1f4\xf7$\x87\xde\x9a'</t>
  </si>
  <si>
    <t>b'\x01.\x90\x13\xdf\x14\xf4m\xf3\x0c\x137a\xa05Y\r\x15p\x9c\x9e\xed\x8b\x88\xea}\xba`\xb6\x84\x10\x00'</t>
  </si>
  <si>
    <t>b"\xdbN\xc9\xe5\xb9\x034(Z\xe2\x1a\x8d\x90\x99s:\xcc\xc5\xd4\xba'\xd2\xd5\xef\xf3\xca\xaex\x98q\xc1\xf5"</t>
  </si>
  <si>
    <t>b'\xdd\x9d\x0c\xff\xab\xa8\xcf\x9d\xda\xe0\xc3\x95\xfb;^&gt;\x02\xb2\xd9\x9c\xf7)\x02&amp;\xbf\xe7\xe6\x02 6\xfa9'</t>
  </si>
  <si>
    <t>b'\x04\xab\xb8\x1a/\xe6\xe9\x971\xcb{\x9br\xf1\x7f\xbb\xbd\xaa[\xaf\xc9\x0b\xe7d\xc1\x10\xa9 \xcdX\xd5 '</t>
  </si>
  <si>
    <t>b'A\xea\x8b\x0eR\xd4}\xc8\xbc\x91\x1b\x8e\xbdc\x02:\xe2\x88,h"\xd6?\x8ao\xddY\x18@\\O\xf9'</t>
  </si>
  <si>
    <t>b'Q\xb8\xd5\x11\xcd\xf7\xd43\xe8\xd1\xfa\xf9X\xc9=\xb2(\xa4\xd2k\x91\x96\xa9oT\x05R^\xf5\xed\xb5p'</t>
  </si>
  <si>
    <t>b"\x10{\xee\x04\xbd\xf6ci\x9e;\xe1\x8c'\x07H\xc7\xc4W\x1a\xeb\x1c\x8c\xb8p2\x9d\x04\x94\x8b\xa0 ."</t>
  </si>
  <si>
    <t>b'\xac\x1d|%\x9a\x86$P\xd5\xba\xe3\x95\xd0nF\xdf\xf2D\xab\x82\x9b\x88\xde~\xa3\x91\x92\x16\xa2TIe'</t>
  </si>
  <si>
    <t>b'G\x1a_\xc2\x8e\xa8\x07c\xde\xe0\x84\x13\xd8\xd8\x0b\xad\xc2\x1f\x0e\xe8\x123\xfc\xfdr\xda\xf2WSp\x9e\xfe'</t>
  </si>
  <si>
    <t>b'\t\xfa\xde"V\xfc\x85,n\x86\xa0\xfa\x8c3\x01\x7f\x1eF\xee\xda\xacP7{(\x1f\xce\xbe\xf9\xcc\x99\x0b'</t>
  </si>
  <si>
    <t>b'\x7f\xc7\x89\x90\xac\x08\xe2\x9a\x14p\xfc\x10\xba\xab\xbeM\x80\xb9\x82\x7f\xad\xa0\x17\xa8\x07\xe8y\x8f\x1f^\xa5\xac'</t>
  </si>
  <si>
    <t>b'Q \xff\x17$ob1\x00\x8a\xa2s\xb2\x87D\x18\xb5\xe16;\xc4e)r\x14\xbf\xd8\x9f`\x9e/\x97'</t>
  </si>
  <si>
    <t>b'H\xfc\x90\xa9\x91\xf9\x1e\x02~\x032{\x94X\x1b\xec\xd5\x16\xbf\xe8Q-o\xbeK\xda\x1bRG~x\xfd'</t>
  </si>
  <si>
    <t>b'\x8fr\xc8Y\xb7\x92d\xa3R\xf2\xcb\xe3\x19/\xdb\x0e\\1\xfe\xf6\xa1\xa2W\x81&lt;\xf8\xe3g\x04Z\xbda'</t>
  </si>
  <si>
    <t>b'u\xa4S\x89\xe1G\xf4\x95\xba\xbf:\xf7\x99\x00+\xdd\xd7\xb4/\xba\x1c\xd3q&gt;\x8be\x06*\xa2{\xc1 '</t>
  </si>
  <si>
    <t>b'\x05J\xc0\xcb\x86\x98\xbd\x829\x8b\x98\x90\xd0\x04\xed\xc1\x89\xe4x&lt;\x12R\xe6\xda\xea\x8c\x9c\xa3\x80\x94B,'</t>
  </si>
  <si>
    <t>b'\x07\xe8\xe7\xcdlW4\xae\xc0\x1c\x89\xec\x9e\x9d\xe4\x05]\x1f\xf5\xd7 H\x8aW\x80\xec\x11gL\xf4\xc4['</t>
  </si>
  <si>
    <t>b'\xac\x08CA5Y\xda\\=\xaf\xdc\xb1\xfeU\x97\x85\xc5\xedbx\x85PQ\xa4\xa4{l\x9c\xcd\x95i\xc8'</t>
  </si>
  <si>
    <t>b"\xd5.\xd2\x06`\x9er\x08\xc7\xf2\xd7C*\xa0\x91,.6\x1c\xf3.&lt;\x05\xaf\x03'\x87\xcaS\xd8\x01,"</t>
  </si>
  <si>
    <t>b'\x1fI)\xe6\x11\t\'4\xab\xc4sP\':\xd3"\x80\xd9\xbe\xc4\xd5\xaf\xc9\xb7\xad\x9b\xb9\xef\xb3\xb3\x9ep'</t>
  </si>
  <si>
    <t>b'la\x02uzW\xe3\xf7\xaa\xd0\x8e\x82\xa4e-a\xc6\x0b\x90\xf3/\xc5"{Lj\x0e\xea^I\xd4\x82'</t>
  </si>
  <si>
    <t>b';\xe5\xd8\xeef\xc2\x93\xd1\xf8\xbd&gt;\x8b&gt;0\t*\xf5j\x8f\x81\xbe\xe5\xd8+\xe7mR\xf63z\xcd\x06'</t>
  </si>
  <si>
    <t>b'0\x93V\x00\xb7\xb8\xdb\x05K\x7fU\x96\xb8Y\xd2\xdfMF.\n\x19\xf2\xb7q\x8c\xda\xeew\xe17X\xaf'</t>
  </si>
  <si>
    <t>b'\xd6\xf9e\xae\xbc+-\xa5\xc4\xa6GW\xc5b\xf1\x81\x94LcY\xdf\xf2\xac\x1d\x89\xad\xe9\x8d\x84=eb'</t>
  </si>
  <si>
    <t>b'\x0b\x1f\xeb\xbc&amp;\xf1\xd7\x1e\xba\xfeu\xc2{(\xc6v\x1a\xc27=\x9f\x07\x84\xbcB\x89\xc4\x7f\xad3c\x7f'</t>
  </si>
  <si>
    <t>b'~\xed\xaa\x1b\x80\xf1\xa6[\x16[\xa9\x05\xce\xc8\xc5P&amp;\xa6\xcc\xb6\n\x9eH@\xf8\xd7\x8e\xb9\x88\xe2\xc6;'</t>
  </si>
  <si>
    <t>b'\xfc=\xe0&amp;XB\x80\x00.\xa0o \xddz,\xdaK\xed\xd8\xd9t\xcc5S@\xe7\xe8j\xf6\xc5q$'</t>
  </si>
  <si>
    <t>b"\x17\t\xccD]\x859&amp;\xb1\x95\x078\xe3\xb0Z\xa6\x99=]\x93w\xaad\xde\xc0\x87'#Q?\x14\xce"</t>
  </si>
  <si>
    <t>b"e\xbf\x04KYQf@7i9\x01\x93T\xc8\xdb\xe4\x11\x19\x91\xda'\xd7\xed\r\xc1\xd2O)\x87N\xd0"</t>
  </si>
  <si>
    <t>b'\x8ek7(\x81\x96Oi\x90\xaeaY\xb7P\xf4?\x1b\n\xed\xfb\xa3\x99\xc5MjX\x9c\x8ce\xa8\x1f\xcf'</t>
  </si>
  <si>
    <t>b'\xc4_\xf1\x1b\x98h\x1c\x8c,FUNU5\xcc5\x99=\xa7\xed\x07f_&amp;(\xfcMSL\x12~{'</t>
  </si>
  <si>
    <t>b'k\xa5B\xcd\xfb\xc3\x0e\xd2\xd9\r\xe3{\x14\xca\xca\x06\xda\xfd7V\x05w[\x16\x88\x90\x0e\xbb\xbd\x16\x03\xad'</t>
  </si>
  <si>
    <t>b"\\\xbb\xee[\xf8\\\x0f\xd0\xd2P\xa7\xb6\x0f\xca'\xe2\x9d\xd6\xba\xe9\xc0\xe7b\xc5q\x16\x06\x7fs+\xe5\xcd"</t>
  </si>
  <si>
    <t>b'%\x90\x07-$\xa3\\\n\x9c\xad~\xe1\xe43\xa5W2\xec^\x86\xe8\xd1f\xc4\x91\x1e\xf6\x800\x18\xd0\n'</t>
  </si>
  <si>
    <t>b'\xbd\xf2\x0cW\xb0\xd2\xda\x0e\xb2\xf6s\x96\x0c$\xf7\xf4\xe4\nd\x8aY\xb5\x12\xbd\x03RJ\x00\xe0\x83&amp; '</t>
  </si>
  <si>
    <t>b".\x9fW_\xe8\x84\xe0l\xa5\xc5^|['\xef\x19r\xb5h$\x7f\xcb}\x1f\xee\xcd\xbdbW\x19\xd2i"</t>
  </si>
  <si>
    <t>b"\xe1\xad)$\xfcK\xb3\xba#\x12\x1c\no\xee\xb5\x17\x15@\xb8I\x90\xeeX\xe8}?b\xf3|s'\xa7"</t>
  </si>
  <si>
    <t>b'\x14\xaf\xeb\xa9M`\xae} \x08\xf8[\xc7\xa6\x93}\x05A\x01\xcc\x02N\x10!\xe8\x8d\x93\x06G2\xcf\x8a'</t>
  </si>
  <si>
    <t>b'l\x9b!b\xaf^\n\xf9Xg!\xddqPK\xf2@\xabA9\r\xc5%\xb4]F7\x99\xcf\xe8\xbd\x7f'</t>
  </si>
  <si>
    <t>b"I\x97\x87\xbaj\x1aG\x13\x82\xe9\n\x9d\x86\x83\xcb\x00)9\x1f\xa2\x02\xec\xd2G\xea\xe7Y\xa5\x02'\x1c\x00"</t>
  </si>
  <si>
    <t>b'\xd1\xe0\x1f&amp;\xcdlW\x98\xca\r_&gt;\xe4"\t\xc4\x8b\x0e\xa8\x85\x9ex\xa1\x85S\xb7\x1b#\xdb\x84\x87\xbd'</t>
  </si>
  <si>
    <t>b'\xa0\xe72\xf3\x16\x08\xff\x17\\\x847\xf0\xd8\x9e\x84\xfc\x9d\x9a\x94\x1b\xea\xaeQ\x1b\xe3\x92\x85Q\xddqR\x89'</t>
  </si>
  <si>
    <t>b'\x88\xf4e\xd7U\xe0\x02*\x85Q\x92\r\x87\xe6z\x96\x8a\xa0\xc6\xa7\xff&lt;\x83\xf8Uk\xef\n\xff\xf4Mv'</t>
  </si>
  <si>
    <t>b'\xc6\xcc\x9a\x9b\xc5&gt;\xe2X!\n\x04S\xb7\xf9\xc2\x1d:X\x0b\xb5\x84\xb2\x86u|\x82\xae\xac3\x9e+\xce'</t>
  </si>
  <si>
    <t>b'\xaa\xe4f\x1f\x97\xe37{\x9c\xceg\xaf\x90U\x11\xb2\xaeb9h\xd6\x04\xe3+}[H)\xd4,\x079'</t>
  </si>
  <si>
    <t>b'\xac5yt]P\xcda\x07/oo\x12A\\\xca\x8b\xaa\x02/\xf2h\xac\xab\xd5\x06\xa2\x005\x1b\xa5\x8a'</t>
  </si>
  <si>
    <t>b'\xae6\xc1bl\xc6:P&amp;\xef\x10\xad\xcd\x17#_\x93A:\x84)\xea\xf78_\x9f:\x11\xc6S?\xe6'</t>
  </si>
  <si>
    <t>b'\xbd\x02/\xfdi\x1d\x03Z!\x1d\xd1\xec1\xf3]\xa9\x17F\xbe\x84\xe6h\x04\xcd\xd1\x1f\x83J``6\xba'</t>
  </si>
  <si>
    <t>b"\xcb)\xf7\xb8\xc1\xb9K\x93V\xb5\xce\xacz9\xaam\x91\xce*c:\xd2\x0b'Y%[\x0c\xd2\xd97\xe2"</t>
  </si>
  <si>
    <t>b'W\x05An\x02\x1eC\x04\xd7\xa3\x11\xfd\x97\xfd\x8a\x8b!\x87\x87\xd4\xed\x1b\xb7\x89[z\xc0\x804\xcf\x916'</t>
  </si>
  <si>
    <t>b'b\x92jf\xe1\x83\xf9f\xd8\xfe\xa9\x10\xe3x\xe4\x9fd_9\xbf\x90\xe7\x99\xeb\xb6\xae&lt;\xc8\xf0d\xebj'</t>
  </si>
  <si>
    <t>b'\x0b!\xd4\xdc/\x9e}\xae\x9fx;\xe8\x96\x90A\x0b1\x8e\n\x15i\xd9\xa3\x05cN\xce \xdd\xd0\xf3\xfb'</t>
  </si>
  <si>
    <t>b'P\xc8|\xcb(\xa2r\x92\x12\xe7b`-+)\x9a#\x0e\xaf5\xa1\x97&lt;=\xdfK\t5\x87\x83\xedI'</t>
  </si>
  <si>
    <t>b';\x87#\x00\x83\xb1\xc9\xd1\xe7\xd7\x12\x0f\xde\x85\xfbV\xf0+,\x0e)[\x04\xa6\xb7\xcfrL\xfap\x8f\x9a'</t>
  </si>
  <si>
    <t>b'\xb6\x01B\xef7o.0\xdctlU|V\x06\xcd\xedQ\x00\xdc\x02+c\xaeT\x00U\x89\xb5\x12Q5'</t>
  </si>
  <si>
    <t>b'_E\xc2\xbd\x9d\xbe\xf0\xac\x9d!\xfc\xbe\xd6\x0f\tv\xd8\x0ca\x86\x8cuf\x18(\x80\x0fR\x02\x08\xba%'</t>
  </si>
  <si>
    <t>b'\x9a\x7f\x08#\x14\r\xe2\x0b\x1b8H\x00\xed5\xa4\x96&gt;\xb1\xb1(\xf5yd\xb8\xb9,\xe2\x16\x85qe\x1b'</t>
  </si>
  <si>
    <t>b'&amp;\x0c\x81\xbe\xd4\xcc\x03h\x15\xd1\xb2u\x87)1-\x9b\xdb\xe0\x96\xf5\x13\x99\xd2\xe3\xe9`\x90\x0cs\xf3?'</t>
  </si>
  <si>
    <t>b'\x0c\xc3\xe0\xae\x1fk\xa3k\xf7~\xffa(\xd7\x1fD`:\x87\x8d\x06\xe0k4\x83s\xca"\xc1\xbe\xb88'</t>
  </si>
  <si>
    <t>b'\xfa\xe1&amp;\xd8\x86\x89\x00\x1f\xf0MT\x1d\xab\xb6t\xc4K~\xa2\xcdE\xfc\xb0\xb7\xb9\x0b\xe6\xf2\x9d\x10\xa5\x07'</t>
  </si>
  <si>
    <t>b'}N\x19\xad@]\xc0\xca=H\xdf\x13\xbby\x93v\xcd\xc5L\x10\x05\xe6\xc9\xb4\xc3\xb6\xe3oh\xb5\xad '</t>
  </si>
  <si>
    <t>b'xu\x89@\xaah\r&amp;\xca\xdd\xec\xcc8\xf2\xe3kk\xa6\x95\x9aJ#\xc0.\x1c#\xe6\x11\xb8MNK'</t>
  </si>
  <si>
    <t>b'2\x81\x15\xc5\x08{a\xa6\x14b+\xf4\x17\x9f&lt;\xa1\x1dvm\xea\x9c;\xf0@\xeeE\xd7$\x07`\xde]'</t>
  </si>
  <si>
    <t>b"\x1d\xf6\xe1\xb8\xa6E'\x18\xd4/\xc7\x96\x7f/\x14\x92&gt;\xe1V\x87\x8a\x9f\xdf\x18\xdf\x05G\x9c\xa1\xee\x8e\xb3"</t>
  </si>
  <si>
    <t>b'c\xd5x\xe6\x9b\x934P%G\xbe\xb2\xc2\xf1S\xdf\x82\x82\x81\x13\xc5\t/\x01t1\xcf\xd5r\xab*\x89'</t>
  </si>
  <si>
    <t>b'\x88n\t\xc8\x80\xa0\xd2*\x1a\xbdm\x13\xb5P\x81.\x85\xd63\x1f X\xcf\xd9A\x07\xc6]H\x82B\xe9'</t>
  </si>
  <si>
    <t>b'X\n\xbfz\xa2\xc8Y.\xaa\xed\xd4\xd8\xea$z\xf5\xb5\x98\xe2Yd^\x9f\xad"O\xdc\xa0\xc6\xee\x15\x04'</t>
  </si>
  <si>
    <t>b'P\xd5\xec\x8cz\x05\x10\xb5\xbb\xf1j\xdb\x1e\x8a\xc9\xa5p\xfc\x06\xb3\x1a?\x18\x16\xa5\xa7\x17k\xe5JI0'</t>
  </si>
  <si>
    <t>b'\x82\x0b\x9af\xcfc\xc9H\x0c\xdd\xb6\xc8\xb8\xc7\xf8\xc4\xf9\xe4\x8d\xd6~\xf5\xc2d\xc2\xe5\x92\xf4\xfe\xbeX\xfc'</t>
  </si>
  <si>
    <t>b'R&amp;\x92\xbd%\xde\xc7\x1dj\xd2\xd3\x0e\xcaS)o\x84\x0b]\xe0\xf1\x08\xed\xaf\xd2J\xfb\xdd\xc2\xda?\xeb'</t>
  </si>
  <si>
    <t>b'\xa48\xb6\x19\x08\xe0\xffT\xa9SFQ\xd9i\x84\x0c\xf1F\x8c\xe7\xdedQ\x13\xbf\xa8jp\xe2\xabeW'</t>
  </si>
  <si>
    <t>b'\x97\xeb\x17\x1d&gt;o\x85P\xaf.\xd2\x9f+#0)=\xa8\x13&amp;\xe9\xa5\x8b7\xc7\xca-\xae\xc8\x8e\xc4\xb0'</t>
  </si>
  <si>
    <t>b'\x14\xe43\x9e\xe3,\r+\xf9\x82\x1b;%\xc5M\n\x95\x1d\xb1\xd7\xeb\x8eT\xb4E\x99\x95\xd7\xf8C0Z'</t>
  </si>
  <si>
    <t>b'\xf0\x12+\xb5\xb5\xca,\x96\x99\xf8w\x10\xe99\r\x1fr\x15\xa0\x03\xc3\x16#\xda\x87\xbc#\x88\x92!=\x8f'</t>
  </si>
  <si>
    <t>b'A\xca\xe6\xce\t\xb6\xc3!T]\x92\x0e\x91\xfe:\xf1\xacX^M\x99:?\xac=\x82\xe5\xc9\xcd\xc72T'</t>
  </si>
  <si>
    <t>b'\x9cAa\xbbj\x01\xba\x8b\x89rT\x1f\xc9\xdd\xa0\x14\x035-\x9e\x1fQ\xb0R\x8f\x86\xad\x14\xce\xdfp\xd2'</t>
  </si>
  <si>
    <t>b'@\x92T[\x06r\xf5\xb5\xd74\x96}WO\xf2\x98\xb5\x83}$4\xedsm\x87\xe8\xa7\x90\xbej\xcb\x1a'</t>
  </si>
  <si>
    <t>b"\x9f`\xedz#\x8d*(\x8a)\xee\t\x14\xe9}\xd6\x8e\xfbL\x95\xc6\x8fvM/\xd6\r\xf1\xa4'\xf1\xdc"</t>
  </si>
  <si>
    <t>b'\xddw\xe1y=;\rA^\x9e\xe8\x8ahJ\x1a#w\xb5\\\xa0\x08\xbb\xdb\x8f\xb4\x90\xedn\xb4\x925U'</t>
  </si>
  <si>
    <t>b'\x8dV\\\x03\xff\xd8\x0e\xb3\xcf\'N\x04;\xad?\x8d\xcfy\x95\x01\x11\xd6V"\x87&lt;5\xc5-\x83\xaf\xd6'</t>
  </si>
  <si>
    <t>b':&lt;\xdem[^\n\x9cE\x96\xb1\x90\xcb\xf8\xbfa\x06\xb8\r~\xfa\x1b\x80c*9vu\xae\x99)X'</t>
  </si>
  <si>
    <t>b'\x87E\x15\n\x04\x87rN\x117\xfe\xc5\xdd\xe9\xd7\xc2r\xdaw\x92\x80\x1f\xbb\xd8\x1e\xfa\xab\x15\x13\x1d\xbd\x9c'</t>
  </si>
  <si>
    <t>b'X\x945\xa5\x92W\xef\xc5\x1a\xd6\xe5g\xe1\x8c\xbe\x15\xe3\x89:c\x91\x1b\xa6\\\xb4ubJm\xd0\xbb\x8e'</t>
  </si>
  <si>
    <t>b"\tr\x18\x1ft\x1e\x93-^\x179\x8d\xeb\x11K\x82\x8c\x0c\x06'b\x07RI\x8a\x85+\xd4_\r\r+"</t>
  </si>
  <si>
    <t>b'\xeb\xa9\xf9\x0c&gt;\xed\x82u\x87\xfdGJ7\xcam\xa5\x08H\xcfn\xbd\xc8\xdb\xfc\xa1\x1d&lt;\xdd\xcb\\\x08\x08'</t>
  </si>
  <si>
    <t>b'\xf1,\xadQ\xa9\x1b\xcey\xf9Iei\x9dtvsE_P\xfbP\xa3\xea\xd2+z\xd5\xc9l6\x14\xb1'</t>
  </si>
  <si>
    <t>b'\x0c\xf8\x11\xf0L\xa3\xac\xedWhA&gt;?\x9f:\x8aO\x0f\xb0X\x15\xecY\xc6\xe1`\xe9\xb5\xaf\x1de\xf2'</t>
  </si>
  <si>
    <t>b"\xb1\xb8\x84O,\x13N\xa0\xbdc\xbe,\xff\x9d\xd7\x88Oeb\xd6\xfd\xed\xeb\xbbk\xc0\xa5\xd6z'\xc2\xa3"</t>
  </si>
  <si>
    <t>b'\x12at\xa6f\xb5\xc8\x07L\xde\x0c\xf4\x84pg\x7f_K&lt;\xb6\x01\xa3\x17\xe4/\xb9"\xc4\x8ch\x0c\xcf'</t>
  </si>
  <si>
    <t>b']u\x84\x9dc\xc7\xea9\xc2\r\xfa\xc9\xb5\xe7\x9b\x83&amp;\x88\xdd\xae\x0e\x92\x1b\xcc\x92\xba\x8b\x02\xe2\x1an\x05'</t>
  </si>
  <si>
    <t>b'\xa5l1\xbe\xc53((\x9f\xd6E\xa6\xe4\xdchT\xf6\x8e\x03\xb5}$\xae\xc3=\x18\x88\xf7\x9e\x9d9%'</t>
  </si>
  <si>
    <t>b'\xcd\x88\xc4\x00\xb9\xd2\x8d\x80&amp;\x9d\na^\x9a\xc2S\xd3\x03y\xac0\x8e\xf7\x19\x05\x9c#\xe9\x92\x9e\xf0\x15'</t>
  </si>
  <si>
    <t>b'\x8e\xa1z\xff{\xfaV\xb8\xda\xeb\x8d\x9b\x8aM\xca\x0e\xfa$\x06\x91h\x99\xbe\xf4\xdcZ~&amp;kr8-'</t>
  </si>
  <si>
    <t>b'\x89\x19\xdb\xae\x16\xd4=_Y\x08\x05\x92\xda\xe7\xc73y\x1e\x1d\xdd^\x8e\xba\xd8}\xd09g\x10\x84"\xb1'</t>
  </si>
  <si>
    <t>b"\xe3\xd8\xde\xbb'\xd5\xccb\xe9t\x17c\xf8\xf6\x83\xea\xf5\xff\x13\xb4&gt;&lt;l\xbc*\xf9:\xf9j\xc2\x95\x8e"</t>
  </si>
  <si>
    <t>b'a\xf7\rw\x9d*iO\x94:\xd5\xca\xa9\x0e\xa7\x08#FA"\xb9\x0e\xed\x8ba\x86\xd4\x82\xd1\xabf\xcf'</t>
  </si>
  <si>
    <t>b'L\x16\x08s\xafL&gt;e\xf8\xe2\xe6Ag_h\xdc w,\xad\xd6\x1av=\x05\x1b\x1d\xda\x1d"\x18\xc9'</t>
  </si>
  <si>
    <t>b'.\xa0\xebjxw-&gt;)\x01I\x12\xc7(J\x9c\xa2\xafL\x18j\x06\xf0oY\x18vsFen\x0e'</t>
  </si>
  <si>
    <t>b'2\x9c|/\x8bP\x90\xfcxniS$F\x11\xf5\x04\x99\x16\x03 x[\x9d\xe0\x00\x17\x95\xa4\x03\xc2\xfa'</t>
  </si>
  <si>
    <t>b'\x16\xe1\xd4,\x1b\n?\r\xf9~\xe6Z\x92\xef\x1b\xdd\xc4\x1f\xccU\xf4C\x88\x9a,[\xc0]\xbfD\xf6{'</t>
  </si>
  <si>
    <t>b'\xe6\x94\xf1\x9fl(\x84\x92\x9c\x987\x95t\x1d\x91\x81PA\xf4\xa6\xca6"8\x12\xbby\xc0\x10.\x81B'</t>
  </si>
  <si>
    <t>b's\xdc\x8f \x1a\xd6\xd2\n\xffX\xe4Q\xe9\xf0_leU\x02\xfan(\x1fm\x8f\xdd"\xde}q\xf4V'</t>
  </si>
  <si>
    <t>b'*q\xef)}\xd5n\x93=\xdc\x7f\xed\xebG\r\xce\xd1\xcb\xcf\xb6$\xd2MV\x8c\xfe\x9b8&gt;x\xa6\x9a'</t>
  </si>
  <si>
    <t>b'Ah\xa4{\xe8\xcb\xcf\xbc\xd0\x0f\x7f\x7f\x1bC\x1f\x83\xcb\x1c[\xff\x82\x0c\x91e\xfff\xee\x03\x18\t\xb6\xdc'</t>
  </si>
  <si>
    <t>b'\xee\x8a\xfaM\x13\xc2\xba\x1c\xc9SF[\x9f\xbdT\xfdA%\x1bO\xf4m]\xca\xb3mA8\xe3,\xa8\x89'</t>
  </si>
  <si>
    <t>b'\x02\x085k\x92\xd7\xe2A{\xd6|\x8b\n\xdf\xc6hk\xcc\xd9g\xecj\xe3\xbf\x9de\x88\xa0\xe4\xe4\xa8}'</t>
  </si>
  <si>
    <t>b'\xc6|\xc0\xedN\xf3\xa27\x876\xccM\xc0\xc1\x92D\xc7\xef\xa1&lt;\x96\xa9\x98\xf8V\xf9\xf4i\x07\xb9g\xf7'</t>
  </si>
  <si>
    <t>b'\x02\xa9\x89\xe1\xe7\xca\xe68\xd7H\x8cx&gt;=\x8c\x05?\xdb\x1c\xd8+\xdf\xff\x9b\x8a\xac\xc1I\x18\x0b\xd5D'</t>
  </si>
  <si>
    <t>b'\xe8\x8b\xdd\x16\xee\xc6\xce-\x88^\x99w\xadi\x92\xcf\x85\xcb`\xdd`e\xa8\xe2\xbeb_\xc0\xc6b%\xdb'</t>
  </si>
  <si>
    <t>b'\x1a&lt;\xfd\xeb\x14\x1e\x17\xf7\xf1B\xaa\xe7\xa6\x0f]A\x15\x07\x00\x0cA*\xc7\xa7\xef\xd8\xb5\x951\x03Dp'</t>
  </si>
  <si>
    <t>b'5\xa6\xa2\xb7f\xfa\xb5\xff;\xf2\xfa\nh\xb4f\r\xc5X\x19$\xc1\xeab\xcf\x85)a\xc2D\xca&lt;\x93'</t>
  </si>
  <si>
    <t>b'aG\x92\x91f\x0e\x8a\xc8[k\xcd\xc3@&amp;x[\xbd\xb8M^\x1d\xc3\xdd\xd0\xec-\x85\x9a\x0f&lt;;!'</t>
  </si>
  <si>
    <t>b'\xa4\xc5tI\x85-&gt;\x19\x11\x9er6#\xaa\x04\xac\x16&gt;U\x80\xb4\xb2\xc8\x07a\xc3\x7f\x16\xfa\x00m\xf9'</t>
  </si>
  <si>
    <t>b'x\xc6\x93\xb9\x95\xb0\xcad\x12\xa2\x95#\xf5\xed\x18\xd1\x8c\xfc\x1f*^O\xa4\xa3c\xdb\xea|\xbf\x9f\xa7\xb9'</t>
  </si>
  <si>
    <t>b'b\xb8\xc6a\xe9\xb9\x06\xad\x85\xc86\x0f\xfdk\xbfu\x07nD\x12R\xe3\xaaae\xc9,\xf2=\xb2\x06\xa4'</t>
  </si>
  <si>
    <t>b'\x0b\xad\xd0\x91\x04\xe0\xe4LC\xc1yE@W\x8d$\r\xb8\xf8n\x0c6,O\x9bEet\xbc\x15\xa2V'</t>
  </si>
  <si>
    <t>b'\xf4\xba\xd8\x00\x1a.\xe1\xfc\xc0\x97e\x01\xa7U\x18\x89b\x11\x18N\xea\x97;S\x08-\xd6\xbc\x0b\xcc&gt;G'</t>
  </si>
  <si>
    <t>b'` \t\xe783\xb4\xee\xe7iS\xcd\x00=\x92zZ\xad\xd2^&amp;\xbabx\xcb\xb0\xe1e\xbaf\x0cH'</t>
  </si>
  <si>
    <t>b"w\x1fR\xd4\xf8-\xcc\x90?\xa0\xee6\xd81\x927\x8b_\x92 \x89N\x14l'%\x9bp\xd7l}\xf5"</t>
  </si>
  <si>
    <t>b'\x08\x92\xd0\xf0\xf9\x9c\xd9;\xff\xe5\xbd\xf6\x94\xdf\xba\xab?\tIa\xdb\xe1\xb8/\xa4\xb8\x93\xa4@51\x80'</t>
  </si>
  <si>
    <t>b'\x94\xec7\xf1\xe25\xf9\xd4\x87\x18\x06\xfc\x95\xa6\xdf\x81\x82:\x86GR\x1d\x9a(\x8cV\xba$N\xfaA='</t>
  </si>
  <si>
    <t>b'\xf3\xeb\xd0A\xff\xec\x0e\x10\xfeQT\x98\xbe:\xc1*jqi\x06\xc1\xe4\xdd\xda\xcc\xc2\xae\x0c2\x8c\x83!'</t>
  </si>
  <si>
    <t>b'\xe1\xd9\x8c\x06/\xd5\xbe\x97\x05\xf3\xc0\x80\xb8\xe9\x91\xc4^\xb9\xce=m\xf6\x1d[M\x85\xc8\xef-\xea\x9c\xbf'</t>
  </si>
  <si>
    <t>b'\xea\xe9\x9d=\x1f\x8e\x14\x1f\xfe;B\xbe\xde\xa1\xd2\x10QU\xbb\xcc/\x98H^\x81\xa0\x80\x83X\xb8\x16l'</t>
  </si>
  <si>
    <t>b'\x9d\xech\xff^\xb0\xa70`W]"\x80\x08\xa5\xcc\xd6@L\x87\\h\xc5\xec\xa6\xcd\x1e8\xaa\xf6\xb20'</t>
  </si>
  <si>
    <t>b"\xa6\xb3$w\x0e\xf4T\x16\x86\xd6\xaa\xdc\xfa\xb7\xc7\xbf\xdb\xdb\xa5\xf5'\xf3Et@\xa4\x9f2\x86i\x16\x1f"</t>
  </si>
  <si>
    <t>b'\xfa\xcd\xfd\xa9]\x9e\xe3E@\xd02\x84q\xdcp\x11]#\x82\t(\xb4\xc0\xb1z\xf1\xacL4\xe9\x9b&lt;'</t>
  </si>
  <si>
    <t>b'\x93rS\xd0d\xc1a\xce\xf0\xd3q\xf6c5\xf2\xf5+\xdc\xdc\x16\xdf\xcf2%\xf8\x9b.\xb5\x9b\x92V\x12'</t>
  </si>
  <si>
    <t>b'\xd7\xa5\xcd\xee%\x0c]\x06\x9bZFP\xb8\xfd\r\x86z\x0e\x8c\xc6\x8a\xca\xdd\xc9Ij\xe9=\x98\xc5\xed\xdb'</t>
  </si>
  <si>
    <t>b'\xba\x92\x93;\x05\xd23\xcbB\xd0\x86\xbfL\x17\xe3\xe3\xdd\xfb3\t\xcftQ!]\x05~\xd5\x12\xa8\x7f\xc5'</t>
  </si>
  <si>
    <t>b'\x9aW\x80\xa0:\x07k\xf1\xe3\x8a\x97:x\x92#\x11\xa9\xb3s&amp;\x9d\xa9\xd1\xc7:\xcc\x8b\x0f\xdf\x0bzT'</t>
  </si>
  <si>
    <t>b'\x96j\x9a\x93\xd5X\x8f7\xf1s\x96y\x8e\xf5\xb1Iw\x01\x05\x7fI\x0f\xa6\xe0\nt\x04=Q\xd17\x07'</t>
  </si>
  <si>
    <t>b'\xdc87\x1b\xa9\xa3B\x90r\x8c\xf6&amp;\xcf\x8f\x1b)\x90\x9f\xe8\x99m\xa4\x81\xf4\x10\xfc\xd5\xe7\xa7\xfd?\xab'</t>
  </si>
  <si>
    <t>b'\xbd\xf8gu/\x86\xefx\xe70\xc5\xaezn\xc9p\xd1\x84\xe4]\xec\xf8"\x80d\xa0\x80\x0c\x19\x1cf\x83'</t>
  </si>
  <si>
    <t>b'[m\xce\xe7\xcd;\xfet\xb1%c_@G \xa6\x0b\xdb\xe8\xf3\xe7|\xbd\xb9V\x02`1\xcc\x8d+\x1b'</t>
  </si>
  <si>
    <t>b"\x83\xd9\xcbA\x94\xf0\x08\xd1\xeep\xebfh\xf4\xa3':\xdf\x83\xba\xb0#vs\x10\xda\xaf\x81\xf7\x82\x9a4"</t>
  </si>
  <si>
    <t>b'i\x02Q\xf7\x14\xe5\xf8\xa7\xa9\xd8H\x99\x1a\xe6\xd3\x10\x07!LgC\x16w~\x8b\xca\xb3Iq\xbd\xd33'</t>
  </si>
  <si>
    <t>b'\xba\xa2\xa2\xb8pV\xa7\xb8\xec\x14\xa0\xf4F]\x9b\xb9\xcf1\xcd\x10\xe5\x80\xbb\xe7q\xae\xb8\xaf\n\xed\x0ez'</t>
  </si>
  <si>
    <t>b'\x19\x96Z\x1cn\xc4D\t\xf4c\xd6t\x95I\xa8\xb9\xd7S{\xa0&gt;\xc4\xd7\xe9%\xc8\xadh\xe1\xd7J\x08'</t>
  </si>
  <si>
    <t>b"\x18\x00\xb6}\x89\xc5\x9c9\xf6\xd5'\x0f!\xb7\xeaw\xb2\x80\x8c\xb9c\xe2\xffu^4\xc3\xa2\x1fkL\x08"</t>
  </si>
  <si>
    <t>b'\xedN\xf2z\x96\x05\x1d}\x13Zz9\xeaV\x86joK\r\x1b\x0em\x0c\xc2\x98\xdd\xb63\x9c\xc8\xccX'</t>
  </si>
  <si>
    <t>b'\x8d\xfc\x8dM\xa40e\x049\x80G \xe15\x1e\x16B\xa95zsW\x00\xb8\xda\xe6\xd3\x8e\x86\x85\xdc\x18'</t>
  </si>
  <si>
    <t>b'd\xc4\xc5\xe6\x8e\x13\x99\x0e$\xfaL\xc9\x8b\x11\xcf\xa6r\r\xa24\xaeK:\x1a\xe9\xbd\xc6 \x15\xca\xc2\x11'</t>
  </si>
  <si>
    <t>b'\xa4\x0c\x0f\xa1P\xfd\x10\xb1\x06\xba\x12n\x05\x96\xd2\xc9\xc0\xd3\xa0\x05p\xbf\x8a\xd5\xf5\xd8d\xac\xf2v\xe7\xb4'</t>
  </si>
  <si>
    <t>b'\x02\x97\x95\x82\x10\xec\x96\xe9\x95=\xa4\x04\x08\xf2\x1d%\xbc\xd4h\xdc\xea\xa4\x8d\x04\xdaQ_r$Q\xdbf'</t>
  </si>
  <si>
    <t>b'\xed!\xefN\x9d\x01\x00\xed\xca;S\xa7\x8a\x8c8\xbf"F8G\xbb\x16\xc0\xaf\xc1\xce\xe4c\xaf\xe7*Y'</t>
  </si>
  <si>
    <t>b'\x99EI\x8d\x90\xb7\xd8\xfb\xd6\x11\xc1\xeb.|\x9b_\xe8\x8a\r\x10;\xa0[\x8d$c;?;\xa0&lt;\xb5'</t>
  </si>
  <si>
    <t>b"\xf0\t\xb0S\x10\xd9\x93\xb3S,\x8a\xad\xa5\x16:j\xc7\x9c\x10\x89\x95\x16'\xf5\xeb\x0f\xf6\x0f\x95\x02\xae\xac"</t>
  </si>
  <si>
    <t>b'\xd3\x0e\xd0\x95\x1f^\xb5\x99!\x03\x84\x1d\x8e\x83\xf1\xc1n\x9d*\xb6U\xb5\xd7\xb7\x99fJ\x1bk\x04n\x9f'</t>
  </si>
  <si>
    <t>b'\xd9\xa0_\xde\xff[\xfa\x8c\xf8\xf9\xe7\x87"\xb9\x83\xd0t\x7f?\x83\x0f\x00\x05\xc2\xc5W\xe3.\x80\x0b\x16\xe0'</t>
  </si>
  <si>
    <t>b's\xaa\r05\x8a\x84\xaf\xdfv5\xef\x94L\x10\x15^\xe1}\x19\x13\xbdE\xac\xee`]i\x04\x0b\x8f\xa4'</t>
  </si>
  <si>
    <t>b'\r\xd1\xbb\xf0\xe1X\xd5Y\xf2\xe5 @+~\x8e\xd9A\x02y\xe7\x19O\xc6\x1c\xb7\xa75\xa6\xdb\r`{'</t>
  </si>
  <si>
    <t>b",n\xad\xd4\xe6t\x0b\x9dEL\xea\xcbD\xf4pGG\xefb\x87\xee\xddD$\xa2m'\xce0\xdf}s"</t>
  </si>
  <si>
    <t>b'\x03j\x8b)zz]9\xa1\xaa`\x97\xda\x1cQ\xfe\x82\xf8\xbb\x89L\xeb\x17\xe3\xbe8EZ\xb3\x15\x96\xca'</t>
  </si>
  <si>
    <t>b'aK\xdc\x9e\x05\xea=5\xea\x81\x88\xc7?H\x97\xa6\x93\xbc\x03\xf1\x91\x15\xd63/f\xa4\xd1,]J\xef'</t>
  </si>
  <si>
    <t>b'\xa3\x16\xdfAx\x17\x04I\x9a.%\xc6\xcce\xe0\xe3\x82\x9d\xc0\xb29\xe9v\xa5\xa5A#\xd6h\x11\xdfL'</t>
  </si>
  <si>
    <t>b'L\x9f\xfa\xaa\xf0~\xe3J{\x193\x03rB\xcfn\x82\xb6\x88\x81\x14\x1e\x8du\xaa\xf1K\xf5|\n\xf4\xba'</t>
  </si>
  <si>
    <t>b'\xf8\x0f\x16:\xe7\x06\x147Myh\x84\xf6\xa8\xdfEp\xa9\xc5\x8a\xab:9f\x19\xe8f\xc2X&gt;\x06y'</t>
  </si>
  <si>
    <t>b'\xd6\xdce\x1e-\x00\xbe\x9f\x1b\xee\xc3\xa7\xa1F\r\xf5\xb5\xdew=\xd3\xc9\xad\xe0\x1dF\x07\xa0\nn\x8c\x1d'</t>
  </si>
  <si>
    <t>b'\xc3\xcc ,\x0c\xa1\xbf\x97\xf4\xf4\xf97S\x95\xf0\x9f/\x07\x96\xa3p;\xe8Fb\x8f\x91\xbc\x10S\xa5J'</t>
  </si>
  <si>
    <t>b'6X*\xd2A$\x12l\xd98\x8c\x87\xb7\xfa\xc3\x02\xfb\x07\x88n\x90\xd3\xa9M\xa5\xe6\xff\xf9|\\/r'</t>
  </si>
  <si>
    <t>b'!Z0\xa4\xf5\xa3\x8d\x0bj\xb5\xf7\x94\xffw\xde\x03\xdf\x90\xfa"v\xe3\xb4\xeb\'\xa9|\x07ey\xe6F'</t>
  </si>
  <si>
    <t>b'\xd6\x08\x95mF\xb8\xb7\xb27\x88\x02\xe4&amp;\x08\x949\\\xe4 \xb8\x19\x18\x89\x1c\xeb\x18\x87\xe4^\xe1\x1f\xd5'</t>
  </si>
  <si>
    <t>b'g n\xd2\xa2\x85\xa2p\xdf\xdeY\x85\xd4uL\xeb\x91\xf3\x99\x9b\x19\n\xf5\xeaL\n8\x94{\x85\xfc\xd9'</t>
  </si>
  <si>
    <t>b'c\xac\x8dkc\x8c\x18\x82\xe2\xcf\x8f\x8c\xd5\xe0\xb4\x1f\x00k\xbaP!8\\\xf4\xb1\xf2\x04\xd14\x97(T'</t>
  </si>
  <si>
    <t>b'\xf2E\xe0\xc9\xd7!1^tm\x19\x08E\x9d\xbcu+\xe0\xca\x1a\x0c\xb9%\x9aOY\x0c&amp;\xc2\xcc\xcf\xef'</t>
  </si>
  <si>
    <t>b'\n\x81\xed\\W7\x9c^\\\xf1\x0f\xa9e\x90\xbc\xb6\xcca\x06\xb5)\xa1!Z\xc4\xa6\xfa\xf6N6\xfd\x00'</t>
  </si>
  <si>
    <t>b'"\xb3\x80RiC\r\x84L\x9d\xb1\xb1\x97\xccTwS|V\xb3\xbbM\xa2\xc5\xfb\xdf\x0f\x96\rS\xba\xfd'</t>
  </si>
  <si>
    <t>b'\xb3U\xbaC\xc3v\xd3\x13k\xf8,\xba\x1e\xb2\x89\x82\x86\x17[6\xd1\xbd,\xe7\xb6N\x98\xc2J\xa7\xd6]'</t>
  </si>
  <si>
    <t>b'\xb3l;\x1e\x08P\xe2\xe8/\x9c7\x8d\x11:U\x89\xf4p\x01Qt\x98\xf6\xa6\xccY\xe7"\'\xea\xe4\x15'</t>
  </si>
  <si>
    <t>b'\x13\xe0\xd0d\x9f]E\xb9\xa4C\x84cT\xaf\xb3M^\xc7\xe5\xb5\xe0.t\x05B\xa7\x9a\x96\xf0\x8e\xce\x85'</t>
  </si>
  <si>
    <t>b'\x15\xefe\xe6\x82d 8W\x8b4{\xc05\xef\x10\xb2\x81\xdc\xd8\xb5\x13\xe4R\x0bH^\xac\x0ey\xec\x06'</t>
  </si>
  <si>
    <t>b';\x8c!\xaf\xbb"-\xac\xd4&gt;j\xab\x1f\xfd\xb6\x81\xae\xe1"\xf6&amp;"\xd9\xcd\x82\xa4&amp;\xe6\xee%\x00\xb3'</t>
  </si>
  <si>
    <t>b'\x02\x1a\xb2+\xd9\xd54\xc2\xad\x01 \xe4 \x1794\xe1ee\xa7\xa6)\xb6j\xff\xd0\x9d\t\xad\x07\x97o'</t>
  </si>
  <si>
    <t>b'b\xc5\xba\xa3h\xdfS\xd1F\xd3\xfd\xcb\x86y\\\x1f\xd5\xa1t\xf7\xe0D\xc1\xf6x\xecfj\xb1\xc4$U'</t>
  </si>
  <si>
    <t>b"\xba\xcc\xd8\x89Dm'\x08\x11\xa2\x7f\x9f\x00\xab\x982\x0e\x8f\xd9f;:]NZa]\xcc\xfa\xae\xef\xd3"</t>
  </si>
  <si>
    <t>b'\x1d\'@\xd7\xa9\xee\xc8YT\xc3\xa6&amp;\xe3\xfa\xab\xd3\x81"\xeb\xb2M\xd8\xf1\xb5\xecg\xdcI\xdc{K\xb0'</t>
  </si>
  <si>
    <t>b'r\x03\xb3\x07z^\x89VcA\x85\x1d-\x90\xd91m\xef\x94\x86\xaf\xc5r\xfc\x03\xf4\xbd[.\xe2\xae9'</t>
  </si>
  <si>
    <t>b'\xef\xc2Q\xf9\xe5\x93\x1br&lt;\xa2\xa5\xf8\xf2\xa5]\x0ceo\xbf\xbe\x819\x9eS\xd4c\xab@h\x87.u'</t>
  </si>
  <si>
    <t>b'\xe9j\x8d\xbc\x1a=\xd9\x1a\xa5\x91\x02cz\xe5q\x18 2]\x01)\xbf~\xca\x8a\x05\x1c\xe6qF\xf1\xad'</t>
  </si>
  <si>
    <t>b"L'\x88\x97A\xc9\x18h\xa4\xf6?vY\xd9O\xb1\x82-O\x1b\xd0\xff\x00\xc7\xc1e\xcd\xc7\xae=\xb9\xcc"</t>
  </si>
  <si>
    <t>b'x\x9a6P\xca\xc0\x87u\xe1\xd8v\xd1\xbdvW1\xb6\x08\xc9\xf8\xb6\x99\xfd\xe7Sc\xb8\xd6\xf8J\xeb\xf7'</t>
  </si>
  <si>
    <t>b'\xc9\xe4I\t\xd8\xaf\x91j\x82t\x0c\x80P\x06\x8c\x19zn\x12\xea\x0f`y\x9f\xef\x90\xee0\x86T\xd5"'</t>
  </si>
  <si>
    <t>b'\x82\x96\\\x00#\xcd\xd8\xb0\xfd\xda\x92\xd0\xf0\x9au\x91\xbb\xa0\x8e\xba\x82\xde\x96Q\xceA\x17\x85+/\xba\xf7'</t>
  </si>
  <si>
    <t>b'@M\xd8s\xbcZ\xde\xe9|\x0f{X\x0eU\x10\xcc\xe2\x9c\xe9\xf9\xce?R\xb2\x94\xfa\x15\xc4^\xf7=\x82'</t>
  </si>
  <si>
    <t>b'b\xba-\xe5\r\x9aa\xc5\x7f:\x89v\xa8\xef\x06\xc1\xd7\r_\xcf\x14\x7feO\xdaN\xd0\x1fNX\xf3\xa2'</t>
  </si>
  <si>
    <t>b'V\xd0\x83\xd0X\x8e\xaa\xd4\xe3|\x98}^ZVb\x86\xe8\xb9b=\xe3(&amp;\xfc{V\x97dIb/'</t>
  </si>
  <si>
    <t>b"\x1d2$\x83\xc8\xd5+\xaa\xc8&amp;\x94S\xcfn\xb6\x8d\xd9q\xe9\xcd8\x80'\xff\xf3\x08v\x01\xdd8\xe8\x9c"</t>
  </si>
  <si>
    <t>b'\xc4n\xa6\x04\xe3\xba\xb7\xeb\xe6\xf5,\xd1d&amp;-\x186\xffF\x83\xac&amp;\xd5\xfb\xb8\x98\xeaU\x9c|5\xea'</t>
  </si>
  <si>
    <t>b'F\x02K\xb0\xf1e\x01\x17;\x11\xdb\xde\xe2\x8f\xb6&amp;D\xde\x1ftv\xcc\x9dy\x91*U\x1f\x11\xd3\x07+'</t>
  </si>
  <si>
    <t>b'`\\\xc7\x12]\x1ab3]\xcb\x87\xfa`\xe4Q\x05\x8a6\x05\xf78\x03\xe6R\x9d0\x8c\x1f\xf7\x8cYy'</t>
  </si>
  <si>
    <t>b"('\xd5\xa6;q&amp;\x95\x19\x10\xb7\x8d\x9emBH\x96\xb3\x8e^\x8fl\xe7\x05\xb3+\xe1\x12\xcf\xa9D;"</t>
  </si>
  <si>
    <t>b'\xce\xa2c\xd7\x8dQG\xc2\xfc:\xde\xdcl\x13\x9c\x11\x9d\x9b\x9f|_X\x9a\x07U\x17\x89\xfa\xb3@\x93%'</t>
  </si>
  <si>
    <t>b"W61\xac\xee\x9d \x188\xcd\xd8\r\x1d5\xabS-\xda\x01'\xf3.pV\x97\x80;fe\xef\xe5\x95"</t>
  </si>
  <si>
    <t>b'\xa0\xc5\xe6\x997\xb7r\x88yT\xa8\xb0k0\x16y\x14\xdf\xb7\xd6\xdcC\xe2\xe2G&lt;\x99g#@\xa3:'</t>
  </si>
  <si>
    <t>b'\xac\xc8X\xe5uJLf\x05,\x02_V\xaa\xb4\x1b\x19\xa8\xe6\xaa\r\x08\xf7\xb8s\x0cN\xc9\x7f[\xc5j'</t>
  </si>
  <si>
    <t>b'\x12\x9a\xbcD\xa0\x177\x16\x9d\x13\x01uN\xe5|\xf8\x93\x170\x140\xcc\x82V&amp;`W\xda,\x93\xa2C'</t>
  </si>
  <si>
    <t>b"\xf7p\x90\xe9\x85\xe7\x97&lt;B'\xf1\x1d@\x8b\xacT8\x16\x93\xb6\xdf\xc4g@cU\xe4\xdbB}\x02\xe4"</t>
  </si>
  <si>
    <t>b'\x88B\xca\xab]\xee\x8c\xbb\xddS\x08\x88\xa3\x0e\x1f\x99\x12@^\x91\xf7\xce\xcc\x8f\xe3\xc0\xf3Jw;\x13\xc0'</t>
  </si>
  <si>
    <t>b'&gt;\xec\x8eU\xac\xb9R\x019\xb1\xcex\x1d\xed\x99pO\x89\xa8\xa0\x81\xb6xk\xd5\xd9rp\xa5\x17[\xe6'</t>
  </si>
  <si>
    <t>b'\xcec\x0f\xc78\x18\xa0\xf6\xfe\xebj\xcb\x97\x05\xcc\xf4^/Ql\xb7\x93\x1eTF\xd8\x04\x1c@8v\x9e'</t>
  </si>
  <si>
    <t>b'\xd2\x95HUM,\x1cAgm\xb5\xff\xdf;\x7f\xaa\x82R\xed\xfe\xd9:b\xb6iP\x94\x19\xab\x95\xf3\xe3'</t>
  </si>
  <si>
    <t>b'J\xa8\xa4L\xd7^\xe6%;"q\xb8\x7fx\x9b({!}\xd5F\x160\xcc\xf0[\x90q%\xc4D\x1a'</t>
  </si>
  <si>
    <t>b'\xad\xcak\xadP\xc4\xb1\xe2V\x90\xc1\x08\xb0\xbb\x06\x0311\xe8\x02K\xcb*\\z\x8c\xdc\xad\x98\x1f\x9dK'</t>
  </si>
  <si>
    <t>b'\xc1\xe0\xf4\xd7c\xc6M\xfcE\x87g\xca\xa7_~\xd7@)\xc5cG\xfeq\x86\xc2\xd06\xd1]#\r\x9e'</t>
  </si>
  <si>
    <t>b'\xe4\xa4\xe2\x9f\xe3\xf3\x11\x95\x0e\xc2\xe9T\x1e\xee\x96\xf2\xf2\xa6\x1d\xfd\x1d\xf4\xab\xe9\x06\xda-\x8e\xa1:\x14\x9e'</t>
  </si>
  <si>
    <t>b'n!\xed5\x01c`0\x10j\x90l \xd6ni\xa6ZXC+\x86\x94F\x0c\xfa\xb8\xea&gt;\xb7\xbf('</t>
  </si>
  <si>
    <t>b'r\xde\xc6\xc8;\xbd\x8c\xff\xbbf-\x8f\xf7\x99,\xa1\x82\xbfvI\x0f\xdb\x07\x0clu\x95\xc4\x81\xb9\x0eo'</t>
  </si>
  <si>
    <t>b'\x88\xc7o\xfc\xa6b\x12\xc3f\x9du\x92\xf6\x07\x14;\x95\xf8XX}\xbb\x86V\xd0\xeb\x1b\x86\xfe\xcf\x12\x8a'</t>
  </si>
  <si>
    <t>b"$\x96\xe6\xe8:\x94Fl\xfa'\xa4\\J\xb6\xdf\xd74\x1f\n\xbe\xb0B\x91\xfb\x8f\x0e\x01\x96c\xd7(\xdd"</t>
  </si>
  <si>
    <t>b'\x90\x0e\x03\x84\rW&gt;5\x99\x9f\xd0qf\x99?\xc0\x07\xe0\x1a/O\xd4\x7f\xbd\x012)\x92\x9b\xd9\x96\xc7'</t>
  </si>
  <si>
    <t>b'\x1d\xa9\xa0x\xca\xe1\x8f\x84\x00*O\xcd\xb0_D\xf6\xbb\xb1\x90H\xe8\xf6\x1f\x18\x02U\x9aw\x8f\x8bL\x19'</t>
  </si>
  <si>
    <t>b'\x92\xaf\x99L\xa7\xb4\x19\x00&amp;\xf2ua]\xe1\x19WX\xd6\x1a\t\x86\xcd\xfe\xb5_$\xcdZ\xb1\xc2\x081'</t>
  </si>
  <si>
    <t>b'\xee/\x9b\xb6\xcd\xfa\xebgX\x9d\xa3\x81:f\x10\x9ahudib_x J\xb0\xb0\xdcRQ\x9d\xbd'</t>
  </si>
  <si>
    <t>b"+\xce\xd0T{3o\xa4'\x8eFY^A/\xb0wX \x965?R6Pb\xfb\xcf\x9a\xb0Z0"</t>
  </si>
  <si>
    <t>b'\xbc\xaf_\x921\x98P%\x87\xf3e\xf3\xa4\xb3Z1\xbdsE\xcbi\x87\x8d\xd0Z\xe0\xb2\x99@\x84\xe5\x04'</t>
  </si>
  <si>
    <t>b'\xbe\x11zO\xf7\xd4\xd5TO\xf7\x923\x1bNz\x19\xcbs\xcaRMR\xbfq\xce\x93\x9e\x06\xa8\xee\xc5D'</t>
  </si>
  <si>
    <t>b'\\xW?\x9d\x7f\xed~\x99\xd3\xb7\xee\x1b\x1f\x17\xe7\xd1|\x9b\x19\xdb\xb4\x14Z\x83\xa1\xad_\x96&gt;\xc1y'</t>
  </si>
  <si>
    <t>b'|Z\x8e\xe1\x02\xc0a\x12\xb4\x9a\xc6\x8d\x8d\xfdE\x17(\xb6\xf6\xf9\x9c\xf6B\xbc\xf0\x00\x81\x02\xae\xb0\xca\x1c'</t>
  </si>
  <si>
    <t>b'\xa0\xe7.\x0cP\x8e|\xb8\xa0h\n\xaduL\x0b@|R&gt;o\x1b\x18^\x18\xbc\xca\xf7\x1b0\xe8j\x04'</t>
  </si>
  <si>
    <t>b'\xba\x91;\xa0\xc1?z\xeet\xa2\xa5y\x9c\xd1\x9d:r\x10d9\xab\x80e\xb9A9\xc1\x86\x82\xc5\x95*'</t>
  </si>
  <si>
    <t>b'\xa4=\xc8\xb9\xde=.L\xf7\x88\xbf\xe6,y\x8a[\x0f\x199\xb6 (\xca\xa7\xe0\xb6\xf2$\x01\x07\xacQ'</t>
  </si>
  <si>
    <t>b'uj\xa3\x17\xe6\x1fX\xa9\xe8=\n\x14\xe2\x8e\xb6\xed\x9eI\xd4\x9d\x0b\xac\x8f\xcb\xeb\x99\x98\x13\xde\xb07U'</t>
  </si>
  <si>
    <t>b"\xb1\x81\xcf\xcf\xa5j\xf76N\xa5UXs\x1c\xce\xad\x10&amp;{'\xf3\xf3WE\xd1\xfd\x84\xf4\x12\x0e\x14\xd9"</t>
  </si>
  <si>
    <t>b'\xf0\x7f\x94&lt;[^\xd5\x97s\x01|\xdc\xe7\x9b\xd8\xf19\xe6\xb9\xa6\xb7\xa7p=\xc2KRd\xb7?\x9a:'</t>
  </si>
  <si>
    <t>b'\x04\xf0z\xb0\xb4K-\xb4\x0c\xf0~\xac\xdf\x9bx\x95\xb1\x14FE\\[\xd1\xe7HH\\\xe7\x89\xec/\x02'</t>
  </si>
  <si>
    <t>b'\xd0i\xdf.\xd0\x1a\xe4\xaap\x9e}o\x7f\xd1\xc8\x90\x01\x15\xc7\xf1\x9c8\xe0I\xf7\xc9M\xfaI\x9a8w'</t>
  </si>
  <si>
    <t>b'cM\x18p1\xd69\xa1\xb6E\xe8\xd1B6\xe5\x89\xef\xec\xfc\xe1\xd5%\x9d_Z\xc9\xae\xa9\x1c\x11E\x8b'</t>
  </si>
  <si>
    <t>b';\x12dBz\xd7\xc5k\x1a;\x97\xf9\xed\xa4\xda\xc2\xc0e\xe2\x90\xb2\xcan:\x9e\xf4\x1b\xc1\x86\x92Q\x82'</t>
  </si>
  <si>
    <t>b'{\xd6?PK\x0f\x0b8*:\x9c\xb6k\xa4-V\x87\x9a\xe1\xde?&amp;\xcd\xcb8T\xc7r\xdc\xb9\x079'</t>
  </si>
  <si>
    <t>b'\x92\xa7\x85\xb7\xfb\xa9\xaa2\xaf=\xc7\xab!9\x99\n\xc5^&amp;\xfd\x1b\xc1\x1cn\xd33^7M\x0e\x14l'</t>
  </si>
  <si>
    <t>b'\xecdE\xd3\xad\x87\xde  \xd5o\x14\x7fmk\xc0G\xb3\xa8\xbc$\x90H\xa0\x93\x91\xeeFP\x13\xf6F'</t>
  </si>
  <si>
    <t>b'\x99&amp;\x18\xb1\x13\r\x80\xa2\x98\xe6\xd2&lt;a\xa2\xedg\x04",\xe3\xa7\x9a\xb4-&gt;b\x0b\xc0@\x8f\xf1}'</t>
  </si>
  <si>
    <t>b'\x83Ht\x04\xfd\x80^qm\xed,F/0\xe0\xc2ml\x8e\x06\x84\x1f\x88w\xb4C\x95aQ\xe5\xf9H'</t>
  </si>
  <si>
    <t>b'\xce\xa8C\xf9\xc5v;}\xd9&amp;P\x9d\x8b^\x80\x8fY?x\xbe\x12\xcb\x8a5&gt;\xfb\x0e\xe5\x98.Md'</t>
  </si>
  <si>
    <t>b'\x1f!\x9cvd\x12\xe4\xad:[\xabF-\xb6\x08\x02\x12\xd3\x0f\x1a\xdeY\xbf\x9cq\xa5\\\xbd?\x8f\xd2\x8f'</t>
  </si>
  <si>
    <t>b'CR\xeb\x10\xe1b\x10C\xc6\xe7\x89\x85\xd8\xc7\xfcA\x1e\x1e\x89:\x99\x8c\xbd\x83\x13?\xaa8r\x81\x97\x16'</t>
  </si>
  <si>
    <t>b"Z-\xf8\xbe\x18\xd2\xd1\x8fJ\xdf\x0b\x9ek\xe9\x0fv9'\x08\x93\xe5\x0b\xab\x84\x8c\x1f\xa8\xa7r\x10K\xee"</t>
  </si>
  <si>
    <t>b'M\xaa\xad\xa8\x1dD-I\x11.Z\xc7rl\xad\x9c\x18\xfb\x929\x8c\xd4,\xec\x84\xe7\xc8\xd9\xd5\x8f?\t'</t>
  </si>
  <si>
    <t>b'\xda\x88d(\xf1!\x87tk\xde\x00x0\xcb\xb2\xf8VH,kR=\x80\x8bc\t+\x826\xe5@\xf8'</t>
  </si>
  <si>
    <t>b'\x89!\xee\xe8\x1c\xb4\x03Z\xa5\xc1\xf4\xce4ALz(\xe1\x8b\xc0\xc7SI\xa3\x1f\xfa\xe1\xa1&lt;\xcf6\x14'</t>
  </si>
  <si>
    <t>b"\xdb'\xe5\x07&lt;\xd7\xecG\x99Ve\xd4\xbdT&lt;(\xd9\xa3|:v.\xe1\x1e\x87}\xdc\xa5k\xd5\xb0\x04"</t>
  </si>
  <si>
    <t>b'\x96/\x8a^\xdd\xde\xec\x8b@\x98\x90ra\xfd\xec\xca\x19/r3\xa7+A\x03\x12[\xf8\x97.\x82\xcb\xbf'</t>
  </si>
  <si>
    <t>b'\xb1E\xb5\x8bw:W7\xdc?\x13\x07\x94\x03\x1b\xb1\xce\x1a\xd2\xe6\x91\xc7\xc6\xd8\x82\x86\xa0#\xe7u\xeb\xf1'</t>
  </si>
  <si>
    <t>b'eDA\xab\xbcpg\x1a\xaf\x7fn\x16g\x7f\x13|0\x0f\xe0m4\xac\xd2\xe42\xc5\xa8E\xfe?#\xb1'</t>
  </si>
  <si>
    <t>b'\x88\xde8\x9cG\xdb\xb2\xa17\x04O\xf6\xc1:\x94\x85`\xafr\xdb\xacYi\xf8\x7fv\x7f\xb2\xffJ\x8a\xb8'</t>
  </si>
  <si>
    <t>b'\x9e\x99n\x90\xae\xd1(\xe2L\x19\xab\xd53\x83\xa9\xf7\x14#\xcd\x14\x9d{\x93\xb8\xa66\xed\x04\xbf\xa9\xafm'</t>
  </si>
  <si>
    <t>b'G\xe1\x04\xbe\x87\x88\xba\xe4\xcb\xf7\xed\xf6W\xbd\x04\x85F\x8d(\xbd\x1a\xa3\xbd}\xad|\x16\x17\x1f\xce^\xfc'</t>
  </si>
  <si>
    <t>b'\xc8\xd4\x8a\x87d\x029\xfc\x98R\xf7j\x82\xab;[\xc5w\x98\xb6\xda\xbf\x14\xb9q\x1bx\x1c\\\xc9\t\x0e'</t>
  </si>
  <si>
    <t>b'\x9e(1|\xb7\xda\xd5\xa8\xf5O\xdc\xca\\?\xc3]\xadf\x8cn\xd4=\xd1\xda\x96\xa9\xc7x \x87\x8ao'</t>
  </si>
  <si>
    <t>b'\xcc\xf1\x95\xd6\x9e@\xc12!]\xa8\xef\xda\xaa\xdd\xa9\x837\xd6\xbb\r\xfbxQ\x89!\xf6[\x90\xa12\xc4'</t>
  </si>
  <si>
    <t>b'\x04b\xbbj\xd4\xc8\x84\xae\xf9\x86\xa8\r@\x10\x8f7r\xf6\x7f\xa5\x9c\x19 \xb7\xfcW\xf8\xea\xbc\xd4\xaeP'</t>
  </si>
  <si>
    <t>b'\x96\xd8\xa9\xa0\xff5[\x14\xf3\x8f\x90Ed\xa1\xed\xee\xab\x14@\x1bh)\xcb\x14\x0c\xcb=WL\x04^\xdf'</t>
  </si>
  <si>
    <t>b'\x84\xd8\xf9|\x0c\xf1\xf3|xC\x02\xdb&amp;\xfe\xfc\xc0\x14s+g\xce\xd9\x10\x7fucnf\xa3\nk\xe9'</t>
  </si>
  <si>
    <t>b"\x96\xe3\x94H\x86\x84\x8b\xb4\xcf\xe7G*+6s\xea\xc5\x86Q\xeb\xfa\xa9\x01ma\xb8'\xab\x93!\xe3\xaf"</t>
  </si>
  <si>
    <t>b'y"\x91\xca\xa4t&lt;M\xdd\x81k:\x97\xab\xb4b_\xfb\'\xbe\xf5\xfa\xff\xa0\xae|\x8dzO\x9d\x1dH'</t>
  </si>
  <si>
    <t>b'1[\xcf\xaa\x0by\xca\x91\xd2\x9c\x8coj\xceHtl\xd5z\x89\x8d\xa7T\xc0\xca\x06\xc6\xe9\x82\xe9\x1d^'</t>
  </si>
  <si>
    <t>b'\x95&gt;xe\xfa.\x1b5\x92\x8bH\x974=\x1f2#\x81g\x9a4\xb5\xa7\x96\xb6\xa6\x9ad\xfcj\x15\xd8'</t>
  </si>
  <si>
    <t>b'P\x83!.A\xe3\xe3&gt;\xbc&lt;c\xecb\xba{\xb0T-\xdeW\x0b\x03\xba!\x1e\xf6\n\x9e\x08:]\xf1'</t>
  </si>
  <si>
    <t>b'1\xa8bN\xca&lt;y\xa0\xba6\xad\x8c\x812S\x8a\xfa\x8b\xd9\xb4\x8f\x9eN\x8b\x10M0\xd1;S\x9e\xeb'</t>
  </si>
  <si>
    <t>b'\x8e,\x03\x94F\x1c\x1c\xc8\xdd&gt;\x1f\xf7\xa4|L]\r\x90\x04\xa2\xbd~\x7f\xec\\\xb1@?[\xb1\x94\xdc'</t>
  </si>
  <si>
    <t>b'X\x83\xa1T\xdfww\xe7\xb3z\x1f\xb6Z\xff\xa4\x1b6\xac\xc5I\xdc(OX\x7fP\xa12p\xb3Q\xb1'</t>
  </si>
  <si>
    <t>b'\x150\x92y\\\xad\xbb"\r\x8e\x9d\x95\xebY\xd8?H\xe0k\xcb\xf8\x98\'i\x08}\xdb\xf4+\x0c\x1cp'</t>
  </si>
  <si>
    <t>b'\xf2\xc58$\tq\x80\xfc\xb7\xc9R\t\xe3Z\xa3\x01&gt;ZO\xe27 q5dVE\x820N\x8fg'</t>
  </si>
  <si>
    <t>b'\xf04\xaa\x07\xe3&lt;\x94\x07"\t\xbe\xbb\x95\xaeQ\xab\xe6\xe6\x9a\x8eQ\xcb\x87 \xb1\xcd\x82\n\xcdBsS'</t>
  </si>
  <si>
    <t>b'\xb7\xd8Qf\xf6\x93\x96\x9e\x95NQ&gt;AhM~!\x97\xa5\xa5V\xf7\x13\x18=n\xa3\x8a\xd1\x16\xd3\xb0'</t>
  </si>
  <si>
    <t>b'(.\xfa\xd7\x9bO\xf0\x99-\x86Q\xc3\\\x90\xb7\x15\x0b*\x0f\x156\xbf\xa4\x8a-\x02\x8b\xc6\x1e\x9f\xe3\xea'</t>
  </si>
  <si>
    <t>b'\xb1&amp;\xea\x9e\x91*~\xdd\xfb\x19e_\x14w$\xf8\x17\x1a[\xc1\xa5\xc4\xa1\xa5Z\x05A\x06+\xf7\xafk'</t>
  </si>
  <si>
    <t>b'\x03\x1c=0\xda\xf9d\xe4\nT\t\xf5m&lt;\xe6k\xd5\xf6\xea.\xc4\xea"\xcf\xb3\xedk\xc1]\x90\xa0n'</t>
  </si>
  <si>
    <t>b'\xf2\xa4\xb8`\x084\x87\x81H\x03\x0c\xe5\xf7&gt;\x00\xbdq\x80\xa2k\x0f*;\x10\xeaM&amp;\x93n\x1a\xbf\x9c'</t>
  </si>
  <si>
    <t>b"\x8f\x04\xceO?\xe6\x11\xb5\xfb\x157\x91\xd3\x85\x14A\x15\x99'\x8b\r\xdas\xfel\x0e\x073\xbe\x8a)&gt;"</t>
  </si>
  <si>
    <t>b'\xc6\x91S\xd5#\xbc\xe7\x00{\xdb\x04\xd5\xd62\x9c\x97\x81|N\x84~\xc3h\xbd\xeb\x85\xaf\x13\x12\x87@\xff'</t>
  </si>
  <si>
    <t>b'\xf6N$[r\x19~G\xc2\xc3\x08\xf5h\xe9\xcd\xd6F\r\xf4\x9f/\x19\xd9\x91\xcbG\x89\xf6\xef\xdeL\x8a'</t>
  </si>
  <si>
    <t>b'\xde`\xea8\x82l\r\xd6\x98\xab\xb0\xa5\xafy\x91\xe4\xb8\x93WL\xef\xc6\x92\x1eo\xfc\x83\x15\xf6\x0c\xbf*'</t>
  </si>
  <si>
    <t>b"\x1c\x83'\xeb\x8d`\xc5\x1c\xe3\xcd\x85\x89\xb5&amp;\xf2\x9e\x103G\xd2&lt;S\x18\x96]\xdb/\xd6\x00\x1d\x0bP"</t>
  </si>
  <si>
    <t>b'H\x8d\xf0\x8b\xd5\x1a\x13/\x7fL\xe4\xe4+\x19RFJ\xc1&gt;\xe2Gh\x1f\xf7\xbb\x83\xf8\x0f\xe1\xc9\xeb\x0b'</t>
  </si>
  <si>
    <t>b'~tH\xb1\x82\xa3x\xef\x04\x05&gt;\xf67\xb4\xe6%n0\x1beL\x86B\x06-\xfd\xb3@h\xa3&lt;\x08'</t>
  </si>
  <si>
    <t>b'\xddaW03sn \xae\xab\xfd^f\xd4;\xbf\x83\x1dQ\xdc$\xd3~\xfe\x85\xcaXC\xc1\xb0S\xd9'</t>
  </si>
  <si>
    <t>b'M\x15G@\xa7\xfc\xc0\xa6mU\xde \xb9=\xb7-\xcc\xae\xe5\x92n\xfd\x11\x12{\xd6\xc3&gt;\x90\xf7\xd6\x14'</t>
  </si>
  <si>
    <t>b'\x9cm\xf3S\x02\xe61\x7fT\xea#\xbb\xa0\x98I94\xe9\x8d\x11\xce9\x1e\xce\xdfY\x8f\xf5\xd6\xbcd\x96'</t>
  </si>
  <si>
    <t>b'&amp;os\xc2\xb2\xa7\xda\x97\x91\xed\xc3V[:\x9cF\xd5\x99\xdc\x89\x10\xfb\xa3\xe3%\x1d\x04\xa2]:\xd1Z'</t>
  </si>
  <si>
    <t>b'\xbfc@\xe8\x8d8\xc2L0/\xe8\xe1\xf2\x84\x9f\n\x86\x12:\xa3&gt;\\\xe1\xcb\xcdq\x94\xb3\x8a\x80#\xd2'</t>
  </si>
  <si>
    <t>b'\x17qFPAf\xbdT\xf0\x0e\xf6\x8e\xeeg\x19=\x99\xb9\xd1-\xa1}n?\xed]\xa3\xe4\xd1\xdb\x8a\xad'</t>
  </si>
  <si>
    <t>b'j\xfd\xb5\xff\xa6z7?\t\xf7\xec\xea\xf4\xcb\xd4\xa9\xe5v]1\r%\t\x12\xc3 \xeb\xf1\x1b\xf8\xe4L'</t>
  </si>
  <si>
    <t>b'\x17b\x04\xc9\xffv\xa4\x95\xcd(\x9b\xb9g\x93R\x9d4\x91\x1f\xbc\x8c`RE\xb0\xe3DT\x10\x97\xfe$'</t>
  </si>
  <si>
    <t>b'\xc6\xe0WSwh\xd5;\xf1\xdb\x9a!\xb2p5\x99N\xa6@\xca\xe7\xa1\x1c\x81y\x9b\xff\xf7\xc4\xacIi'</t>
  </si>
  <si>
    <t>b'w5\x19\x87\xc9\x86J\xdf\xe8u\xe6`\xda\xe8\x80\xdd?\x0f\xc7\xbc?l\x98\x96\xe1\x02\x9c\x0b\x9e&gt;\x0br'</t>
  </si>
  <si>
    <t>b']\x07\x84\x08\x8d\r\x97\xfa\xd0\xb7\x00tP\x18\x9a%\xde\xe4\x92.\xac\x12\xbd\xf9\x00\x98\xab\x91\xb4=e"'</t>
  </si>
  <si>
    <t>b'\xe2\xa3xWK\xb0^\xac\xda\x9e!Z\x94\xc3\xe6\xb3\xf2\x8e\xe7|\xd2\xc8&lt;@\x02EoI\x15\x00\x12t'</t>
  </si>
  <si>
    <t>b'O\x9d\xfd\xe0 \xca]f\xaf9\x9cC\xb5\x1d\xc1i\xcbP\xa4_\x95\x95\x9d\xa3\xdb\x9f/\n\x8f\xadA&amp;'</t>
  </si>
  <si>
    <t>b'q\xf0\x94U\xa3\xdbC\x87\xa1d\x08,\xd9\xa8\xf3r\x0b\x95^:X\x8c\r0{\xf8\x96\xeb\xfd%\xbb\xab'</t>
  </si>
  <si>
    <t>b'_\xc5\xa6K [^\\\x01\r~\xc0"\x96\xf6$$&lt;\xf8\xa3\xbb\xb7\xd0M\xb2\xb8I/fa\x10N'</t>
  </si>
  <si>
    <t>b'|)\xf9\x95\xee\x94=\xce\xd4v\xcf\xf5\xb9/\xfco\xf8\x9e\xbf\xf7,\xc9E\xcc-\xa0\x15\xcf\xc9\xd2!q'</t>
  </si>
  <si>
    <t>b"\x84\xc3\xd1\x85\xd7\xe7w\xc6\xa4\xb8R\xf1~x\xf2\xbe]\x9aK@\x9f\x95\x07\x8f*H\xaf\x18\x87\xee'\xb9"</t>
  </si>
  <si>
    <t>b")\xfb\xe3\xe1\xd2O\xda\x1eE\xbd\xd5\x85\xc0\x93\x9e\x81l\x0f@\x17\x0b\xe8\xc2\xb8'+yi\xee\xfbR\xb6"</t>
  </si>
  <si>
    <t>b'a9+\xb7\x9eB\x12\xdc\x0b\xcfv\x99;2N\x1b\x1an\xe0\xb5\xc4\x88\x07N\xab\x9f="\r\x05\xec\xfa'</t>
  </si>
  <si>
    <t>b'OU\xc1\xb4\xfd\xeak\xb2_\xb0\xf1R9qn\xcf\xb2\xd6\x851\x18\xe1\x13dL9\xf1\xc2F\xd6p\x94'</t>
  </si>
  <si>
    <t>b'\x0b\xf3\x0f\xb2\x82\x12\xa6\x04M\x96\xa3\xbb\xebM\x06FZ\xd2\xa5\xcb.\xbc\xfc\x88\x9e\x01\xf1\x11\x12\xb0\xcdw'</t>
  </si>
  <si>
    <t>b'b\xfaP\xd6\xe4\x88\x0c\xc7\xfa\xc7\xb7}Z&gt;\x05\xa1\xb2\x1f\xad\xa3\xa7\xd4Oa\t\x10\x87\xae\xeb\xecm\xf5'</t>
  </si>
  <si>
    <t>b'X~{r\x1b\xe5\x9d\xf8\xe8\x17\xff\x1er\x15G\xa7\x0e\x8a\xd4fC-F|A4G\xca\xe9\xaf\xb0U'</t>
  </si>
  <si>
    <t>b'\x1e\x96\xf5d\xc4\xd0E\xec\xaegk&gt;\xe3\xd6\xc0 \xa2\xcdc\xb0\xdf\x99\x13M\x0b\xc6Y\xd9\xdduy+'</t>
  </si>
  <si>
    <t>b'\xe1\xf8\x9a\xccH\xb8QOP\xec\xaa\xf5\x02\xd8\x9a?p\xcd&gt;\xe0\x85|F;\x99K\x1bZD\xe5\xf9D'</t>
  </si>
  <si>
    <t>b'\x94G\xd24\xfc\xfby\x143]\x14v%]8G|W\xed\xfcDw\xe8\x02`&amp;\xb5nnp\x04\xd0'</t>
  </si>
  <si>
    <t>b'mA\xe8s\xe8y\x8d\xf1^C\x12s\xb4*\xaeGE@\x8c\xc8\xcb\xe3\xd6c5(\xd5p\xa1j\xdf\xe4'</t>
  </si>
  <si>
    <t>b'\xeb%\xeb\\0\xc1\xd7"$:fu\x93\x07\xb8\x88{\x863\xf6\xec\x82\x9e!\xef\xc2\xcb\x1d\xe2\xb1\r\x9b'</t>
  </si>
  <si>
    <t>b"m\x95\x1d\xa2\xa8\xff\x87L\xea\xc4\xfd\x92 \xe8^T\x1c\xf0fRw'Rt-ad\x19\x1f6h\xa8"</t>
  </si>
  <si>
    <t>b'\xd3&gt;\x9c\xed\\}Ct\x1c\xd8\xc0\x1a\xb7\xeb\xf9\x9d\x1by*\xf8\xf1xA\x7f\x882Oc\xaa,O\x81'</t>
  </si>
  <si>
    <t>b'\xb8\x10`\xae\xce\x16$\xf5hU\xefet\xba\x19c\xb3x\xa7\x99\xc5\x8eL}L[\x19N\xc9\x9d\x15\x9d'</t>
  </si>
  <si>
    <t>b'\xde\xb0\x03\xee\xc4\xce\xcc\xc1I{\xa9[\xb8\xff&lt;\x9d\x06r\xa5\xdf\x1d\x90\x9e\xf3n2s\x9e\xd4\xef\x19\x01'</t>
  </si>
  <si>
    <t>b'\x06&amp;\xc0c\x12\x92\xeb\xbej\x96d\x86\x8f\xa0q$\x88\x8d\xbc/\x1c\xbd,A\xc0\x93\xcc\x14\xb6\x0c\xf6\x08'</t>
  </si>
  <si>
    <t>b'\xd0\xa5\xaca~\xeb\xd0;\x19\xee\xbb\xe9\x98\xe70\xd8\x0f =\x9a\xe0\x90{\xc6\xf4\xf4a\xbd\x1f\x02H\xaf'</t>
  </si>
  <si>
    <t>b']\x1bS\x9d,\x13\x08\x17\xb4(-I\x00\xc3Y\x02:\x92\x87v\xbdZ\x94\xc0/D\x0f\x85\xf3\r\x11W'</t>
  </si>
  <si>
    <t>043xx</t>
  </si>
  <si>
    <t>b'\xd7\x17\x95&gt;\xd1\xc7\xbc?\xc1\x7f\xc4\x18\xe18\x940d\x80\x9e\x02\x92\x8138E\x88a\x85\xb3 \x1a\xeb'</t>
  </si>
  <si>
    <t>b'\xcf\x13Mi\x80\x1c\x87\xeb\xb0\x0cE\x03\xd8\xdb\x8f\xfcp\xd2\x9f\xbbn)&gt;\xd5t\xe0\x0eP|\xd8!\xee'</t>
  </si>
  <si>
    <t>b'\xc5\xa0\xbe\xa0\xe6x\xa4\x18c\xd4\xa2\xe7F\x7f\xf1\xf6\x08\x85\x13:H\xcf\n2\xae}\x90\x06\xa5D!\xb0'</t>
  </si>
  <si>
    <t>b't\xd6R\xe9\xa5!\xb1\xda-!\x17Te\x07\xef\x02\xca05\xdd\xffC\xdb\xcd \xbd\xdc\x96\xa7;\x83f'</t>
  </si>
  <si>
    <t>b'\x96`\xa7\x04~(IZ\xf5\xaa\xd2\x1e\xc7\xa2\x9e\x82I\xf3r\x14\x8flE\xef\x03&amp;\xad\xee\xdd\x1eJ('</t>
  </si>
  <si>
    <t>b'\xaa\x96\xac\n\xd2\xf3\xf6\xb0?b"\xa2o\x1e\x8fH\xca&amp;\xf2\x94/\xe2zg\x1a\xae\xb3Mj=\x19\xd6'</t>
  </si>
  <si>
    <t>b'J\x0c\x96mk?\\\xd6@\xf2\x8d\xa0U\n3x\x0f\xd6C\x92\xf6\x86\xca\xaa\x7f\xd2\xaa\x10\xe9\xb60\xa0'</t>
  </si>
  <si>
    <t>b'\x9cX:,\x89\x17\xb0\x03\xe3\xf7/\xe43q\xff\xc0]\xbb/xU\xb7\x06j\x90\x9f\x99\x13\xfb\xdeu\x9f'</t>
  </si>
  <si>
    <t>b"\x0c\xb2M\xd3\xbd*!\xeb]\xb4\x82\xff\xd7\x02b\x9dH3\x97\xc8'\x90\xd2\x16\xbb\xe8\\tw\xfa)\xcd"</t>
  </si>
  <si>
    <t>b"\xfe\xc1X\xb6p\xbffEcz\ny\xbf\x85B\x8f'a\x1f#g\x04\xecCI\x8b|\xf5\xfd\xa2\xd9\x80"</t>
  </si>
  <si>
    <t>b'I\xfc\xab\xccTw\xf0\x9a\xe3\xb9#\xd5[\xb0\x9f\xd5k\xd1T\xef\xf44\xdb\xeb\x9b\x11\x895\xffB\xb4\xaa'</t>
  </si>
  <si>
    <t>b'\xf7\xb3nY*h\xe5dc\xb2\xa9yn\x02\x96)3#\x10\xa41\x8di\x8b_e*\xfb\x182=\x14'</t>
  </si>
  <si>
    <t>b'\xc8\x06\xd6\x0e#\x1e\xb0vr\x00]\x00o5A\xac=X\x9f&gt;&gt;\xc2v\xea\x11s\xc6\xed\x8c\xbfh!'</t>
  </si>
  <si>
    <t>b'\x025(Jc\x9c\xd5U\x90\x1a.\xa4\xffO\xcb\x88\xc5\x82S\xd0\xca\xb5\x0cV\x8cxBP\xc0Q\xee\xbb'</t>
  </si>
  <si>
    <t>b'\x83wk\xd2\xaf\xfez]68&lt;\x87\xb3\xe4ZJ\xcd\xd8\xd9z\x84}C\x90\xb8\xb4|\xa6\xf0,\xb8\x18'</t>
  </si>
  <si>
    <t>b'h\xc9\xa5&lt;\xa2\xdc8=\x98\xd7\xd7\xc0Z8\xea\xe4\xaf:\xf0(v\x8bU\xde$\x06\x90\xd5\xef;\xbbo'</t>
  </si>
  <si>
    <t>b'3.\xba\x80\xc8)\xd7\xc5\x12\xae\xe1\xa9\xae\xfb\xe7\xc8$t\xf10\xb3C\x1a\x13@\xff4}y\xae\xd5\xea'</t>
  </si>
  <si>
    <t>b'/\xa3\xb5gU\xbf^\x13\xe3E\xe5VE\xa1\x96\xe2*\xd9\xa7L\xa8\xbaE\x17\x8cx\x98\xc2\xe4\xccU!'</t>
  </si>
  <si>
    <t>b'\xad\x92\x9d\x01\ra\xb8\xea;\x91\xeaU \x8b\xc7hu%+V\xab\x8c\x08}\xe0\xd5\xf4\x9e~\xb4o]'</t>
  </si>
  <si>
    <t>b'\xa4\x9f\xe6$v\x10\xba\xe2!I#\xa9\x92\x05\x97\xab\x884\xc0\xf6\x17\xbe\xbc\x95\xb0\xbfv.\xeaw\x8ff'</t>
  </si>
  <si>
    <t>b'\x0b\xf2|\xbb\xf3\xd2\xc7\xe6\x8f\xec\xa9\xd7\x8bw\x1feA\x95\x0f\xc3G\xed\x15)\xcc,\x1b\x9cI\x1a\x80\xd4'</t>
  </si>
  <si>
    <t>b'?\xd9H\x17g\xaf\x90\xe9\xcb\x9cKM\xc5\x0c\xb6i\xdd\xdc\x93~\x7f\x8c\x95+|\xefO\xebI\xee\x8a8'</t>
  </si>
  <si>
    <t>b'\xba\xc0\x12.\xb1\xbdyF\x04\xaf\xe1\x0fc\xdc%K\x9dP\xd2I\x0f\x08\x84\xba\x88\xae\xfe\x9a\xda\xe5^\xee'</t>
  </si>
  <si>
    <t>b'Q\xa4\xca\xcf\xd6\xe9\x9a~z#\xcb\x839%4s(\xfc\x8f\x10\x8bY\xca\xfc8\x89ruF\xce\x8b\xc2'</t>
  </si>
  <si>
    <t>b'\xc4\xe0\xc2\x9fw\x88J\xfc\x10\xbb\x01\xcd\xcc\xbcb\xb0\xb8HF\x961\xceL\xd56\x036mO\xeeo\x94'</t>
  </si>
  <si>
    <t>b'\xf1\x1ec,\xef=ex\x96\xae!\xeayx\xadE\xc7\x92\xee\xb9\x87\xacL#\x07\xdd\x15v\x07pv\xac'</t>
  </si>
  <si>
    <t>b'C5.$\xa5\x18\x8a^\xf45\xc4\nM\x94\x130\x9dU=\xe7\x07\xc5\xf8w\xe6\xe8\x04\xf3a\xca\x19\xda'</t>
  </si>
  <si>
    <t>b"\xafN\xcbi\x01/K\xf7-\x97\xd77/`\x07\xd6\xf0e\x00x\x1a\x84\x13V]\x94\xd9\xf8'\xc7\xe2\xf4"</t>
  </si>
  <si>
    <t>b'\xc2o\xc4\rs\xc0\xf5q\xd6G^\x82\xa9\xcc\xc2e\xdf\x80\xa2\x81\xcb-\x01{s\xfe\xf0\x84H\xa9?\xf3'</t>
  </si>
  <si>
    <t>b'y\x00!\x9d\x9f7M#\x14m\xfd\xcem&lt;UC\x83\xb5\xc8\xc5\xda\xff]\xe7\x0b\x97r2\xc7v\xe3\xe2'</t>
  </si>
  <si>
    <t>b'q2\x83\xe3\xcc\x95\x8bAs\x03\xd2\x8d9\\\xa4D[f\x17\x15\xbaW\x9e6+\xc8=\x8a\xf4\x8cx\x8e'</t>
  </si>
  <si>
    <t>b'M\xd7\xc8\xcb\x83bC\xb0mh\xf9 \x92\x91\x07\xbf\xf1\xac\x1e4\xe2\xae]j\xdb~\xd5\xa5|J\xe5\xd3'</t>
  </si>
  <si>
    <t>b'\xb5\xd4\xde_\xfe\x0c\xf4"\xef\x02[lQ\x90\x86jV\x9b\x86\x8dRk\xf6\xcd\x11\xa2\x0cG=[\x88I'</t>
  </si>
  <si>
    <t>b'\x12\x9bc\xf2\xa2^\xcd[\xce\xaa\x86\xb58CA\xf8\xfa\xd1?\x8f\x9a\xc7\xc5\x7f\xb2\x08aGnb\xa7\xd6'</t>
  </si>
  <si>
    <t>b'R\xeb\xdfR\xf4/\x88{\xc5x\x83\'9 %\x1b3Q\x11&lt;\xc8R\x9eY"\xc5\xe1\x0f\xacW\x87,'</t>
  </si>
  <si>
    <t>b')5QCr\x98\xa05#}vj@\xb3\x12\xb4\x16\xb6\x14\r\x97\xd5c\xad\t5\xecbq\xf6\xc8\xe2'</t>
  </si>
  <si>
    <t>b'\x1c\x16tN\xfdY\x89f\x14.\xc6\xfcT\x196\xd8\xda\xab\xa1\x8f\x89\xc4\xae\x9c\xfb\xed\x82g\x000\x19\x96'</t>
  </si>
  <si>
    <t>b'f/\\v7B6\xe0T\xee\x15l\xb8\xcc\x0c\x87Sx\xd7\x0c\x9e\x1e\x04\xcb5\xab*\x85\x00,[\xc2'</t>
  </si>
  <si>
    <t>b'8_\x112`\x9c\x86\xd6A\r"%\xd6\xc2\x0c/`+\x88\xdd\xd46\x9c\x96\xb7\x13l\x86\x8c\x06{4'</t>
  </si>
  <si>
    <t>b'\xc4\x05u/\xc1Iw0\x80\xd4T\xf2Y\xdf\xd9\xe1\xb5i6\xa8\x11\x9e~\x9b\xa3\x93-(D\x97\x93\xe5'</t>
  </si>
  <si>
    <t>b"AU\xaeu\xa9\xf0S'\x9b\xe5\x17R:\xc0\x83\x8b\xd6\x89uu5\xb1\xed\xec\xabn\xc0z\xbc\x13\x9e\xd2"</t>
  </si>
  <si>
    <t>b'yu\xc04I\xd0\x15tr*. \xde\xc6\xbb\xca\xa5\xaf\x8eT\xa6\xe9M\xd1\xc2\xe5\xf3\r\x89Y\x873'</t>
  </si>
  <si>
    <t>b'\x81GW\xc4IaMYNKw\xdc\x06HI\x1a\r\xf0\xea\xc7u\x9f;\xf8\x1e\x95\xa7M\xe8\xf0\x97\x16'</t>
  </si>
  <si>
    <t>b'M\t\xd3\xf0\xbbD\xf1\xa0x\xcb,\x06\xe0\x8ar\xa9X\x8d\xce\x15\x0c\x8d\xc5q\x86\x14\xe0\x92\x1e\x05o\x89'</t>
  </si>
  <si>
    <t>b'B \x982]R\xe9\xb6\xfb\x03\xf2\xefiu\xd8\x82L\xc9a\xee\xb4|ZnQ2\xa4\xdas\x8f\xc9\x9a'</t>
  </si>
  <si>
    <t>b'\x9b\x83T\x17\xbaZ\x17\xfc\t\x98o\x95\xf7cx\xb2\xbf\xd2M\x8eUp\x1b!Z\xc7AY*(\x90#'</t>
  </si>
  <si>
    <t>b'\x0e\x94\xb0\xa9\n\x83\xf36\xc8\xb9\x80\x07\x18\xbd\xd4p \x8f1R\xe0\xd0F\xb7b\x80z1\xea\nD\xc3'</t>
  </si>
  <si>
    <t>b"\x1d\xbb\x88[\x0c\x89_\xe3\x95\xce\x8c'\x87\xa9^y,It\xe3\xc5xN\xf8\x03\xbd\xcf\x98\xf2u\x05\xa1"</t>
  </si>
  <si>
    <t>b'\xc4,\x0b\xef\xc5CK5\xd9\x96SQ\x82\x06\xf7\x11Y+m\x83}D\xb6\x8b\xa9\x85~x5\xc9\xb9\x7f'</t>
  </si>
  <si>
    <t>b'\xf5\xaa\x12\xcf\xd7\xbf\xe3Vg\xe5\xdc\xb8\xb5\x9e\xb4\x02\xd8\xef\x07\xe3!\xd00\xfd1\xd4h\xdb\xa3\xed\xf6\x9e'</t>
  </si>
  <si>
    <t>b'kn\xa8+\xdc\xcd,\xffcUDcU\xfb\x03\xba4\x8fj(\xeb\xdc\x15\xb4\x84\x88!\x93Y\x99f\xaa'</t>
  </si>
  <si>
    <t>b'\xd4V\x1c\x0e|7b&amp;\xe0\x95\x12-\xa8\xa6\xefR\x16\x9e\xd9\x89\x83\x97?\x15\xad^ia\x19\x85&amp;$'</t>
  </si>
  <si>
    <t>b'\xfa\x89\x98\xabO\xb2[\xdc\xd7C\x1fHA9\xe8\xed\xdc*;:P\xe9\xe9\t\xb5\x94\xdb\x13\x85\xc4\xf0\xc2'</t>
  </si>
  <si>
    <t>b'\xbe\xe9\x958-\xfc\xe2\xb7\xdbX\x05\x81\x9e(\xc21\xde\xaa\xd4e\xe3L g\x1ba\xbc\x97^0\x12#'</t>
  </si>
  <si>
    <t>b"\xce\xa4\xf5\x97M\x13pK$m\x0c6lM\xb0\xcb\x12\xa4h'\xe0u(\xdb\xfa\x13\x13\x0f\xec\x97\x8a\x8b"</t>
  </si>
  <si>
    <t>b'\xd3I\xef\x15E\xc5|\x08\xbe\x8e\xd1\\\x82\xd4\xddu\xaa\x9f\x9a\xc5\xe1\xa3$\xa7\xb2pLX`z\xa6\xc9'</t>
  </si>
  <si>
    <t>b"\xf0\xb6r\x7f\xca\xe6t6!;\x82 \x8fQ\xd6't\xa2xu\xe0\xea\x02\x8e\xfc\xcb8\x171)\x10\xdb"</t>
  </si>
  <si>
    <t>b'G\xdbb\xe9\xf8;B1n\xe22\xb0,\xf2\xe5\xcc\x00\xc6XQ\x12\xb8\\&gt;\x1e\xb9|\xd9\xcc\xcb\x96f'</t>
  </si>
  <si>
    <t>b'YJ&amp;\xa9\xc9\xa2\x89\x80\xf1eo\xcc\xeb\xce\x1f\xa5\xec\x7fr&amp;)\xc9\r\xad\xe4\xec\xb94\x0fU\x86^'</t>
  </si>
  <si>
    <t>b'\xb1\xbe\x82\x15\xb4M\x0eh\xf7a?\x1d\xde\x12\xfa\xb3\xa42cMd\x0f$!\xe5\xfc\xa6L\xaf\xbe\xaf\xfd'</t>
  </si>
  <si>
    <t>b'\x8d\xd9\xf2\x8b7\xbf\xce\x08s\xf6\xd3Q\xbf\x8b\xd98\x82PH\x9b\xf1\xc4\xdahf\x92\x94\x81\xe2\xee6\xe3'</t>
  </si>
  <si>
    <t>b'C\xe7.\xe43\xdf\xee\x92\xe8\xef\xda\x96Q\xbe\xec\xe1P\xda\x94\xc0?\xb5\x87\xc4\xafx\x15\xbf-\xddD.'</t>
  </si>
  <si>
    <t>b'q\xfd\x8a[\x84\xd0\xee\xd3"\x10\xe5\xd4\x81Qgn\x99pLj+2\xb3\x8es\xc2\xf0\x82\x91\xd3\xcb@'</t>
  </si>
  <si>
    <t>b"\xb0\xfa\xcf\xeaSq\x1f\xac\xc2\xc0\xe2A\x95F\x88;\xde=e3aK\x8d\x80\xbf\x9c\xe1'\xc2Z}\x92"</t>
  </si>
  <si>
    <t>b"d\x92\xe3\xdd\xe5\xb2\x1ag\xaf&amp;\x0b\xd2\xb2/0\x0c^\x9eg}j'\x86/\xa1\xf2,\x07A\x8f\n\xa1"</t>
  </si>
  <si>
    <t>b'\xf4\xe7\xfa5\xa8\x1a\x19\x9f{Q*\xc5\xe1\x8a\xba\x94v\xa4:\x0c\x1e\x9by\xf9\xca\x90[\xe2n\xe4\x83\xcb'</t>
  </si>
  <si>
    <t>b'+\x16.-J\xe6\xab\xbf\xa02\xc6f\x04\xf6\x99\x85\xbaz\\u\xb1\xc1\xac\x03\xa4\xf4o\xcaD\x07S5'</t>
  </si>
  <si>
    <t>b'!\x87\xbf\xdb]B\xfe\xdc\x18)\xd4\x93\xcb?\x83^\xbfw\x89\xba\xcf\x0f.+\x0fy\xfbj\x85^\xca_'</t>
  </si>
  <si>
    <t>b'\x16kj{\xc7\xa0\xdc\x9bd\xd3\x1c \x93w\xe9\xeeQ\x8e\x86\xe4\xcfj\xa4\xc2\x98\xa3\x17os\xdd\x1e\x1d'</t>
  </si>
  <si>
    <t>b"9N\xd6\x98R\x0c\x84\xb3\xa7\xcdg\xef\xc2?\xe8h\x9fe\x02\xe7:\xbf\xad2\x9bZ\x9c\xca\x96g'\xd2"</t>
  </si>
  <si>
    <t>b'\x13\xd4\x82v\xbe-\x0f\xa1\x05\xa0\xf2\xb9\xeb\x97\xb8\x08f\xaa0\xa6o\xb6\xb8\xf6\t\x11\x1bLM\x98{t'</t>
  </si>
  <si>
    <t>b'\x0e\xd9*\x02\x81\xf0\xd1\x86\xed\x19\xfb\xb7\n\xc2$I\x03\x86\xca\x0f~\rS\xb4\xd4\xfb\x9a%\xb3M\xd1\xa4'</t>
  </si>
  <si>
    <t>b'm\xb0\x8d#h\xb3\t\xa8\xbe@\x11/\xf7k\x8bnm\x1bsG![.\xa0\x15\xcc\rh2^\xad\xac'</t>
  </si>
  <si>
    <t>b'm\r\xd1\x0e\x04C5\xaa\xd7M\xf8x.|\xee\xf2\xb0\xd6Zj\xe0\xead\xb4\x94\xf8M\xbb\xecsb\x19'</t>
  </si>
  <si>
    <t>b'\x17\x89\t&gt;\xce\xa70\x0bft\x91$\xe1\xd7\x1d+|!/j\xe0b(\x95gDT\rYfc\x93'</t>
  </si>
  <si>
    <t>b"\x1a\xee\xe0\xd7P\xd6\x0e\x03\xc0\t\x9bK\xd3'\xa0\xb0y\r\xa6\x9b\xcf\xed-\xbc\xc2ZS\xbd\xdc\xfc\x00Y"</t>
  </si>
  <si>
    <t>b'\xc7\xc5\xfe\xe6\xe3-\xea\x03\x0b\xe2\x93\xea\xf7\xec:\xf6\x17\x1f_\x91&lt;\xd8\xa6\xd0K#\x9f;\x9b\x00\xaeR'</t>
  </si>
  <si>
    <t>b'\x1a{\xa2\xf1\x11&lt;})\xe1\xb3\x98^\xa6\xf3\x9a\x0fr\x95\x06\xf1k\xedO\xceb\xba\x82\xeb\xdc\xf4\xda\xd1'</t>
  </si>
  <si>
    <t>b'\x17\xf1\xd1,\x91\xd5ES\x82\xe4&lt;\x15?Y\xb2\xa5\xbb}]\x81\x1dLO\xabI70\\\xfeH@\xf6'</t>
  </si>
  <si>
    <t>b'A\xc7L\xda\x93\\\xe4\xd3G\xf3\x8cE\xaf@\x02\xfbq,z\xf5\xe4J\xef\xa47yP\x0c\x8b=n:'</t>
  </si>
  <si>
    <t>b'3I\xf4\xe2;\x13/^\x1f\xda\xaf@5\xa4!.\xa9\x15V\xd1\x10U$\x9f\xc7F\xad\x00\xaa\xc4\xf4J'</t>
  </si>
  <si>
    <t>b'\x87\x1f\xf4\x87\x00g\x84\xcd\xdcp\xfc\xecK\x9ai*V\x1b\xfb\x05e\xc9|va\xce\x90N\xa4\xa3\xd3:'</t>
  </si>
  <si>
    <t>b"&gt;O*d\xf5\x0e\x89~4\xa8l\xf8\xc8\xa7\xe6\x03:\xa7\x19\x04#\xd4\xc0\x0f\x9b\xdb'\xa8\x7f\x08.}"</t>
  </si>
  <si>
    <t>b'PZ\xf61\x18G\xf5\xf3yK`m\x04\xc28[\xb7\x94e%\xd3\x99c\x109#\xbeS\xa7;[\x87'</t>
  </si>
  <si>
    <t>b'\x80\x96\xd0)\xfd&gt;lp\xdaG\xd7w\x18.vc\x97Cp4\xde\xaa\x16\xdbn\x0bwjK\xb2\x15~'</t>
  </si>
  <si>
    <t>b'f\xce\x15\xe4y}/\xe4\xf73\xd4a\xe6\xcc\x06\xd4\x90\xd0\x1fdj\xd7Bn\xc9\x0c\xf39\x96\xfck\x01'</t>
  </si>
  <si>
    <t>b'\xe1P3`\\,Fa\xb7\x8f\xc1\x19x\x1c\xa1\x00s\x94\tg\xadQ\xcd\x98\xa0#k|\xc4rK\x91'</t>
  </si>
  <si>
    <t>b'\xa4\x89\x18H\xeb-"\x07\xc7\x8f\x8c\x17T7\x8b\xae\x08\xe6:GgS\x0e\xf93N\r\x07\xc8[\xb4q'</t>
  </si>
  <si>
    <t>b'jp\x0bE\x9f\x06\xd9R\xde\xb6\xe9\x15\x89-\x89\xca\x84\x81\xdb\xb9F\xd6\xef\x84\x04&amp;*\x1c\xc0\x07&amp;\xa7'</t>
  </si>
  <si>
    <t>b"\xe9i?\xc4\xee\xd7\xb1=t\xa5\xad\x05z\xf9\xf3\xfdNB\x9e\xed\xc9Y\xff\x9f\xcbS\x8fe6'\xc0\xf2"</t>
  </si>
  <si>
    <t>b'\xf3\xc9\xb1JD\x8a\x98\xb9N\xd2A\n\xd7\xee\x9fO,\xa6:\x0f\xc3\xfdQ`l\xf91\xa3\xa7\x98\xa9l'</t>
  </si>
  <si>
    <t>b"\x99\x97'\x9a\xb1\x83tw\x8b_\xbe\x86&amp;PsTD\x93\xa2\xfa\x06nsQa6APU\x0b\xc6\x9f"</t>
  </si>
  <si>
    <t>b"\xa5A\xa9\xc9\x81\x06\xee\x04\xca\x12F\xc8p\xf5\x1f\xca\xd1\xb9\xf0x\xdd'\xc7\x84\x9a-X\xe2?\x1f$\x94"</t>
  </si>
  <si>
    <t>b'4"\xf9+H\xb0&amp;\xfc\xca\xed\xe5&gt;\x1b\x1e.\xd0|\xb7\x0b\xca\xebqj\xd9{ZM\x04#\xc7\xcdk'</t>
  </si>
  <si>
    <t>b'\x9f\xed;\xa9\xa8\xd8n\xea\x01\xdb\xdb\xef\t\xc7\xd1\xe8\xc5\xd0]\xdb\x12\x9a}\x9fx\xd7"\x89\xeb\x8e\xec\x8b'</t>
  </si>
  <si>
    <t>b'\xc4\xc0\xe5\x9e|\xb4\xff0\xb6T\x1dlK\x9dc\x8b\xdc\xa8\xe7u\xd1\x1a\xd8Z\x91Ft4.\xe8\xf2\xd1'</t>
  </si>
  <si>
    <t>b'[B}\xc3\x00\xda\xa8kZp\xc4jD\xcd\x1cn7\xbb(\xcd\x14,}\x96\xe4\xdf2\xee\x88\xaa\xc1\xde'</t>
  </si>
  <si>
    <t>b'B\xa0\xcf\xea\x14\x8d`\x18\x9a\x8ab\xc7c\x1c\x94\x9d\xa9\xf5\xb6`\x1b\xbb\xc4*\xdd\xbc8\x8b~\xc9\xae\x02'</t>
  </si>
  <si>
    <t>b'\xb4\x18\x07\xb4e\x19Q\xeaN\x89&gt;\xd2\xc4\x96\r\xc8\x93iE\xdc\xcd\xc5\x8di\xf8\xfe\x87o\x9d\xbbK\xcd'</t>
  </si>
  <si>
    <t>b'\x9f\x8d\xb8|\xc0\xfdd1~3\xe0\xa3\xbfY\x14d\x915\x97e!U\xd0NY\x94\xfb\xc8\xab\xcd\xc8\x88'</t>
  </si>
  <si>
    <t>b'N\xf3\x16\xa3i-`\xfb\xec\xbf\xbfMcU\x9a\xcb\xdb\x18\x9f\x0ej\xd3i\xa1\xb2J?;\xdfF\xee1'</t>
  </si>
  <si>
    <t>b'\xad~\xef\x9f\x1dx\xd1)d$\x0b\x92:\xfa\xfb\xfa\\w\x987&lt;f\x8dK\xd0\x98\x01\xb6\x15w\x97['</t>
  </si>
  <si>
    <t>b'9r@7l`\xef\xb5U\xbb\x10\x9f\x84z\xb8#([_4\xdc\xbf\xa2{\xce\x90\xd3\x12\xdc\x18\xc3\xfa'</t>
  </si>
  <si>
    <t>b'D\xec4\xc6\xb1\x1b:\x11l8\x9ad\xe5\xee\x1d\r\xa1y\xf7E\x87\x8cz\xf2z \xd5P1w\x02\x84'</t>
  </si>
  <si>
    <t>b'\x98\xcd\x98\xb6\x83\xc4O4q\xe4\x8a\x91\x16\xdd\xba\x98(r\xfacr*\x171\x1f\x9a\xfc\xec ?_S'</t>
  </si>
  <si>
    <t>b'\xc90\xd8k\x8a\xf7\x87\x8a\xdc\xd5\xbb\xb0\xa9H\xbc2s\xb3N\xb4(K\x13 \xf40\xd3{\xd0\xaf\xa3\xc6'</t>
  </si>
  <si>
    <t>b'\x03\x12\x02 i\xeaTAe\xc8k\r\x95\x05\xdf\xd0\xc4\xf9=\x94\xf1g\xa7a\xbb~\xbd\xe3\x17\xe64S'</t>
  </si>
  <si>
    <t>b'\xb1\x02),\x13\x8c_u\xec\xcb\x17\xd64\x11\x1a\x8c\xcc\xea\xdfF2\xf7\xf9\xf9\xbd\x14%\x90\x8a\xfb\xf6\xf2'</t>
  </si>
  <si>
    <t>b'\x02\x18\xed\xca\x1a\xf3\xfbJ\x0c\xb1\xabS\xaf\x8e\xab\x95\xd0\xb0\x8dAh\x01\xed\x17\x7f#Ft{U|h'</t>
  </si>
  <si>
    <t>b'\x15n\xe1\x1fu\x9ex\xf3\xe1;f\x93^\x1f\x148\xb5@\x9eXIG\xfbWm\xdb\x062\xe0\xe2\xbdv'</t>
  </si>
  <si>
    <t>b'\xb8\x04\xba\x8c\x88\x02(\x8b\xc0\x8e\xa0\xe1i_\x00?W\x9e\xbaK\xcd1\xfbS\x84\xf2vq\xe9\xb7\xc5t'</t>
  </si>
  <si>
    <t>b'\xdaa\xdeu\xe8\x90,n\xfdk\xb5&amp;r\xd1\x85ki\x83Z\x18\xcd\x81\xb5.&lt;hu\xd4)\x15\xf7\xa8'</t>
  </si>
  <si>
    <t>b"6K\xc1\xbfe\x89\x8e\x1bYC!C\x80o\xd8;H\xc3\xe1\x87`'\xc0p:\xff\xdf_\x94\xcc\xfd\xdb"</t>
  </si>
  <si>
    <t>b'\xb1\xab2\x96\x16\x8b\x93\xa6\x81\x04,e\xe6e\x86\xf4\xa9wF\xa4}D\xb9\xb8\x13\x1a\x8e\xaaZ,H\x0b'</t>
  </si>
  <si>
    <t>b'?\t\xfawXQI\x92D\x9fV\xbd1`\x91\xf3\r\xdd\xce\xfaS\xeeS\x12\xde\xe3xyf\xc4\x07\n'</t>
  </si>
  <si>
    <t>b"\xcbBi\xe7wtU\x91\x9e\xfb\xfa\x80\xb9'\x13\xaa\xa1E;\x8dh\xa6\xfb\x11\tc\xf3\x84\xd2\xa2M\x04"</t>
  </si>
  <si>
    <t>b'@\x87\xa0\x01\\e\xd7%E{\xcc\x0et\x13"\xf5\xd0\xcf\xfa\xa1t\x1c\xf2\x05%\x027\x9a\xcf\xcb1\x05'</t>
  </si>
  <si>
    <t>b'&lt;X\x107\xe76 \xd3\xa1D{\xd8\xbe\xcf\x96nm\x9e\x91\xe3\x85\x02\xd9S:\x08g\x1c\xc3\xadt5'</t>
  </si>
  <si>
    <t>b'\xb6}\xd0\x15\xce\x8c=\xa3t\x84RTT\xa3&amp;\n\xdcn\xcc\xb7\xd1|)P\x91\xff\xa5\xb6)\x9e-\x9f'</t>
  </si>
  <si>
    <t>b'\xdb\xa7\xed\x9e\xbd0\x9f\x93\xedp\xca\n{B\xf1\xb9\x83\xfd\xb5u\xdb~l\xd0\xa96K\xce]7\xfc\x93'</t>
  </si>
  <si>
    <t>b'\xe3\xd3P\xcb\xee+\xb0@\xb15\x8d\xc3\xd8\x02{\xa3\xa8XI:A\x7f\x19^\ru\xaf\x08\x7fu\n5'</t>
  </si>
  <si>
    <t>b'\xfb2l\x08\xc1\x08\xd7n\xa9qY\n\xf8\xafw\x9b\nJ\xca\xe1\x1c\x8f\xb7\xc1\xc2\xa3vN\xc6\x0f\xe7\xd8'</t>
  </si>
  <si>
    <t>b'4\xe9x\xe5\xd3\xe5\xe7%F\xccf\xb6\xbbC\x8b\x0f\xe2\x8dD\x1e=\x1b\xf4\xae\xac\xb2\xbd\x12\xa3l6\x9d'</t>
  </si>
  <si>
    <t>b'\xaf\x91R\xd0 \xfb\xd5\x8d.!\xea\x02m\x94"\x01\xf1\x7fD\xc9\xf1M\xc5\xf7a\xd2p\xe5\xbe\xfdk\xb2'</t>
  </si>
  <si>
    <t>b'W\xe7s\x99\x0c\x83$\xc5z\x1d\xb0\xfe\x96|\xda\x9c\xe3\xb4SYf\x8d\x8e\xb8\xbc\xfb\xd6\x0fr\xc2\x8d\xa2'</t>
  </si>
  <si>
    <t>b'\xeb1\n\x93\xcf\xd9g\xaf\xdb\x86U\xab\xd9\xc4\xbeY0\xd0\x8e\xb3\xbe\x99\tp\xea\xa9\x1fG&amp;\t\x80O'</t>
  </si>
  <si>
    <t>b'\xceW\xb4\xadH*\xf1\xd6S\xa2\x89=\xa9i\xc6\xd0\x06\xac\x83x}f\xcb%c\xe9\x93\xc6E\x00\x1a@'</t>
  </si>
  <si>
    <t>b'\xe0\xeb\x08\xc5\x16q\x0e\x80r\xe2\xc3jN\x94\xae\xbb\xa50,pX\xbbk\xdf\x99\xec\x95`5\x90Wp'</t>
  </si>
  <si>
    <t>b'l\xff\xe4\xf7\x15\x8a\xbc\x01 2N\x00\xb4\xf6\xab\x17\xef\xb9\xf2\xfeP\xc0\x9e\xf4{\xef\xd7\x01\xa7\xc4\r9'</t>
  </si>
  <si>
    <t>b"&gt;m'\xdf\x0b\xa7\x19WUZ/\xd8&gt;\x10Q5\x19OA\xca\xf3v\xdc\x90\xa3\x9e\x83\xdd\xa05\x06\xd1"</t>
  </si>
  <si>
    <t>b'F]\x19\xee=~\xc1$\xe9\xd6\x8b\xf4\x08\xfc\x1f~\xfbr\xd5\x7f\x08A\x0en[\x08\xd7\x98\xd8\xb4if'</t>
  </si>
  <si>
    <t>b'\x12\x1f\xfc\xde\xce\x04\x98\x02~\xf3Z\xc8\xc1\xf0\xd0\x03\x0b\xd9U\xee\xa8\xd6F\x03\x05E\x88\x06n\xfe\xfd}'</t>
  </si>
  <si>
    <t>b'~\xb4M\xaff\xbb\x846\xb9Aa;\x11WLnL{lr&lt;\x07\xca\xe8\x12\xcb\xdb\x14\xdb0\xa2\x0b'</t>
  </si>
  <si>
    <t>b'7\xef?$\x99\xed5\xb2\x12E2\x98 \xe1\xbe\xde\xaau\xab\xf0\xdav\x0b\xbd\x81%\xc3\xee\x1a\xcd\xc9\x93'</t>
  </si>
  <si>
    <t>b'\xce\x14K\xe3f\xf3\xe7E\x12K\xcfz5\x08\x13q{\\\xb8\x90\x01\r\x18\x8a\xfa7\xd3\xa8\x0e\x12H#'</t>
  </si>
  <si>
    <t>b'\x17\x1c\xf3o\x88Ks}\xecl^\xc0\x81\x81\xde\xae\xf4\x01m\x15z/\x93\xa4\x0f\x8d\\wbjv\xb4'</t>
  </si>
  <si>
    <t>b'\x8bs\xd6,\xe1\xdbO\x94\xfa\xf5\xfa\x9a)x\xd4\r\xc9)\x02\xe0\xa6\xf98\xa8Q^\xe0\x19\xe4y\xf0,'</t>
  </si>
  <si>
    <t>b'4\x8c\xe9sx\xaa\xf7\xa5{\xacb\x1b\x17B\xb8/[\x8aO5\x97\xcdc\xe4{\n\xcb\xa2a\xeeRx'</t>
  </si>
  <si>
    <t>b'\xccJq\x82\x96\xc0\\\xb9F\n8\xf5Q\xe6:\x8f\x94\xfc\xf4\xd1\xbc&gt;-\xf0\x83\x8f\xa2fA5H\xa9'</t>
  </si>
  <si>
    <t>b'}\x8e\n\x18\x81"v/#\t\xcd8\xf00*\x9e\xd64\xcd\xd18\xae+\xd0\xc1\xe0d\\\\c\x19\xaa'</t>
  </si>
  <si>
    <t>b'\x12\r(qc\xf3&lt;\rc;rc\xea\xda\x10\xfa\x95\xb5N\xe0GU\xa0\xa5\x9e8\xac\xc0q\xef\xef\x02'</t>
  </si>
  <si>
    <t>b'\xe1w~\x10\xa0\xe6\xa7\xe4\xb9:6\x1b\xeb\x9d\xbc\xd4\xfb\xfeo\xa6\xf8\xd1"-\xacrS9|\xf2\xae]'</t>
  </si>
  <si>
    <t>b'Us\xa4\xd7_x\xac\xbc\x83\xa0\xc5\xa1\x80\x85\x1aw\xfc,\xd4iDb\x86D:\x80\x19\x1a\xd7Z\x89v'</t>
  </si>
  <si>
    <t>b'\xfa\x918*\x19\xf2\x97\xa5[\x1b\xd5.\xfc\x80\xf5\x11\xec\xbc];\x129\x04\xe0F\xcb\xc2\x83\xf7\xd1\x08\xff'</t>
  </si>
  <si>
    <t>b'`J%O\xab\xa2\xdf\xf4\xd7\xa8\xfa\x83\x13\xba\x8e\x93\xdf\xedl\xee\x9b\xf01F\xf8b\xdc\xe7\xa8\x89\xd9\xe2'</t>
  </si>
  <si>
    <t>b"A\xbb\xc1\x83\xab:)\x89\x06\x86\xf6!'j,\xbb\xb2\xfb\xe4}\xa1\x99\x9f\xe2\x02\xf3\xc5\xf7\xae\xf3dG"</t>
  </si>
  <si>
    <t>b'\xabpvI\xa2\xbe(\xb6}0h\xb96M\x16}\r\x1f\x12\x99\x03\x0fP\xaf\xf9\x84R\xf6D\t\xaf\xc4'</t>
  </si>
  <si>
    <t>b'\xe1$\x15\xa0\x9e\x9d\xa3\x81\xddP\x02DS\xe3#f\xb2\x86z\x14\x16\x03\xbaX\xdf\xa1\x9d\x92\x0116\xe8'</t>
  </si>
  <si>
    <t>b'\xdd\xf0\x9d&gt;\xcbc\xca\xc1q\x8d\xbcu\x8dR\x18\xd8\xd9\xdevj\xa7\x11V\x81\x95\x9c\x05\x16\xf5\x99\x9b\x04'</t>
  </si>
  <si>
    <t>b'A\xf7~\x81\x8d\xd9\x92-$\xdar\xda\xbb\xf4F&gt;\xb1G FUC\r\xe5a\x7f\xba4\xe8\xfe\xd0\x1f'</t>
  </si>
  <si>
    <t>b'\xa8\x08\xb3q\xfeM"=\xda\x91\xa3\xba\xa20\xd7\x0c\xa0\x95\x8eZ\xe3\xb5\x7f\x83\x93\xad\x00\x19\xab\x11m\xa8'</t>
  </si>
  <si>
    <t>b'\xed\x13\xb9\x90\x12\x1c\x11\xabR\x87\xb2C44/\xa0\x07\x1d\x15}\x1b|\x13m\xa5`\x8b8GV5\xa6'</t>
  </si>
  <si>
    <t>b'\xce\xee\xdf\xca\xdf\x7f\x1b\xf2\x05\x8doEr\xf6\xd2\x82\xe0S\x81\xeeY\xcb\xbf\xc3\xe3\xb2\x89\x17\xa33#\x7f'</t>
  </si>
  <si>
    <t>b'\x17*]\x18\x8b\x90\xc8\x00\x94\x05\x86\xa5\xcd\x96\xe8E\xea\xc95\x97H\xc9\xa8K\xde\x0et\xd4\xd0\x15\x99"'</t>
  </si>
  <si>
    <t>b'\xe7\xda\x88\x83\xa5M\x8eL\xdf\x18;\x0f\x0c\xf5b^uWIL\x97\x82\xf5%\xf4X7\xfa\x15\xd7\x13\x96'</t>
  </si>
  <si>
    <t>b'1N\xcc\x8c\x08o\x0bFJ\xe6\xbegYsSb]\xf5\xf9&lt;s\xc1n\x98\x98\x00\x82\xf5\xa9\x06\xcbo'</t>
  </si>
  <si>
    <t>b"\x9b\x01\x81\x1e\x8c\x16\xab\xaa\xb1\xa9]\xf7'\x1a\x8d\xab\xac\xac\xee~\xc3}\x85\xfe\xc3\xf5z\n\xb83\xdc\xaa"</t>
  </si>
  <si>
    <t>b'\xc3\x8b\xb1\x10\xf5p\xfbB\xc1*\xcaX\xfd\xdd\x0c\x17\xf2\xd8\x9fe\xce\x88U\xe0\xd8\xb2!\xd1l\xe4bu'</t>
  </si>
  <si>
    <t>b'\x02\xc1\xc38\xc7\x82\xabZ.\xffbyg\xd1[;\xa3\xba7\xce\xc5n&gt;z\x03\x12\x9e\t\xf1\xa0\xe1\x8f'</t>
  </si>
  <si>
    <t>b'\x97gJ\xb5Z\r\xb5\xa9)\xe4\xe5I\x9bEw\x8d\x97o\x0fb\xe1wk\x07\xe9)y @\x0bze'</t>
  </si>
  <si>
    <t>b"\xc3\xb5vh\x18\xca\xe4\x07\xfe3nq'\xc3M\x1a\xfdg\xb5\xab\xbc\x85*\xe91` \xe9\\mC."</t>
  </si>
  <si>
    <t>b'\xff\x80\xaa!\xc6\x18\x1d\xc0\xd7\xb9\xb5\xb4E0\xdfn\xda\xfd3\xc0,\xb7s\xf6\xf7|-c\x13\xc4\x02\xe5'</t>
  </si>
  <si>
    <t>b"\x1a\xb4W1\x15\x07\xdex\x02\x9f\xd0\x04\xa0(\x83f\x0f\xd6!'\x17\xfa\xed\xcb\xec\x8b\xd0\xbb\x19\x928\xa1"</t>
  </si>
  <si>
    <t>b'\xf3\x89\xa7\x88\x8f\xf2\xbaF\xd0]\x1c\x0f\r2\xba\xd8j\x19\xa4k\xc2eF-}X\xda\xef\xee(]\x0e'</t>
  </si>
  <si>
    <t>b'r\xd2z\x17C5\n\x85\x86e\x8blw=U\xe5y\r\x92Bt\x0fm\xa8\xe1Q2V!\xdb\xce&gt;'</t>
  </si>
  <si>
    <t>b"\xcb\xa6\xb7W\x83\xc1I7\xa4\x8b\xa1\x86`ahg'\xab\x0f7\x8f+|\xd1M\xd1'\x10&gt;\x82@+"</t>
  </si>
  <si>
    <t>b'\xbd&lt;\x07\xc4\x14}vs\xbb]\xecQ8\xc5(\xd0b\x9f\xe9\x04^\x83\xaef\xf9\xc7pk\xa4\x07\xea\x13'</t>
  </si>
  <si>
    <t>b'Gfl\xac,U\xba\xe4.\xae\x01\xcf.\xd5@\xe3\xbe\x0f\xb6\xd4\x9f\x9a\xd3\xbc+\xcc\xe2\x8e2\x1c\xd5\x9a'</t>
  </si>
  <si>
    <t>b'}\xcc\xa4^3\xa1\xc0Ab\x1aT5\x89{\xd3\xa3\xa9\xd2\xff\x84FB\x0e\xd1\x94\x921e\x88}\xa9\x8a'</t>
  </si>
  <si>
    <t>b'\x9c\x11\x14\xa8pj\x92\xdd\xfd\xe0\x02\x0f\xf7\x9fQ\x03\xd7\x95\xba\x1a\xad\x9c\xe3zT\x89\x99tQ\xa5MV'</t>
  </si>
  <si>
    <t>b'O\x05\xae$\x04\xe5e6\xcd\x91\'\xea4\x1e)S@\xda"x\xdduP\x03"\xee\x7f)\x04\xe5\x85\xb9'</t>
  </si>
  <si>
    <t>b'x\x85{r\x81\xd2pK\x8d\xd0]\xe3\xccW\xa6\xd4\n\x171\x0ea\xfaU\xc5\xa8\x8ad\x00\x19\x16\x8d4'</t>
  </si>
  <si>
    <t>b'\xfa\x1d\x17\xd4\xd4u\x10S\xad\x15|8Sx\xa3\xca\x85HjU\xe8\x0c\x9e\xc7\xd0\x89\xba\xbd7&gt;\xd9~'</t>
  </si>
  <si>
    <t>b'\x9bS\x01OJ\x81\x02\x13x\xc4\x0b\x93\x83\xddc\x89\xd4\xdfzk\x90\xd3\xb8\xee|F\x0f!U\xd5\xe4\xf9'</t>
  </si>
  <si>
    <t>b'\n"B&amp;\xd9\x13\xafR#\\\xdc\xc9\xb5\xf0\xe0J\x82\xdej-iV\x15\x8b\x8e\x00\x1d\x93#X\xc17'</t>
  </si>
  <si>
    <t>b'\xdc\x0c\x9d\xab\x98\xcb\x92\xbb\x91mG\x10\xe0\x9e\xf5\xb9G\xb2%\xd8P\n9J\xf5\xae\x9a\xb2U\xb3yH'</t>
  </si>
  <si>
    <t>b'\x97\xba\x04\x86\xfaP,\xcf2\x9bX=+m\xed\x85\xfb\xca)\xb8b\xf4F\xb0\x95\xe8\xbaB@\xb1\xa6\xfa'</t>
  </si>
  <si>
    <t>b'\xde\x8f\xa7\xa0\xb7T2\n\x1d\xc5\xb2Wv\xee\xbd\x1e\xd9\x7f\xa9qo_\xa0\xe3\x85\x1a1\xc7\xbe\xfc\x0f)'</t>
  </si>
  <si>
    <t>b'k\xba\xf9\xda\xbe\x9b\xdd\xdd9\xed\xef\xeb"\xa7\xba\xc4\xd4)\x8e\x8d^\x02\xb4\x8f\x9an\xf3E%\x18D\x91'</t>
  </si>
  <si>
    <t>b'\xd1\x00\xb1u,)+\xa1\x00\x9cw\xb1\xcbc\xd3&gt;\xde\xea\x19\x00P\xbb\x15LW\xde!\x157\xf1\xa3\xd5'</t>
  </si>
  <si>
    <t>b'\x9d\xfe\x8bj\xa6-\x11\x05o\x95\x8a\x06\xbf[\xd6\xee\x7f\x0c\xbay\xe0L\xd1P\x80\xd9R\x8c\xba\x9bA\xb8'</t>
  </si>
  <si>
    <t>b'\x86Q\xcd\xa8*t\x97=B!\x93-.\xe5zk\xef\xda\xc1j\xa9\xc3Xo6\xc7\x81\x80\x089Q\x88'</t>
  </si>
  <si>
    <t>b'\xa4b\xff\x81bc\x08I\xacc\x17\xfd&amp;\x00\xdbN\xf2\x8e\xc2\x14\xf9\x19h\xa2\xc0c}e\xa4vH\x10'</t>
  </si>
  <si>
    <t>b'\x0f\x05\xc9\xffQXV\x1b2YUi\x0b\xe63\x9f4%O&lt;\xf3\x0f\xda\x18)\xb0g\x88\x1e\x9a\xd0\x8b'</t>
  </si>
  <si>
    <t>b'\xaf\xc0M\x1d\x15\x89\x9d{U[\x0b\xdfI\xed^\xd6\xc1\x04^\xad\xbb9\x98\xbef\x88\xfb\x9b\x1a\xed\xcb\xc5'</t>
  </si>
  <si>
    <t>b'\x98\x9eL\x9a\xdf\\\x06&lt;\x14\x88\xd0z\x18\xbe\t\t\xa0\x16\xcd5\xa3\x01\xb3\xe1\xb3K\x95\xcc\xa0\xb8\xb5\xcc'</t>
  </si>
  <si>
    <t>b'\xce\xf7P\x93\nK\xca~nP\xd8\xbc\x08\x19X\x8fh\xa5\x91\xd7x\xcdJe9\xc1\xdePA\x98M@'</t>
  </si>
  <si>
    <t>b'\xc2\xa2a\xe2R\xb7\xdf\xecH\x9fL;\xc0\xeb\x87\xbe\xb5\xa4\x99\x0bc\x91\x8f\x1e0\xda\xd1\xe8\xf5\x84b#'</t>
  </si>
  <si>
    <t>b'\xad\x91\x96t\xbf\xae\x93 \xd1e:\xc0\x16\xdcqW\xc1\x1ap\x9d%}$U\x87%Y\x94\xb6A\xd8\xaa'</t>
  </si>
  <si>
    <t>b'\xd5^\x05/1\x9d\xb3\xcb2.\xb6\xa4\xcc\x80c\x8f\x9fa\x11Q\x17\xa7\x0f6\xe8\\K\xfak[)_'</t>
  </si>
  <si>
    <t>b'\xec\xcab\x12\xbeD\xdd |\xfc\x9cQ\xc5Y\xa7\xfa\x00%\x93B\x1f\xf514\x8c;\xf89\xd8\xc1\xf7\xcf'</t>
  </si>
  <si>
    <t>b'\x96\xfdm\x1f\x84\xda\x0e\xdf\x95\xa2\x1fpq\xfd\x08\xb5\xe1)\xe8\x13\xa5\xff1 \xec\xb7\x8a\xb97\x18\xcc8'</t>
  </si>
  <si>
    <t>b'w\xc1)6\x07\x87XRB\x92\x811p\x88\xc4\xde\x85\x83$\xa9\xf5\xc4Z\x1eMIo\xe9T\x7fT\x10'</t>
  </si>
  <si>
    <t>b'\xc0gT\x907C\xd3@\xe96\x9f\x0b`\xd5\xe0\xb1\x8ao\xbfH\\h\xcb\xb5 \xef*\x06&lt;\x9dd\x1e'</t>
  </si>
  <si>
    <t>b'\x0c\xd0$\xdaf-\x9c\x9ev\xe6)\xe3\xaf%\xf6\xdd\xf3\xc9z\xfd\xd8\x1b\xaf)\x1f\x01\xa6}m\xc8\xfa&gt;'</t>
  </si>
  <si>
    <t>b'\xb7\xaf\xe9\x0e$\x90+\x13r\x04\xe9\xefX\x89\x1f\x8c\xb5\x02aO9hSP\xe9\x10\x1by!\xde\x11\x1a'</t>
  </si>
  <si>
    <t>b':f\xd9\xcf\x03\xe4\xfa\x940,\xdd\x0f\xacyJ\xfaY\x8a+\x07u\x1dK\xcc\t\xa7\x1b\xe6\x80d\xc8\xef'</t>
  </si>
  <si>
    <t>b'\xd5\x15\x16\x12\x93\xf0\xd9\xaeb1E\x0f\xd6"\x84\xa52\x8fYT\xa3\xde\x81\x99\xedO\xbe\x80"\xcf\x9b\x05'</t>
  </si>
  <si>
    <t>b'\x18\x16\xabP\xe5\x97^\x051\xbe\xf4G\x0b\xf9\t\x96\xfb/\xc7a"w\x18\x02\xb1:\xf1\xc0\xaf\x00\xb4\x1d'</t>
  </si>
  <si>
    <t>b'=\xc2\\\xbf\xf0A\xf1K\x9af\x17\xae\xdc\xccYg\xb5(\xc9\xa8_\xe8\xff\x9b\x9f\x1a\x8e\xe4W\xe0\x83\x11'</t>
  </si>
  <si>
    <t>b'g\x9c."\xbf\xfd~\xa6d\x174_d\xec\x04\xe3\x05\xaek+)\xeaz\x850\xf1\xfe|\'34\xe9'</t>
  </si>
  <si>
    <t>b'\x16Y]\xb6\x97c\xa2\x1f\xaf\x9e\x07\xb6\xb5\xa7\xe2!\x13c8\xe9\xcf\x0bz\xd6m\x98\x8f\xfc2j\x12\xdd'</t>
  </si>
  <si>
    <t>b'\x17C3\xdf~\x05\x83\xd4\xb0B\xc4\x8bHvJ\x88G\r\xd6\xac\xf6Xu\x8c\xb3\xc6W\xfd\xa7\xec\xa3\xaa'</t>
  </si>
  <si>
    <t>b't\x89\xe2UEc~\xe5\x96\xe8\x0c\x153\xb3@\x7f\xdf\x1e\xb0\xde\xdb\xd9\xe42\x9c\x13S\xbd\xaa\xe8\x8f3'</t>
  </si>
  <si>
    <t>b'\xcc\x9e\xf1En_.\xe32\x13/\xd3\xb7S\xde\x03\xda\xca\xe8%\xb97*\x8bR\xac\x93\xf4R\x11\xe8\xdb'</t>
  </si>
  <si>
    <t>b'\xcf\xa2\xcbs\x14\xf9\xefJJ\xd1E\xfb\xee\xc7~\xa9c$M\xd1\x15\xc1\xde\x8a^\xe4\xa3:\xa6\xad\x0cZ'</t>
  </si>
  <si>
    <t>b'\xcc\x13\x7f\x01\xb3\xd3\x87\x9e\x03\xe5\xa3e9\xff\x99wC\x12\x00\x9cH\xd5\xcd\xb0\xccU\x98\xd5opn\xca'</t>
  </si>
  <si>
    <t>b'\xe3\xa9Q\x16^\xc4l\xd9-\xc4\xa5\x10\xf2G\x8d\x1cW])\xc6@?\xb0\xdc\x11t\xb9\xd3\xf3&lt;\x1e\x85'</t>
  </si>
  <si>
    <t>b'\xc7f\x0b5\x17Z\xe0\x11J\xea\x12C\xf4\xd8) E8\x94\xc5-o\x13\xec\xb7:3x\xf6L\x01\x13'</t>
  </si>
  <si>
    <t>b"\x7f\xaf\xa8\xbd\x99\xef\xcd\n\x91dE\xbd\x121\xd6\x89a\x18\xeaj[\xbaK+`'\xacD|\x07Ms"</t>
  </si>
  <si>
    <t>b'g\x8fG)\x891\xf2\xb8\xeb5\x1e\xe1\x91\xdf\x82\xe2e9B\xf2\x9ar\xbd^3b\x1bJ\xee\x86\n\xc9'</t>
  </si>
  <si>
    <t>b"\xcbuoS\x16\xf6\xba\\\xe2\x10\xbb&amp;f\xd3\x06\x02qB'\x930\xa4\xa6l\xa24\x82\xeb=\x8bTi"</t>
  </si>
  <si>
    <t>b'\xc1\xa7\x97.W\\\xf0\xef\xe6\xf1\xa1\x15c@\x0c,\x1f\xf2#L\x80Q\x0f*&lt;\xc5\x14OP\x1e\x0e\xf2'</t>
  </si>
  <si>
    <t>b'\x0eh\xe9\xf0\x8d\xfe\xffn\xe4\x06O\xae9\xc7\xb1uh\xd38\xd0\xab\x85\xe6\xa1\xf6@\xc4\x1c\xa6\xf98\xd4'</t>
  </si>
  <si>
    <t>b'Lo\x98\x00&gt;l\xb2\x82l\xdd\n`5&lt;\x9e\xcac\x1e\x0eo\x98Z\xf8\xa4\xcc\xc7\xa8\xf0\xc2\x11e\xeb'</t>
  </si>
  <si>
    <t>b'\xfe\xdd\xbf\xe6\xfeb\xf0\x8b^-)^Z\xa9\x1aXLB\x16\x1cfpNlr\xc1\xf5]\x95\xaf\x11\x01'</t>
  </si>
  <si>
    <t>b'\x88NMCP\x80\xdd\xf6;dnA\xb3\xb3\xdf\x87\xabe\x9c\xbb\xe9\xf9\x7f\xf6\xc1\xac\x86o\x82H\xf2\x94'</t>
  </si>
  <si>
    <t>b'frV2\xc5JR\xc2\xa3R\xa1HP!0F\xe8\x823\xf2&lt;w\t\xea\x85=\x85\xa2\n\xd5E\x1b'</t>
  </si>
  <si>
    <t>b'\xb1m\xbd\xaa\xe8V\x1c,\x97\x0cj\x18\x7f\x13\xea\x85\x11\xe0\x00\xf1\x00\xfa\xe2\xaa\x9b\xdaC[&lt;9v\x87'</t>
  </si>
  <si>
    <t>b'&amp;2#\xc8\xdfg\xf8\x97\xb1\xa4\x0c\x0bd\xd6l\x05e\xdb\xc6-^\x18\x00c\x88GO^$\x0e\xfc\xc9'</t>
  </si>
  <si>
    <t>b'C\xb6\x95\xc1)d-\xac\xe1Z\x84\r\x82j\x8b#\x1d\x88\x8bY\x9eef}\xcb\x17?\xe0Xt]\xa6'</t>
  </si>
  <si>
    <t>b'\x9c\xd50|M\x81,o\xeb\xea\xd5\x9bl/\xf5i\xe5\x8e\xa1$\xf6V%c4\x850S\xe1F\x8c\x1e'</t>
  </si>
  <si>
    <t>b"\xb8\xb1RR\xf3\x97\x91['\xa3\x01K3\x1a\x8be]6\xcb\xf4;\xc2Z\x11%\xaa\x99\x19\xfa\x88\x10\xe0"</t>
  </si>
  <si>
    <t>b'A\xc0U5\xfcJ^\xcf\xb74\x17}7\xee\x02\xe3\xe7\x04\xcc\xb1\xf1\xa4\xd7Z\xed\x06\xf9&lt;\xab+B\x17'</t>
  </si>
  <si>
    <t>b'\t\x82\x9f\xc3\x86+\xb0~\xe4\x86E\xe0\x13\xbb\xb8m\xa8\xf38\xc8\xb9&gt;\\\xce\xf5\x9e\x11\xd1\xd9\xec/\xf0'</t>
  </si>
  <si>
    <t>b'&gt;\xa8\x18\xd2W\x9e\x19\xdbo\xc0\xac\x00\xc1\x94\xda\x0c\x9e\xc1&lt;\x0cw\x11\x95M\xda\x0c\x83)]\xa2\x17\xf3'</t>
  </si>
  <si>
    <t>b'HH\xd2\xe5h+\xa7\x84\xe8C\xdf\xa0qN\xce\xd6\x82\xe8.9\x14\xc2\xb5@t%\xd5\x8e\xb1\xdaz\xcc'</t>
  </si>
  <si>
    <t>b'\x8e\x04g\x1c9\xbe|0\xda\x1fa\xdf.\x87w\xd2\xa6x\xa4\xfb\x13\xf0o\x1f Ar\x17\xeb\x8e\xac\x92'</t>
  </si>
  <si>
    <t>b'v`\xea\xb2\xd0\x8eY\x04\x1eb\xbc]=\xa3\x9f\xff\x036\x19}\n\xfc\xe4m\x1b\x9fT[O\x87\xfd '</t>
  </si>
  <si>
    <t>b"\xa5\xea\xf2/\x15\x0b\xc2_v\xe8\x9d\xd4\xd6T:aS\xbf\x96cP*'X\xbc9E\x81\x03\xd5I\x0e"</t>
  </si>
  <si>
    <t>b'\xe0\xa5\x94cA\x1b\xc9\xa6}\x1d\xcd,&gt;c\xdd\x1bwp=\x8b\x0fe[\x8e\xc3L\xd4\xd1\xa7\x86\x806'</t>
  </si>
  <si>
    <t>b'\xc8\xb24\xbd\x9a\x18\x13\xe5\xfa\x9ed\xc8\xa2\xb0[\xef\x9c\x182O\xe4\xc6$\xe7y\x96_\x90\xed+$\xaa'</t>
  </si>
  <si>
    <t>b'c\x01m\x93|\xf7\xaed\xc9\x8b7\x80X\x95\xcb\xf9\xa0+x&amp;\x1b\xa3\xfb\xecf\t\xef\xd5L\x02\x894'</t>
  </si>
  <si>
    <t>b'f\x88\xf6\x05z*\x02\xa4\xfe\xcb\xfe\x1b\xf2\xe6\x83\xd7\xbb\xfd\x84\xda\xe0s[\x01\xe6\t\x19\x16\xf4\xef\x1b\xee'</t>
  </si>
  <si>
    <t>b'\xa0\xb2\xf3\xaeD\xe5\x10\xd1\xb40\xe4\xeeg\xc3\xe1@c\xccUH\xd3\xd3.) \xe6/\xac\xd2l\xce\xe3'</t>
  </si>
  <si>
    <t>b'\xa0r\xb3\xe3\xcf\x82\xe9S\xd8&lt;\x91\xc1\xc3:J\xb34r\xab\xbd|\x86\x9fi\xcf\xc8\xb3\xb4\xea\x1d\x06\xf3'</t>
  </si>
  <si>
    <t>b'\xd1\x1a\xdd\x08g\x1c\xbaR\x9c\xe9F\xca\x81\x90\xb4\xfd~jw\x01\x8a\xe9\x01*\xf17\x05\xbeO\x0f\xcc\xea'</t>
  </si>
  <si>
    <t>b":\x15\xd1\xf1V\x0f\xe0\xe5h\x16d\xe3\xad\x10N'0czG9\xa2\xd0y\xbcy\x00\x03\x8e\xa9\x17\xe4"</t>
  </si>
  <si>
    <t>b'\x1c\xea\xce\x13_k\x9d\x8d\x15\x9f\xc8L]\xf4 \xce\x98x\\\xf2P5\xd8\x92&gt;\x85&gt;Nx\xf7OY'</t>
  </si>
  <si>
    <t>b'\xbf\xf5\x168\x8f\x87\xa5A\xbb\x9c\xba\x9e\xacnp\xabOJ\xa9\x0f\xec\x92\x8d\x98\xbc\xa4\xc0&amp;\xf77\xab+'</t>
  </si>
  <si>
    <t>b'a\xaeMSt\\\xc8|D\xdc\t\x83\t\xcd_9\x87\x87\xb6\x84\x06}e^&gt;*\xccs\xa7\xc8\xf1\xe8'</t>
  </si>
  <si>
    <t>b'M\xa8\x13\xcbM\xe3\xd6&lt;V\xfe\x13lc\x8c`\xf6\xa4o#l\xca\x08{\xc6\xee\x1aOT6\x7f\xb60'</t>
  </si>
  <si>
    <t>b'\x1d\x8a#\xe6\x95\x81\xec\x14\xe4\xbd\xb6\x05\xbc2\xfa\x9aT\x9b\rBK,\xde\x1b\xf3\x11h\xa1\x93*\xe7Y'</t>
  </si>
  <si>
    <t>b'\xe1\xe5:G~K\xec\x7f6M\xa5\x08"\xecO\xd76\x86\xec\x88\rN\x8f\x85r_\x7f\x8bA?\xa1\xb5'</t>
  </si>
  <si>
    <t>b'\xce\xabu\x1b\xa3[\x84!G\xe6\xc2\xca\x94\x0b\xa7\xf0\x96\x9a,\x9e\x88\x98\xeb\xb99\xb8\xda\x01r\xda\xca\x18'</t>
  </si>
  <si>
    <t>b'\x95[t\xc9Az\xaf\x8c\xaf\xdd\xfe\xbb\xa5H\x91\xf8\x83\xa7J1|\xfd\xbe\x0e,\x04\xde\xe3\x15\xe8c%'</t>
  </si>
  <si>
    <t>b'p\xfe\x87\xf7\xed\x9a6;E\x19\xa3\x0fU1\xd4\xc04C\xe7v\x8c\x18\x88K\xb7&amp;$\x94\xdff\xf3^'</t>
  </si>
  <si>
    <t>b'EV\xc9yqj\x07\x8bK;&amp;\x92\t\xf8\xf1\xc9R\xd8L\xfbq6`f\xbe\xbc\xe3\x83\xc9i\x10\x91'</t>
  </si>
  <si>
    <t>b'w\xa4\xe7Q\xd0\x05`\xed7\x07\x01\xc9\x8b\x97P\x1b\xb3\x9eP\x8da\x10fJ\x1c\x85\x19AI\x90\xf5"'</t>
  </si>
  <si>
    <t>b'\xca\xe2\x14\xa0\x03\x82\x17\xb9\xe7 \xa3\x8a\xbbd\xc1\x0e5\xeb\xadL\xe2\xd1q\xdd8\x07\x90\x1c o\x96\x1d'</t>
  </si>
  <si>
    <t>b'\xe4\xc7&lt;ou\x94}n\x9b\xd5\x12KQ\x94\x97\xe59\xef\xf5}&amp;\x9d\x91p\x17\xae\x91(\r\xa2Y\xf3'</t>
  </si>
  <si>
    <t>b"\x02\xb7\xca\xea\xb3v\xbb\t\x93\x9c\x11\x96\xb7\xe8\xf5\xf2xY'\x00\xee\x08\x1d\xa6,\xa2\x9dk\x8bD\xbe\x14"</t>
  </si>
  <si>
    <t>b'\x83\x19A\xf1a6_~\xd7\xf8\xc8\x08 t\xfaK\x10[\xb3GT\xff\xce\xfan-y\xae\xab\xdd\xb1j'</t>
  </si>
  <si>
    <t>b'f\xddyw\xc72\xf3k\xab\x103v\xf4\xd3\xb8\x12my|\xde\x0e\x95\x8b\xadlPW%\xbaR5I'</t>
  </si>
  <si>
    <t>b'7\xe1\xea\xf6\xf4\xc8U@\xf2\x82,\x1d\xbc\x01\x86\xdf\xa3b\x15b\xad#?N+Dg\xf7\xb8\x98\xfaS'</t>
  </si>
  <si>
    <t>b'\x0b\xf4\x94\x02\xc6i[\xb8\xa5j\x93\xb6S36\xb8\xd7\xf3\xf5*.\xf9R\xe7\xed!,3\xda\xf8\x7f\xa5'</t>
  </si>
  <si>
    <t>b'\xf5BG\x88\xa2\xcc\xf5s\r\xc1\xf8\xf7q-\xdf\nf\xef:{e\xbb|\xcf\x13\x9e\x9a!\xb0\xed.\xb3'</t>
  </si>
  <si>
    <t>b'\xc6P\xfa]\xcf\n3^\xed\xf84M\xc5$\x1bNy\xc6C\x131\xa1\xd7\xe4e\xcd\x03\xaf-EZ\xaf'</t>
  </si>
  <si>
    <t>b"\x10\x10\xa2\\1\xad\xb6{\xf1\xb6\x9a'\xaegL\xe5\x8e=\xe9\xb5)\x10MW\x1d\x15\xdf\x14\xe5,A\xe0"</t>
  </si>
  <si>
    <t>b'\xff\xf0\xbb\xbf:\xab\xe9\xd5\xdej\xe1\xe0~\xd7c\x94\xd6K\xea\xff\xc8\x9d\xb1ib\x11\x956M\xb1\xd9\x04'</t>
  </si>
  <si>
    <t>b'*\xb8\x83\xd0N\xa2\x06\xea\xbf\t\xf1b\x1djW\xdb\x08BQ;\x05\xca&lt;/\xc8*1\xbc\xdam\x0ci'</t>
  </si>
  <si>
    <t>b'\x11C\x1e\x02\x93\x97F\x08F\xee\xf3S$\x07\xa2\x95\xfeN\xa6\xd1\xef\xcb\xdc\xec\x8ff\x9a\x93\x04ct\xfb'</t>
  </si>
  <si>
    <t>b'\xe6\xb9\x86\xedt5\x10.{\x88\x98\xcf\xfd\xe9\xe5\xce\xddl\xdf\xbb=\xec\xf0L\xafB\xc2B\xa6\x86P\xb8'</t>
  </si>
  <si>
    <t>b'\xa2\x1e\x93\x10\xfe\xfd\xf0[X\xfdz\xe4\xfc\xaeG\xaf\xb9{l`R\xef`\x89\xf4H\x9f\xb6\x8a\x1f\xcb\x1f'</t>
  </si>
  <si>
    <t>b'\xe5m&amp;\x025\xfe\x11p\x86/\xaeR\xa4\xea\xd4\x92s\xf7ly\xbeg+\xe8n\x15O\x1b \x01m7'</t>
  </si>
  <si>
    <t>b'q\xbbd\xc5\xef\xed(l\xe8\xdcL\xed\xc9Z\x04=\xbd\x9e\xe1H\xe8{\xfd\xae\x1f\xb6w\x90\xc2s{\xd0'</t>
  </si>
  <si>
    <t>b'\\\xbe~\x19\xec\x85\x83%\x83\xc6\xd3\x9b\n\xad\xb3\xaaB`j*\xac\x0e|\x02\x08z\xc1\xa3\xe3\xbd\xdar'</t>
  </si>
  <si>
    <t>b'\xd0\xfe@m%7k+\x91\x08\xd5:\xe4|j\x94\x0b\x0fPaQVi\xb64\x17\xc9\xbf\xb7l\x0e&gt;'</t>
  </si>
  <si>
    <t>b'\xda5\x7fH\xe2\x1b,\xe2\xa1[\x98\x0b\x8b9\xbf\x11\xae\x99 \xc9\xeb,d\x0ch\xa9W\xdc\x92\xc5\xc8d'</t>
  </si>
  <si>
    <t>b'\xfea\x83\t\x0e\xd0~O+\xe8\xece*{\xcd(\x94M\xec\xc7\xd0t\xd0\xd5"\xd1-\xbel\xaeu\x86'</t>
  </si>
  <si>
    <t>b's\xe01\x83*\x93i\x0f\xeec\xa7\x05\x8d\x00f*\x9c\x13\xeb]fg0*\x1e\xc6\xdd\x1dn;y\x8c'</t>
  </si>
  <si>
    <t>b'\x91\xdaa\xa9\xdf\xa9\xc7x\x95\xcd\xca\x88\xf5\xbbf;\xa5\xd8\xa9Rs7\x16\xe2e\xaf\\\x83\xae\xd0C\x9a'</t>
  </si>
  <si>
    <t>b'\xa2\xd6\xfbE\x94k\xd6.\xfc\xcf\x9f\xc9V\xcf\x0f\x01(\\\xe40\xcd\xda\xb7\x85\xb2}\xac]\xb1\xc6\xd6\xcc'</t>
  </si>
  <si>
    <t>b"k\xea2\xf6\x00e\xaf\x809'Q\x83\xed\xd9\xe9\xd3\xa1\xba3\x8a\x0f\xa7\xf5\xb5\xadS\xf2\xa5\x91\x17\xb5|"</t>
  </si>
  <si>
    <t>b'\x92j\xb7\xe7`\xb6f\xc2\xad\x07\xdf\xf1_E[3LJ`\xb3w\xfc\xcf:\x90V\x15p\xd18\xfa\xda'</t>
  </si>
  <si>
    <t>b'\xd82)E\xbf\xda\xa4\xc2i\xb6\x11UWH\xcehU\xf0\xba\xd0\xacC\r\xb9\x08c.5\xf3/=\xa4'</t>
  </si>
  <si>
    <t>b'\xec\x01\xaa\xb6\xdf|\xdc\xf9&lt;F\xf8x\x9dl\xe83\x89f\rr\xa9!\xdb\xd8\xf15\xf6\xd2\xd1\xab\xf1\xbf'</t>
  </si>
  <si>
    <t>b'\xfd\r\x91\x80\xf9\xb3_\xcd\xc5\x94&amp;U\xd9\xc7\x94]\xc4p\xf0\xc9+|\x84\xbb\x10\xc4\xfa\xf3\x8d)\xf93'</t>
  </si>
  <si>
    <t>b'\xe5\xe2\x02\xb7\xf0\x8ed~,\x9a\xd5\xb9\x08\xa2n!\x0bU\xfbP\xa5"T\xb6\x89\x14\xb2\xfe\xeb\x1f\xfa\xe4'</t>
  </si>
  <si>
    <t>b'\xac\xea\x00Q\x8c\xbe\xe8\xc5\x83S\x96\xd9yr\xbe\xbf?\xfe\x0c\r\xfb\x12\xd9\x96_\xc3y\x88\x0beVW'</t>
  </si>
  <si>
    <t>b'G\xd7*dDt\xf8\xeb]ON_x\x12\x92|\xc4-g\xa7\xba\x8e\xf84TH\x00\x93\xbc"M\x8e'</t>
  </si>
  <si>
    <t>b'\xf3w\xb2_\x1f\xbc\x16\xa4{o\xb6\xb6?\xe3\x9b&gt;\x992\xbf&lt;\x0b;\xcah\x0f\x8e\xdeN\x9e\xbc\x13i'</t>
  </si>
  <si>
    <t>b'\x8b\\\x94\nX\xac\xdeX\xea\xe62\x05%\x9e\xcb\x01\xfa\xd8u\x05\x06%M\xec\x85M\x12H\xa3\x9e/\x04'</t>
  </si>
  <si>
    <t>b'\x0e\xe4*!\xd9N\xff\x0e\xfa\x88c\xb8\xf0\x98\x8f\rh\xf9\xfe\x1fVfX\x96\x0b\xf1\xfe\xd9\xf8!\r\x0b'</t>
  </si>
  <si>
    <t>b'\xc3\xca[$c\xa6X\xb2\x93\xda\xf5\x1c\xb4X53\xfd\xe2\x98\xe5\x9a\xc9/\x8c0&lt;\xb1U\x00\x87\xf3X'</t>
  </si>
  <si>
    <t>b"\xe7\xd0B\x80\x11\x14\xef\xee\xb5\xf1m\xde\xbb\xb8z\xc8\xd4\x03d\x00\xf1Gr\x1b\x1f'y\x9a\xe0\x1a\xf6\xd8"</t>
  </si>
  <si>
    <t>b'\x07\x8bH\xdd\x83\xdb*\xd0f \xd3\xc8U\x19\x8et|\xa4\x87\x97\xbc\xe8\x8c/\xc6\xb6\xe8(\x1c|\x964'</t>
  </si>
  <si>
    <t>b'\x02\xa4\xe0;\x9b\xd8\xf5K\xc5E6\xe0\xff\xb4\xbd\xcaa\xea\xcf\xed\x0e\x95?\xb3\xec^\xe6f\xbfPdF'</t>
  </si>
  <si>
    <t>b'\xc2\xb1\x8b/\xe3RY\xed\xca\x94T\x89~k\x91(\x01\xe1v\xbanC\xce\xae\xc0\t\xe1\xfa\xfd\x1f\xf2\xd9'</t>
  </si>
  <si>
    <t>b'\x1a\x99\xff\xcc\xea\xd3\x12\xe7\x16\xa6!\xd1\x0b\x93=y\xf4\xca\x93\xc2\xe6\x03Aa&amp;\xed\xb1\x81\xd4s\x8c\xfb'</t>
  </si>
  <si>
    <t>b'\xc4\x10\x1d\x83\x11\xf2\xc45jXD]Bo\x1c[\xf5\xc7\xe7\xc6\x19\x87\xfe\xec\xd2[\xc6\xaf,}\x1fv'</t>
  </si>
  <si>
    <t>b'8,\xa7\x96\xfcN)\xeb\xb3r\x9b\x90\x10\x8eDy\xb1\x7f\xaftB\x14\xa0*\xad\x0c\xbe1\xc5\xf2\xbcR'</t>
  </si>
  <si>
    <t>b'\x82q\xd1_\xabl\x95\xbbr\xf6\x9c\xd64\xdef\xfa\x8bM\x0f\xaaU\xd5\x9ev\x7f+\xd4M\xd8\xe6\x04\x8a'</t>
  </si>
  <si>
    <t>b"Ny\xec\xb4/'/\xcb\xc2\xba{TJ\x90\x8erKyW\xf4\x89\xfaiz^S\xb34\x04\xa0\xc5\x0c"</t>
  </si>
  <si>
    <t>b'\xb6c\xc7)\xc9r\xda\xe2W\xbe\xe4\xf8\xe8\xecBO\xd8\xac\xf3\xf5\xc6\xcd5\xe4\xec\xddH\x8e\x81\x9f\xa4d'</t>
  </si>
  <si>
    <t>b'\x0fw\x81"u?\xf4\xbe\x0b\x8af\xe4b\xa8\x13*\xa6%8\xe0~\x83o16\x8f\xc7\x1et;\x87['</t>
  </si>
  <si>
    <t>b'\xb2y\xd7\xdbH\xa7\x98\xdf\\\xb5\xa7\xb4L\x02\xaf\xbe\xdf\xbb\x92\xa6\x89T\xb0\xbdh\x150&lt;\x19\xf9+\x90'</t>
  </si>
  <si>
    <t>b'\xfc\xbb#\x07\xaa"o\tj\xeeU\xf7\x04UM\xe2\xc3\xa1\xfc#*(\xc6-\xf2\x12\x1c{^R#\xf4'</t>
  </si>
  <si>
    <t>b"\xbb,\x8c\x12\n\x19\xb7\xb3k\x15\xf8\xedX\xd2L\x83t\xe0\x93\x0c\xa1\xf4;(g8_&amp;'\x9e\x0c\xe7"</t>
  </si>
  <si>
    <t>b'\xc1\x83\xd5F\x0b\xc4\xbc\xe5tX\x1c\x92\xe3Q:\xa5CI\x9e,\x99\xc2\xb0\x9b\xbf\xb9\x1f\xbcU\x80r%'</t>
  </si>
  <si>
    <t>b'\xf2\x0e\ng2\xb7\xda\x11\xb5q\x9ab\x91\xdfe\x93Fn\x0c\xdfs\x02C\xcb\xf5\x0c\xee\xc8\xcd\x15L^'</t>
  </si>
  <si>
    <t>b'\xdfvI\xa3\xb6\x18\xbf\xe9z\xd4\xd4\x1a\xb1_\xe9\x8dC\xcc\xe8\x8d\xe5\xa3e\x86\x9e[P\x83`\x9e\x8dL'</t>
  </si>
  <si>
    <t>b'\x16|\x19w\x930\x9f!\xe0X\x0e\xed\x17\x82%\x19Q\xdd@E\xeev\x13\x1ef\xd8X\x08?\xc8}\x00'</t>
  </si>
  <si>
    <t>b'I\xbb\xb1%[\xb7?\xd3\x89V=#\xbf\xfb\xa5"G\x0c\xd3Q\x87\x12WB\x17\xeb=\xe9\x8duaM'</t>
  </si>
  <si>
    <t>b'z\x9e\xc7\xdc\xd1\xdcYg\xa8\xf7\x1aXx/\x0b\x13\n9\xe1:/\x03e\xdd\x9a\xfa\xa8Q\xb3x\x83\xb5'</t>
  </si>
  <si>
    <t>b'\x94\x16Q2\x95\xd1L\x08\x02\xf4\xb1R\xc1nxNtZW\xc3;\x7fR\xf1q\xd1\xf9\xb6ou\x00@'</t>
  </si>
  <si>
    <t>b'\xdc\xa0\xcf\xd5\xa2\x07\xe0\xb7t\x01z\x0c\xb8=AU}U\x9c0k\x8f|\xe4l\xc4\xe0\x9f\x97\xe9\x99\x1e'</t>
  </si>
  <si>
    <t>b'\xd9r9\xbb\xc4\xd9J\xed\xce\xf0\x12\x87\x02\'\n\xa4\xf8\xa7V\x10E8"q\xc3\x8c:\xd7Z}\xe3\x96'</t>
  </si>
  <si>
    <t>b'\xbf,\xea\x11\xf9\xaay \xa9Ia\xdb#\xf1\xe1*\x11\xcf\x96\xdd\x98\xb0mUA\x03\xefs\xd3\xde\xfa\xd9'</t>
  </si>
  <si>
    <t>b"\x16.\x983\x05\x9d\x0b\x8e\xcd%r\xa7\x9f\xa9\x89\xad\xdem]\x18\x81L\x9av\xd3'\xed\xc7G$j\xb4"</t>
  </si>
  <si>
    <t>b',\xae\xbdI\r%}\x91\x86R\xbf\x88\xeao\xe1`JE\xfd\x03Z \xacs\xd44\x1ago\x06A\x1d'</t>
  </si>
  <si>
    <t>b'\xc0V\xc1\x8c\xa3\x9f\xc2\xde\x11\xea?\x84\xd49\xb1\x84\x19\xe9I\x00\xe4\xff\xf3k\x83C\x97E\x15\x8d\x8f\xaf'</t>
  </si>
  <si>
    <t>b'A\xdd&amp;\x13\xe2$\xdc\xfc QKD\x9b\x88\xcf\x02 \xff\xc4\x02\x15.R\x0f\xb0]i\xe8\xaa\x85\x9f\x97'</t>
  </si>
  <si>
    <t>b'\xe1\xe4+3\xf343:0\xc3\xf2\xffb\xfe\xff\xba\x82$Gn!6t\xd8\x8c[\xd9\x0bF\x84\xe0\x84'</t>
  </si>
  <si>
    <t>b'\x06\xaa\x0b\xea1\x7f\x9e\xdf-\x05f\xeb\x9biH7 \x85)\xec=\x88\xed\xc1Ht^\xc1\xbd8Nc'</t>
  </si>
  <si>
    <t>b'[q\xfc\xda?\xc6Clf\x15k\xbb\x9b\xdd\xc4\t\x9d\x06=:\x18\xca\xc8}\xea\x00y\xab\xf9,t_'</t>
  </si>
  <si>
    <t>b'9\xf7M\x03\xb7\x04PF\x12r\x06(\xf6\xce\x11f\xbf\x19\xe2\xc8\x7f \xdc =\x16TD\xe0\x08\x88\xec'</t>
  </si>
  <si>
    <t>b'\x83\xb0\xc1&gt;\xecJ\xe5!\xdd\x10_\x95x#V\xb7\xc9\xdd\x12\xefk\x85\x91\x07v\xa2G\xa5\xebo\x18\x1d'</t>
  </si>
  <si>
    <t>b'z\x93\xcf\xed\xa8\x05U\x00\x99\xde\xa2\xf9\xc5\xf8\xc2\x1d&lt;t\x0f\xd5\xc4\xbb(\x02!\x8f\xe9\xd7_\xea\x9dC'</t>
  </si>
  <si>
    <t>b'\xfd\xd0\xdd\xad\x9e\x81\x87V|\x8a4\xb5\x1b\x15_#en8\xa4=\xe3\xb4\xab\xd1v\xb5\x84\xc3d\x19S'</t>
  </si>
  <si>
    <t>b'\r\x853\x10YZ\x90\xe2=\xd9\x07\xfe\xde\xdaM\x03\xa2D\xcel\x19\x15b\x1f\xc8Fq\x88f\xf6\x16\xd6'</t>
  </si>
  <si>
    <t>b'q\xd7\x7fR\xc5E\x13\xdb\xbb\xf8p\x1b2&amp;G\xfa\r6\x9a\xc1\x1a2\x00\xed\xc1\xadC\x15\xee\xc3\xb7\xb8'</t>
  </si>
  <si>
    <t>b'\xdf\xc7\x94\xa4S\x19\xe4\xf0\xab\xd39\xf0\x1c[q\x9f2aw\xe0\x81o3\xaeI\x149\tRB\x04\xd0'</t>
  </si>
  <si>
    <t>b'\x0f\x18\xc8\xb4a\xfc\xdeV\xc4\xa2\xb7\xfc\xbb\xfdS\xc6\xc4\x88\xf55\x89P.\x8e\x9e\x04\xccz_\xcbZ\xbe'</t>
  </si>
  <si>
    <t>b'q\xac\xfc\xfe\xba\x92\\\n\xca\x0e\x0ej\xb3^*\xb5\xb1J\x0f0\xff\xc8To\xf2D.\xb4\xdcfT\x06'</t>
  </si>
  <si>
    <t>b"#(1\xe4\xf3\xd6\x8e'\x83\xa6\xaa\xda\xd5B\xab=\xe5\xd4\xc5[\x04\x14.\xe1[\xb6\xf8\xbb3\x025&lt;"</t>
  </si>
  <si>
    <t>b'&lt;&gt;\xc6\x13\xef\x07m\xf1\x1b\xf3\xd3\x1d\xf2\xe3\xc5%\xb8\xbf\x9e\x10\x07\xb8\x1d\x99\x87.CD\x9d~X\xbc'</t>
  </si>
  <si>
    <t>b'\x82&gt;\xa0o\x8fs\xcb 9\x12\x9e\x90\xe9\x84\xb2\xcat\x0c\xe0\nNe\x0bh\xedM&lt;\xb6\x9er\x84\xd1'</t>
  </si>
  <si>
    <t>b'6\xeeN\x19x\xdf\x10.\x9b\x98\xdc\x86\xb6~\xdc\xac72\x06\xbbk\x96\xec\xc5S/\x08\x86\x0cRp9'</t>
  </si>
  <si>
    <t>b'F\xf6\xca|\xaa\xc2\xfe\x86n\xa3Z{p\xfeSm\x12\x03FGfO\xdc\xae)WE\xe9\xc5\x8c\x802'</t>
  </si>
  <si>
    <t>b'\xec\xe4\xc50\xeeV\x9b\xae\x90j\x1e\xb3\x18\xd8z\x83\x0c\xa1\x10\x84nE\x19y\xc8\xb4\x13\x04\xf3\xfc\xcb\xc9'</t>
  </si>
  <si>
    <t>b'\xd5\xff\xc6,\xacj-\xf3\xff_\x9d\x9f\xd0\xc7\xf5\x19\x1ao\x82\xe2\x7fy\xbd\xdc3\xf2S\xb9D=\xd5\x94'</t>
  </si>
  <si>
    <t>b'\x86.\xb9_=\xbaaY\xfd\xa8\x85\xb8\x80\x9f\x84\xce\xeb\x04}\x11\x8d\xc2\x83\xbc"\x88\x0f\xfe\xd7(\x0bk'</t>
  </si>
  <si>
    <t>b"T;z\xfd\xfd\xbb\xbc\x9f3r\xcb'\xb5\x17*$eL_\x8bK\x05\xc0d:DR\x82\x82\xfe\x10\xf8"</t>
  </si>
  <si>
    <t>b'\xf8"\t\xe6\x9c\xe9\xc3\xa3\xc3\xeb\x14\xe3\xe2\xe12\xe8\x83\xe0\x13H\x11q\xd0Oz\xb7\xc3\xf6S\xf1\xe2\''</t>
  </si>
  <si>
    <t>b'\x8a{\x8d\x89X\x1cr\xc0\x1e\x00\xff6[\xfa\x0e\x06\xaf?\x91\x1dkg\x9a\xf4c\xe7\x88\x0b\xe7&gt;\xdeO'</t>
  </si>
  <si>
    <t>b'\xbc\xc1\x84kN\xf3j\x85\x1di\x99\xb4\x87\xd0\x85\x8aaC\xa45\x91\xf3\xdax]\t\xc5\xcc0\xec\xd4\xc4'</t>
  </si>
  <si>
    <t>b'\x85Dv\x9aq\xf5\x17&gt;\x00\xcd\x07\xc8\xdd\x9d&lt;\xeb\xf7D\xcdH\xe7a\x92\xc1\t\x98\x80#\xf2\xd2\xdf\xad'</t>
  </si>
  <si>
    <t>b"?\x08x1\r\xcb\x9f\xe3\x08H\xa2\xe7@\xe3h\xdd\xed\x8e|'\x88\x86\xe6\xc6\xdc\xefI\x81^hg\x03"</t>
  </si>
  <si>
    <t>b"H\xd5\x19r\xdc\x81\xd6Y9`}*_'8\xe7\xdfW\xb6d\xa7\x83`4LW\x82\x87yA\xa4\x8f"</t>
  </si>
  <si>
    <t>b'Z\xfd\x03\xae\x10\xf8\x82\xe4&lt;\xca\xcd\xc1\xb4\x8a\x04\xd5\x8bT\x1078\n\xa4\xd6\xfd\xee6Y\xcc\x974r'</t>
  </si>
  <si>
    <t>b'X\r\x01\xde\x85.\xeb\x15\xefE&lt;\x03\xb1\x7f\xec\xbf\r \xf0\xb0\xfbQI\xa5h\xf1A\xbe\xc1-\x8fA'</t>
  </si>
  <si>
    <t>b'2r_Q\xac\x9atKf\xb9\xe6p\xdc\x19J}k\x10\x93\xaa\xb1\xab\xd1%\x98T\x94j\x90\xf7;\xc3'</t>
  </si>
  <si>
    <t>b'\xc9m\xde+\x0f\x90&lt;\x88(\xcbY\xa2\x96&amp;\xaa&lt;}\x8c.Lk\x88\xe4\x13b\x84\x90\x8eg02\xe1'</t>
  </si>
  <si>
    <t>b'1\x186\xc3\xed\x88U(\xfe=\xf0We#\xcb\xb39\x1e\x18Y\xd3\xd2Z\x94\x16\xccP\xdd\xfe\xab\xc6\x86'</t>
  </si>
  <si>
    <t>b"\xfe\xf7\xcdG-\xfen\xeaJ{\x08L\xae\x06\x7f'uF\x94Pdx\xa8/h\x85\xc6&lt;)\xe2\x12\xd3"</t>
  </si>
  <si>
    <t>b'\xa3\\?\x99\x8a{\xdb\xb4\x93\x1f\xe0\xcf\x7f\x06\xc4\xfe\x1f\x9b\x97\xd8\xa6\xa59\x1a\xbe\x8a\x1cp`hU7'</t>
  </si>
  <si>
    <t>b'\xaf"\xc0H*\xe4#\xe4\x9ag\x0b\xba\x82l\xaa\xf9\xb7\xf3\xad\xeb\x93\xf1\x82?\xcc\xa4\xa9u\xfd&amp;\x13\xf8'</t>
  </si>
  <si>
    <t>b'\xc0\x9ak-f\xf7n\xf0\x91\x01Q\x0b\x87\xa1\xbdY\x18\x87\x1a\xb8\xc3\x19`Z\x82\xf3;u\xdb\x7f\x87M'</t>
  </si>
  <si>
    <t>b'|2\x93\xacg\xd2tE\x80\xea\x10~!\xf9\x8f\x9bT\xb3Ox\x8e\x8f\x9f\xa0Q&gt;n&gt;kl\xa6\xfd'</t>
  </si>
  <si>
    <t>b'\xfc&lt;\xc3\x15\xeeG\x13|\x8f\x91\xc0\xe4\x80\x06\n\xb6z&gt;\xeb\x92\xc5\x04X\xb8]"\x95\xb3\xf4\xda\x0f?'</t>
  </si>
  <si>
    <t>b'&lt;AEq\x03\xa4\xb6\xb6K]\x9d\x18\x0e\xdb\'\xc4\x0b&lt;\x0e\n\xb6u$L\x08\x13\x18"s\x1c\\w'</t>
  </si>
  <si>
    <t>b'jo\xb7\xc4;\xa1\x9b\x06\xdbJ@\xdb\xd3/\xb1\xc0\xb5R\x18\x95O\x18 R\x00\x03f\xcd*\x17\xfd\x9a'</t>
  </si>
  <si>
    <t>b'\xc8\x0e\xecA\xcf\xd0st\xcbF\xc8\xae\x80@\x95\x92Gk!I\x12b\xd9\x08\xcfP\xee\xc0\xf7\x99\x1c\x1b'</t>
  </si>
  <si>
    <t>b";\xc4\xec\xe2\x1c\x19\xf6\x14\xcc\x00|\xd0\x7f.\xea\xd4\t\xcc\xd6\xc2'\xf4\x1d4\x8a\x99m\x12\xce*\x14F"</t>
  </si>
  <si>
    <t>b'\x86\xd9\xff5M\xeb\x10}u\x99)QF\xf0\x83\xda\xccO|M\xb5\xa5F\xce\x9c\xf4\x03\xa5\xb8)\xae\xd3'</t>
  </si>
  <si>
    <t>b'\xf0\xb15]j]/T}\xcf\x05\xbe\xa0\xefQ\x10\xdf\xa8\x9b\x8c\xe4\x9fp\x04=i\x18@\xa6\xb3V\t'</t>
  </si>
  <si>
    <t>b'\x81y\xaa\xc2|4=m\xad\x7f[\xb6\x1c^\xbe\xcfW\x81\xaa\xa50\xac:\xbf\x01\xcf\x84|\xe2\xe3\x13\xa8'</t>
  </si>
  <si>
    <t>b'~\xa5\xe8q#=\x1d\xf3\x1c\xe6\xa1\x92p\xe3\xaf\xaaG-\x16\xb6?cT\xcb\x80p\xd3\x87\x01\xe5\xea\xfc'</t>
  </si>
  <si>
    <t>b'\xe0\xd3\xf4\xd0p\xdd\x8a\xf4jha\xfb]\xa9\xbc\x8d\x04\x1e2\n9\x06\r\xa1\xa1\xd9*\x10\x02\x17\xf4\x9d'</t>
  </si>
  <si>
    <t>b'\xe2\\\x7fL\x17\xf0#\x8f\xd1\\\x15\xa9f\x8b\xdf\xfb]\xb5\xb3\x01\xad\xa6\x81\x91\xc2\x12\xd8J\xfd\x10\xadV'</t>
  </si>
  <si>
    <t>b'\xb2k\x08X\\\x86\xcfnS&gt;\x02\xac:g,\xb3\x080:-sZ\xca\xfd\xc05\x01\xe4\x911\x1b\x85'</t>
  </si>
  <si>
    <t>b'\x88\xe790\xd0\x86\xe0t\x01a\xd2\xc8\\\x88&lt;\x1a\xdby\x02\x11\xe5igPZ\xda\x9aN\xd5\x8a\xdd\x01'</t>
  </si>
  <si>
    <t>b'N&gt;\xe6\x1d\xc0,\xc0\x89\x00Zb\xa6\x00\x03"\x91\x12\x00\xa4\xde\xb6x\xe4\xe1Xn;\xf1\x1c3\xd8I'</t>
  </si>
  <si>
    <t>b'\xc4\x8a\xe2+\xedD\xbc\x0b\xf7\x8f\xe9\xe6\x8cLj\xf6\xadn4\xdfs~\r\x8bt\xb9\x9e\xfd\xaf"\xe0I'</t>
  </si>
  <si>
    <t>b"\x1b\xbc'\xbc\xd9\xe9a{\xca\xa0Uu/\x84\x18O6\xd7\x0f\x90\x90\xe2\x17\xe6\xb7\xb5\xf6vb\x99\xa1\x1d"</t>
  </si>
  <si>
    <t>b'\r\x19O\x11\xac\x0b\x1b&lt;\x9e,$\xf9&lt;\xbe\xdch\x1f;b\xb9Q\xebZ\x9f\xa2.\x019k\x13bE'</t>
  </si>
  <si>
    <t>b'ls\x0cSo\xf2&amp;\xe8\x1e\r\x82\x89\xa69\xae\xdf\xb8p\n\xd4\x0bP\xef\x1aq\xb7n\xa5\xf7\xcf\x80N'</t>
  </si>
  <si>
    <t>b'\xfa\x7fJ5s\xb9\x17\x8f\r\xc5R\x0b\xa7N\xb96\xdb\xb2\xf9\x8cz8s\x1fH\x16q\xefa\xd1\xee\xc2'</t>
  </si>
  <si>
    <t>b'#\xc0\x93\xfd\x19?2\xc9\x1c\xcbW\x0b\xfa+t\x10!|\x93yy\xc6\xe1\xb1\x8b+\x8eg\xdb*U0'</t>
  </si>
  <si>
    <t>b'\xdfH-\xc4\xbb\xc4j\xc0\xe0\xdd/kL\xe7q\xfe\xa9\xad\xe9H\xbc\r\x8f\x1cQ\xb9\xff\x1aN\xe2\x81\xcf'</t>
  </si>
  <si>
    <t>b'\x0cy\x11(\xb6\xd1f2\x07G\x94L \xaf\x06\t*\x85\xef\xfc\x8f=\xc4P\xd9DT\xba\x9b\xe0\x06}'</t>
  </si>
  <si>
    <t>b"\x18\xf4V\xd5W\xdf\x81 \x1a\x0c\x13\xc1\xdfM,\xfe\xbb\x8dw\xf2:\xd7(\xaa\xf7I\xb5T\x81'\xec6"</t>
  </si>
  <si>
    <t>b'&amp;\xce\xc4\xaa\xc7\x0fJo\xd3\x15\xfc$^\x01\xfa\xfb\x0e\x9e\x10\xc8.#\x8a\xf5\x17\xc2s\x18@\x1dJ\xa1'</t>
  </si>
  <si>
    <t>b'I/\xf22\xebp\xf8\xa0\xf7\xa5Vx\x8a\x18\xf0\x17\xdd\x89P\x9a=2l\xe8\xd2\xfa*K\x8b\x87e\x1a'</t>
  </si>
  <si>
    <t>b'.\xe0E\xbcZ\xd1\xf0L-K\xcdu9w\xc4\xfc\xa7\x10\xce%)\xf7\x17\xb5I\x157\xc7\xbb\xfc\x97\x95'</t>
  </si>
  <si>
    <t>b'\xc8x\xa1\xb0B:\xda:\xf9*F\xd3H\xa3\xa2k\xe6/\xb3\xae\x7f\xe5\x0e\x87`\xa4\\\xa4w\xfa%b'</t>
  </si>
  <si>
    <t>b'\xb7\xcb\x11\rR\xf6\x81e\xb1\x9f\xa4\xc4)\x96:\x0f\xb0\xa7\xf3\xea)\x95\t\xc3\x8d\xe64\xec\xba&amp;\x10c'</t>
  </si>
  <si>
    <t>b'\xd4\xb0\x0c\x89\x8b5\x97\x87\x19\x13\xdf\x9b\xacY#\xef\xd7c6&amp;\x89\x80UL\xbb\xbf\x1a\xa3|#\x82\xb4'</t>
  </si>
  <si>
    <t>b'\x1ceW\xb3\x81\x83A&gt;NP\xaa\xca\x9d\xa5,\xab\xf7\xc9X\x8c\x1c\x93\xb5-\x9c\x8b\xe8\x90\xc9\xb6\xce\x9d'</t>
  </si>
  <si>
    <t>b'\xc4\xa1o\x85\x9a\x06|\xbf\xdd\xe7\x13~\xeeh:\xa1j\xf2\xc88\x86\xe0M\x9de! \xb8\xeaG\xde!'</t>
  </si>
  <si>
    <t>b'\xb7r\x06\xb0\x14\x15\x03\xe4\xfaL\xe1\x86\xbeX3\xcb\xc5[J3\xfa1{\xbe#4\xf3[\x1f\xe8w+'</t>
  </si>
  <si>
    <t>b'\xba\xe8\x93,\xd79\xef\xf5\xf0\x9a\xf0\xcew\x9d\xa4\xe7\x90\n\xa5~\xe0&amp;mx_\x9a\xb14?9\xdc\xb7'</t>
  </si>
  <si>
    <t>b'\xb8\x0c\xcf\xaaf\x7f\x08\xd0\xcf\xc8x\xb3\xf4\x9fi\x11\x93\x1a\x01\x8f\x8b\xf8}\xae\x1b\xe1\x8b\x85\x95\x1cm\x08'</t>
  </si>
  <si>
    <t>b'\xc0\xa4(\x9a\x95\x7f\xf5\x8f\x91\x14z\x1d\xa0\x9b%\x97\x8f2\xed.\xed1 \xaf\xf0\xc2\xc8\xa2\xba\xfcX\xf3'</t>
  </si>
  <si>
    <t>b'==\x1d\x12\x95U\xc44\xf2\xd0\xba7\xe3\xdck\xa0\x87\xb9\n\xd1\xcd\xc0i\xcf\xa7\xa4*Q\xc0]\x8b$'</t>
  </si>
  <si>
    <t>b'\x1b1\x8dZ\x81\xb4i\xb7M&amp;\x84\x0e\x07\xf0\xfb\x878\x92\xce\xcc\xabf\xd8[k\x93\x1fD\xb1#\xba['</t>
  </si>
  <si>
    <t>b'\xa0\x11=\x83\x17]\xe6m\xf2\x93f\x7f\xfa\x00)\xd0\xaf\x98\x1f\xd0g4\xcck\x91\xbefN\xa7Ec\xe1'</t>
  </si>
  <si>
    <t>b'\x06\x9cj\xec\x95\x8b\x81\xfdu\xdez\xfc\xcc^\xec\xd0\xa1\xdaf\x91x\xa1c\xc7\\8\xd2k\r\x9aL\xc7'</t>
  </si>
  <si>
    <t>b'\xde\xc0t]\x10\xba\xc5R\xa4\xb6n\xe0&gt;\x9ee\xfc\x01m\xcd|\xa2sN\xc8\xf18\xb36X\xb2\x99\x89'</t>
  </si>
  <si>
    <t>b'\xac\xdb@\xc9\xac\xbc\xb3\xfc}\xa9\xde~NR\x9f\xddJ\x183\x99\xdc\xb9\xcf\xd3\xd7[(\xb5\x01O\xfc\x14'</t>
  </si>
  <si>
    <t>b"\xb1\xac\xd1\x80n\xa5 \x07\xb3\xa6\xac\x90\x1d\x1c\xe5gSUR\x88C\x1fL\xe8,\xbc\xbe'\x89\x95S!"</t>
  </si>
  <si>
    <t>b'a\xa4r\x08\xce&amp;\x80\xc1\x84\xaa\xf8g%\xfc\x8e#x\x93\x19P\xe4\x056?\xe5pz\x19\x8b\xf6\xe5\x1a'</t>
  </si>
  <si>
    <t>b'\xf5\xdd\xff\xab\xae\x8fy\xda\x88\xdc\xcf\x0f\xdc\xc7\xc9\xb0B\xac\xec\xb7\xb3/\xabW\xe5\xb3\x01\xb4\x16.\xed\xd0'</t>
  </si>
  <si>
    <t>b'\xa3b\x8a\xb2K\x88\xce\xc4\x0fH\x8d\x06\x159\xff\xca\x19;\xbc,~Gm\xbed\xe6&lt;\xbe\xd6\x02\xb6\xab'</t>
  </si>
  <si>
    <t>b']k\x07\xd9\xe1\xc7\xbc\xb2\x8e\xd0\x00\xa9/\x02rpo\xf7i\x8c}\r\x91\xe1\x1d \xa1a\x8a\x8f\xd5\xd5'</t>
  </si>
  <si>
    <t>b'W\x06^sAl\xf4\xb4\xfe\xf0\xf56\x80\x04\\\x0e\xa2?\n\x06H\xdb\x03^\xefo"/\x94\xdb\xe7Q'</t>
  </si>
  <si>
    <t>b'\xc0\x99\xf8\xff@\xf90\xf3\x03\xa3\x00\n\x08p|\x0f8\x99X*\x14\x84\xf3\x18\x071\x11C\xeb\x03A\xe5'</t>
  </si>
  <si>
    <t>b'\x9e\x18\x9a\x1ej\x92\xf0\xf9P\x1c\x98\xe1\xde\x94\xf6w\xf1\x9c\xa8m\xbd\xd4\xa4DV\xbe\x1a\xf9\xfb\xf206'</t>
  </si>
  <si>
    <t>b'\xfb\x03\xe0\xf7\t*\x0f\x90\xa5\xefn\xbc\xc9\x11\xa7\x88\x18\xf4\x16b}0\x8e\xbc\x95U\xfa\x15F\xe2\x18i'</t>
  </si>
  <si>
    <t>b'$\xac\xfa\x88QfD\x945%\xa2o\x87\x02\xdd&gt;8#c\xefQ\xa5\xbdB~A\x8bc\xa9\x03$\x9f'</t>
  </si>
  <si>
    <t>b'\xd0\xab\\\x99o\xcc\xac5\x15\xd9\xd7\xb1&gt;\x80\x94D\x0e\xa5+q\x110\x9e\t\xd2c\xb8\x81\xc6\x0e\xc3D'</t>
  </si>
  <si>
    <t>b'L\xbd(%F\x17.\xa8\xe9;\xba\x86\xae\x1f\xb9\x1b\xb9:a\xf1\\\x19\xd90\x93\x08\xc3\xc7v~x\xfa'</t>
  </si>
  <si>
    <t>b'\x91#\xeb\xb8\xe4b\xff\x0c\xa0\xe5cs@\tB\xabZ\xac\xfa?\xdf\xfev\xad\xf1z\xa8m\x94\xef\x86\xf4'</t>
  </si>
  <si>
    <t>b'!\xe8\xe94\xbcS\x80d\xfd\xde\x04o\xa2\xc2\xcb\x82kV\xc9x\xae\x1e\xa4C\x15\xf1\x99@\xe5\xf22B'</t>
  </si>
  <si>
    <t>b"\x8eb;\xdc\x0f\x1cHg4\xa7\xae\xbc\x81\x84\x88q\x9fw`'\xb6\xadl\xd2\xaaq\x9eW\x1d\xa3\x9c\xe0"</t>
  </si>
  <si>
    <t>b'\xfd\xec\x9co$\x82\xf2\xc8&amp;\xebW\x82\x14E\xe6\x17\xcc!\xceT\xa3\x9e\x0e(\x1fM\xa3\xf4M\x9b\xaa\xcf'</t>
  </si>
  <si>
    <t>b"\x19\xd8\xfaj\xf0\x80\xf7\xf4\x7f\xcdEP\x8cv4\xb0\x0f\xe6\xfe\xad\x8d\x18OiI\x9e\x01T\xfd+'\xfb"</t>
  </si>
  <si>
    <t>b'4\x1f\xaeA\xf3\xd1\xb5\x9e\xafH_\x96\xaf\xd1P\xc8sV\x11\xa3\x1f\xaf\xf8.E{\x10\x84kH\xa3+'</t>
  </si>
  <si>
    <t>b'\xb3y\x8d\x8c\x81`\x0e\xd0\xdf[\x913\xda\x92![\xe4\xaa$\x85)\xef\xe4\x80\xe5\xf8o\x02\x0f\xb5k\xcc'</t>
  </si>
  <si>
    <t>b'\x8e\xcbNY?\xab\x98\x0e\xa6\rW\xb0\x97\xcb\x84\xdfN\xdb\xfa\x14\x97p\x07\xfeB\xb7\x9e\xfch\xba\xbe\xe6'</t>
  </si>
  <si>
    <t>b'UB\x8f\xf6N\x9ci\xae\x06\xa74\x9bC\x1fv*\xfci\xc8\xfc\xa1\x80\xe0-m)&lt;`\xfe!H\xd8'</t>
  </si>
  <si>
    <t>b'hM*\xf8\xfb\x1f\x96\xdc?6\x1d\x11%|\x11\xc9\xe9\x04\x8fxc\xe0&gt;R\xe1\xec\xee\x1d\x9f\x17\xbcX'</t>
  </si>
  <si>
    <t>b'\xa0\n\xc6\xaa\x0c\xa1\xb6\xa9\x0f\xb2\xff\xd7\xfaj\xc0\\Bo\xa0\xce\xefj6\x91\xab\xa0\xc5\xe6y\xe4j\xe4'</t>
  </si>
  <si>
    <t>b'\xf5\xb2\x0c\xb3\xf3\x07\xe4\xf3\x12L`V\xa4\x19\xd0\xe3\xd5\x1bS\xd0\xffQ\x9d]\xbe-!bW2#\xfe'</t>
  </si>
  <si>
    <t>b'\x18\x84\x00\xd0\xc8l\xa6\xf9k\x08\xa0\x8a\x87\xb2\xb9\xa5L\x981V)\xc2k\x99g1\x8a]8\x13\x08e'</t>
  </si>
  <si>
    <t>b'\xff\xf3m\xc1\xe0\xd7%{"T\x8f\xd2\x7f\xfd(\xa0\xb8\x14\x9eG\xd6\x8d\\Z\x1d\x90\x1c7\x80&gt;\xdf\xc2'</t>
  </si>
  <si>
    <t>b'\x90\x81R3vS,|d\x11-\xd6\x0b\x87\x87\xeekF\xf3\xe8\xde\xaf\x17\xcfmfg\x10\xc9\x80fX'</t>
  </si>
  <si>
    <t>b'\t\x9a=\x04r\xce\x05\x84Bb\x9d\xc3\xb0\xedP\xb8\xeaM\x889{\xebvJ\xc2\xc2:}\xc4\xaa\xdb\xca'</t>
  </si>
  <si>
    <t>b't2\xb7\xe0L\x9d\x88\x96+&lt;\x12\xb6j\x90\xd5n\xa5\xd4g\xe9"\x9a1 ]\x19&gt;\xf8\x95r\xc9\xbb'</t>
  </si>
  <si>
    <t>b'~]\x1cXEO\xdcN\xe5\x90\xfb\x07A&amp;-;x\x80\x14Ono\xfa}\xe6\x91\x94:\xf4\xccGD'</t>
  </si>
  <si>
    <t>b'N\xd6\x06O\xee\xb1\x16\x18+\xaey\xa6\xe2\x9d\x94~\xd5\xc18\xa9\xd2\x0c\x84J\xf3\xdc\x14,S\x1a\xcc\xf3'</t>
  </si>
  <si>
    <t>b'b\xdd\\\xec\xd4\xd4\x98m\xb9\xadlp\xcfStP\x8eQ&gt;V\x085\xea\xa5\xdf\x04\xbf\xa0\xfb\xee\xa7&amp;'</t>
  </si>
  <si>
    <t>b'u(nvo\x1dY\xb4\xd7\xc2\xae\xa8\x97_\xb0\xce\xb3p\xf6\xca\x88U\x8b*\x89v\x06\xdc\xdal\xb5a'</t>
  </si>
  <si>
    <t>b',D\xa1t\r\xfb\xbe\xd3e\x1aS\x97\xdf\x93\x9f\xfe\x91tn\x81\xeb0\x0c}7\xc4#\x1cy\x0f\xe2\xd3'</t>
  </si>
  <si>
    <t>b'\x01\xa2E,\x04n\x8bO\xd8`\xa4\xfb\x9e9\x05\xca`\x86$\xbex\t\xa7|\x16\x036\xd21\x1b\x8b\xd1'</t>
  </si>
  <si>
    <t>b'5V\xd7\x0b3\xf37\xe9\\g\xc8\x9f@!\x9c\x86\x0c\xe2e\xca\x909r\x8d\x93zj \xc8E\xe3\x93'</t>
  </si>
  <si>
    <t>b'\xbbb"\xe45R\xed"\xd3\xf09\x11\xbb\xb3\xa6f\x1a\x8fNE t`\xa3\x198(\xd3\xf3[0\x16'</t>
  </si>
  <si>
    <t>b'O\xed\xb5!\x00\x97\xb4\xd43\xf3\x12\xd8-\xbcV|\xb6Y\x1a\xb9X\xcd\xde\xa1\xbc\xe8J\xe0\xa1\xec\x82_'</t>
  </si>
  <si>
    <t>b'\xbd\x91\x88\xec1\x91\xc0\x1bHM\x1bB{\x0f\xed\xb8M\xd2\x02\xcc\x07\xe6u/\xa9\xa0\x14\xb4\xab\x0e\xe8\x95'</t>
  </si>
  <si>
    <t>b'N_\xb0\x8d\xbd\xc5\xae\xf8\xde#F_\xa6R\xb5I\xde\xc1\xe4\xb9\xb1\x12q\xb2\x1f\x03ho\x95\xf8@\xb7'</t>
  </si>
  <si>
    <t>b'3\xb8\xe8\x99\n\xec@F\xfd\xd7t\xb3\xd5r\xa68\x14\xac\x93\xa9\xd6\xf99\x97h\x18 \xf0\xfd,C:'</t>
  </si>
  <si>
    <t>b'?\x05\x80\x90\x82\xce\x9c\x9b&gt;\xd9\xce\xd1\x1a\xfa.i\x94B,\x804\x86\x8e\xa1\xb7YhL\r(,\xec'</t>
  </si>
  <si>
    <t>b'lQ\xb20\xeaD\xc8^!\x19\x8cN\xd4\xa2\x90\xebq*\xe6ov\xa0\xdfa\x93\x97\xc8Z\xaaH\xe8\xf4'</t>
  </si>
  <si>
    <t>b'i\x03\x15\x14J\xa5\r`2{:.\x1fp\x94s\xcb\xbc/\xb5\xd0\xb8*_I\x99 y\xb1\x8f\xba\x82'</t>
  </si>
  <si>
    <t>b'Py\x8a\xf3\xf7\xd9\x99pV \xf8\xbd\xb7J\xe0\x7f\xfbB\xc3]`S\xa1\xc7\xbc5\xbd\xa6\x03\xa7+\x08'</t>
  </si>
  <si>
    <t>b']\x15\xbct\x9fD\xe4\xb65h\x9d\xba\x99o\xf0&gt;\x82\xe5M\xa0[\x00\xc9\xc3\x9b4:\xcaF_^\xe6'</t>
  </si>
  <si>
    <t>b'\xf5\r\x1c\x93}d\x06\x19\xc3\xecQ\\\x144\xbb\xa3/e\x0f)\xf8)"\x0f\x9a5\x94b\xf4\xbd"{'</t>
  </si>
  <si>
    <t>b'\xf0\xe8\xc5c[]\xe1g\x18o\xf6\x86\xe3\x94\xd7\xd2\x81\xe0\xd9\xb9g\x1c\xa5\xcc\x7f\x9f$\xbe\x16\xebMw'</t>
  </si>
  <si>
    <t>b"2\xf89a\x10{\xd2[r\x8b\x0b\x81\x92Z\xe4)\xb3\x08)\xb9c\\x\x0c\r\xa3\xb4W\xc8'u|"</t>
  </si>
  <si>
    <t>b'm1\xac\xf4\x94dX\x08s/\xcd2^\xb1+zMsG?K\xbca\xa5\xf8\xb3\xf1R0\xdfn\xd7'</t>
  </si>
  <si>
    <t>b'R{\xa2\x9a\xbe\x82\xe0\xda\x11\xcc\x8b(\x8f\xfb\x94\x05t\x86\xfd\xae*\xac4\xb1\x08\xf8\x1a\xe4\xfc\xfc\xaa\xce'</t>
  </si>
  <si>
    <t>b'\xe8&gt;b\xb2\xbc=\xa2\x837\x1b\x08;Z&gt;\x00#\x8d`\xb5\xa0:\xe3(\xaa*\xa0\xaa\x0c\xa5\x02\t%'</t>
  </si>
  <si>
    <t>b'C9X\xe6\x97+\xb1\x16\xaa\xc4\xc7\xa9k\x02c6\xcch\xc2mZ\xbb\xdc\x0b\x177\x83\xa5\xc4\xf9\x88\xef'</t>
  </si>
  <si>
    <t>b'\xf6\x93j\x98W\xce/\xc1\xf2m\xb8\xf9\x0b\xc5\x9e\x11\xc8\x9b\xa1&gt;\xef\xe8\xb3\x95\xfcb]%\x81\xd9\xc2\xf7'</t>
  </si>
  <si>
    <t>b'\x9e\xf3\xc8_\x12G\xc3p\xd8\xbb\x00\xda\xc5gm\x9a\xdc\xa0\xdf\x94/Lz\xf7\xd5\x89\xf2I\x96\t\x1f\xa2'</t>
  </si>
  <si>
    <t>b'\x05\xfa\xa8\xba\x1a\x1b&amp;\x86&lt;i\x1b{\xe4\x03cy"\x1f_c$\xc9&lt;?\xd3\x1c\x0b\xc7\x07%[\xd0'</t>
  </si>
  <si>
    <t>b'\x91f\xa2\xfaZm\xaa\x84\xda\xff\x07\xccX*\xc1M\xb4|\x89\x8e\xd9\xc5\xfe\xbb|\xb9\x138\xfb*\x81\xb9'</t>
  </si>
  <si>
    <t>b'W\xbd$;\x17M\x17}\x81\x91\xef\x17\xa9\xa7HunY\x8c\xb6I\x1a\xce\xd6\xf9\x81`W=\x8d4\x8b'</t>
  </si>
  <si>
    <t>b"\xcc\x0b;\xa0-m\xca\x9a\x9c\xc8\xf8\x1d\x1e'\x03\xf1\xd8{Ja\xf9-\x14r\xec\xf7h\x97\x97\xca\x10\xab"</t>
  </si>
  <si>
    <t>b'Q\x11|\x0b&lt;\xcb\xb0\x9f\xb85;G\xe43v~\xaf$\x8b\xddx\xfe:X/\x1dY\xa8\xfd+QI'</t>
  </si>
  <si>
    <t>b'\xd6\xddS\x9ci\nS\x95\xe617\xfe`\xbb\x9e%\x16\xf7V|O$d\x1c\xae\xfa\x16\xa2}\xd6\xb7\xf8'</t>
  </si>
  <si>
    <t>b'K\x98\xc7\n\xce\xfc\xd2\x11`\xac\xca\xc1\xd2c?]%C\x8c\xd4\xc5x\xe61d\x18\xd7E\xbb\x126\xfe'</t>
  </si>
  <si>
    <t>b'v\xb7p&gt;\xa1\xd3\xaeQ1\x15y\xae\x7f.[\x81\x1e\xbbI\xa9\xc5\x8f\xab\xe0\x85w\x99\x1ec\xa4l\xa3'</t>
  </si>
  <si>
    <t>b'D\xea\xd1O\x10|\xfdiJ\xec\xa7\xaf)\xb7\x08\x92\xbb\xb0q\xa0S\x08\xbbu)u\x9d\xe76\xdf\x86\xe2'</t>
  </si>
  <si>
    <t>b'\xbe\x8c!f\xe54\xc2\xac\xb6\x9a\x17#\xa0\xcbu\x89\xfd*\xc2}\x1c\xbb\xeavq&amp;\xe7\xfd\x16o\x0e\xec'</t>
  </si>
  <si>
    <t>b's(\xa7U4\x82\\\xfe\xd4\xf6$\xdcP1\x82#\x91G\xa6\xf3gD?6o\xb7\x8e\xbdk\xb3|\x13'</t>
  </si>
  <si>
    <t>b'=\x02\x84\x98\x9e\xf4\xe1H\x8e7x\x10\xfbh&lt;1\xec\xd3`\x00\x81\x7f\t#&gt;7\xac@\x11\x07\xc7Y'</t>
  </si>
  <si>
    <t>b'H7BF\r\x86\xd2\x13\x12\xf2\xf8\xa7\xf7\xbe\xec\x00b\x7f9\x894p\xee;\xfcI\xcez\x8e\xf2\xe8\xa0'</t>
  </si>
  <si>
    <t>b'\x85\xa7\xdf\xd6?")\xec\xa2\x0c\x14\xc5\xb2\xd0t\xda\xaa\x9c8\xfc\xd9\xe7\xe6\x82\xa3Z\xae\x17\x9f\xc5\x16\xf9'</t>
  </si>
  <si>
    <t>b'N\xb8\tc\xe1\xce,\xd6\x99]=p\x04\xa4I\nMC\xcf\xf7X\x07\x89T\x98]\xee\xf1\xa8\xf98O'</t>
  </si>
  <si>
    <t>b'0\x0f\x0b\xb6\xc4\xfb"\xc2\x9a\x9e\xe70T\x96\xcd9\x01\xdb\xa8\x7f\xd2e;=\x8b\x07ZN\xc4\x0c\xb0B'</t>
  </si>
  <si>
    <t>b'\xfd\xd1E\xb7\xbc\x10\x18\x9f\xfd\xc7\x14\xdfR|\x07\xd3fNb\xd2\xeb\x01\x00\xd3\xc3&amp;\x15JF\xe8\xf4$'</t>
  </si>
  <si>
    <t>b'\xdb\x99\x03\x8a\x02\x1f\x81\xf2\xe5z\x1c\xf7\x06\x9c\x19M\xe8:(\xf6{\x9f\xc7\xdeg\x04\x95R#\x08\xfa?'</t>
  </si>
  <si>
    <t>b'\xce\x9c8\xd5;\x82L\x16\xa3\x96\xf9ny\x8e\x80\xe6\x13\x08\xfa\x95e+\xb7\xfd@\xe9\xd6:\xba\x9c9\x17'</t>
  </si>
  <si>
    <t>b"$C\xbc \xa1\x91&lt;\xac\xda\x0b\xd9^\x1cNu\x06\xbd \xb8\xd9'g\x82\x0f\x1b\x1b{\x00T\xafN\xec"</t>
  </si>
  <si>
    <t>b'\xae\x7f\x05\x98\xe4\\e\xa0\x00\x83\xcbT\xe3L\x89\x19\x07)\x95\x06\xa3\xd5c\x18a\x88\xc8\xa9:\xe0\xb3\x1b'</t>
  </si>
  <si>
    <t>b'\xbb\xaeR\xc8B\\LZ\xe4"\xfeTrO\x1eW\xd0\x8bO!\x12\x8b\xc8\xa3\xc8\xdd\x83\x1a\x16\x97\xaa\x14'</t>
  </si>
  <si>
    <t>b'\xa3\x9e3\xbae\xe9\xda\xf3\xee\x13&lt;3\xbb\xaa\xa3\x0b\x94\xe0\x8b\xaf\x814#/d\xd5\xcf\xe8m\x1b]Q'</t>
  </si>
  <si>
    <t>b"\xe8N\x19EOBZT\xd2o\x92\xc2\xae%\x8f\xc6\xf2\xd6\x11 \xd1\x96\xee9\x17\x8fm\xa6D'X\x04"</t>
  </si>
  <si>
    <t>b'\x1c+\xa3\x8d\xeez\xcd\x96\x1b&gt;\xcc\x82-\xbe;\x91+\x81J\xa3\x7f\x15\x97\x93f\xda"\x11\x8d\xe8\xb0\x8c'</t>
  </si>
  <si>
    <t>b'\x98\x9f\x1aO\xb3\xab\xcd\xf7\xd5ks\xe7\x8a\x98C\x995\x16\x1e\x9d\x12\xe9\xb9\xda\x0b\xcf@{\x83P\x8c\xe9'</t>
  </si>
  <si>
    <t>b'\x8e \xda+\x12\x13\x08\x02\xc6O\xe6\x87\xcb\xe5\x03\x88j\xe4sn\x9aCvP\x19R.\x17\x13\xef\x12\xbd'</t>
  </si>
  <si>
    <t>b'n\x0e-M\xef\xae\x18&gt;\xa6\x08\x0b\x0c\x03\xf4\x1b\xbf\xf5\xef\xc3\xee\x1f\xe5\xe0\xca\xbepJ\nIQ&amp; '</t>
  </si>
  <si>
    <t>b'\xb3;NLc\xfc_\x9d\x95\x93q\xd0\x86V\xfc\xcd\x9f\xba\x8fQ\xf5w\xc9Mj\x04\x84\x04\xff{\x14\xa6'</t>
  </si>
  <si>
    <t>b'f\xa9\xe7j\xa5g\x8e\xb9\xa3\xcc\xb9\xd3\xe0\xad&amp;\xf3\xa9c\x93\xe5\x15\xe9\xe0&gt;M\x08\x95\xcb\xb3\x15\xd9\xbd'</t>
  </si>
  <si>
    <t>b'\x9d\x83-\xe6~\xb7\xe1G\x9eL\x1f\xed,\x117nxT&lt;Y\xea*\xedL\xe4G\xe5v\x84\xd2iu'</t>
  </si>
  <si>
    <t>b'\xa8\xfa*\xf7\xca\xe3x\x88\xab\xe7^_\xf7\xa1\xc5\xf6\x02\xb2\xaa\xe8\\\xbb\xbe\x7fV&gt;\xfa\xad\xa2g\xe2\x11'</t>
  </si>
  <si>
    <t>b'O#\x12\x9d\x01\x14\xcb^\xedk\xc9\xc3\x87\xa6\x86\xda\x85\xc9\x98w\xc5\xab\xe9&lt;\xfd\x8c\x03\xdb\xf7]\x04}'</t>
  </si>
  <si>
    <t>b'\x923\x98\x19M\x05}\x91\x1b\x1b\x8aZ\x11Fm\x97d\xd4\xf0^\x88\x18n\x9a$\x8f\x9b\xc2\x84\x1b\x94t'</t>
  </si>
  <si>
    <t>b'\xa8\xf2v\x9b\x93\xda\xae\xf1\x88\xea\xcb\xed(7\xad!\xb1\x96\x1f\xff\xf0\xabz_\xbcS\x9f\xea\xd0\x97\xc16'</t>
  </si>
  <si>
    <t>b'\x83\x17&lt;v\x98\x11v\xab\xd4G\x1f\rB\x10ohc\xd7\x00)N \xd4\x0f_*\xd2\xd9\xeeV\xe9C'</t>
  </si>
  <si>
    <t>b'N\x0c\x88"]\x19\x88\xa6\x87\xef\x12\xff\xc5:\x03\x18\xb0\x1f\xe7H\xe6\xc5}|wJ\xb9\xc5\x0e\x91\xc8 '</t>
  </si>
  <si>
    <t>b"5\x80\x96;\xe6\x11R\xc9\n\xa4\x0e\x862\xd3at\xa6\x94k\xb9\xc8\xcc\xb6\x0f\x1d\xac0N\x08\r\xe0'"</t>
  </si>
  <si>
    <t>b'\xa9%\x82\xc1\x9d\xe9\xbf\xd1\xefp\x9e\xed\x1fQ\x0e\x02\xc9\x07\x99\xb6%\xcc\x1a\xa5P\xc0\xa4\x8clL\x9d_'</t>
  </si>
  <si>
    <t>b'\xe7\x1d\x06Y!2\xf8\n\x8a?n\x0174\xbc\x83\xafw\x82Ams\x95\xe2V\x9f\xdc\xb4p\xaa\xb3-'</t>
  </si>
  <si>
    <t>b'\x0c=\xc5S\xe9\x0f\xfd\x95\xd1F\xb7\x04\xffd\x00\x1c\x88\x90n\x96\xaf(\xa6\xd00\xa4g\x80\xeeV\xfc!'</t>
  </si>
  <si>
    <t>b"I\\\x91\xebP\xe0'p\xb9hQL:\x1e\x8bt\x9e\x99ZP\x02\x13\x8a\x9c\x96\xa9\x0c\xa0\xca^M|"</t>
  </si>
  <si>
    <t>b'o\x88+O\x88!\x8d\xa5\xa7\xda\xb6mJ\xd6Z\rK\xfe\xdb\xd7\x98W\xe8\x05\xa7\x00/\xd9\x07&amp;T\x10'</t>
  </si>
  <si>
    <t>b'eK$\xfd^G\x0e\x11\xd3\xd3\x0e\xf5:\x0c\xe7\xde\xf3\xbb\xab\xfe\x0f`\x99\xe4&lt;I\x8e\xa5\xa8\xe8\x00\xf2'</t>
  </si>
  <si>
    <t>b'\xe2/\xed+\xf6\x05\xe6\xacS\xd0:\xe2.\xe0\xddT\x15B\xe77\x96}%^\x18{{\xdd\x10LP0'</t>
  </si>
  <si>
    <t>b'\xd6\xf1x:/u\xb3\xee4C\xc3\x92\xd1;\xbf\xcf\xe7y\xb1\x96\r\xe3+\x90X\xf6\xf0\\v7oy'</t>
  </si>
  <si>
    <t>b'\xb2\xb7r\xb8p\x84\x15q4\xc3\x87s\xd0\x10\xc6\xa9m&gt;\x7f8\xbd\xc37\xd9\x1f\x0bnJs\xa9\x0c\xef'</t>
  </si>
  <si>
    <t>b'\xf4BS&gt;s\x8f&gt;\\\xb8\xe5\x03F\xc0\xcd\x15M\xd3#\xc6\xc8z\xacq\xb7\x13\xdf\x0e\x1bV\\\xe4\xf7'</t>
  </si>
  <si>
    <t>b'\x0c\x95\xf9w\x1fK\x1a\x85x\xe0\x02\xf6C\xec#\xc0\x86\xe7\x00\xae\x91\xa6%\x83I\t\x82\x85\xe7\x0e\xc4i'</t>
  </si>
  <si>
    <t>b'&amp;\xba\x1d\x10S\xbdn\x9d\xc5&amp;\xec+\xab\x11Ys\xda\x99\x15\xa7\xf8(;\x1a\xb2\xbe\xc9\xb6\x14\xfe\x89D'</t>
  </si>
  <si>
    <t>b'K.\xf0h\xf4\x10\x18\x99\x87\xd7\xf6\xf9\xd8\xcc\x98\x02I\xb0f\xd7\x96_B\x9f\x95\xfd\n\xa5a\xb9@\xbe'</t>
  </si>
  <si>
    <t>b"\x1a\x0eg\x85y}\x9cu9N[Q\xcfk\xbb\xe5\x0b\x84\xe8\x12\xfd\xfa'\x17\x11\xfac\xc8H\xe6s\x1a"</t>
  </si>
  <si>
    <t>b'\xec%\x96\xc4\x01/\xac^\x94f\x0b\x9d\x859l\x1f\xc9%Y\xa2#\x81*\x05\x98\xb4)C(6Z\x18'</t>
  </si>
  <si>
    <t>b'\xdc\xc0\x1a\x96y\x94\xd1\xc6\x9a\xec\xd2\xc0\x19\x9d\xb6ra\xea\xa2Nn\xefq+x\x13\xe3\xfe]}\rM'</t>
  </si>
  <si>
    <t>b'1\xe1\x124\xa4y\xe0zS\x80\x97&amp;\xf3\x02l\x8b{\x98\xadZ!8\xc4[\x90\xca\x8d\x91=\x10j\x83'</t>
  </si>
  <si>
    <t>b'\xac\x9d\xdb\xc8\xd1\xe2\xde\xc7\xa75\xec\x8dwGV\xb4\xaa\x14j1&gt;\x02$8h\xea\\\x1e\x94\r\xba\xfa'</t>
  </si>
  <si>
    <t>b'\x06\x95D\x18|\x8f\xaf\xba\xddv\xc27W\xfe \xba\xf0\x148B\x9b\x19_\xdf/\'\xec"\n\xb7\xd1Y'</t>
  </si>
  <si>
    <t>b"\x9b}\x0c\xd6\xd5\xee\xc1\xf0\x1c\x99\x87'!\xe4\xaa\xbd\ruO\x08&lt;V\x83~$\xae\xcd\xfd\xee\x1fe\xac"</t>
  </si>
  <si>
    <t>b'\x14f\x19G\xf3!\xfb\x80\xfc\xbe\xdc\xb6jf\xc2\xa6\xf0\x08\xf5\r\x9e\xde\xb66\xab\x18\xb0]%\xd0\xe8\xea'</t>
  </si>
  <si>
    <t>b'\xc6\x80\xad@\xde\xd0\x9d\xd8~5\x8d\xf4\x12\x8f\xe6\xf6\x97\xb3\xa9r\xd7?~5[\x82"\xac\x95\xa7q\xcb'</t>
  </si>
  <si>
    <t>b'\x9aX\t\xeb\xf5\xa0\xf0\xcf\xe6t\xd8\x85{v\x10\xcb7%F\x94S\x88W\xde-+\xba\xe5\x18\x8e\xe4\xa0'</t>
  </si>
  <si>
    <t>b'\x82\xeb\xa0\xc3(\xce\xb2Bz\xa1\xfeo.\xab\x1d]\xb7:\xa3\xcb=*-R\x91a\x01\xdf\x03\x8bY\xb8'</t>
  </si>
  <si>
    <t>b'\x8c\xc3#\xee\xaa@\xd8\xfa\x9aD\xd6\xfa\r8,W;\xe5`\xe4o\xfah\x97xn\x8e\x8b\x1a\xc0\xaa\xec'</t>
  </si>
  <si>
    <t>b'\xc3j\xc5\xec7\xe0\xf5\xefQ\xc7v\xd2\x13@\xa1\xa9\xd8D\xfb\xb0\x92\x0b\xe1\x9f\x0e\x81\x0c\x80\xd9n\xf2"'</t>
  </si>
  <si>
    <t>b'\xf9\xe2\xc3\xdd\x16\xdd\x85\t\xd2\n\x01\xbb\xac(!\x82\x1c\x1cd\xf0\x1eG\xe6\x08&gt;\xd3\x0b\x87\x1b\xd6\xa1\xde'</t>
  </si>
  <si>
    <t>b'\x00c\x1d\xc8KJ&amp;\xc6\xc6\xed\xa7\xf0\xbch\x1dXH{~c\x18q\xdcC.N\x9b\x95\x0f\xb0}\xce'</t>
  </si>
  <si>
    <t>b"b\x9d'\xe1\xac.\xfc\xcc\xa1\xc3\xb4v0}\x82B0 ?\x04i\xf7px\r\xb7\xd0\xa9\xf8\xe1j\xb3"</t>
  </si>
  <si>
    <t>b"\xe09\x05\xcf\x89\x0f\x89\xd2H\xd5\r^\xd0\xb8^\xa0\xc4\xdf\x8c\xe1\x95'=\xe0\xe4\x17\x0b\xf4\x91\x1c\xf0\xba"</t>
  </si>
  <si>
    <t>b"\x81l\x9a\x86\xea\xa5\x18\x9f}\xbf'\x96\x04\xafy\xd9\xee\xf7\xf6\x86\x03-5-\x0bO\xb7\x13\x9d\xb8 &amp;"</t>
  </si>
  <si>
    <t>b'L\x91\x19/\xe6Ya\xce\xc9\xb6\xe0\xc2\xcdm"Nf\x00]\xd4p,,L\x07)rN\xf4\x9f\xfc&amp;'</t>
  </si>
  <si>
    <t>b'B\xa2\xd2\x14\x1bjNy\x06\x82E\xd4\xd6\x98\x0ej\xda\xf9\x7f\xd4T\x7f\x14\xd1\x1e\xc0J\xc7\xe4\xfb\x9a\x80'</t>
  </si>
  <si>
    <t>b'\xdafA"\xe2\xa9\xcd8\x03\x99\xe5\x05\xc3K\xa8t\x84y\xec\xe9^\x02\xc6&gt;\x82&lt;\x8a\xda1\xae\x97V'</t>
  </si>
  <si>
    <t>b"\xe6\xbd\xdd\xe8+\xaa\x06\xb5p\xc4\x97&lt;x\x11\xd8v\xd9\xa2I%%;k\xb6\x0b'W\xec~\xc9\xab\xc9"</t>
  </si>
  <si>
    <t>b'\x88~q\x0fM5\x0fL4P\x88\xe0\xc7\xa9h\x90&amp;\xa4i\x8fy\x90\xbf\x04.\xe3\xa8\x18\xd33$G'</t>
  </si>
  <si>
    <t>b'\xe2}O\x90eA.\xae\xb8?;\xde\xd6\xfe\x1fI\x9a\xbajgDU6\xca\xae\x8f\x86\xf1\xb6\x94\xd2\xf9'</t>
  </si>
  <si>
    <t>b'[x\xf2\xadY\x96,OIohXQ\xb4~\xad\x86\x83\xcdc\x07\x195\xe82s\x95\xaeiF\x8ar'</t>
  </si>
  <si>
    <t>b'*j\xbf$X+z\xeac\xf0\xbc\xab\xff\xd7\xe7\x8d\xd8sc\xce\xd5\x17\x82\x92iY\x9dZ+\xbfGj'</t>
  </si>
  <si>
    <t>b'*n\xc0"}\xaa\x01~8\xa0\xa7\xc7\xeb\x9a\xf6;7\xe8,5Ch\xd0X|\x18\x1fJzFl\x9f'</t>
  </si>
  <si>
    <t>b'K!\x99\x90\xfb\x11\x13\xa4\xf8\xe9\x08\xc8\x11/\x8c\xb7\xa8\xfe\x17\\\xcc@\x81-\xbc\x00\x9d\x01\xd2Q_\xf5'</t>
  </si>
  <si>
    <t>b'\x92\xa6\xde\x08c\xd1J\xe5\xbd\x01\x88\x91\x10?\xbc\x17`P\xcdh\x14tX4\x83\xb4!s\x17]\x81\xf4'</t>
  </si>
  <si>
    <t>b"CrA|\xe0R!\x00S-'\xdan\xf7j\xf2\x8bP7%R\xa0B\xdcNJz\xbb\x11v~\xb8"</t>
  </si>
  <si>
    <t>b'2L\x9c\xd6j1\x84,\x1eo\xfaK\xd9n\xc5\xbd\r\xc2U\xf5I\x8btaz\xa4\xdc\x92\r\xe9oL'</t>
  </si>
  <si>
    <t>b'c\xd9\xad\xdf|\x13\xcc\x8a\x07\x9f\xfcb\xf9\x8e\xf2\x0b\xb0D\xc1\xaf\x15\x96\xfe0h/\x8e?\xb9\x8b\xb8\xf6'</t>
  </si>
  <si>
    <t>b'K\xf9\xb4W9Y\xa3\xa0f\x19\xf7\xf3\xf0\xedB\xcdE\xe3v_\xf1\xb2\xe8p\x12\xa7\xbd\x05%|\tR'</t>
  </si>
  <si>
    <t>b'\x01\xb8\xadZm\xd0\xd8\x1eb\x81\x15\xd7\x9bu\xe4\x81\xd2\x9e\r\xfa\xb4\x13\xe6\x06\xef8\xd0t\xcfx\xb8\xcf'</t>
  </si>
  <si>
    <t>b'\x81KRd\x0c\x19 ~\x9fq\x12\xcd\x86|\xfe\xfb\xa5K]\xcfU\xf6\x12!\xa3g.\x01W\xe3G\x12'</t>
  </si>
  <si>
    <t>b'3\xe4r\xb4\xa9M\xd7\xd1\x1f\xa0\xd4\xfe\xe6f. \xc6Pjr\x9d\xa2\xd4\x10m{\x19\xacYs\xe6i'</t>
  </si>
  <si>
    <t>b'\x13Lw\x96\xa0\x1da\x82\xc1\xfcN\x19\x91\xd9s\xb0n}_^\xfc\xb5\xbcIz\x01\xb4\\\xb0_&amp;\x11'</t>
  </si>
  <si>
    <t>b'\x89\xf8\xf51\xea&gt;\xd4c\x99yN\xed\xef\x14\xc2\xeeG\x14\xab\xb9\x8c\xb5(e\xf4^\x16\x98\xb1\xfc\xb6\xe6'</t>
  </si>
  <si>
    <t>b'\x08\xc1p0\x1e\xa6\xbe\xa8-J\n\xab\xbf\xb3\xd7\x103\xefb\x19\x8b\xbfi\xc2+v\x18\xc7\x99\xd4_)'</t>
  </si>
  <si>
    <t>b'\xd3N \xcd\xe3S\xc6}Y\xc3"\xb9\x02\xffZ\xf8\xaaC\x1df@\x1b\xa1\t\xe4u\xce\xabtK\x8c\x04'</t>
  </si>
  <si>
    <t>b')\x13)\xca\xf2\x8d\xff\xa9\xcd\xd2\x99\xbcO\xf3\x17+\xfd\xfa2suILE\x9b\xcc\xa7\x1d\xf5\x17\x15\xf4'</t>
  </si>
  <si>
    <t>b'.\xe7\xc0\x1f\xf0Mh\xd3U\x1dg\x1bX_\x8c\xa1\x86Z\x13\xd7\xbd\x8c\x1c\x04\x072\xa9\xaa\xdb70w'</t>
  </si>
  <si>
    <t>b'\x86\x8d\xc0=\x15i\x1e\xd0\xfe\xbf\xec\xae@%p_7\x16\xb1\xe6d\x0b\x9a\xf1\xa4\xa7\xbc}\x15?D\xa7'</t>
  </si>
  <si>
    <t>b"\x98\x19'\x1ao\x92\xa3\x02rk\xb7\x82\xf6\xe6\x90\x18\xedN\x8b\xfbV-\x97\x88\x04k\x000\x91x\x11\x17"</t>
  </si>
  <si>
    <t>b'\xb4v\x87G\xc7\xe3\x0eB@W\xd7\xd1q\x82\xa1Q\x998\x1d\xf6\xa4a}R+ \xf9\xe3\x96&lt;\xa4\xf8'</t>
  </si>
  <si>
    <t>b's@\xc2\xe1\xf3\xe8\xf5\xbe\xdc@\xc7\x1e\xd8v\xf8\xc8\xa5\xd6:,\xc2c\xad!Z\xda\xb0o\xfeZ\xb18'</t>
  </si>
  <si>
    <t>b'\xd5\xcf8peV\x895\xce\xceTv\xb0\x14\xb2\xb3\xa4\x80\x7f\xe3\xd03\x8d\xd4\x8d\xb1npg\x18,\xf2'</t>
  </si>
  <si>
    <t>b"\xa1-\xca&lt;\x10PY\xbf\xdcT\xf4'wq\x9c\x85\xb5\x18\x0fT\xa0\xbd\xbb\xdbN\xe3\xf3\xab\xb7?Q{"</t>
  </si>
  <si>
    <t>b'n_\xfc\x96KFj\x9c\xfaPn/\xb1\x12\xde6\x844\xbe$\x99\xa98\x08\xb4*\x9f\x9c\xa2\xa5\xeb\xee'</t>
  </si>
  <si>
    <t>b'\xe7\xd5&lt;\xce\xbb\ny\xec\xa5^I\xb0?.{\xc6\xf4\x99\n\xd3D}\xb1\x02\xbf*\x17&lt;\xea\xb4\xf8C'</t>
  </si>
  <si>
    <t>b'\xcc4)\xe6\xcdyKw\x93{\x06\xc9\x90\x8e\x1d\x89rH\xb31\x7f\xf6\xe2Dj\xc4\x84\x8b7\x1d^\xe3'</t>
  </si>
  <si>
    <t>b'Q\xce\xe3\xca\x81\xf9S"6\xf5\xd2y\xf2\xc9\x9a\xad\xa0_\x8c\xfc\xaf[\xd3\xff\x80_\xe0;K\xbc6\x15'</t>
  </si>
  <si>
    <t>b';\x83{\x14KP\xf8\xe2\x14d\xae\x8b!\x90b|\xa7\rF\x8aO\x17\x1c\xa1\xe3\x800N\x1c\x06Kr'</t>
  </si>
  <si>
    <t>b'1\xc3#"\xd3s@\xf5\xda\x07\xee;\xc2K\x95\xcd\x99\xbeO\\8\x15\x95\xa8\x971\xc0\xdc\x83\x94 4'</t>
  </si>
  <si>
    <t>b'\xb5\xe0\xf4\xe8\xdf !G\xef\xd0\xd9k\xda~(e*\x145\x83\xb3\xb1\xfc\xae\xfen\xde\xf5e\xcf\x85\x8a'</t>
  </si>
  <si>
    <t>b'TK\x85\x96\xb3\x03\x9ao\x1f7A9E\xed\x1d\x19\x10\xf0Z\x84\xc2\xe5\x98}^\x07\xdd-\xc3\x0cX\xb1'</t>
  </si>
  <si>
    <t>b'@"uF1/\x13\xb2\x0e\x0b{\xe3\x94&gt;8=\x11B\xc9\x1f\xf7\xab\xa0\xe0\xc3&amp;\x00\xb8=\ta4'</t>
  </si>
  <si>
    <t>b'Nv\xe08j\n\x12\xdc\x1f\x19\xf1\xab(\xc4\x17\xad}\x96$Bm\x18=\xfe\xe6\xdcWn\xb7\xde\xcc\x7f'</t>
  </si>
  <si>
    <t>b'\x8a$sb\x1a1\xd2\xbc\xde\xf7\xc7]\x10v\x07w\xd8\xa3\xc9\xa3\xa4\xde\xf4,&amp;V?\xa8\xa5\x9b\x9b\x03'</t>
  </si>
  <si>
    <t>b'\xc8)\xc0\x93\xc7\x8d&lt;\xab\xd5\xf77%A\xb9\xc8\x987 \xffS\x16l\x96\xa16\x86yvQ\xb0\xbf\x8a'</t>
  </si>
  <si>
    <t>b'2\xcaHw/\xb4Zh\x13\xa5\xc59\xb2\xfb\x98\xf6%\x89\x1f\xaf~\xe3\x8ahQ\x11\xc8P_C\xf2\x01'</t>
  </si>
  <si>
    <t>b'\xc4\xee\xaa:n\r\xcd3\xc6[\xebzC\x19!4\x8c\x98\xd9|8\xc8[ \x94R\x1d\xd53\x9f3)'</t>
  </si>
  <si>
    <t>b'Q\xbd\xde\xc2\x8cC\xc2\xe9\xe8\x95\xa0@\xd5\xce\xcel\xc0\x8fR\x19\x93\xf5\xa00&gt;\x1e\xd1Kg\xd7\xf0\xc7'</t>
  </si>
  <si>
    <t>b'JX\xb2\xfebn\xb49B\xc0\xf3b\xad\x15L7\x9f=\x84\x05H\xf8m\x9a\x8f\n\xce\xb2\xea5\xda\x9b'</t>
  </si>
  <si>
    <t>b'[\xa6\xd3N\xf5\xae\xc4\xac\xd2\xb0r\x19}\x95\xdb\xd2\xe1\x86\x88\x81\xdf\x12\xf2\xea\x7f\xb5\xa0\xf2\xaf\x96\xe9)'</t>
  </si>
  <si>
    <t>b'=\xcd\x10\xf3\xcbv\x0f\xf4pu\x8e@\xd7[\xdc\xd9oT\r\x11\x15S65\xf7\x83&gt;5^\x0f#\xab'</t>
  </si>
  <si>
    <t>b'9\xb7\xe8\xc9\xfb\xf8*\xe9\x88\x9a}F\xdf\xfb\x7f`0\x96Z:\xfe\x03\xaa\x0c\xd1\xb8\x1fI)\x8e\x01\x82'</t>
  </si>
  <si>
    <t>b'\xbc\xde\xad\xf7\x9f\xa6\xfcCI\xa7\x8a\x186\x1a\xecJ\xf74\xb4\x15\xb9\xa8#,cx\xfe\xb8|\x91\x16w'</t>
  </si>
  <si>
    <t>b"{',\x1f\xf9%O\xdb\x8b=\x93\xa6\xf9\xd8\xcb\xfc\xd0\r\xaa\xebW\xb5\xf1u\t\xa3\x0c\xd9A)C\x9e"</t>
  </si>
  <si>
    <t>b'\x1f\x0fr\x9c\x90\x1d\xa5\x9e\xd3}7\xae\x0b0\x12.g\xe1\xe6\x9d\xbe\x87\xc1\xcap\xb1^\xa2g\x80\x97P'</t>
  </si>
  <si>
    <t>b'\xc1\x13L\xa4\xe0\xbf\x01\xf3\x93\xf6D\xb3\xfc`\\|\xda\xc4\x9be\xb3\xfe\xa1\xf5\x8d\xb35l(\xa3^\xc4'</t>
  </si>
  <si>
    <t>b"\x05gA\x84\xd98\xeb\xedic[(S\x85['G?\x9e&amp;\xe7&lt;\xc7m\x00\xb3\xa9\xd5\x98\xfd%\x9b"</t>
  </si>
  <si>
    <t>b'&lt;.\xf9\xce\xd7\xaa\x8d6\x99\xf6\t\x8f\x13V\xfd\xab"\xfd~\xa4\x14[\x94,\x0b)G\xf3\x89\xe2j\x0c'</t>
  </si>
  <si>
    <t>b'\xe3\xcf\xa0\x13\xc5"\x02I\xda\x8cR\x8d\xf1\xd2\x98\xed\xc2\x0c\xe4\xdc\x05A\x85d\xc6\xc0\xc5\xe4\x1eM\xf7\x1d'</t>
  </si>
  <si>
    <t>b'1\x9a\x9b\x9f\x04\xc4\x13\xe7\xeeNa4\xdc\t\x8d\\\xae\xf6\xcd?\x1a\xd1\xdd\xfb\x10=\x1a\nXvP&amp;'</t>
  </si>
  <si>
    <t>b';\xb1\xd5hZ)\xda\xb3\x80\xadu!\xa3tcvE\x0c\xc6\x863A\x10\xaa\x8fEs1r\xe0\x8dw'</t>
  </si>
  <si>
    <t>b"\x84\xed\x93h\xad\xff\x17\xcd\xa1xY\xeeerK\xae=\xeb\x891%S\xc3\x86\xf6\xecT\xf9\xe0'&gt;\x92"</t>
  </si>
  <si>
    <t>b'-\x12\xcfl\x93(v\xa6F\xfc\x07\xfaQ\x8a\x05ui\xcdn\x9b?\x9a\xb3%\x85k;\x8e\xfd\x8bQ\xfc'</t>
  </si>
  <si>
    <t>b'\x9eQ\xc6\xca\x0eX1\tbu\xf0\xd8(\xfbO\xad\xb0_\x7f\x0e\xdb\x81\xe9\x8fS\x82AI\xfd|\x1e\xbd'</t>
  </si>
  <si>
    <t>b'\x12\'~\xe4\x88\xaf=/S"\x1c.\xe9O\xb1{\xc0\xe4\xa7}\xc0@\xae\x9d\x9c\xc1 \xa9\x9b\xb7\xe1\xc2'</t>
  </si>
  <si>
    <t>b'r\xeb\xe5\xbdW\x18\x9d\x05\xef\x9d\xa4\x02\x84\xbfw\xc4\xd7\xea\xec \x7fw\xad:\xd0?\x07Qo\xc3\xbfF'</t>
  </si>
  <si>
    <t>b'\x99\x1d\xf0\xf6\x01\xf9\x8e\x89 \xcb\xb5\x94%z\x18\xfd;Po\xe1z\xef\xc4Uq\x83\x82\xf5\x13\xa1\xdd0'</t>
  </si>
  <si>
    <t>b'|\x9az\xafi?**\xa7\xff\xadF\x1aa\x80\xb1\xb2\xb3\x10U\xcc\r\xcef\xb8\x9a\xad\xf6b+\xde\xa4'</t>
  </si>
  <si>
    <t>b'\xb3*\xa34\xff+\xfc\x0c\xddG\x9f\x9d@:\xfa\xcbD\x00a\xf2\xdb\xea\xec%\xbd;\x18\x12\xb3a\xef4'</t>
  </si>
  <si>
    <t>b'\xf9\xe9Ak\xfc\xe71f\xd1K\xef\xbf\x14\xa9\xba\xfbi\xfb\x12\xb3bR\x8fm\xba\xd1\xbe\xe7\xfbe\xdbj'</t>
  </si>
  <si>
    <t>049xx</t>
  </si>
  <si>
    <t>b'\xf2_\xcc\xd5OS\xc4O\x87\x1f\x89\xdd\xa3L&lt;E~9r\xe9\xdf\xf5\xfb\xca\xf7!`\x98\x98v\xaf,'</t>
  </si>
  <si>
    <t>b'\nG[\x19\x9f&amp;\xd2&gt;\xb9\x1d_\x11\t\x0eIS\xc8\xc5}\xb0\x1c08\xb5\x1b\xf6\xaa\x1eJ\xcd\xb4\xf1'</t>
  </si>
  <si>
    <t>b'k$\x10\x98\x85u\xd8\xccQ\xf8\\\xe0\x1b\x07R\x8eH\xb0W\x83\xd6A\xe4/\x9f\x16\xd0\xb6\xba\xdaHJ'</t>
  </si>
  <si>
    <t>b'&gt;\x92\xc12\xbd\x17\x8e\xa9\xbe\xe6\xa1\xe1v\x9bK\n\xef\x1ew\x01W\xacO\x08\xc6\xcb\xb7\xe7+\xf25\xc5'</t>
  </si>
  <si>
    <t>b'\xe1\xdd\x98\xceuK(\xcf\xb9\xc6\xd2\xc7\x1e\x97\xe9\xf1\x81)v\xd1\xe3\t\x93\xd0m\xd5\x90\x9b\x8bE\x03H'</t>
  </si>
  <si>
    <t>b'\xb4M\xce\xb54\xe0\xca|\xdb\xdf\xa8,\xe1\x85\xd2\x15f\xf7\xda\x1c\xf4`J}\xe9\xc5:\x92Y\xeb\xb29'</t>
  </si>
  <si>
    <t>b'\xd8-\xe9\x17\x89\x91\xdaG\xd0\xd1+\x83\x1cw\x864\xbd\xdb\x9ax]\x8b\xaf~\xd7\xe8*\xcb\xaeo\xf2\xa1'</t>
  </si>
  <si>
    <t>b'7\xd9\xce\r\xa5v6\xcd\xc03\xb3V\xe1\xc8\xafS\xcc|\xba\xdb}\x06Ep\x9aQ\xe9\x860\x14:i'</t>
  </si>
  <si>
    <t>b"p\xa5\xef\x88=\x06\x1a\xb9\xca]\xbc'\xdb=n\x88\xb0]\xe1XU\xbf\xa6.\xd0\xa3\xbd\x99\xb8l\xda\x95"</t>
  </si>
  <si>
    <t>b'\x9a\x16\xdf\xd5\xb8\x17\x9c\xa7J\x94S.\xd3\xd3\xc6\xb2A\x953\x8d\xb0\x85\xdc\xc1\xd7\x044\x02\xc5\xa6\x98q'</t>
  </si>
  <si>
    <t>b'x\xd9\xce\r\r\x06\x82\xcc\xca\xf4\xd4k\xbdp\xad]\x828&gt;\x88\xfcc\x80\x9b\xfa\xd5(\xeb\x11\x99\xc61'</t>
  </si>
  <si>
    <t>b'\xdf\xe1\xd3W\xe2H\xc1\xc1\xcb.\xba\xd8\x80L\xc9S\x15y\x1e\xf90jj\xb0\x85\xe6\xf27o\xd2u\xe1'</t>
  </si>
  <si>
    <t>b'3\x19\xe7\x91\xf7G\xfb\x7f\xdeth\x9655\x1a\x08\x88&gt;\x07\xc7\xe7\xf1\x074T\x8c\x91\xfcL\xc0PG'</t>
  </si>
  <si>
    <t>b'\xc3\xc3g\x99iT+\x1c\xfe\xfe\x85lF\xf8\xea\xa8Y6O\x0e,\xee\x10\xe4\xfa\xaa\xff\x82\xef\x9e\x16\xd6'</t>
  </si>
  <si>
    <t>b'\xecU\xd1\xf4\xc0\xb4L\x14=\x9eJM\xee7\x05\x05\x02 \xbe\x8e\xc9\xf4\xb5\xf3\x86[*\xa0\xc8V\xe9I'</t>
  </si>
  <si>
    <t>b'\xb0}|V\x7f\x8f7\x8d$Z\xf0\x0bwbw`\x9b\xc4\xf2\x1bR\xd8\x17x\x99\x85\x8bf9\xbe)]'</t>
  </si>
  <si>
    <t>b'\xa7,\x95\xc4m\rM\xe9\xf1\x8dFo\xa7v\xe9\xf1\xaa\xbf,\x1f\x12\xe4\x14\xe4\x11\xa7\xe1\xfbf]\t\xa9'</t>
  </si>
  <si>
    <t>b":\xc5\xb1BM\x0ew_&gt;\x00[\x1e|A\x18\x17\xe9\x9d?\xc4\x0f\x83'\xec\xc7\x07\xfa\t\x889\x9a\x11"</t>
  </si>
  <si>
    <t>b'\x82O\x95\xf8*$\xeb\x01\x13\xea\x82\x89w\xa1\xfa\x93\x06\x89\x85\x14\xb5-$7\x83E\x7f\xe3](\xa3\xd9'</t>
  </si>
  <si>
    <t>b'\xf0\xdd\x1c\xe89\xe7u\xfe\xf4*KF\x88\x0c=,\xc2\xee\xbeV8\x10\xe6\x9e\x17xD\xa2\xb9\x97f\xe6'</t>
  </si>
  <si>
    <t>b'\xe7\x88\x809m\xc8\x8a\x87\xbd\x0f\x84\xffI\x1d\xb5d\x8bwA\xe94\xfe\x7f1f\xa6\xf9\xff\x07\xe7\x85\x05'</t>
  </si>
  <si>
    <t>b"\xab\xec\x1bB\x83j\x998Y\xfd\xab^t}\xdf\xa2\x06\xeae\xa4'\xc9A\xc4\xa1}\xc256F\x9e;"</t>
  </si>
  <si>
    <t>b'\x1a\xad\x17\x94O\xad\xf4\xec\x08K\xed\xf43\xcd\x16\xc2\xd3\xd1\xb7Vp\xd1X\xe6\x9b\x00\xaf!f!\x91\x19'</t>
  </si>
  <si>
    <t>b'+)D\xa6\xecHA_\x0e\xa3\xeb\x7f@\x1f\xfa\xc01F;\x98\xe3e_\x13\xa9J{,\x83\x81\xc42'</t>
  </si>
  <si>
    <t>b'3\xee\xae\x94\x1d\xc1\xfa\x81\xe2{\xc8\xfb\xbb\xe6\xba\xba\xc5m\xbdO\x82m\xcbfA\xd4\n`\x945\xd0\x8c'</t>
  </si>
  <si>
    <t>b'\xbfL`\xbd\x85\xc9\x05]\x04\x92\xe6\xc2\xb8\x8b&gt;a\x9an\x90\xb6\x06\x95:\xddv\x97\xa1\xa7\x92\x90\x81B'</t>
  </si>
  <si>
    <t>b'\xf6\xf2?g\x9f\xe7^\xf7\xc3~\x0e\x9eR`X\xff\x88\x15w\xd5\xa3ICr\x8c\x15\x12\xe9\xe4\xec\x01\x9b'</t>
  </si>
  <si>
    <t>b'\x98\x04t\xe9l\xe0\xa8\xbe\xa1A\x1e\x87;J\x85o\x1b5\xc8\xd8~\x90\x95\xe9\xb5\xdfV\xe1\x11\xa9\x8f\xba'</t>
  </si>
  <si>
    <t>b'\xb2\xb9\x8d\xb7B\xbc(\nkNG\xec\xad\xddU\x98\x99(:\x04`\xf1\xd2\xf8\xe4\xc6\xde\xa5\x1e\x0bv0'</t>
  </si>
  <si>
    <t>b'D\xcc`\x88\x87\xf4E\x9a\x15\xd6\x8d\x03\xef\xffFA\x05\xbd\xec:\xad\xf6\xd6\x16:\x0e\x9c\x93\xd2\x8c\xf2\x12'</t>
  </si>
  <si>
    <t>042xx</t>
  </si>
  <si>
    <t>b']\x9f\xac\x98\xaa\xd0\x94\xf0\xd5m\xf4\xf1\x94\x99&lt;7u1\x85\xed\x06M\x9eW\x91\xf8\xb56*\xb6\xd3&amp;'</t>
  </si>
  <si>
    <t>b')\x12\xd1f\x08\xfa"\xf0\xa3\xa9\xae\x03\xaa\xceN\xf6\x8b!\xbb5\xd8\xc9\x1aW\x1f?\xdbQ\xeexln'</t>
  </si>
  <si>
    <t>b'zN\x84]\xb2$hE\x0eO\xbf\xf3\xbc\xad\xa4\xb8\x0e9\xa1b.2\x94\xd9\xa8\xf5a\x97\x91\x96\xf7Q'</t>
  </si>
  <si>
    <t>b'\x1fb"\xc9Y\xbc\xdf\xdf:f\x1e1{\x0e\x8av\xe8}\x00=\xea5\xe8\xe6\xb2Y\x94\x94\x1a\xb4\xef\xb8'</t>
  </si>
  <si>
    <t>b'\xdf\tV\xbe\x93\xd3Ii\x0f\x15o\xaem\x99\xe7&gt;P\x84Mx&amp;F6\xd4\x99 \xa7\x0foz\xfa}'</t>
  </si>
  <si>
    <t>b'\x8e&amp;Q\x1b&lt;\xd5\xd4%\x15u\x81\xa8\x01M\xfa\xb4\xec\xb1\xafY\t7\xbf\xcdJ\xaa\xb6\x1a\xb8\xbe-\x90'</t>
  </si>
  <si>
    <t>b"o\x94\xb9r\xec|\xf3N\x02\x99\x1a\xce\xd1\x1e'\xec`\x04Ts\xef\xbf\xe9\xf7\xe8\xe6\r\x9d\xce9@b"</t>
  </si>
  <si>
    <t>b'i\x82XP\xd9{\x13\xe6\x89\xa4\xff\x91\xd3\x87\xc6\x01\xcf}\xfb\x082\xe2\x05/\x89\xe9\x97+\xd1\x87&gt;\xdb'</t>
  </si>
  <si>
    <t>b"@\x9d\xd9\x14'lG\x91\x9au\xa1yo\x08\x0c!\xc7\x944\xab\xe7\x8a\xa3~\xdc\xa8NYiJ3\x04"</t>
  </si>
  <si>
    <t>b'e\x92\x8bJ\x0f6\xa6;w\xab\xcch\xbcb\xf1\xed\x9aF\xdd\x8ev\xce\xfa\xf9\x18\x02\xe8`3\x89N_'</t>
  </si>
  <si>
    <t>b'3\xf9)\x8d\x9dPk\xc3\xa6\x8a`\xee6#\x14\x85W7\x9f\x0c!\x85\x17\xb4\\\x0e\x07ZQc\r\xe3'</t>
  </si>
  <si>
    <t>b'}\xdd\xc9\xbf}B\xa4\x93\xad\xa8\xa5\xdb\xca6X\x0b\xc7\x11}@\x15\x82\xcf~v\xae\x80|\x82\xfd\xcd"'</t>
  </si>
  <si>
    <t>b'\x8fJ.\xba\x11H\xf1Q\x92\xde%\xd2\xccS\xcf)\xda7\xdf\xc0f kk&gt;\x8b\x1c\x81\x98\x0c&lt;\xcd'</t>
  </si>
  <si>
    <t>b"\xea\x16\x84\xd1`3\xc8\xfa\xd7ty\xf1\xcc\xf3\n\x7fq\xce/~\x11'\x83\xbd\xf1\xdb\t\xde\x8e\xa6\x9b}"</t>
  </si>
  <si>
    <t>b'\xec!\xf0.\xb08$\xdc\xb2\x87\xf4\xc8"\xcf\x0fB\xea\xf1`\x13\xdc\x1d\xca\x9e\x8e\xeda\xe0\x8d\xbc\xedh'</t>
  </si>
  <si>
    <t>b"g\xb1\xe6\x97'l\xc9\x1a\xf5S0\x93\x18F8~\xfa\xfd\xc3\x93\xb1=\xcf\x1d\xbfC\x13\xfftq\xb9\x91"</t>
  </si>
  <si>
    <t>b'\x98\xc3N\xe8\xee\xfe8N\xd5\t\xf46\xe0!\x1c@\t\xf1\x07VS\x0f\x0f \xa3\x1d&gt;n\xb8B\x89\xcf'</t>
  </si>
  <si>
    <t>b'\xba(P\xb6\x01\x1bo\xb6\xe4\xf5\xa7\xd3\xdd\xb8\x97\x1dr3\x15\xd1\x0b#\xff\xad|\x19\xa8\x90d\xfd ,'</t>
  </si>
  <si>
    <t>b'\xdb\xf7,B%\x8f-\x1b\xd5\xc1\x98[-\x00\x96k\xdc\x16\xc1\xd9*\x8b\xe2\x151U\xd3*\x99M!\xc8'</t>
  </si>
  <si>
    <t>b'v\x15\xe3\r\xda\xaf\x11}`\xfc\xb2n\x9bV\xa0\xde\x91P\xa9\xab3\x19\xb8\xb7\xc1y\x05\xa7\x00\x831\xcc'</t>
  </si>
  <si>
    <t>b'T\x91\xa2B\x11\x0bH\xdb\xee\xc2\xaa 6\xef\x80\xc2q#\xcf?\xbe\xd4?\xf6\xe6q\x8f\x1f\xcb\x12\xe9\xf4'</t>
  </si>
  <si>
    <t>b'5~\x0c`\xe4d\xda)6rMGb2f\xed\xe9\x9c\xd9\x95\xaf\xa7\xa0{\n\xb6\xb0\x9b\xfd\xbc\xe8t'</t>
  </si>
  <si>
    <t>b'\xcb\xfa\xff\x85\xf4\x8b\xe4\xbd\xaa\xdc\xc1\xdd\xeb\x0f2\xceb\x03\x0e\xff\xfex_\x00\xeb\x07\x06\x85\x1d\xb4\xad\x87'</t>
  </si>
  <si>
    <t>b'\xe9\x01\xe6\xc7\xee\xfe\x89\x16\x1c\x07\x19\xa2:PW\x818D\xf830F\xca/n\xb5B\xef\xf7\xdf&amp;\x05'</t>
  </si>
  <si>
    <t>b'\xd6\x93\xf3\x7f\xb2\x04\x9f\xa7\n\x13\x81\x9f\x83\x8f\x0b\xa3\xda\xc2\x9bn\x88\xc0@\x83P\x1a\x828i\xd4\x99A'</t>
  </si>
  <si>
    <t>b"ZAO\x90\xe1\xb3\xa5_\xe6\xa8\xd8\x1e\x9b\xb1~\xbf\xf4dc\xc5\xbeV\xc5'Z\xe8\xe938z\xcc\xca"</t>
  </si>
  <si>
    <t>b'\xa9g\x04W\x9be(SV\x1a\xe4\xe4\r\xd9l \xb6\x12X\x9cc\xb5,0X\xde\x94\x9a\x7fCf\xcc'</t>
  </si>
  <si>
    <t>b'\xc6\xcfg\x8d\xfe\xc3\xe5\x06\xd4+\x1bz%\xb3\xed\xf2\x9b\xe0\x81-!\\n\xa7&lt;\xf5(X\xccO\xe9\xe2'</t>
  </si>
  <si>
    <t>b'f-&gt;\x8d\xf41B\x8f$\x8dW\x03\x7f\x10(N\x87e\xab,q\xf7\xa8&amp;\xd9B@\x89\xa7\x84\x97\x1c'</t>
  </si>
  <si>
    <t>b'\xee0\x071\xa3n\xcd\xc5@}\xdb:X\\\xf1\x17\xa2\x08h|P\r\xc6R\xe2\xa7\xf3\x95p\r3\x9b'</t>
  </si>
  <si>
    <t>b'\x85\x1f)\xfe\x05\x05\x0f\xdc\x90*\x991\xa4Z\xbcX\x15gf`\xb4\xbf\x89L\x14\xe9\xd4\xeb\x92\xdc\xda\x80'</t>
  </si>
  <si>
    <t>b'\x0b\xc6\x95G\x8d\xba\x18\x97fr\xdbs`\xacN\xa6\x8a\xdf0\x8c\x8f&lt;\xd5s\x89\x94[\x8e@N\xa0\x17'</t>
  </si>
  <si>
    <t>b'\x12\xba\x01#FCV\xa4\xe0\x9b\x99l\xc6I*&amp;\xb3\x12\x91\xf1B\x19\xf9\x12\x1a\xa8\x05\xffv&gt;\xc3\x12'</t>
  </si>
  <si>
    <t>b'\xde\x10\x0b\xd0x\xfb\xdf\x1b)(\xfb\xc3\xd0\xeaU\xc7\xedO\xb4o\x86F~@\xcd\x8b\xd4\x0bj\xbdu\xdb'</t>
  </si>
  <si>
    <t>b'8,\x8f\xad0\xee\xa2VB\xc1\xfd\xc0_M\xc1\x0eQ\xe0\xa9\x1b\xd5\xed&lt;\x83\x88{4\xb58\xe4^"'</t>
  </si>
  <si>
    <t>b'd\x19A\xf9\xdbmmDL\x97\xb7R\x05\x99fS\xc8\x17\xdb\xfc\xa4j3"\x95b\x88\xc4\t\x1a6\x08'</t>
  </si>
  <si>
    <t>b'\xcbx\x1d\xca%\xe0\t\x95\xe2ik\xb8\xad\xa4\xaf`\xd6\xc3\xe9\xd2\x12\x98\xd2b\t \xf2G.2\x0c{'</t>
  </si>
  <si>
    <t>b'\xac\xb1\xf1Ro\xf0\xc2y\x19\xe7\xa4\x99\x9d\x7fS8q\x02\xb1\xdb\xad\x06s\nLe\xb8\x86T\xb9ug'</t>
  </si>
  <si>
    <t>b'\xd9\xb7\xe18a\x01\xed\x02&amp;3\xc1\x7f+\xf2\xf7\xc6\xc0ne\xf0\xba\xfaSy\x03\xcd&amp;\xd6\x17\xbb6$'</t>
  </si>
  <si>
    <t>b'U\xaf$\xfb}\xd5\xbd\x12\xae\xe0&gt;p\xdcO\xcb\xf8\x00-,\x00\xc4@)\xcc\xf7\xb9![\x9f\\\x84\xd8'</t>
  </si>
  <si>
    <t>b'$\xa2(Wf`P:\x13#O;&amp;\xb2l\x94;\x83\x87]\x8d\x1ao?rL\x87\x84\xf28\xea\xed'</t>
  </si>
  <si>
    <t>b'q\xe9Q\x90\xbcu\xb38\xe72\xed\xd9\x96\xe0\x14\x1f\xadd\xe7_e\x809$,\xa6\xc1\x05\x9aJ\x8eO'</t>
  </si>
  <si>
    <t>b"0C!U\x8f\xd2x\xe5\xfcM\xc8\x89\xa9\x92s\xa1\x90\xe4\xf8{\x8a\xca\xfdg\x86'\x99Y\xa3\x07\x13\x8e"</t>
  </si>
  <si>
    <t>b'\x0c(\x1e\xd9^OxG\xc7\xfe\xad\xb2\xe5\xb0\xcf\x90V\xde$\\\xb4\x10\x02\xef\xb7R\xa2\xe1\x98;\x18\xa0'</t>
  </si>
  <si>
    <t>b'$\xab\xf1\x04Q\x800c!\xb1\x9b=g\xac\xa5\x92u\x87\xb0^\x1d(\xdd\xd2\x12\xe3\xae\xb7\x07\xf93\xee'</t>
  </si>
  <si>
    <t>b'\x83 l\xc4\x9e\xbf\xf5\xcbJ\xdfqF\x7f\xf3\x07\x03\x99\xa9\xee\x87\xa2\xc1\x96/\xd2&amp;(=(\xe0\x02F'</t>
  </si>
  <si>
    <t>b'L2\x8c\xdf\xfe\x1cQ\x8d\xa7\xf4\xc6j\xd2y\x1b\x12\\dZ\xfeyF\x99\xdf\xfc(\x1f\x95\xe6\x9e\xcb\xc5'</t>
  </si>
  <si>
    <t>b'\x12\x03\x05\xefz\xb9\x9f\x93\xcc\xf4\xbc\xac%\xc2\x9050\x11m\xe0\xbf&lt;u\x1d\x1fc\x8d\x88w]\xea\xaa'</t>
  </si>
  <si>
    <t>b"\xd8\x809fV&amp;\xb6,#\xfd\xe2\xd2\xa9\xfdZ\xafF2\x04\x0fx1\xec1\xa6'4\x16\xea\x07\x13o"</t>
  </si>
  <si>
    <t>b'\x05\xb7\\W\xa3.3s)\xe1\x98\xf3\xce\x9e3*\xbfz\xcd\x195\xed\x99\xb7\x94\x1d\xab&gt;\x90\xfc\xe3f'</t>
  </si>
  <si>
    <t>b'\x8a\x18\x9e\x87Q\xbcD\x94X\x15\xf9D#~\x8fD\xf0|\xd3\xf5@\x16M\nh\xc4#{FF~?'</t>
  </si>
  <si>
    <t>b'\xc373\x05\xa4\x1b+gy\x94a\x17\xd0\xc9N&lt;\n~&lt;fi~\x18\xeb\xd8UB\r\xf6\x9bE\x1c'</t>
  </si>
  <si>
    <t>b'\xe0T\xc4\x93\xd7\n\x9a,\xf3\x1buF]\xe9K\xea|o\x99\x87\xce\x03\xb6R\x8ek\xf8\xbe\x9d\x95\t\x8d'</t>
  </si>
  <si>
    <t>b'\x08\xb8\x8c\x01\t@z\x86$\xed\x03\x9e\x12S\xa2\x0f\xee\xefD\x98\xec\xe18\x84\xaa8\xcb~\x18\x93\xde*'</t>
  </si>
  <si>
    <t>b'\x9fN\xa6F\xc7\xd2\xfd\x13\xbc#\x9b\x92\xd1Z\xc8\x1b\x89\xe0\xef\xd0\x8e\xf3\x8ad\n2F (:93'</t>
  </si>
  <si>
    <t>b'\x0b\x94\xa7\xcf\xc9\x04\xa5\x8b\xec\xe4\t\x08h\xf1\xedG\x97\xb4,\x1ee\x84\xa4ak\x85\xac\x87\xe65l\x8f'</t>
  </si>
  <si>
    <t>b'k~\xdbip%u\t$v\xc4\xf3\x99\xe4\xe5\x0c\xfe\x0eH\x00\x04]o\xf5\x00\x8ag\xc8\xf6\xf8\x8d\xba'</t>
  </si>
  <si>
    <t>b'"\xcb}\xc0\x85\x8eE\xcb\x13\t\x84i\xc8\x1dn\xdfl\xed\x1e?\xca\xe1\x82d\xc5\xccg\xe2F\x9a\x10\xad'</t>
  </si>
  <si>
    <t>b'\xa5\x046^%0\xf6\xf1\xd3\xa5\xf2\xbc\xad\\\x8e\x9c\x97"\xa5)\xf2~\xe6\x14\xad\x17\xf0\x16q\xab@F'</t>
  </si>
  <si>
    <t>b'\x99\x1f\xaf\xff\xb0@Ei\xfe\x93g\xacz\xfbEE\xf6\xb7\x8f\xee\xf4\xbeY/\xf1Ha\xeaubm\x04'</t>
  </si>
  <si>
    <t>b'\x18H$\xc3jh\x9d7\xc0\xa4j\xab\xd1#jo\xe1;$\xf7\xebb\xd3p\xacn\x9bImmH$'</t>
  </si>
  <si>
    <t>b'\x99\x1fe\xd43\x0bs\xebP\xa1M\xda\xdb\x9anlJ\xc0\xb2Zb\xfd\x1c}\xf2\xa20\xc4_\xa2}I'</t>
  </si>
  <si>
    <t>b'\x84\xaa\xb2\x82U\xf4\x105\xc6\xeb\x8c\xc3Ey4\x7f\xea\xe0/\x91\xd7\xcfB\x17n\x8c\xb2\xc5e\xe9S\x8b'</t>
  </si>
  <si>
    <t>b"\xb1HD'\n~\xebp\xa7\x17^\xf1r\x1et\x14\x1b:\xf1\xcf\x02\xc40\xfa\x01\xc59\xa5\x12n:\xbc"</t>
  </si>
  <si>
    <t>b"\x17\x16\xad\x0ft\x8e7\xff\xa1\xb6\xfen\xa7\xba\x1b\xf0lSG\xec)\xa1'\xa6\x18,v\xc4\x0b0\x03\xba"</t>
  </si>
  <si>
    <t>b'RBUp6e\x90\x14\xb8=r\xdc=5Zt\x8f\xc4\x92\x8a\xf96\xab\x15\xcd\xdc\xd7\xac\x16\xa2\x8du'</t>
  </si>
  <si>
    <t>b'\x9aU\x84\x01\xf9]r\xf2\xec:\xc5\x9d\tF\xdf;\x04\xee\x06T\xd1&amp;:5\xd1Uy\xce\xfb\xcd\xaa\xbd'</t>
  </si>
  <si>
    <t>b'\x9b\x0b\xcco\xc0I\x8e\xc7\x16\xe9R\x13\xe1=\xcbSE\xfbe\xb1\xf5\x83b\xa6&amp;\xde#N\x13\xcd\xac\xa1'</t>
  </si>
  <si>
    <t>b'\xebAj\xe9\xe7\xb5\x02Z4\xa0&lt;f\xcc\xea=\xd1\xea\x85\x8b;\x12y\x95\xe5\x9e\xa5\xe1\x9f\xd1\x85\xb0\x7f'</t>
  </si>
  <si>
    <t>b'\xc3\xef\xae\xe1\xaf0\xcc\x87\xf5\xfed\xc6\xb9\xeb8\x87\xbc\xb0\x9d\x93\xd7\x83\xb2H\x82&lt;\x1aa\xb5\xf7D\n'</t>
  </si>
  <si>
    <t>b'm\x8a}_\xaf\rS\x85\x19e\xbc\xac\x92\xe5\xf2\xf8I\xea\x1a?\x1b3\xa8\xb3\xa92\x1fO\x9c\xe0\xebA'</t>
  </si>
  <si>
    <t>b'\xa5\x9cN\x86\xfbwyp&gt;\\LP\xaa\x1a\xe5Y\x02\x98\x12\xae-\xaf`\xfb\nB\xdc\xf8\xea?KG'</t>
  </si>
  <si>
    <t>b'\x11K\xd0K\x8dKVI\xe0\x12B\x87\xeb\x1bE\x02\xb6v\x1b\xed\xc2\x85d\x82L\xc4\xc9\x88\x02]nk'</t>
  </si>
  <si>
    <t>b'\xdd\xb6hy;+gW\xe6U\xbd\x03\x12a\xf2M\xa6\xa3"\xdeB`\t\xf4r\x00&amp;9\x92ykc'</t>
  </si>
  <si>
    <t>b'G_\x84\x0cU?\xfd\x18\xa7\x8c\xd5\x87\xcd;\xed\xa3\xc5U\xd3\x16\xa2\xa1\x8c\xd7\x07\n"n\xaf\xd8\xee\x90'</t>
  </si>
  <si>
    <t>b'e\xee\x17\x9d)\x8a\xe3\xdb\xeb\x7fh\xcc@\xd7\xb7\xda\xa5HV\x01P\x10\xad\x1cH\xaeG\xaek\xa5\x81\x87'</t>
  </si>
  <si>
    <t>b'\x86\xcb\x88\xde\xa4\xeb\x1b\xdej?\xc4\xfbf\xcaj\\\x88\x1ba{\xc9\xa2m\xf9\x04\x7f9\x11Ap\xd1\x81'</t>
  </si>
  <si>
    <t>b'%(}\x08\x80o@\xa7\x83j3^\x8f\xdc\xd5D-\xd5\xfd\x84\xa73\xef\x13Mf6|\xc15\xcc~'</t>
  </si>
  <si>
    <t>b'\xf9F\x94\xda]\xe1A$n;\x14\t\n\x85\x1bX\x7f\xdd\xc2\x0b#\nqe\xfe$|&gt;\x9b\xe9\x1b\xeb'</t>
  </si>
  <si>
    <t>b'v\xe6\xf98^\x9e\x84?{\xaa\xba,\x08G\\r\xb4n\x99\xb4m\xb1\x99U\xb4/&amp;\x88srDI'</t>
  </si>
  <si>
    <t>b'qU\x9d\xc2\x84\xe9\x87\x1di@$\x0fl\x8c\x1a\x98\xed\t\x83X\x1b\xe4\x0e\x91\xe2,\xdc_}s\xf0\x8c'</t>
  </si>
  <si>
    <t>b'\xcdr\x8d&lt;\xc5\xd8Q\x1e\x1a\x9bv\x1cn\xcbaHt\xbd\xe3A\x05\x941\xce\xf0\x15\xef#ZG\xde\x0c'</t>
  </si>
  <si>
    <t>b'ac\x1eD#y\xde\x94\xb8L G\xad\xceG\x85O\xfb\x8e\x98\xde0\xa2\x96\xb2\x12\x1a\x1a\xc0\xb8\xef\xa5'</t>
  </si>
  <si>
    <t>b'J3\xe3u\xb5$\xaf\x1e+\xd7\x7f\xaeWW\xb3\xcc\xdd\x9f\xa3\x0b\xb0\xd2\x0f"\xf2\x91\xbd\xdd\xa8\x1b\xf7\x80'</t>
  </si>
  <si>
    <t>b'J&amp;\x1e\x08\x0e\xa1Rzom\xc5D\xfd\x7f\xbc\x82U@\xf2\xd8\xda\xb4\xa1\xc1\x95\x12\xeb\xa4\x8dI\x08\\'</t>
  </si>
  <si>
    <t>b'l\xac&lt;)\x19\xda\xe3\xb5\xe4\xb4\xce\x17.-\xe8\xf4\xa1\xec\xe1\xc9}\xb2X\xd9\x9a\xdaa\xc8\x9cw\xc9\x97'</t>
  </si>
  <si>
    <t>b'v\xe7\xe7A\x1c\x1d\x13\x90k\x1e\xaav|\xb4\x1d\x124\x9a\xaf51 \x1d\xac5\xe7\n*7R\xa8='</t>
  </si>
  <si>
    <t>b',\xd8\xd0Q\xc2\x88\x84\xe3&gt;\x87\x7fY\xc02\x94\xaaD\xba\x83y\x10\xcc\x9a2\x9c\x90\xb9\xd4-\xcb\x7f\x1a'</t>
  </si>
  <si>
    <t>b'\xda\xb0p\xb1q\x13\xd0\xf6\xa4\xd1Ft\x00i\xd0\x9dK\x08\xe6:\x81N\xc3\xdc7\x02J\xf8\xd3\xd0Wb'</t>
  </si>
  <si>
    <t>b'\x91)*!k]\x96p\xc5\xfa\xb7\xb2\x11\x94\x8c\xbf;\xad\x07\x80\xb1+#cH\xb1\xcf\xf8]\x913['</t>
  </si>
  <si>
    <t>b'\xc3P\xe0\x861%C\xcaMd\'PB\xa4\x1dS("=(\xa35R1\xfbw\xe1\xc6F\xd1\x98^'</t>
  </si>
  <si>
    <t>b'\xceC\xf2\xba\x03\x981]\x83\xcb\xee\xcb\x0c&gt;\xe2\xcd\xa0p\xef\x8fn\xb1\xd9\xf0\x1e-\x9f\xa6$a:\xbd'</t>
  </si>
  <si>
    <t>b'MOdI&amp;TP\xa6\xef\xee?\x7f\xfe$.\xd8\xa0\x1d\xefI\x9d&lt;|\x89=%|\xf6_\x01\xdc\xef'</t>
  </si>
  <si>
    <t>b"\xa4\x9f\xc9\xd5\xe9HC\x12';|\x1ap\xe1t4\rf-\x1dR\xdd\x0f\xd5\x8f\xe3NNg\x0e\xf0\x06"</t>
  </si>
  <si>
    <t>b'\xd2\xd0`\x7f"\x84BJ\xd9\x03\xde\xf2\xdee \xbc\xc4\x9eVeKC\x91\x89\xb0.\x12\xb2\x95\xc1g~'</t>
  </si>
  <si>
    <t>b"VjY\x87f\x07,\xd2\xd3\xfcUf\xa3G\xe2\xff\xd5\xee:yl\xba\xecn\x15\r'\xf3x|\xc7G"</t>
  </si>
  <si>
    <t>b'\x19\xc9\xa9\xbe\xd3 \xbfl\xe1\x9d\x94A\x02\xc8\xa1\xce\xc9Y\x95\xb2\x89Q\xba5\x880\xf2c\xf5\xc7\xac#'</t>
  </si>
  <si>
    <t>b'\x83!\x8b\x7f\x90\xe79\xf4gH9\x96\xaaK\x93\xf4\x13\xb7Y\xd4\x0c105\x02J\xd0\xc4w\xf4\n\x0f'</t>
  </si>
  <si>
    <t>b'\x81\xf8\x88\xb7$&lt;\xe7D\xa2u\xd4P^\xa1[G~\xe0\xb8\x87=w"\xc7\xac\xa3\xe6\xc0\x05&gt;U\x8c'</t>
  </si>
  <si>
    <t>b'\xba@V\xf7\xa8\xa1\xc3Rh\x7f\xf5\xc9\xab\xd1f7\xca\tC\xca:\x0e\xd8V\x18\x8b\x1793\xadPw'</t>
  </si>
  <si>
    <t>b'\x1cy\x03\xf2\xc0\xabix\xe8\x14f\xd6i\xc0\xa2\xd1\xda\x7f\xa0\xf7u\xce\xcfiy^:$1N\x98\x8e'</t>
  </si>
  <si>
    <t>b'\x84\x1cS\x83\x1f\x8f.4\x9c\xdb\x88\x01(r\xda\x1d\xe3\xd3p\xb6"%4\xde\xf4\xec\xef\\\xea\x17\x14\x12'</t>
  </si>
  <si>
    <t>b'\xc7\x9f\xf6\xeaq\xabk:Q\xcb-b\xed\xbaC\x0f\xdf\x1e\x82\x08\xf5\xd5\x8b\xb7\xb8\xc2\xa9\x9b\x16\xb8\xf0Y'</t>
  </si>
  <si>
    <t>b'\xac\xd6\xe9\x10\x0f\xda\xc1\xc3\x92\x9a\xbb"tS\x96\xd6cm\xb3\xa3\xa2\xc7%iX\xd1q\x1c\xa1\xeam\xfd'</t>
  </si>
  <si>
    <t>b'\x1da\x81\xe9\x9b`\x08Y\xd1_\xb1\x08c\xf4\xad_\x86\x11\xda\xd9E\x8c\x18[K\xd6\x02N\x84\xa1^\xb1'</t>
  </si>
  <si>
    <t>b'o7K~\xe2\x1f\xca\xc0|\xc5W\x1f!\xdb\x9f\x9d#\xcc\x02\x14l\xfbt\xda\x05\x86\xba\xbe\x9fo\xc1\xf2'</t>
  </si>
  <si>
    <t>b'U\xcdx \xc8\xeb\xe0\xf7W(|\xf86G\x17p-\xbdg\xf4b7\xcc\xfd*k\xdek\xe5\x8c\x98\x96'</t>
  </si>
  <si>
    <t>b'\xc50\xe0\xc9\tE\x0e1\x10\xb4!h\xc9G\rN\xe4\x81\x15\x06&gt;\x86\x00\xd1\xda\xbe\x98\xba\t&gt;F\x05'</t>
  </si>
  <si>
    <t>b'\x8b2\xbf\xbe0t"d\xc974\x8a%\x91$ y\x86\xd4\x9e\xe1s;\x14\xb9NT\xba\xcc\x9f-\xec'</t>
  </si>
  <si>
    <t>b'\xaea\xc6\x8eY;\xff\x96asb\x11\xf3G\xecZue\x86\xfe\t\xcc\x92\xd9YN\x94\xcb\xa4\xe0\x06v'</t>
  </si>
  <si>
    <t>b'\x91h(\xe0\x98\x1cE\xe3\xd5\xca\xd9\x96E\x1c\x04\x12\x88\xb7%\xaeZ=tM\xec\x8e\xf9\n\nC4\x85'</t>
  </si>
  <si>
    <t>b'\xae\xdfw\x08\x91\x10\x86\xaf|\x852\x06dfI\xfc\xf3`\xad\x18\x11\xb5\xfa~\x10\x1eH\xe48\xcc\xf7\x94'</t>
  </si>
  <si>
    <t>b's\xb5\xe5\x85m\xbfL:\xee\xcd\xf8\x01\x03\x11\x97\xe7K\xeb;\xe2\xe3\r\xa6O\xf5^\x19\xe6|\x05=\xd2'</t>
  </si>
  <si>
    <t>b'\xb7\xc1r\xcfK\xd6G\xf8\x06H&gt;\xb0S\xa1\xb0\xdcg\x13\xd0\xcar\x97a\tc\xa2\xe1\xa7\xc3K\x978'</t>
  </si>
  <si>
    <t>b'\xd5\xf1\xd2\x9e\xb0\x0c\x1b\xc0\xc8^\xa1\x9e\xb4D\xae\x8c\xf2\xf4C\xdd\xbe5\x13po-5\xaa\xc4&lt;2\xd3'</t>
  </si>
  <si>
    <t>b"\x8a\x95\x81}\xe7M$\x05\xd2'\xa7\x84bP\xaeC&lt;}\x85\xdd[\x96\x85\xbcY\x12\x1d\xc0\xf8dg]"</t>
  </si>
  <si>
    <t>b'\xe8\xa9\xd2N\x83a&gt;E_\xde\x0f\xd6\x9c\xa0\x08\xc3\xe7\xbdj@A\x98\x8b\xd2\x8d\xb4$@\xc7\x8c\xb9;'</t>
  </si>
  <si>
    <t>b'z\x91\xbf\xcd\xbd\x9f"\xaf\xf1\x93lC,\xe0\x91\xa8\x82\x0c\x0cQk\x81\x1d\xb1\x00\x9d\x16Gf\x07\\&amp;'</t>
  </si>
  <si>
    <t>b'\x93\xfc\xc5P\xcc\xdd\xb9\x07\x04\xb1.\xd3\x0e\x9e\xd9\x8aHu\xc4q\x8a\x83\n4"~\xbf\xd5\x17\x95\x00\''</t>
  </si>
  <si>
    <t>b'\xfbOB\x93\xf8\x83\xda\xc6\x8b\x17-\xe4C~Q\x1d8up\x90\x03\xce\xd1\xe2v#\xb9b\nb\xe6$'</t>
  </si>
  <si>
    <t>b'\xe4\xd2\xfb\xd3\xed\x1d.4+\xbaUK\xb3\xe1C\xf9&amp;\xcc%\xe7}\xcf\x04\xcf\xabO\xb7\xb5\x00fw\xea'</t>
  </si>
  <si>
    <t>b"lK'\xf1\xb70\xb4\xb4\xdf\x9aF\xa3\x94*y\xb3\xef\xcf\xe9\x0b9\x1f\xd5\x16\x98\x16\x86\x00\xe4&lt;\x96\xf1"</t>
  </si>
  <si>
    <t>b'4\x10\x81#rs8r\n\xf1)\x82{t~\xcf\x8d@\xef\xb6\x86U1\xa1\x07\xa6\xe1!\x94Q%\x86'</t>
  </si>
  <si>
    <t>b'\xc3\xd7KT\xd7\xbf\x82\t\x93\x8bG\xae\xd7p\xd4\x9c\xd0\x1f!\xb1\x1a\x84\xb0M\xdb\x0cW\xdb:\xb0\x95~'</t>
  </si>
  <si>
    <t>b"\x97\xf5\x0f\\\xc0'\xac\x9agz\xce\xac\xa6\xae\x1d\x9f1\xd6+\x07\xbb~X\xd2\x11K\x19\xbcG\xdc\xe9O"</t>
  </si>
  <si>
    <t>b'\x80\xe6\xf8d\xc4X\xc1\x04\xb2\x03\x94i\xfe\xc7/\xbf\x7f\x13}\x98\xd4\xcaK9\xbd\xa5\x01a_\xa8&lt;M'</t>
  </si>
  <si>
    <t>b'U:\x98}\x87"G~,\xd1;\x9f\x1f\xc7\x8d;\x0e+\x8d\x85\xf1\x08\xf5Bm\xed\xdc\xe3gTY\xc1'</t>
  </si>
  <si>
    <t>b'L\xb6\x8b\xb2\xf4 \xb8\xb9\x7f\x8c\xbd\xa9\x07\x9a\xd7\xac\x84\xcf\xc8\xd75\xfc\xcc\xc5&gt;\xd4\xe6E\xab\x7f7\xc8'</t>
  </si>
  <si>
    <t>b'\xaa\xaf\x00\x9aS\xd4\xd3X\x8f\xb38cU\xa7\x06o\xc97\xac\xc2\xbe|\x14\xc4\x04\xe4\x91\xb2\xfaP\xf5\x18'</t>
  </si>
  <si>
    <t>b'\x0b\xc4\x18r;\xa61|\x99\xce\xaev\xf1\x96\xfa\x97\x8f\x07u\x90\xa6&lt;x\xb2ilu\xc1$Si\xcb'</t>
  </si>
  <si>
    <t>b'\xc6\xa1C\xcfb\x97\xda\xd1i\xccH\x95i\xd1\x9e&lt;\x1f\xa4\xdc\xdf\x9e\x90!K\x93m\xd7\xef\xd29\xbb\xbe'</t>
  </si>
  <si>
    <t>b'\xfab=P\x0e!S!B&amp;\xaf#9\x02r\xce\xf4 \xdf\xfd@\xdb\xbb\x0e\xba\xa1\xc3w\xbb\xe0\xb9x'</t>
  </si>
  <si>
    <t>b'\xb9d"\xc3\x84i\xb0\xf8\x95&lt;\x16"ZW\xf0\x07(W{Q\xcbw\x18{u\x89\x80\xe4\xbaj\xfd_'</t>
  </si>
  <si>
    <t>b'\xa7\xa2\x8f8\x11$\xf1\xb2"wo]\xb2Zg\xbd{\xb6\xdcnn,\x0c\x93\x8e\x1f\xac\xab\xa8\x99~\x16'</t>
  </si>
  <si>
    <t>b'@\xb0c9\x84\xe4\x11\x84\x17&gt;S\x978x\xa8\xed\xd9\x85\x8ejk\xb0\x05LQ\x7f\x14N|{{\x7f'</t>
  </si>
  <si>
    <t>b'B\xef\x18\xf0\xc5Tr`,\x9f\xd1Ml\xffG\x89F\xd6,X%PB\xcb\x84\xc3\xc3\x02M}\xc3\xa0'</t>
  </si>
  <si>
    <t>b'\xcb\xea\xfa:\x7f\xc7\xc4\x8d\xf0\xf8~\xd17\x08T\x01\xb5\xda\x02\xed\x90\x05\xc2\xb0N\xd1&amp;\x0c4\xf0\x19\xe1'</t>
  </si>
  <si>
    <t>b'\xb5\x0b\xdf\x86\xf0)\x90A\x8f\x8e_8\xad\x91\xfbyr\x1d\xcf\xf7\xfd\xe5\x07D\xa6\xaf\xa8\xb0\xe4\x1fb\x88'</t>
  </si>
  <si>
    <t>b'\xaf\t?\x87J3\xdf\x8c\xcb\xd5\xc4\xd0\xb4\x8a\t$\xd8\n\x81p\xfaqq\xd8`n\xbb\x15\xab1\xcc\xc4'</t>
  </si>
  <si>
    <t>b'}\xe4~\xb5\xe1 \xe7\xa1\xa8\x1a\xb50\x1a\xe6\xa4Xj\t\x9e\xb0`e\xf1\xff\xf8\x00\x8f2\xef\x81\xe4a'</t>
  </si>
  <si>
    <t>b'\x858\x84\xf5\xf8*\x80^d\x14\xb8\xc2M@t\xc7rQ\xb3aR\xdc\xa2\xf3\x06\x06\xf7tf\xb6Ad'</t>
  </si>
  <si>
    <t>b'\xe6\xff\xdc*O\xda\xeb\xfd\x10@f\x005\x84\xaf\xb1\x10\x8a\xb5G@\xa2\x94\x7f\x84*\t\xb1\xdb\xb4\xe4"'</t>
  </si>
  <si>
    <t>b'e\xd6j\xe9\xc2\x1b+\xa5&gt;W\xe2p\x11\x03+\x18\xadA\xb1.\xf7"\x85h\xc4\xea\x93\xd0\xa3\xd7\x99%'</t>
  </si>
  <si>
    <t>b":\x9eb\xccNN\x08\x16&gt;\x03D\x7f\xb1A\xbf\xa1TU\xa6W3\x0090z\xab\xd5]\xab\xb3\xa7'"</t>
  </si>
  <si>
    <t>b'\xb4\xf4\xf8rOx\x87\xe4\xc1\xa5\xc0\xce\xdeoQL\xcfA\xa1v\x83&lt;\x81\x9d\x7f\xf4g\xa1&amp;\x8f~\x9f'</t>
  </si>
  <si>
    <t>b'B\xdfV^\xb6\xbd\xb5\xefBm\xf6\x15U&gt;\xa1Ic\xb1\xeb \xf4\x1a\x1c\x1bg\x88@U\xc2Bj#'</t>
  </si>
  <si>
    <t>b"^\xecO\xca\x0c\xab\xdb2\xfa\xb2\x8d\x9a\x89\x18vQ\xbf\xba\xa8U\x12'\xd0\xaa\xfc\xfa\x90P\x7f\xb8x\xcc"</t>
  </si>
  <si>
    <t>b'\xa8\x98DU\xb3\xec\x7f\xb0i\xfd\x934\x9e\x9d\xe1)6\xcfqFfP/\xe2\x8e\xcb\xc4\x97\x1fT\xd7\xbe'</t>
  </si>
  <si>
    <t>b'\xf8e\xd3\x835\x07L\x11\x02\x13AxI8?\xf3\xf4\xd5s\x9e\x81@Na\xc9\x1f\xf2\x97`\x85\xd6\x94'</t>
  </si>
  <si>
    <t>b'\xd8\xe8\x92\xd0gQ/\xff{`\x92!1,\xb9Z\xd3\xea\x13\x1b\xa2G8\xc6\xf7%T-_\x96@\xb2'</t>
  </si>
  <si>
    <t>b'\xeaU\xa7{v\xe4\xb5\xc4:3\xd4}\xc7H\xe69\xa0\xde\xd3\xf8|\xe8\xd6\xf0\xb8\xee\xd0\xfc$\x0e\x80O'</t>
  </si>
  <si>
    <t>b"\xdd\xd7\xfdK\xa6\x93\x96\xf2\xa4\xefa\x02\x86o\xa4}'\x13G\x08\x97\x0f!\x18\xa0*\x9c1\x88\xeaf\xf3"</t>
  </si>
  <si>
    <t>b'\xd8O\x00C}P\xb4C\xd4&gt;\x0eo\xda\xb4\xc19\x8d\xfc\xca\x87\xda8\x18\x1a?\xed&gt;V\x1b\x1av\xea'</t>
  </si>
  <si>
    <t>b'+\xeaN\xbd&amp;f\x17.\xbb2(\xcb\xe4)[}au\x04s\xbe\xf2\xc5\xfcW\x01\xea\xec\xa2_\r\xf6'</t>
  </si>
  <si>
    <t>b'\x19\xe3Fu\x92\xc1V\xba%\xdf\xe5o\xfdZ\x8a\xae\xda~\xf3\xf8\xa0C\nf\xfe\x16d~e\xfa:\x03'</t>
  </si>
  <si>
    <t>b'v\x8b\xc3\\B0-,\x8d\xbb^#SP\xbfe&amp;2\x15\x89\xb3\xdd\xcb!\xc8\xcf\xb2\xee%\xe7\xe0\xfe'</t>
  </si>
  <si>
    <t>b'\xb7KN\xb0k\xd1\x12\xe0\xd8\xd6\x96\x0b,\xcd\x83\xb9HR\xe2\xb6\xee\xc9+\xab\x9dc\x96\x88/\xf1\xef{'</t>
  </si>
  <si>
    <t>b'qV\xde\xa7$\t\xae8a\xe3\xc2\x07\x93\x84K\xa3@\xb7\xc0\xf6\xa7\xe0u\xe6\x8a\x84\x19\xa4\xa5K\x83\x9d'</t>
  </si>
  <si>
    <t>b'D\x10\xf2\r+\r\x8dI0o\x81\x0b\x0ej\x1a\x14\xb8Q`\xe1hw\x90\xb8\x99\xa0]M\x1a5\xd5U'</t>
  </si>
  <si>
    <t>b'\x94W57\xc6,\xa70p\x155\x11\xf2\xd0\x8e$\xc4~\x84M3\x0b+\xd9\x82h&lt;K\xae\xd6|\x80'</t>
  </si>
  <si>
    <t>b'\\h\xff\xfbX/\xf1\xc32DL\x06)\xb5\xd8\xb3^y@N!\x0e\xfa\x0c\x8a\x84@\x1f\xfe*\xb6\xc5'</t>
  </si>
  <si>
    <t>b'\xa0\xfb\x85\xee\xf6\x1dYbk\xea\xc4\x05\x89c\xb1E\x9e\x06DC\xba\x837wW\xc6\xefY\x96\x8d\xb8g'</t>
  </si>
  <si>
    <t>b'\x03e\x14\xaa\xea\x01t\x9d\xe9\xc8v\xe5O_\xca\xab+\xea\xfd*\xaf\xe4\x89\x1b;\xe4\xc7\x9da\xfa{\x9b'</t>
  </si>
  <si>
    <t>b'6\xab\xe5:\x02\xb4\x8a\xc0\x15&gt;=Y-\xb8M\xf9\xf4\xb8pU(C~6\xe1\n\xae\x89\x14\xffb\xb8'</t>
  </si>
  <si>
    <t>b'\tO#\xafk\xa4\xe6A8.\xd9\xe0[\x81J\x94\x7f{\r\xab\x84\xbd\xb9\xee\xe8\xcf\x13\x89\xd4\x13\x9c)'</t>
  </si>
  <si>
    <t>b'\x1e\xe1\xcc\xb0\xad\xb0\xe3\xfch\xe7\x16_r\xb4\xcbV%\xf4\x91M\x8c\x94\xf7\xdat\xb2D\xe5\x13\xd3\xfb\xae'</t>
  </si>
  <si>
    <t>b'_\x88 |Z\x02E\x07\xe8\xee\xc5\x86\xf1P5\xc3\x07\x06%U\x9e\xbez \x0e\xa27\xf3C7\x9b\xd5'</t>
  </si>
  <si>
    <t>b'o\x04J\x08\x1f#Hn\xff"`u\x8eePo\xb7\x1e\xe2\x1a-\xee\xa9\xd5VB&amp;\xee\x9a\x02*\xa6'</t>
  </si>
  <si>
    <t>b';Z`\xfdZ\x9e\x9a\xb1\xf8H#\xe2Mdh)\xcdCq\x88\xcaEA\xc0\x8bX\x86[@\xcc\xfc\xad'</t>
  </si>
  <si>
    <t>b'\x96Td\xe7\x92\xbe\x84\xaa\xe7\xfb j?{\xc3\xf1\xa4\\\xc9H&lt;XMfM\xbd\xb7\x13O*\x98\xc8'</t>
  </si>
  <si>
    <t>b')\xae\xf3\xe2}@\xf5\xafD\x8e|\x0fdM3\xcd\x81\xe4\xaex\xcf\xabs2\x13\xfe\xc8\t\xc6\x000\xee'</t>
  </si>
  <si>
    <t>b'\xf3\x118\xaa\xf7\xfb\xaej\t\xbbW \x91W\xd9k&lt;\x86\xdf"\x92\xc2\x92\t\xdcto\xdbD\x8b\xda\xbc'</t>
  </si>
  <si>
    <t>b'\xb1\xc5\xb3u\xb8\x06\x00"\xccA\xbe\x1a\x1d+\xa8\x02\xaa\x17\xc1H~\x11\xdd\xa4\xdb\xd9\xbex\x97H\xc9\xf6'</t>
  </si>
  <si>
    <t>b'\xc88\x153=\xf3\x81:\xfd\x15\xea\xc9R\xaa\xfb\xbc\xb0\xc4~tX`\x89\xdb\x96\xd0\x18\x89RM\xe5\x9b'</t>
  </si>
  <si>
    <t>b'_k\xfb&amp;]\xab\xf2\xee\x1ci\xde\xa72\x7f![f\x9f\xb2n\r7\x02\x00\xf3\xb8a\x18\xaf\xb4?S'</t>
  </si>
  <si>
    <t>b'=\x8e\xb4Vc\x1aLi\x0c\x86\xbb\x9f5\xb0\x9b%mG\x82\x85\xc4=m\xff\xa1\xd0\x10\x04=\x96\x88\xee'</t>
  </si>
  <si>
    <t>b'w\xf6)\x97\xda\xeb\xcc[\x9a&gt;\x02\xbdc$\xe4\x07\x96A\xe82x\xb2\xfe\x1e`\x88\x9e\x82\xe1\xaa\xce\xe4'</t>
  </si>
  <si>
    <t>b'\x18J`h\x06\xd2\xab\xa4\xc2\xa0gWm\xddA\x17LIS\x98\x01\n\x02\x11Z\xa5\x0cs"\xd1L#'</t>
  </si>
  <si>
    <t>b'\xf5\x9c=\x1ai\xd2Y\x81\x88\xc9@\xf2\xc5|\xe8Lr\x1b\xca&lt;vi3\xe6\x1b\xd89\xb2\xa1\xe4g\x86'</t>
  </si>
  <si>
    <t>b'\x13\x90\xb3\xa0\x12Z\xe6\xd6h\x00\xdd\xfa3\nK\x97n\xf1[\x9d\xc5)\tK\x88\x88=\xab2\xd3\xfdJ'</t>
  </si>
  <si>
    <t>b'J\xc5\x95\xbc#\xcc\xebs`6\xdfJ\x03JH\x0e\xf4\x82\x8c\x11\n:\xd9\xe90\xb1Br\xb9]q\xec'</t>
  </si>
  <si>
    <t>b'\x81&amp;B\x83\x91\x16\xd2\xd0N\xd4\xa3+\x03\x12\xb2n\x045\xdc\x16\xdc\x7f\x94\xf16\xf4\xa9fp{\xc2f'</t>
  </si>
  <si>
    <t>b'\xdd\xb7ov\x1bp\x95\xd4\xea\xa2\xe2\x0bM\xc7\xdb\x8b\xbc\xd4k\xdd\x9b\xd3\x89\x158\xee\xf2[\xd8\xa0v.'</t>
  </si>
  <si>
    <t>b'\xd7\xe87\x8f\xcdi\xc6\xe4\xcc\xcc3\x98\x85d\xc9x\xccF\x0eu\xf2@\xe6al;9.\xf5\xa4\xfb\xee'</t>
  </si>
  <si>
    <t>b'\xc7\x84\xeb~\x84\x94NZA\x9c8\xd1(6VTD\xd7V$\xe0\xac\x92\xeb_M\x1b\xf3\xf0@J\xa4'</t>
  </si>
  <si>
    <t>b'\xd9\x148\xee\xccG\xdc\xb6\x14\x10.\xd5\xbd\x044\xdb\xa1\xc10\xfe-\xd1=\xaa\xc6\x80-\xe5/8A&amp;'</t>
  </si>
  <si>
    <t>b'"F\x83\x13\xf3\xb9e\xe1\xb4\x9e~ \x1dRo\x88\x99\xd9(\xdd\x7f\t\xefw\x08\xf7\x11\x8fv\xd3UD'</t>
  </si>
  <si>
    <t>b'\xd6\xe8\xaay\x16\xb6\xd6\x1c\xe52v\xce]\xc33\x1d0t\xf6\x9f\x1ad\x9b\xc2f\x89G\xa9c\xd0yr'</t>
  </si>
  <si>
    <t>b'\xec\xd0\xc9F\x1ctRuLR\x86\xa8\xc3\x1cU\xc0\xea\xb1oui\xf9C\x1c\xcf\xf7R\xa8V\x0e\xf0\xf5'</t>
  </si>
  <si>
    <t>b'\x84\xfa\xc7\xb8\xc4\xf6\x15\xcebz\x1a\x99Syq\xb9%m\x8bA\x17\xf7\xf2\x06 s\x85\xad\xa2i\xdeI'</t>
  </si>
  <si>
    <t>b'\xe3\xaa\xa6\xceTJ\xb9e\x8e\x9f\xa5\xbc\xf9\x8572\x05\x82\xf8\xf2x\x9b\xf1v\xbfsx _\x8d\xab]'</t>
  </si>
  <si>
    <t>b'\xd4\xfbW\x14\xd2+\xbe\x7f\xdd+(\xfb\xcd\x1c!\xaaN\xa1\xa8\x10+\x95\xaf\xac^=+\xd0-\xf0\xcd\n'</t>
  </si>
  <si>
    <t>b'AVZ\x96\xb8H\x9d\xbfA\xfc6\xe5\xcd\xb7\xeeR:+\xa9\xa2L$mw\xd3Ve,\xc2\xfcz\x80'</t>
  </si>
  <si>
    <t>b".w\x84\xaeE\xc3'\x05\xcd8\x9dj\xe8/\x88\x958\x94w\xd3\xde\x02\xe2\xd8 \xa6\x85\xe35\xa9\xb80"</t>
  </si>
  <si>
    <t>b'\xab\xf4\x1e\xd7W\xff\xca\xa6\xf9/\x85\x1a\x95\x81\n\x14\xa2\xe8\x0f\x19o\x98\x02\xc1\xec\x19\xeee\x93\x1b\xdd\xf4'</t>
  </si>
  <si>
    <t>b'\xfd\x9e3\x9e\x86\n\xb4\xd6\xea\xa6\xa1oF\x0c#q\xf6\x88\xdb\x900\xbe\x9au4\x96\xd8\x8fA\xd9\xdb\xd1'</t>
  </si>
  <si>
    <t>b'+\n\xe8\x93_\xaf\xad\xae\xd4\t\xe9k\x1f"\xd9\xeee.`\xc9\x00\x8f\xd8!#z\x05+\xc6J+\xe4'</t>
  </si>
  <si>
    <t>b"'5\x87\xfa&lt;\xc1\xd2\x95s\x017\x81\xa6u\xd2s\x98\x0f\x90\xe7\x1d\x9a\x96\xa7\xc1I\x12\x982&lt;\x8c\xc2"</t>
  </si>
  <si>
    <t>b'\xce\xc5\xc4\x98-Wq\xcd&gt;3\xb4\xa9\xf8\x1dG\xd6a\xf0\xf5\x88\xf4\xc61\xd0I\xf3\x00$!cq\x19'</t>
  </si>
  <si>
    <t>b'\r\xb0~\x8e\x92\x95mo\xb1*\xf9d\xb9\xd0M\x13\xba\xa7\xa5/\xc0x\xea\xfb\x07&lt;r\x1ev\xa0N\xc4'</t>
  </si>
  <si>
    <t>b'\xf4\xb6\xd3\xfb\x00V\xf7\xac0\xaa\xb4\xe6\xe6\x98\xb4\xb1\xf5\xb0\xc1\xc9\xecW\x92v\xcfb\xe7\xf0\xd4O\xc8N'</t>
  </si>
  <si>
    <t>b'\x8c\x8c\xec\xbeZ\xacaQ\xc6.\x13\xf2\xb4\x04Fr"\xc6r\xe0\xa69\xa8P\x8e\x96Z\xf62fjM'</t>
  </si>
  <si>
    <t>b'\xa0I\x02m3Bj\xf9`\x05\x9f\xffE\x93n\x88c\x08\xac\xb3\xc6\x9d\xa8\xab\xc3+O\xe2\xc8\x18D\xe0'</t>
  </si>
  <si>
    <t>b'\x1aO0\x0f\xc6\x88##?\xb5*\xa4\xeb\xc7d\xa8\xe0\x9cL\xb7A\xf3\x8a0\x04xW\xc1\x86\xf3\xb0\xd8'</t>
  </si>
  <si>
    <t>b'\x8e\xab \xf7j/&amp;\x89\x88&gt;C\xb5\x81\x9d\x92\xabf\xf0\xd1\xf3\x84\xd8t\xe8xT? \x1b\xa6\xb9l'</t>
  </si>
  <si>
    <t>b'3\x83\xd8\xe2\xf5X\x92\xfd77D(\xcc\xa3\xfa\xaa\xf2\x94\x97\xcel\xe5\xefy\x0c\xef\\\xdc\xee:i\xef'</t>
  </si>
  <si>
    <t>b'Nt\x9c\x8e\x9e\xf1U\xc6t\xffZ\x82\x87\x8dSO\xc0XD\x1e\x81MU\x18n\xbd\xfe\x86`[\xfc\xf7'</t>
  </si>
  <si>
    <t>b'm\xaeKx\x88\x1e\x0fv\xc4\xec\xfeP\x8f\x00\x86\x8bH\x12\xc9z|q\x8e\xf4\x1b\x15l\x80\xe3\x87(\xfd'</t>
  </si>
  <si>
    <t>b'd$~\xf8\xb6E\x8d\xcaR7a\xeb\\\xe1\xef\xd1]\xb4\xad_\xc8PIn\xba\xc6\x14\x05@Gc\x03'</t>
  </si>
  <si>
    <t>b'cC\xf7w\xd0bk\xdbbH\xf8Q\xfan\x11\xbbK\xac\xc5\xc7%^\xc7\xf6f\xe8\x0e\x8b\x93\xcb\xe3\xec'</t>
  </si>
  <si>
    <t>b'R\x1a\x8f\xb6\x83|\x954\xbeZ\x08|\xae5ka\xf0\xfdT2e\xafL!\xdb\xe0\x95\xcc\x98\xf9\xa1\xba'</t>
  </si>
  <si>
    <t>b'\xafLZ\x02\x0f&lt;}\xa5=\x95Q\xdd-\xea\x9f\xa7\xaa\x82\x8b\xd2#g\xd1\xd0\xd0\t\x86Lo\x0f  '</t>
  </si>
  <si>
    <t>b'}\xc8E\x89\xf3\x15\xfe \\:VG\x8d\xb4\x9c\x94\x88\xd9\xd7(\x8eu\xf7\xe2\xce\xdb\x07\x8bFi~\xe6'</t>
  </si>
  <si>
    <t>b'\xdcD\x96\xec\xfc\xa8\xd3\x80\xb6\xb6\xba\xd6\\A\x10\xad+y\xd0\xf4\xf0T\xb7\xbd8r\x82\xaf[\x1a\xea\xb0'</t>
  </si>
  <si>
    <t>b'\x0fs\xec\x9er+\xdbx\x06\x9f\x11:3\xd5\xf0\xabae[=\xa8\x7f\xd0\xbe\x05\x8d\x1d^\x10,B\xcb'</t>
  </si>
  <si>
    <t>b'\x836a;\xc7td\xa8\xb3^\x1a\\ \xe2i\xbf\xd2\xc4\xaf\\\xfe\x8f\x11/\xdeU\xf4\xde\x16a\xcb\xfc'</t>
  </si>
  <si>
    <t>b'\xa7\x11B"\xbc\xb6!\x1f\xab\x8b\xa5\x8aR\xb9|)]hR\x90,\x943\xb6X\x8f\x9au\x90\x03\x99\xdc'</t>
  </si>
  <si>
    <t>b' \xfb\x1eF\xacy}g\x87y\x85\xe3a\x05\x82Uo\xed\xe5\xfe\x81\x12Y\x88$*\xa6\xfa{\xdcM\x00'</t>
  </si>
  <si>
    <t>b'Z\x12\x82\xd7=\xb0\xdc\\s\xfc\xc0\xc6\x80\x9f)\x02\x12i\xaf\xeb\xf7\x16v\x8d\xf7\x9d\x87\x04cH\xd5c'</t>
  </si>
  <si>
    <t>b'\x05\x8a\xe6\xc1\xe2R\xd1\\\x00^\x9aF\xc9s\xbf\x9b!m\xeb\x80\x17+\xa8\xa2HeY\xa2\xea\xa2\x0cy'</t>
  </si>
  <si>
    <t>b'9L\xb2$P\x8a\xa0\x97?\xe2\x93\xb7\x80\x01,=B\x96$t\x08\xe8-\x85O\x12\xd4w\x03q\xdcf'</t>
  </si>
  <si>
    <t>b"2\xaf\x13\xa9\xb5\xbb\xf1L&gt;'~T\nV\xd3\xe5pG\xe6\xe6\xa3_\x9a\x97)\x9c=%g\xf8\xc5Y"</t>
  </si>
  <si>
    <t>b"\xeb\x9b\xec\r9\x8c'\xf2\xff\xb3\x93\x96\xf4\xb3\x89/Vi\x96U\x1c\x05\xb9\xa7\x1f\xe6lx\xc5\x1fBE"</t>
  </si>
  <si>
    <t>b'\x0c\xd9k\xed9\xce\x04\x0c\xc6Eh\xf9\xc2\xf8qF\x0bY\xca\xcci~\x9e:\xd7\x02\xe5\xbf\x80\x0f\xbc&lt;'</t>
  </si>
  <si>
    <t>b'\xb0\x8e\x00\x08M\xb6\xed\xc8\x0f\x7f\xef[E\xc8z\x9f\x02\xef\xb7.a\xce \xd4br\xab\xb5D\xf6\xb7S'</t>
  </si>
  <si>
    <t>b'\xcd\x0c\xd3c1F\xab1E\x14\x1b\x01\xfcR\xe8j\xb7\xf8\x7f\xac\xccn\x13nO\x90\tu\\\xda\x1a\xea'</t>
  </si>
  <si>
    <t>b'\xa6X\x06H\x92ga\x90J\xa1z$\xea\xfc^\x98;x_]\xc0\x99\xcb\x04M\x9c\x95U\xaa_\xd0&lt;'</t>
  </si>
  <si>
    <t>b'\x9d\xe4QJ\x93\x8e 9\xc4&gt;\xfdq`2\t\xbb\xe3sz*/1+\x9b\xec\x05\xb5h\xa2SK\xc3'</t>
  </si>
  <si>
    <t>b'M7\xfc\xbb0u\xc5\x1eQ\x03"1,\xb7\xc0\x0esc|`\xea[t`\xaa\xb8a\xd9\xf1m\x98f'</t>
  </si>
  <si>
    <t>b'7\xa9\xe6\x85R\x10\xd4\xdfe+\xe76\xe4]\x96j\xa6\x14n\x86\xffU\x89&lt;\xc1\x1c\xcdf\x8e\xaa\xca\xcf'</t>
  </si>
  <si>
    <t>b'~J\xcfs\xb1\x94\xae\xe9\xe2\xbd\xc4\x0f\xa2\x82\x93U\xb8l&gt;\x06\xef|\xfa\xf3\r8\x93\xe7u\x1b\x146'</t>
  </si>
  <si>
    <t>b')\x1b\xe2\xa9-\xe1&gt;(\xd2I]9\x19\xad\x8ao\\\x92Q\xb7\x01\xbf85\xad\nw\x18\x15\x02\x83\x07'</t>
  </si>
  <si>
    <t>b"fNj\x1e\x9d\x85\x061'\xbc+5\x9cr\xa9(\x8ay\x17X\x1e\x92\xdb~\x03\x11\xd3\xe6s\x8f\xe7\x13"</t>
  </si>
  <si>
    <t>b'G_\xf9\xbf\x0e\xc6\xdc\x19h\xd98\x8a\xbdt\xde\xeb\xd2v\xdcK\xef|z\xbd\x91\xaf\xf0\xb0cZ\x9c\x17'</t>
  </si>
  <si>
    <t>b"\xa1\xb9\x03\x8d\x82ST]:\xb7\xb7u\x9b'a|\\\xbc\xdbz.$\x05M\xf2\xd5\x16\x8d\x89?\xc8\x12"</t>
  </si>
  <si>
    <t>b'\xd2\xd0\x9e\xc7\xd1\xab\x8d\xafd\xfc\x15.:N\x1d\x81e\xeb\xf6z\x89\x92&gt;X\xd0\x96scQ\xfa\xe1,'</t>
  </si>
  <si>
    <t>b'\x85_{:\x00\xf3\xfe\xd1\xd2r\xc6\xe0\t\xeb\'\r\xf2\xc9o/\x88\x06H\x00\xa2\x16\x8c"\x15\xect$'</t>
  </si>
  <si>
    <t>b'&gt;\x1c\xed\x8f\x9b\xba\xdbo\xc7\x9e(\x8e\xef\xcf\xfc\x04\x97P \x033\x02\x8at\x85\xe9\x06G9\x8bn\xe3'</t>
  </si>
  <si>
    <t>b'\xb0]\x8e\xeey\x80\xa0;\xbe\xd4\x9f\xa5\xba\x1e\x8c\x07\x0c8\x04Q\x15\xac\x84\xa4V~\x91\xe4\xb1\xec|\xc7'</t>
  </si>
  <si>
    <t>b'\x1c!&lt;\xaa\x10\xe3\xee\x9d\xef\xe2\xfd\x11\xa0K$p\r.\xe9-\x126\x0f\x95$\x85\xa2J8\xe5oz'</t>
  </si>
  <si>
    <t>b'S\x91\x81\xa3N\xd1\xde\xf4\xfc-\xbe\x99\x8f:\\\x98!\xda\x14SxxJ\xf8\xe8\xebX\x0f\x19\x01\xf7 '</t>
  </si>
  <si>
    <t>b'E\xe9w\x14,\xc4\x81\x03.\x91\x01\xaf\x14R\xf5\xd1~U\x15\x17\xe5\xeb\xd1\x93\xd7\xa8\xc6\xd7\\\xf8\x02\xc3'</t>
  </si>
  <si>
    <t>b'\xeb\xb6\xeb\x05\x17=\x8a\xf4\xe2/\xcb\xa97M\\\x96\xd3?\xa9&lt;)_%\xc1\x08|\x13\xc2\xbf3\xf2\x0c'</t>
  </si>
  <si>
    <t>b'\xf8\x0e\xd6\x87\x81\x0e\xc5TeoF\xf4\x17\xfa@\xa6\xbd\xebz\x1dI=\xbbA\xe0\x1c|\xdb#\x18\xab\xc9'</t>
  </si>
  <si>
    <t>b'K\xe4\x17\x88\x07+\xdf\x0634\xd3`\x9e\xf0\xbf\x12\xd0\x13\xf4\xb9\x18\x9d\xa09\xe2\xe8mW\xda[\xe9\xa2'</t>
  </si>
  <si>
    <t>b's\xa9=K^\x91JAM\xf3\xca\xa2\x86p`\x12X\xc8\x81U\xba\x02\xf9(\x13\xc1\x11\x15y\x89\xf0g'</t>
  </si>
  <si>
    <t>b'"`a\xe2\xbf\x1b\xa2=!=\x82\xbe\xc2=Ct\x06\xd7\x98@j~\x10\x8bW\xf2\x9f\x0e#\xe7\xd9\xc7'</t>
  </si>
  <si>
    <t>b'\xe5\x9d\x04\x0eo\xd3\x1e\xb4u\xf9\x1c\x01Y\xc7_\x10\xa0\x1c\xb7c\xe7\x9b\x92y\x878v6\xb7A\xac\xd0'</t>
  </si>
  <si>
    <t>b'\t\x1e\xf2\x12h9F\xe7\xe39\r/WQ\xa1\xc3\xd4e\xf1\x10ha\x8f\xcaRyN\xb3\x06\xf6F\x89'</t>
  </si>
  <si>
    <t>b'\xfd\xf0zy\xab\xd4\x9dF\xc9\x12\x08\xa2\xec\xfe8\xae\x83\xbd\xb1U\xc2d\x8e\xa3|\xc5\x8d\xf2\xb0D\x00\xef'</t>
  </si>
  <si>
    <t>b"\xf0\x16j\xc8\x8eE\xac\xf5\xdd\xb2 \x93Aj'\xc6\xbf\xd7\xc1\x9ew~\xaeH\x80\xa1\x83\xc0\x9c\x11\xfc2"</t>
  </si>
  <si>
    <t>b"\xe1\xfd\xbbT\xcd\x01\xedLQ\xf4\xb7\x07A\xc1\xd7\xd4\xaa\x93\xc6a9\x8b\xc3\xa3\x01\t\x1b'\x12\n\xce\x7f"</t>
  </si>
  <si>
    <t>b'\xb5t\xfa\xa8\x823\x86=\x96\x1e.sPv\x80\xa4)\xf0\xad[\n\x906\xc0\xbf\x06\xed\x18\xd1\xc7Cz'</t>
  </si>
  <si>
    <t>b'\xc4\x0c\x11\x98\xa94\xcb\xc5\x00\x955\xf0tC\x92\xc5\xcdL^i\x88\x16w\xedU\x07\x9f\x9f\x13\x99\xf5q'</t>
  </si>
  <si>
    <t>b'\x06bl\x97\xedT7\xccr\x1a]\xba\x06\x00q\xcb;\xb4&gt;EG\x18\x8c\x1f\x99\x1c\x11X\xc8\xb0\xdf\xd8'</t>
  </si>
  <si>
    <t>b'E\x13c"u\x13\x0b\x9c\xae\xaf;\x1a\xb6\xc6\xff\xad\x10\xa4h&amp;+&lt;\xa6\x7f1&amp;\xa34\x00\x11x1'</t>
  </si>
  <si>
    <t>b'\xc5:\xc0[\xc0\x8dD17W\xc3\xebr\xf0\xb9\x80^\x87S|\xad\xc4\x0b\xbb&lt;\xe2Q\xa3\xa6C\xee\x85'</t>
  </si>
  <si>
    <t>b'\nf\x0c\xfd\x8f\xb41\xcf\x89:^\xb6\x8c\x19Y\x8c\xf8E\xa4\xd73\xa8\xf2^\xb9P\\\xf1\xef\x02\n\x86'</t>
  </si>
  <si>
    <t>b'\xb3\xee;\x1a\x80\x8a/\x9c"\x0f\xcbHf\xd1\xe8\xc1L\xcc\xbfW\x8e\xa0*\xd6\xae\xa1\xa6K\x049\xfd\x0b'</t>
  </si>
  <si>
    <t>b':\x1a"p_\xbb_\xb8==r\xb6Q\x8b\x17\x804\xff\x00\xf9\x14\xf5N\x0b\xaf\xf7\xceK\x9a\xf6|\x9a'</t>
  </si>
  <si>
    <t>b'\x0bwg\xd3\xb7E@\xea\x9bY0/2\x83\xda\x86Lyi\x93m\xf9\xac{\xf0\xef\xa5t\x8cs\xa6{'</t>
  </si>
  <si>
    <t>b'}\x89\xb5\xed\x17\xbf2^7\xf1$9\x893\x98\xd2t\xc4P\xf1qH\xadMj\x8a\xeb\xd5\xf1lB\x01'</t>
  </si>
  <si>
    <t>b'\xd3\xa5_2\xd3*F\xa8=zc\xce|\xc97\\ahOY\xf6\xcdW\x04\xe1aA\x81Z\x10@\x94'</t>
  </si>
  <si>
    <t>b'\x8b\xdb\xe9\xfb\xb1\xf0\x80\xa41\x91\xad*\xdc\xa8\xe0\xd28$\x8a\x17A\xcd\xd0\xe0?\xf6\xf6\xc1\x86\xceE\xc7'</t>
  </si>
  <si>
    <t>b'\x97&gt;-\xc2\xd9\x12\xf9\xfbV\xda-\xc6\xf3W\xea\xbeCw\xa2S\xf1\xa4W\x1eW\xbb{6\\4\xd2\xe1'</t>
  </si>
  <si>
    <t>b"92-\xdb\r\xf8\x1a\x85$\xc0\xe6M;\x8d'\xa1G\x96\xb7\xaa1\nN\xb2\xd4V\xff\x12$\xbdb\xfa"</t>
  </si>
  <si>
    <t>b'\xd7\xa7\xe0\xd8\xf9\xe6\x81\xd6\x15\xd6\xe7\xaa\x00\x02zmRj\x84p+\x88\xa1\x1b\xb8_f\x7f.x\x0f\xe3'</t>
  </si>
  <si>
    <t>b'xmw+\xba\xcc\xbcaR\xa0:\x8b\x8c\xdag\x9b\xf1\xca\xbfC\xdafX\xf7\xbe\x8c\x1eX\x8ei\x9c\xc0'</t>
  </si>
  <si>
    <t>b'\xdf\r\x0e\xc0\xec\xf8\xf3\xe5\x13\x80b|\xbdz\xad\x91W0+\xa7v\xec\x92\xf4nmT\xe1\xb0\x92\xadC'</t>
  </si>
  <si>
    <t>b'r\xd4\x9f\xd9\x87"\x0cO\xfd\xa5:\x97Q\xeee\x03\xd4\xbe\xe4\x80\x84\xed\xd4J\x96\t7\xb1(@[g'</t>
  </si>
  <si>
    <t>b'\xf1D\xefkUK\xbc\x9c\xb3|oS\x15\x9a\x1d\x1b\xa7\xc2\xd6e\xc9\x12\xa9e\xfe\xb6c\xe1\xcbi\x92\x1b'</t>
  </si>
  <si>
    <t>b'\xe3;%\x02+V\x8b\x96\xe5Z\x80\xc5\x14X\x01}\x92\xc3[\x81\xf9_\xedqJ\xc3\x1b\xd2\x0b/\xb1\xcf'</t>
  </si>
  <si>
    <t>b'C\x01[\x02\x0cF\xb8\xc2M\xaeT\x97\xe0\xf0\x02\xe3\xb2@lg7\xab\x08\x8ao\x03\xc8S2s\x1e\x1e'</t>
  </si>
  <si>
    <t>b'+\x18k\xd8\xb1\xfen\x0c\xf3S\xcd\x84\x83T\x9aC\x00[0\t\xdc0q\xa6\xc3\xd4t\xe3\x12[\xa8\x9a'</t>
  </si>
  <si>
    <t>b'#+\xe7\x14&gt;\x8d\xcb\x81\x05\x1c\x81U\xb7\xd8g4\xd9\xcb\xea\x8cD\xb1T\x7f\x07\xb7N\x0c\xe1\x1eS\xb9'</t>
  </si>
  <si>
    <t>b'}?pRL)\xb1\r4\xbc7Q\xab\x9dV\xd3\xb1\x18\xa8\x90\x11\xfa|\xe4q\x1c^G\xe3{E\xf5'</t>
  </si>
  <si>
    <t>b'p\xa8 \x1eT\x04\xf5\x01\xf4\xdb\xa9\xc6\x90\r\xa4\xb1\xa6\xfb \x9bd\xb56IN;\xa6\xb6 \x9eA&lt;'</t>
  </si>
  <si>
    <t>b'\xec\xa2\x80\xc2?6\x02\x16\xbb\xbdq\x11\x84)\xeba]\x14\xe6\xe0B\x02\xa7_\xd6\xc3\xb1\xa0\xa4{\xa0\xf2'</t>
  </si>
  <si>
    <t>b'\xafo\x04\x1c\xd3S`\x9fm.\xeb\x98\x8eL\x90\x99\xe5]%\xfe;\xbc!\xf8\xaa\xbe\x91\x9d\xc76\xe9R'</t>
  </si>
  <si>
    <t>b'rS/8\xc7\xb1\xc3rIf\xdbLfv;\xaaV\x96#\x04\x8dT\xd3,\nF4\xda\xecC\x97p'</t>
  </si>
  <si>
    <t>b'\xa3+\xa0\xd2{\xcc\x12\x84\x14r\xd4Kt~\x8e\x8b\x8b\x1a!\xf1\x02\x10\xb3\x08\xb9\xf2\xe4EL\x19n\xa6'</t>
  </si>
  <si>
    <t>b'\xaee\x17l%\xa1\x8c\xc4\n4\x1dA\x06Gu\x83r\xa0\xaaYX\xf5\xa0W\xee\xb3\xa0{\xc1+\x84\xeb'</t>
  </si>
  <si>
    <t>b'!\xc2\xf5P\xff\x14p\xa1\xcbv\xee\xa8=\xd3\xf9\xad)\x93\xb2\x1d\x18\x06\x93\xdd\xdb\xe9\xb5W\xd6\xfe\x86\xa7'</t>
  </si>
  <si>
    <t>b'\xd5\xd1\xc3\xad\x18\x1f\xd2LdJ\xe4f{\xe3\x8cg\xfc1Nk\x8f\x1d\x0c\xfc=\x04iQ\xa9\x91P\xe6'</t>
  </si>
  <si>
    <t>b's5\'\xc7\x85N1\x19"Xg\xd5-f%o{\xa7\x7f\xc2\x1c1\xda \x12\xb4z\xd1\xe2\xb4^\xb9'</t>
  </si>
  <si>
    <t>b'\xf3\x0c\x92\xf0\xde\xc9KA\xde\x95\xbd}G\xcc\x8a\x91\xda\xa2\xe0F\xf7\xf6\xebKv\xe1\xeap|_\xbf\xb6'</t>
  </si>
  <si>
    <t>b'h\xb5\xc7\x7f\x7f\x90\x135\xc0\x92\xb2~\x86\xc5\xa3\xd6\x08u\x9c\xa0#Z\xf6\xed&lt;\xa2\x803H&gt;t\xb1'</t>
  </si>
  <si>
    <t>b'\xa6H&amp;\xd9_\xd7`\x0fk\x95\xc1[\xba\x1c\x13\x08J\xa8\x85\xed\x16\x15*\x98q\x90\xd2Taq\xc8\xb0'</t>
  </si>
  <si>
    <t>b"n'\xca\x04\x04\xa5\x95AwRKV!\xbahHe&lt;\xfe\xbb\xde:\x96\xed\x1c\thb\xf6\xab&gt;\xe7"</t>
  </si>
  <si>
    <t>b'\x80\x1a\\\xcd\xc7\xcc\xea\x02X\x93L]\xce\x80\xd4\x97%\x7f\x1f\xb6\xe2\x17\x89\xfc\xd0\x0ef\xbe{\xc9\xb3\xed'</t>
  </si>
  <si>
    <t>b'\xc1\x1f\xa51\xa1"\xdf\x9b\x96I-\xa7\x0b\xe9\x08\x97\x7fg6\xf2\xa0wQ\xe68\x0f\xf0\xa2~\xe6tt'</t>
  </si>
  <si>
    <t>b'\x996;F\x83\x8e\x03s\xeeN\xd2\x8e\xd6e\xdb\xcc%"OzIs\xeb\x02\xa3A\x80\x99\xb2\x11I\xdc'</t>
  </si>
  <si>
    <t>b'\x14C\xec\xee\x93P\xe7\x13\x99\xb3\x1c\xfc,0\x1f\x12\xa5\xab\xd9\xb5d\xc6%\x89\xca\xe6\xa0\xa3\x93\xc9\x1a!'</t>
  </si>
  <si>
    <t>b'\xbd\xf0\xb7\xa7\xf9\xc6\xf2/\xa1\x0f\x9f\xc1J\xe4\xa3\x19\xfe\x81w\xbe\xe2v\xf9\xdcN\xbbG,i_\xac\xc7'</t>
  </si>
  <si>
    <t>b'\xdc\x03/\xb3\xe4\xa2}c\xe2\xec\xd80\xc9\x1d\'Lp\xf2\xc0\x10#3\xae\xf4\x1b-\xfab\xbbq"\xc8'</t>
  </si>
  <si>
    <t>b'O\x14\xd5\xe5Y\xc4\xaa\x1a5\x0b\xed\x9e\xce\xd6\x83\xc7\x92\x80\xb7\xb9;\xc0\x98&gt;\x8b-\x90\x1a%t}_'</t>
  </si>
  <si>
    <t>b'\x8eM\x9c\xe5\x03F\xf1\x9eo$\x9e)Z\xa0~4,!\xfau.\x94\xdbv\xa4\xae\x93\xbd\x11E\xb2\xf5'</t>
  </si>
  <si>
    <t>b'J\xa2\x04\xa5\xed\xadk\xf24\x1a\xcd\xe9\xbd\x86H\xe7\x1e\x9a\x0ch\x8f\xce\xc9\xa0\xb9\x1cW\xb0o\x04\xa5\xae'</t>
  </si>
  <si>
    <t>b'b\x10K\xf0\xe7H\xa5\x17l\x83;l\xbb\xf7\xb2\xf2r\x89\x9c\x1dg\x9b\x1d\xd4\xb2i\xf2\xf4q\x12-\xd2'</t>
  </si>
  <si>
    <t>b'\xb0\x1c\x83x\xbcs&gt;\xf3\xa8J\xf4\xac\x9e(z\x0e\xfd\xc15f\xf5\xadLt\xc6\x18\xda\xef\x11\x89n4'</t>
  </si>
  <si>
    <t>b'\x1bY&amp;\xbe\xac\xa9\x81\xce\xaf6E\xb3\xd6\x8br\xeeSc\xdf\xb7A(\x02P\\e\xb3\xa4Fp\xb9n'</t>
  </si>
  <si>
    <t>b'+\xd5\x14Li30?APl\x8fV\x82\xce\xbc\x1a\x1c\x1fV\x7fA}\x9c{\xc0\xba\xd7AI\xe1\xd9'</t>
  </si>
  <si>
    <t>b'A\xb9G\xa4\xce\xc0\x1fe.y\xd6\x84\xaa\xd4\x94\xb0\x10\xdf[{\xa6\x0f\x83If\xbe\xf2\x81#A\x7f\xac'</t>
  </si>
  <si>
    <t>b'\x1c\xc8\x9b\x85\xb1Of\x15\x95\x19\xe7\x91r/V\xb3\x02\x14\x1c\xa1\xf6EtQ\x82\x15L_274\xd9'</t>
  </si>
  <si>
    <t>b'j\xcc\x9b\xc1\xef\xd2\xea\xce~\x87\xf9\xcb\x9fF1Eu\xd5\xa8\x02/\xe9\\rI\xbc\xc0,\xf6\xd7\xb2T'</t>
  </si>
  <si>
    <t>b'\xe2\x93\xbd\x8e\\\x9e\xf7\xf6*\xbc~J\xf4\x93+\n\xb2\xe2&lt;1x\x84\xd1\x85\x88\xa7u\xd6q\xdc\xb3F'</t>
  </si>
  <si>
    <t>b'\xfb7Oo\x1c\xc6\x9a\xbe\xbe\x17\x18.\x88\xe7\xd1\xf6wX\x8a\xdf\x7f\x7f\xf7\n\xac\x93\xd1\x1d\x16\x89\xdb\xec'</t>
  </si>
  <si>
    <t>b'!\xaf\x92q\xb48T\xa6\xe6\x05\x07\x95\xc1j\xc4N\xf0lT\xfdq\xee?\x9b%D\xb0\xdb\xa0\xfa\xa6\x80'</t>
  </si>
  <si>
    <t>b'\x9e\xbeCm\xc3\xcbO\xd4\xfa\xcc\x80\x15\xe4\xa9\x16\x1a\x98\xc2#\xaci\x8b\xbd\x9aV\xfc\x0f\xb5~\x8a\xa6F'</t>
  </si>
  <si>
    <t>b'\xa7\x0ef\xf3\xd1\x9d=\xa4V\xba\xbb\xa3\xe1\xe3\x9b/\xa9\xe2r\xb5\xa8&amp;\x01\x8b\x96K\x04T\xba\xe3w\xfe'</t>
  </si>
  <si>
    <t>b'\x0b\xdd\xf5\xd0\xb5\xb1\x1aEr"\xc8nr5`\xe3\xb9\xee\x9e\x92-\xa5\xe4qi4\xcb@B\x1f\xb0\x8e'</t>
  </si>
  <si>
    <t>b'k\x05\x05\xe5V&lt;\x99\x83\x0f\x7f*\x14\x0fZI\x86\x04\xf0\xc3\xb8~\x7f\xc1\xd9\x96\x17\x8f\x88\xebZK\xe0'</t>
  </si>
  <si>
    <t>b'd\xb3\x05\xf3\xa4\x0f\xc0x\xd1\xbd\x01\xd0\x90\xa9,\xf1q3\xf1\x186\x1d\x07h\xe8x&lt;G\xe5\xea\xb4\xfe'</t>
  </si>
  <si>
    <t>b'\x9b\xbb~\x98\xfc\x9b\x1a/\xe4\xe8\rA\xde\xe9\xf8^\xff\x96\x18\x03\\\x83\xbfg*\xb8\xa1n\xc3q\x0b$'</t>
  </si>
  <si>
    <t>b'\x1c`\x02\xa6\xbfxQ\x06rs\x99B\xe0[\xcd\x03\xb6Q\x8a(\xe1\x9b\xce\xd2O\x06\xba\x9cHQ\x07Q'</t>
  </si>
  <si>
    <t>b'\x19\xcb\x9d\xce\xcb\x1b\xd8R\x83I,\x9e/9\xa7\xa6\xa8`\x03\xbf\x93\xe5\xe5\xd6\x11\x08&lt;\x05\xe5\x92~\x16'</t>
  </si>
  <si>
    <t>b'h!\xabr\xc6^\xa2\x9d[x\xd6\x9djV\xe1\xe1r\xf1\xc5\x8f\xf3\xbfJ\xaa\xa8\xfcB=k\xd7h\xee'</t>
  </si>
  <si>
    <t>b'y\x00\x12\xeb\xea"\x17|\xb8\xa6\x87\xc9=&lt;a\xb3=q\x82[\xa3\xdb\x130\xc2M\x06\x9b\xaa\xb7"\xcd'</t>
  </si>
  <si>
    <t>b'T\xc6;f&amp;\x81\xfeO\x1dv\x98\xc3w\xf3;i\x08\x7f\x1e"5\xaf\xdb#Q\xd1)\xd2m1ns'</t>
  </si>
  <si>
    <t>b"\x13h9\xa55\xf9\x98\x16x\xffb:'\xef\xb1f\x1c]\xf03\xef\xac5d&lt;c\xce\x83\xdd\x804#"</t>
  </si>
  <si>
    <t>b'\r\x9f2\xe0\xe04\x1d\xc8k\xd6\xb65\x1bF\x19\xc0\x06\\g\xd1WT\xe8\x93\xa3=\xff\xa7\xae\x14\xb1\xd2'</t>
  </si>
  <si>
    <t>b'\x1dg\xfd$u\x92?\xbc\xbc\xbb\x15C\xe7\x8c\xf4\xbe\xb2\xf5\x1c\xcb\t3`\xcdx\x12\x1e\xe2\xe9\xe6\x16\xd7'</t>
  </si>
  <si>
    <t>b'`\xa4\xb0\x1d\x93\xc6\xdd\x9a\xbcc\xa2J\x04=\xc9W\xe9\xc82\xd9\x05\xf8o?\x98\xd8s\x02!\xf9l\x11'</t>
  </si>
  <si>
    <t>b'\x1b\xed\x9e\xdb\x8ct\xcd+\xbel\xa2R\xf1\xf3\xaa?\xd7\x12\xe5$\x07\x1d\x85\xd1w\x1b\xb2\x1f\xca\x06#\xe9'</t>
  </si>
  <si>
    <t>b'l\x87\xf1\x0fQ\xdc\xfc\x87\xfeRj9\n\x08]x\xaaZ\x01\xe7q\t\xd4\xe3\xa8?\x88e\x1f\xa4Kt'</t>
  </si>
  <si>
    <t>b'jU\n,NO`\x0eJ\x9a\xa9\xfc!\xe3\x0b\xde\x16\x17\x8e\xbe-\x8c\xf5\xedv~\xff\x8e\xb1Y\xd1\xc0'</t>
  </si>
  <si>
    <t>b'\x9e\xdbq\xba\xae\xb5\xc9\x8b_\xc3\xc2\xe6H\x90~\xf1\x9eC\xea\x10\xf3ik\x1f\xdc\x11W6f\xa6q\x8c'</t>
  </si>
  <si>
    <t>b'x\xfc\x7fE\xa8~\x11\xbc\x89xS\x03%\x02\xd76\x95\xe7\xa7\xec\x11\xc5\xac\n\xdan\x92\xa6\t5\x83\xfd'</t>
  </si>
  <si>
    <t>b'\x12\x1d\xe8\xc2\x9a\xaa\x96\x9dL\xe4\xaa%\x0e\xb9\xa3B\xd3b\xea\x7fmD\x1b\\^\x19y\xf0\xbch\x9a\xd2'</t>
  </si>
  <si>
    <t>b'!\xd2\xb2\x98`#\xccd\x9d\x01v\xd2\xab\x0bp\xf9\x8fZ\n\x100\xfa\xf8\xa8\xb4\x81i:\xaan6\xbf'</t>
  </si>
  <si>
    <t>b'G\x029Ey-2\x8f6\x8b7R\xd0\xf5\x9c\x1bP\x97\x8a\x7f&lt;e\xb1F\xac{\xec=\x9fadQ'</t>
  </si>
  <si>
    <t>b'\x03\x01\x8f\xfc\x1f\xe4B\x80aPov\x81&lt;\xa7\xf2}d5\x87kn\xf2\xad\xfe9R\xc5\xb0\x90\xb6\xbb'</t>
  </si>
  <si>
    <t>b'w\xe2#Y\xda\x8b\x9c\x16\x94\xcas\x92\x12\xde\x1c:\xcc\x19?m\x9c\xe8\xc5\x934g\xf0\xa8\x8bN\xf6c'</t>
  </si>
  <si>
    <t>b"R4\xf4\x9b\x01N\x9eP\xdc\xb2\x1a\xad\xd9\t\x9d\x98BkE\xc0\xf5\x0e'\x17Z\\\x7fp\x85\x8d\xb2&gt;"</t>
  </si>
  <si>
    <t>b'\xfe\xb8\xe2\x95\x17\xba~c\xb3-\xe2\x03\xe4\xa1Buo6\xca\xa4SBb\xfd\xc9N\xa8\xfa}\x16\x00\x07'</t>
  </si>
  <si>
    <t>b'@\x8b\x8f\xd4y\x97\xcb\x0f\x7fK6\x85\x8c\xf0\xff\x9a\xd7!{\xdd\x10\xd4\x08)\x0b\x0f\xee\x0c\xe6\x84\xefM'</t>
  </si>
  <si>
    <t>b'\xd3\x92\x99~\xc9qj\xa7\x91R\xad\xc2 \x08JW\xabY\x99F\xf4\xe1\xb9\x1d\xbb\xccI\xaf\xfa\xcfH\xc9'</t>
  </si>
  <si>
    <t>b'\xde\x151\xcb%\xfb\x1b\xbfu\xb9OP\xe2oL;!W\x16\xd4\x8d\xc3\x97\xc7\x84\x86z&lt;\xa1\x9c\xf3 '</t>
  </si>
  <si>
    <t>b'UeD"\xd5&gt;\x04\xd6\x84\x1e\x1d\xbe\x94\x82\xb5\x12\xd7\xed\x95c\xa3\xfa\x8aMm\xf3\xce\xcbg\xe7\xa7H'</t>
  </si>
  <si>
    <t>b'\x18\x03F&amp;@~\x92(\x82\xf1t&lt;\x98w\xee\xa34\xff2\xee\xf7V4\x08\x04\xdeS\x0b}`\xf6J'</t>
  </si>
  <si>
    <t>b'\x81hI\xceL\xe0\x81\x98\t\xa5)\x8f\xb0o\xdb\xdd\xe8o!\xf17f\x95\xa9\x907_\xecJP"\xcc'</t>
  </si>
  <si>
    <t>b'\xa0\xf02\xb8\xc9\xc97\xcf\xa1\xbfO\x10q\xf5LV\xb8VmP\xa2-\x83\xfe\xa1=U\xb0V|\xaa\xc3'</t>
  </si>
  <si>
    <t>b'(\xdb\xad\x15!\x90\x83?\xec\x14\x8cg\xa3\x01B\x06\xc6\xfesk\xf5\xdbyK\xc0\xe1\xb2&gt;\x95\xa9\xfa\xa6'</t>
  </si>
  <si>
    <t>b'\xa5\xac\xaf\x8cS\xfe\x8b $\xdd\xeb\xea\xd8\xa4\xa5m\xec\xd3z5\x95fjU2\xf8\xd5\xc8K\xa5e\x86'</t>
  </si>
  <si>
    <t>b'K\x10IB\xec\xed\xc5\x03\x08\xcaS31\xdb\xd19rk\xb7\xd6\x7f\xae\x12\xfaa\xfas\xf3\x1d\xad!-'</t>
  </si>
  <si>
    <t>b'\x12\xc5\xf8\x1a\x0cV\x12\x0e\x82 \xd5J\x12\xc9\x0e\xae\xfd\xe0\x1aF\xa0\x08;2}\xfa\xc9\xb5_\x02]\xb6'</t>
  </si>
  <si>
    <t>b'@3\xf1\x06\x00v\x7f\xd0\xecI\xb5\xa9\x00\xbd1\x02\xa8\xb8\xd4?]\x98\xe8\x13\xe7\x8c\x8f)\xd4H\xf6m'</t>
  </si>
  <si>
    <t>b'\x1b\xad\xa2O\xc9W5\xea\xb9Iu\x1c\x1fg\xf5\xdfC\xd6\xa7\xe7?\xc1\x12;\x87y\xc5\xcfS}/B'</t>
  </si>
  <si>
    <t>b"\xd5n\x94\x81\xfb'\xe8\x88  \xef6\x0c\xb9\x91l\xa6O\xden\xe8\x17v\xecfB\x17\xab\x95\xe9o\t"</t>
  </si>
  <si>
    <t>b"d\xcf\n\xc4\xf2\xe9\xbb\xda\xf5d$\x93\x1dx\xb3\x116\xd5\xfaz~\x8f'\xc1\x99\xd0\xc0+\\l\x91\x96"</t>
  </si>
  <si>
    <t>b'.K\x1bXU\xf3\x99\x905\xae\x86\x9f\xb2\xf9\xd4\xbfB^4n,/\xf1\x94\x90\x01S\xe4H\x04\xe7\x96'</t>
  </si>
  <si>
    <t>b'\x04\xbc\n\xcd\xd6T#\xaf\xf1\x10\xe9\xc4\xe4\xdd\xc6?l\x8a\xd0\x94\xe6\xd7&amp;\xf7#\x8e\xc3\x14M\xbe#\xa3'</t>
  </si>
  <si>
    <t>b'*6p@8\xe3\ru\x08H\x96\xab\xc8\x92):Q\xfd\xce\xc3Fb\x00\x06\x84\xec1\xb2\xc8D_F'</t>
  </si>
  <si>
    <t>b'\xb0\xcc\x8c\xd1\x9e\x93\x7fwn{&amp;\x93\t\x11es&lt;\xe5\r\t\xb4i\xaf\xf4\xa3\x98\x93\xfc\x13\xa0GH'</t>
  </si>
  <si>
    <t>b')|S3\xa3\x05c\x03\xe5\xba\xe0w\x84\xceG\x9d\xa50\xb5W\x1a\xf2U\xe0vT\x97\xd7\xdf~Fl'</t>
  </si>
  <si>
    <t>b'\xc8\xd6\x9b\xc5^\x08\x9c\x1c\x16\xaf}66\xbc|\x1e\xa6}\\\x85\x11\xfe9Q;\x01\xd5\xb7\xe8Mc\x0f'</t>
  </si>
  <si>
    <t>b'\xbba \xf0\xc0kK\xac*G\xc9Q\xef\x1e{\xa9A\xdaj[\x10\xf4\xb3\xca)b\x8bYRL\xd9\xd6'</t>
  </si>
  <si>
    <t>b'\xa3\x88\x8b`\x17\xd0\x81C\xee\xe1\xf6\x17I\x00\x0b\x01\xb6H=-0\xdb&amp;\x81X\xf3\xd0\xee\x92G\x01?'</t>
  </si>
  <si>
    <t>b'\x1e\xdd\x0e\xea\xaa\r\xca\x16\xb2F\xaa\x06O\xd2q*\xc7\xa5\xbdAY\xcb\xe2\x07\x13Vq&lt;\x99\xa0\x83\x06'</t>
  </si>
  <si>
    <t>b'[\x86g\x10!K\x82\x9c\x89C\x80\x14\xd3w)+\xf8\x123k0Y\x1d\xe8\xf6\xb7$\x17\xe1+\x9d['</t>
  </si>
  <si>
    <t>b'n-\xe01U\x90\x0cC\x88\x08)\xa4\xb7`n\x06\xef\xf8\xa9\xc4e\xe4f\xa0&gt;u\x9aW\x0b\xc4\xda2'</t>
  </si>
  <si>
    <t>b'\xd9\xde\xa1\xe1t0=*\xb5\x03)\xf1b{\xd4X\xc9\xf4\xbb\xad\x92E \xb7m\xcc\xd5o\x8c1U\xee'</t>
  </si>
  <si>
    <t>b'\xed\x8a\x81\xe2\xd0\x10l.\xbf\xd1-\xc3\xf2\xd2\xca\xe1\xfc\xc2\xe5Z\xb7=\x06\xc7\x01\xcd\x8c\x93D[c\x00'</t>
  </si>
  <si>
    <t>b'^\xbe\xcf\xc6\xc8\x12\xcb\xa0\n5\xbcee@)b\tIP\x1e\xe2\x1d\xaea\xde\xefG\x99\xe9t}&gt;'</t>
  </si>
  <si>
    <t>b'\xf8|F\xe2\x99\xd6j\x1bZ!c\xc3ZS\xfe\xaf\x12x\xf2\xde0&amp;\xf53M\x85\xe6\xe4S_\xde\xe7'</t>
  </si>
  <si>
    <t>b'vM\xf0O\x96\x18\xbd\x88\x06\xf8\xd2W\x9d4\xa7\xf3\xc8\x0f\xc3\x06q\xe0\xbe\x15\xc5uRv\xc5\xdaj\xd5'</t>
  </si>
  <si>
    <t>b'W\x90O\xc5as}8\xec2\xd5Z\xe5s\xd1m[\xd1Y\xe67\xf1LSf2\xcf\t\x16\xae\xf9}'</t>
  </si>
  <si>
    <t>b'-Z\x05\xc8+\xdc\xb4\xa78\xcc\xf5\xeb\x11\xaf&amp;`\xa0m\x045\xe8\xbf.\x98a\xc2\xf5&lt;d\xd4\x94\x01'</t>
  </si>
  <si>
    <t>b'L\x0c\xe8id\x9d\xe8y\x9e~\xd2\x06\xfd\xc3\xf1]Q%Z\x9b\x15\xa6L\xf2\x0e]\x12H\xa40\x98\x10'</t>
  </si>
  <si>
    <t>b"\x0b\xc0=v\xe4\x0f\x1d#\xa9\xe4\xc1\x85\xc0v\x93'\xdf\xb8\xd7x\x87{,\xdcR\x7f.\xa8d\x1aDu"</t>
  </si>
  <si>
    <t>b'y\xfe1k)cH\x8cV\x87\x1f\x06 \x14\xca\xf2\xa9\xc0\x0b\xdd\xad8zo\xb1&gt;?V\x10?\xe8\xba'</t>
  </si>
  <si>
    <t>b'n\xb8\x11\x1eLx\x80\xa2\t\x10P\x02\x9b\x14\xab\xe2\xf0\x81\xeaw\xcc\xca\x17\x10*\xc5\xdf\xe6\x8f\x9bkT'</t>
  </si>
  <si>
    <t>b'A\x18Dz\xd13\xae\xa9p7\xe6~\x97!\x9e\xd6\xff\xcf\xc0\xcc/pJ\xb9\xef\xb3\x0b\x88;\xdeW/'</t>
  </si>
  <si>
    <t>b'\x8b\xf3\xe5\x85\xcc\x87\xd4Q\x93\xdf/\x1f\x0b1\x07R\r\x96\xf5}\x03\xaaK\xbd\xa0\xc8\xc8?\xb20\x93\xaa'</t>
  </si>
  <si>
    <t>b'/Ge\xd4\x16\xe9\xfc\x99\x8b\xf2\x8b\x9eHJ\x06\xe0c\x82L\xf1\x80`\xe3\xd0\x9f\x96\xa8\n\xa8#0\t'</t>
  </si>
  <si>
    <t>b'4\xff:\xc2\x03\xd4\xb3s\x04\xbb6\xe0UiG\xe0\xec"\xd1\'\x0f\xe0[\x9d\xd2\xb7\xb0\xbe\xca\xd0\xe3D'</t>
  </si>
  <si>
    <t>b'\x08/4R\xad:\xf5\xa3\xae\x9f\xe4\x7fPV\xc6;\x84\x12\x91\x98\xbfp\xbcsv&gt;\xaeB\x98{M\xcc'</t>
  </si>
  <si>
    <t>b'\xda;x\x02\xc4\x16k\x14\xfa~\xc4Sd\xee\xaf\xb5\xcaT\x1dj4$\xdf^\xcb=\xefp\x12,\xd8%'</t>
  </si>
  <si>
    <t>b'\x82@\xe7[\xf8\xed\xfd\x8b\xc6\x88j\xe9\xb5\xfc\x12\xe1\x90/XL\xc4#\xfd\x1e\xc1!\xb3\xc2\xf0\x0b\x0b\x87'</t>
  </si>
  <si>
    <t>b'\xe1\x95Cq\x8b\xfa\x80\xfey\x9c(\xb9\xb6s\xdc\xbb\xcb\xaa\x9b\x84}\x07\xd4\xb3\x9a\x1dZ\xd0\x10\xb7\xc9\xdc'</t>
  </si>
  <si>
    <t>b'f\x1aq\xd9\xe3{\xf7\xaa`C\x14*\xfe\xee\xd8R\xa2\x86\xf1b%@\x9b\xda\xdb\xf5\x9f\xadA\x11\xa1\xd9'</t>
  </si>
  <si>
    <t>b"\xc39\x03Gr\xff\xfb\xbf&gt;\xfa\xdcK{\xde*\x8c\x82'n\xf7\xe5pKW\xb3{H;\xfca%O"</t>
  </si>
  <si>
    <t>b'\xf6\xa9K\x86\xf53G\xd27\xa9P\xe8\xf3\xdfU\n\xbe\xc7I\xab\x91xRZ\x96\xfc\xce\x16E\xab\xd1@'</t>
  </si>
  <si>
    <t>b'\xb1\x8a\x0c\xc8\xdc\x0f\xeb\xdcrb\x17\xc8\xab\xa3\x9f\xef\xaf\xdd`\xb8!c\x8cmZ%&gt;\xdbF2\xba\xb3'</t>
  </si>
  <si>
    <t>b'\xf6\xc3)!4g\x88\x00i\xee\xe0\xf2\xb5c2I\xe8\x19MX\xa3\xdb\xd6\x90 \x033\x19\x83\x99\xfe\xe1'</t>
  </si>
  <si>
    <t>b'\x93vB\x08\x87\xa0-\xcf"\x89\x18i\x9cm\xd2JD\xcbi\xb6\x854\xc1\x8bqY\xcd\x1fB=v&gt;'</t>
  </si>
  <si>
    <t>b'\x03]\xde=; \xc6\xe9\x06F+\xc8a\xa4\xc8\xb0\xb4\x18\x9e\xca\xde6\xe1\xd8\x08\xf0\xd87+{[8'</t>
  </si>
  <si>
    <t>b'\xf1\xf6$\x7f1\xc8=PB*3\x9c\xbe\xae|\xbb.k\x04\xf6w\x05Z\x19\x1d\xaeT,_A\xb5v'</t>
  </si>
  <si>
    <t>b'\xd9m[\xaf\x94\xbc0z\x8e\xa0\x8c\x05?X3\xd3\x01\x04\x10Z\xdf\x00\xce\t\x04\xa5z\x99\xbe\xe1\x94\xe5'</t>
  </si>
  <si>
    <t>b'~\x8cF+\x12\xe5\xd7\xe1&amp;\x9aux\xf5\x90p\x1b\xb4=Cv8\x178\xea\xc3\xb1-LI\xa6"\xf7'</t>
  </si>
  <si>
    <t>b'9\xdf\xde\x96o|\xe1q\xec\x04\xe4n\xf6d\x97\xdeI\xaf\xfa\xb0\xe3\xecD _\xb3c\xb6\xbaW\xcey'</t>
  </si>
  <si>
    <t>b"['\xe7,\xfe\\n\xc9\x0bvY\x0c\xf6?\xb3\xe4Ew\xf1\xa7\xb0o\x00E\x83\x8a\xb8\x13\x82\xd4\xcc\xb0"</t>
  </si>
  <si>
    <t>b'Tw\x8d7\xa4\xdef\xab\xeb\x0c\x97\xaa\xba4BG@d\xcb|n\xa7\x82\xbd\rH\x0c*\t\xaf\xb7\xc4'</t>
  </si>
  <si>
    <t>b'\x1d\xbeN\x166\xf1DL\xc8\xaa8\x93|\x89t\xa5~iQE:\x16\x0f5\xad&gt;\xa3\xf9\xfc\xa5;\xb0'</t>
  </si>
  <si>
    <t>b'\x1a\x8b\xa9L\xf8\xb9\xd0\xaf\x97V&amp;\xf9Kz\xcd\x0f\x97Z\x7f\xe6\x81\xef\xbe\xe9\xd8\x007\xbd\xfa%\xaeb'</t>
  </si>
  <si>
    <t>b'\xde\xe9(t&amp;\xf1i\xed7nW&lt;g\x15W\xbd\x92\x1f\x0e\xa4\n\xfa\xfe\xf6\x965\xcb/\xdb\x87o\x17'</t>
  </si>
  <si>
    <t>b'V\xd9L\x03\xe27\xda\x07}.\x03m\xaaV\xc9\xe1\xfe[\xaf\xab\\\xfa=\xb5\x85\xc8\xbd8;\x91\x98\xea'</t>
  </si>
  <si>
    <t>b'\xc3\xb6\xa4K}\x04\xa8`/\xb7\x83\xbdv\xb7\x14U\x9c\x13\x9bH\x91\x11GI\x19\xe6\xb7\xadw&gt;\xc1d'</t>
  </si>
  <si>
    <t>b'\xdd\x83\xf2.&gt;M\x18\xfd\xccy\xc7!\xad\x86\xad\xfa\xda\xdf\xd5\xad\xa6\r\t\xdb/\xc4\x16\x8a\xbf\xd0D0'</t>
  </si>
  <si>
    <t>b'\xae\xed\x9bX\xdb!\xe8\xb5GL%n\xa8\x0e,\xa0\xe5t\xac\x15Mf\x1d\xa6g.\x83\x0c^\x0e\x8f\x11'</t>
  </si>
  <si>
    <t>b'\xb4\xfa\xe0T{\xef\xc3\x0e\xc9\xab\x12\xb0\x83\x1f\xd8\xaez\xda\x96\xc4KA8y\xc5\x10B\xec\xf3\xe9\xb8\x0c'</t>
  </si>
  <si>
    <t>b'\x15E.\x99\xc2\xce\xf4\x04Ra\x0c5i\r\xd8\xb2\x9b\x87\xad\x0f\xc6$Y\xf2\xd3\xd2\xff\xd2\x10\xf3\x98\x8c'</t>
  </si>
  <si>
    <t>b'\xb8\xa918 \xfd,a\xae\x81\xe7\x14\x99\xceR\rT\xf7\t\x96"\x1a\xc0\xb8\xdf\x1c\xc8D\x08\xc7Lq'</t>
  </si>
  <si>
    <t>b'\xd6"\x9a\xbb`b\xc6\xdf\x08\x04\xa2U\x873\xf7.B\xb3\x1aA&lt;\xd1q)9\x89,\x05^\xf0\x80\x9f'</t>
  </si>
  <si>
    <t>b'CR%i\xde\x91t}\xee\xbe\xc1\x0b\xc5\xfa\x9bZ\xeau_\xce\x0e\x80q\xa7\xc3h\x99"dJ\xa8\x14'</t>
  </si>
  <si>
    <t>b'\x0b\xa0\x14\x06\xbf\x9b\x91\xdf\xe5\xb0m\x9d\xa6V\xe4\x11\x1eT\x16\xd1v*\xc9O\xa2\xc1^X\xb1\\\x00C'</t>
  </si>
  <si>
    <t>b'\x96\xde\xc2\x85w\xce5\xbb\xd9.Ty\x94r\x95h=\xdc\x97\xa6\xda\x80&amp;\xffn\x19\x91\x0b:W\xc0\xf9'</t>
  </si>
  <si>
    <t>b'\x1c \xb0"c\xec\xd2\xe1\xa6v\x88\xec\x15\x90\xac\x92 \x83\xbb\x82r)\xc16\x15`\x14\x83U\x1f\x12\xf6'</t>
  </si>
  <si>
    <t>b"]|@\xa7\x0cD\xb4\xdf\x85az%/\x9c\xfd'(\xbbM\xd7\xc1\x97\xa7\x89\xfc\x992f#\xad\x1af"</t>
  </si>
  <si>
    <t>b'&lt;\xd6\xd1:\x8eEA\xea\xab\xce\x14d\xa4\xea\xdb%\xe4\x900\xf6\xabl\x7f\r@\x1f\xf6\xb1\xc9\x91\x00#'</t>
  </si>
  <si>
    <t>b'\xd7\x7f\x0f\r\x98\xcf\xa5\xe6,\xfd\xffw\\\xa6\xcc\\\x06U#\xec\x00\xb9\xa6x\xba\xc1\x01\\\xe1F(\xc1'</t>
  </si>
  <si>
    <t>b'\xda\x0ea0\n\x01\x12\x88\xe5\\\xff\xd7\xa2\x84C\x8c\xf9\xde\x8a\xd9\x02\x03~\xcfQ_\xb5:\x8b\xba\xd6x'</t>
  </si>
  <si>
    <t>b'n:\xaf\xb7\xac\xc7hr}\x03\x05,\\\xe8d:\x8e\x03\xc1\xd7h\xfe8\xfb\xd5\xcas\\$\xf4\xf4C'</t>
  </si>
  <si>
    <t>b"\x01\xf43d\xe03\xf2\xe7'\x06\x7f\xb5+\x90\xba\x12\xe4\xb3\x7f\x94:\x96\x0cM\xc7\xd0\xe0\xcf\x9e\xad\xa5\x9d"</t>
  </si>
  <si>
    <t>b'C\xe1\x94\xbd\xf5\x1er3\x06\xe9\xc6&amp;\x9c\xeb\x0c9D\xfa\xf1\xc3\xa0\xf7\xee\xbe^\x0f\xd5\x03\xc0bHg'</t>
  </si>
  <si>
    <t>b'Z\x89}S8dh/\x81\x9f\xb3$-u\xee\xd5C\xafv_\x96I*\xd2\xc8XW\xc8p\x01\xd2\xcc'</t>
  </si>
  <si>
    <t>b'a0\x1bc\x94\xfaR#\xd5\xf8)9oi|/ShR\xfe\xfdvp\xdb\x8b\x08\x7f\x0f\xa0\xa3\xbe\x11'</t>
  </si>
  <si>
    <t>b'hZ\xbc\xebt\xcd\xfb=3\xec\xe0\xd7O\x04p\x02\xac\x82\xec,&amp;\x91\xf1F\x0ed\xfbsW\xe79B'</t>
  </si>
  <si>
    <t>b'\x9ds\xa6o\x10\x92\xba\xf8\xd1%\xccy\x96\xd6\x1a\x92yt\xe1%\xbb\x9e\xb4\xff\x9cQ\xb7G\x86\xdeR\xad'</t>
  </si>
  <si>
    <t>b'\x94\x06%o\x8dKV^\xa0V\t\n\xe8\x12\xc1@\xc6&amp;\xb6\xccqc\xfd\xf2\xb0J&amp;"\x9a\x07\x0f\x9e'</t>
  </si>
  <si>
    <t>b'o\xb1\xf5I8A\xe2\x1e\xec\xd3\xb3)\xff9\xc9F9\xe8c\xb4\x13M\xb0\x83qpe\xe8kV\x19b'</t>
  </si>
  <si>
    <t>b'\xebf\x0f\xd0V\xa7~v\xebRu\xcd\xea\xf9\xa6\xea^\xa6\xd7+\xee:\xf5h\x8bZ\xc1\xf9\xd4\x8c1R'</t>
  </si>
  <si>
    <t>b'\xa3\xa6T1O\xadU\xc3P\x0f\x05\xd0w\xdb\xa4w[\xf7&gt;%\xcd\x18\x82\xff,\xb1\x88\xe0\r\xa7\x7f}'</t>
  </si>
  <si>
    <t>b'X)=P\x95\x1e\xb82#\xc4\xf0\xb3W\x05\x07\x06\xa5\xb2S\xcb\xcf}c\xe7\xe6\xfe\xcai\xdc\x92\x08\x1d'</t>
  </si>
  <si>
    <t>b'\xf7M\xde\x10\x11I\xbf\xe5i\x18|\x071U\xc8\xbd\xc6\x08\xf7D\xac\x01t\xca\x1aM\xc47\x9er\xb0\x9e'</t>
  </si>
  <si>
    <t>b'C_\xbf\x87\x85Z\xf4)OL\r\x87\xf6X3\xb2\xd3\xf27\xce\xb3{,\xab=1\x1b\xae\x11Q\x0c\xcf'</t>
  </si>
  <si>
    <t>b'\xff\xd8\xb8\xc8\xeb\x81\x83\x0f\xda_\x95\xf4\xa4!P\xdb\xf5E\x8e\t\x8d\xc7\x04\xb3\xe0&amp;p\xf5;\xf4\x9b\x80'</t>
  </si>
  <si>
    <t>b'\xff\xed\xf7?\x96\x96\xa1\xbd\x87\x96\xcd\xa4\x02x/@\x19\x04\x00\x9e\x0e\xa0\x19\xbc[\xbc\x193\xd9\x0cn\x17'</t>
  </si>
  <si>
    <t>b'5\x07%\r\xdb+Z\xbbZsv\r\xc6\xcd\x9eKm\xa5\xd5\xeb\xde5\xe3\xeb\xca\xfe\xfe\xb1\xf9\xf1\xf7%'</t>
  </si>
  <si>
    <t>b'\xe4\\\xf0\xb8/+\xd8\x8a\xe9\x90\x9b,\xce\xfd\x15\x8b\x92\xbcE&lt;9\xbfe&amp;\xff\x19Ik\xc9\tf\xfd'</t>
  </si>
  <si>
    <t>b'\x08\x0e\xa9*\xfabP\x8d\xc31\xaf\xea/wSU\x1b\xd9S|\x98s\xf0A\x99[\xc4\x1e%\xcf\x9c\xb4'</t>
  </si>
  <si>
    <t>b'\x9et\xce\x0b\xce\xf9"j\x9e\xe6.j1\xe4\xcfJ\xd6g\xe6P\x10\x18\xbf5\x7f\xf3ee\xb7\xf6\xd1\x1b'</t>
  </si>
  <si>
    <t>b'\xaaM\x8c\x0e\xd3\xfaD1\xd0\xcc\xaf\xdeaSt8\xb7\xab\xd1\xfeV\x17\x9c\xc1f\x01Zd\xcd/\xac1'</t>
  </si>
  <si>
    <t>b'F\xa8\x04\xc4\x07\xc0\x1f\xfe\x12@\xb4\xa0do\n~\xae\xb7\xcf\xca&lt;s\x86\x8a\x91\xa3\xb5\xea\xad\x02.\xdb'</t>
  </si>
  <si>
    <t>b"'7\xedb\x9e\xd8\xd6\x13\xa2\xbb\xc3\x08jcCm\xfez;\x15r#p\x98\xe6\x14\xf0\xda\x97)\x97\x07"</t>
  </si>
  <si>
    <t>b'M\xd4\xd1\xc4\xef\xd6?\x17M\xf3\x8e\xbd\xda\xad\xb4\xbf\x1c1\x1f*\xb9\xac\xb3DR\xea\x0f\x06\r\xc9\x02@'</t>
  </si>
  <si>
    <t>b'S%\x92\xbc\xdf\xc2\xde4\xd0\xa7\x08\x17\xbc\xab\x7f\xe9\xddP\xedoi\xb1[u\x0b\xe7KS\x8e{\x11&amp;'</t>
  </si>
  <si>
    <t>b'\x17\xec\xfe\xa6\x90\xb3x-\xe1\xde\xcd75M\xb13\xa0K\x95n\xbd^\x94\x83C\x0eo\x12\x98P&lt;\xe7'</t>
  </si>
  <si>
    <t>b'\xff\xcb\x9d4\x00\xfc\x9b%L?\xc8\xb2\xef\xcd\xb2\x1cP\x95N\x8a\x0bP\r\xa8]\x0c_\xd4\t\x1b\xe4\xf1'</t>
  </si>
  <si>
    <t>b'YqZ\xadu\xa6+o"O0\x96\xda,\xc2\xe2\x1c\x196\x8c\x83;\xdd\x9b1=\xd5\xbfbf\xf5-'</t>
  </si>
  <si>
    <t>b'Y\x88c\x12\xda1\x84f\xc6:\xa6`\x0c\xff\x80e\xcd\x81\xd7\xfe\x0b\xd6R5\xb7w\xb3\xf2\x8a\xcbk\x9e'</t>
  </si>
  <si>
    <t>b'\xa8N\xde\xaf4\xc2\xe4\x9c\xa2V\xb8\x86\xfaW\xec\xfa\xdb\xd9\xa4r\xe5kh\xfe\xf6_}"\xca\xe4s\xaf'</t>
  </si>
  <si>
    <t>b'x\xfa==]\x1f\xf1e\x0bC\x1b\xce\xaf\xf4P\x16\x98\xd9\xfbH9\x0f.S\xf0mV\xc9\xc0s\x96\x85'</t>
  </si>
  <si>
    <t>b'\xb4,\xcd1\xcc\xc8=\x02I\xa2R\x03\xbfp@\xdb\xdb\xd3"\x01\xee\x14\x16\x82\x7f\xf2\xa3a\x112\x0eW'</t>
  </si>
  <si>
    <t>b'\xc2"Dq+\x13u&amp;\xf0vUZ\x1b]9\xf6\xb9L\xbc\x1aYC\x1c\x8b\xb0\xf5\x8d\x7fA\x03\x01\x04'</t>
  </si>
  <si>
    <t>b'\xf73(\xaa3\x174\xdc"\xfb\xab\xd8w\x15\xa5\xd3\x9cj\xf7\x07\xc3\'\xbf\x95:\xf3\x9f\xa9?\xd5\x98$'</t>
  </si>
  <si>
    <t>b'\x04\xc9\x93\xa0\x01\xcc\x10\x93\x1d\xa3\xcb!\x01\x7fX\xa1O[)\x1f_c\x12\xb3O\xdd\x04?\xcb\xdd\xc9\xc8'</t>
  </si>
  <si>
    <t>b"\xd0\xaf';\x7f$\xd8)\xd9d\xe7B`(\x92\x93\x1e\x92\x11\xc5\xa32iZ\xee\x16\xee\xf7S\\\xe7\xab"</t>
  </si>
  <si>
    <t>b'?\xb1\x0eu\xe8F\xb6}\xd0\xca\xff&gt;\x93\x15]yw1\x83\x02\x1e\xaeDGh2O5\xcfNc\x13'</t>
  </si>
  <si>
    <t>b' l\x03\xcc\xbb\rT\x86ONv\xd4\x1f\xf9\xbc\xe6\x90\x94\xa5\x0cV\xee\xc1\x1c\r\x9ddm\xac\x05\xf5r'</t>
  </si>
  <si>
    <t>b'\x05G\xd5\xd7\x07\xf1\xfb\x9e&amp;Kn\xf5.8W\xf1p\xc1\x82\xe8)L\x15\x94\xb1\x93\xdf\x1e9Sfw'</t>
  </si>
  <si>
    <t>b'\x1b\xfe\x9a=\xbc\xb2\x95?\x88Rf\x95\xa6\x8b\\\x87_\xdbh5\xfa\xea\t\x12MEzv+\x1c\xba\xce'</t>
  </si>
  <si>
    <t>b':\xf6\x83\x9d\xd5\xe7\xf7S\xae\x81\xaf\x83&amp;\xd2\xe4\xc9\xd1TcW\xcb\xdba\xf9\xa5\xd3U\xed\x16\x11z\x10'</t>
  </si>
  <si>
    <t>b'\xc3\xf7\xa6y!\xcc\x1c6\x18\xa4\x98\xdb\x18\xc7\x83l\xea\xbe\x946\x19\xd7\xfe\x8a\xb2\xc3\x07o\xc5\x98(\xe6'</t>
  </si>
  <si>
    <t>b'\xe8E\xa0\x10\rad\xbc\xaf\x87-\xf6\x06`\xc8v\x88^\xe9o,&lt;\x02\xdbd&amp;\x17\xf7 \xbe\xef\x0b'</t>
  </si>
  <si>
    <t>b'P\xa8\x8e\t\x8d;o\xccH(/\xe4\xac\xde#\xf8\x9f\xa5y@c\x84\x93&lt;I\x1b\xa7\xec\xa7\x9b\x10\x16'</t>
  </si>
  <si>
    <t>b'cJ\xeb\xb3\x90\xe0\xa5S\x00\x91\x7f\xb6\xe6\x1f\t\xc1Y\xff(\x92\xe1\xea`\xa3Qi\xbap{.Yf'</t>
  </si>
  <si>
    <t>b'-\x19\xce\xa6\xa7:\xa3\xec\x86\xd9:\xe3\xba\x14\xf4\xbd\x16u\x1eAS~\xdfq\xb6\xcfH\xea!\xe9\x8b\xf9'</t>
  </si>
  <si>
    <t>b'\x1a\xda\xd9\xd5jc?\xd4\xbbC\x7f\x02\xa3^3\x1c&lt;\xc8\x99\xc60\xd8\xc5\x0c\xfb\x99\xcd\xcb\xd79V\x18'</t>
  </si>
  <si>
    <t>b';q\xa9;F&gt;v\xfb\x0b\xc5;C\xae\n\x1dS\x18!\xd6\xf7\xbb~\x12\xdc7W\xa6;\x1d\x00"\xb7'</t>
  </si>
  <si>
    <t>b'\x80\xd2E/\xa3\x9f\xaaoQ(Z\x80|\x07\td\xc7G\xa9\xcaJ\xad\xc3\xac\x1b`&gt;\x0e$7JX'</t>
  </si>
  <si>
    <t>b'T\xb6{1KN\x15\x12\x8dIu\xc1\x87\x8f\xf4]\x92T:\xd7\x01\xf4o\xf7\xca\x11\xcf\xc1\xadJ_s'</t>
  </si>
  <si>
    <t>b'\xcdq\xbfK\x9f\x13\x15\xee\x1d\x0e|\x9f4\x999\t\x7f\xc6\xd8\xbb\xd55\xb2\x93O\x91Ww\x887P\xcf'</t>
  </si>
  <si>
    <t>b'\xb5R81\xdf:9t\x04\xafw\xec\xb49\xd8\xcfj{t\x9d\x9bs\xfa\xc8\xb3\xd8\x08\x9c\xf6\xf5\xc2\x93'</t>
  </si>
  <si>
    <t>b'_V\x84a\xb88\x19[\x84\xbd\xae\x04\x07\xfc\x99\xbd\x93#\xd7\xa0d\xb9\x949\xc2\x06\x9al\xcb\xba\xaf\xcd'</t>
  </si>
  <si>
    <t>b'\x90t\xa5\x8a\x16\xcd8\x98Q\x99\xc3\x7f\xa8D\x9a\xdd$};#\xc8\xead\xff\xf2\xf9\xc2q\xd2U\x96\xfa'</t>
  </si>
  <si>
    <t>b'\xa2\x12\x90\xbeS\x9d\xc82QT\x0e\xdc\x10\xf1fC\xd5\xc2+\xd9[\xfa\xfak\x16w[\x19-\x05%\x81'</t>
  </si>
  <si>
    <t>b'&gt;U\xe2\x08S\x91F\xb8\x96\x0fR]X&amp;\xd7\xeaxrIS\xc2\xd0\xba\xa4P\xd5\x01\x12\xc2\xeb{\x9c'</t>
  </si>
  <si>
    <t>b'\xe1(\x15G\xb2\xd0\xb6\xb3tN\xf8\x95\xff\xa9\xc1\x12\xc5Q&lt;\xd8\xa1#Q\xbf\x83\xa7x\xe9m\xd275'</t>
  </si>
  <si>
    <t>739xx</t>
  </si>
  <si>
    <t>b'\xa0}6OO\xb8\xf6\x07\xb3\xe3\xbf\x13\x95\x02M\xcb-\xb3\x94z\xbc\x11\x82\x90I/&amp;\xab\x9fd\xac\x95'</t>
  </si>
  <si>
    <t>b'\xf5\xbf \xa9\x95\x97\x1avJN\xcb\x80\x83\x88\xef\x8e\x1e\x1e\xfb\x14\xeez\xe1o\x16X\xe5cX\x06\x7fd'</t>
  </si>
  <si>
    <t>b'_i\xdb\\D:nwv\xe0,\xcf\xec^\x7f\x7f\x94\x88\x9f\xa5\xa8e\x8f\xb5\x82\xdc\xac\x17\x17C\x01\xf9'</t>
  </si>
  <si>
    <t>b'\xf2\x11\xb3!\x8b~C\xb3\xba 1\xef\xe6A\xa7\xf0\xc4\xd9\xdc$\x05\xb6P\xc5\xca\xae\x7f\xe9\xd4xh\xb5'</t>
  </si>
  <si>
    <t>b'\x92*\xbda\xb8\xdaPB\xcb5\x8b\r\x85\xcbOvP\x1d\x8a\xea\xa3\x8f\x04+I\x89z\x10\xbf{\xb82'</t>
  </si>
  <si>
    <t>b'\xfc\xe8fW\xa0\xa4U\xebL\x83s\x81w\x7f\x9b\xc6\xdb\xf8\xa3\x1el*`/m\xa0\x1b\xd6\xee\x0bP\x9f'</t>
  </si>
  <si>
    <t>b'\xdaDB]\xfa\xebY\xc9\x0c\xc3p&gt;^\x13{S\xb9\xebW\x9c1\x85\x07\xf5\xb1\x0e\xf0\x94\xee\xa8\xd5y'</t>
  </si>
  <si>
    <t>b'\x11\xd5\xa7\xfc\x07%\xb99-\x82\xf1\xaa\xbbH\xe5\x15p\xf1\x00i\xe8\x00\xbc\x1f\xa1\xbbqQ\t\x9an\xe5'</t>
  </si>
  <si>
    <t>b'5\xd9\x0c\xcc%&lt;tb8A"`\x7f\xbd\xbeCh\x86O\xe7X\xed\xa7\x03\xa4EX\x07\x97\xc6z\xd1'</t>
  </si>
  <si>
    <t>b'\xc3t(\xca K?\xc6\x88\xbd\xcf\xd4M\xc1\xbe\x89\xadbs\xc4\xe6\xdd\xac)+\x16\x82\xfb\te\xda\xdb'</t>
  </si>
  <si>
    <t>b'\xf7b\xc7t\xb2w\x9b\xdc\x9f\x97\xcen\xc8\x8b\xe3X[\x12\xe62\xacL\x93\xe6\xd9\x82\xd9\x98\xbf\xe3\x87\xc5'</t>
  </si>
  <si>
    <t>b'\x98\x1a\xe1\xff\xb5\na\xcc\xb6\xaf\x12\x0eC\xb6\xd6+\xce\x80\x0b\xaduxr~\xba@Y\xec\xc1\xa6Y\x94'</t>
  </si>
  <si>
    <t>b"\xa2&amp;\xe9\xfdR'\xc1\x034\x18W\x06\x87\xbd\x87\x9e\xfd5\xec7\xc0\x06\x83mmD\xd1A\xd2@\xeb\xc8"</t>
  </si>
  <si>
    <t>b'\x82\x85g\x00\xbd`\xf0-y6\xa5Un\xdf\xc0\x7f`\xcb\xf9@wR\x0b1\xd6\xae\xa2\x14\xf9\xcb\xed\xc9'</t>
  </si>
  <si>
    <t>b'Q\x8a9\xecO\xbbr\x1a}^\x08\xa3\xd03\xbfY\xb5\xdbvT\xc9\x17\x82\xb6&lt;z\xe9\x98X^S\x0c'</t>
  </si>
  <si>
    <t>b'\x05tL"\x93\xa5hY\xc8a;\xcd5\x14\xd0\xfa\xbc\x0c\xaf\xb7\xef&gt;\x0c\x9c\xb5\xd104\xf2Mt\xe5'</t>
  </si>
  <si>
    <t>b'\xb5\x8b\x1f\xc3.\x94\xdd\xa7K"\xd8\xb0\xc0\xabG\x0b\x1cc=\x8e\x7f\xa5F\x051\xa5\x8e\xe0\x9b\xfa\xd7\x9f'</t>
  </si>
  <si>
    <t>b'\xe5\x0e\xde\xd7\x06\xc1\x99hk|*\x0f\xa9\x86\x15z;\xc6\xbdBQ\x93\xe1\xf1)\x7f\x02\xdf\xdd^Ut'</t>
  </si>
  <si>
    <t>b'\xedG\xf7?\xc5.4\x8c\xfe\xf8\x83\x8c[6\x88\xd1y\xdc\nw\x12##\xd9W6\x05\xf7\xf3&amp;s\x03'</t>
  </si>
  <si>
    <t>b'\x12\xd70\xeeKh\xce\xf7\xd4kP\xc5R\xdc\x11!~\x984\x1a\xf8\x85\xa0F\xb1\x89J\x00\x16\xf7\x92\xfa'</t>
  </si>
  <si>
    <t>b'|\x07\x0f:\xa0i\x93c_\x1d\xa4\xc7 3;\xbc\x8a!;\x11\xd0\x832&lt;\x900\xe4\x84\xa9\x8e#\xe1'</t>
  </si>
  <si>
    <t>b'\x9fs\xde\x9a\xf6 \xe5\x87F-o7\x8f\xa9\x1d\xd9aw\xb6C\xc25\xe6r\xb3\xfb\x1d\xe8\x1b\x9b\x85\xe1'</t>
  </si>
  <si>
    <t>b"\x92\x10S\xa1K'\xc9?\xf1^d\xe0Z\xa7;\xfe\xcb\x9d\xef\xb8Z\r\xfbQ\xe8\x1f\xa7\xd3gh\xbe\xbc"</t>
  </si>
  <si>
    <t>b'\nm6o\x9e\xde\xca\x0fy=g:F\xe9\xb2\x8bD6ta\xe2\xb7+3\xa5\xe4&amp;\xd5\xd3\xf2\x0by'</t>
  </si>
  <si>
    <t>b'\x02\xfd\x94#\xcf\xb1C\xc4\xc2\xfb\xa6{\xd8\x8d\x0f\xc3F\x90\x10\xc9\x11!\x1d\xee3e\x15\x8d\xcc\x1d/('</t>
  </si>
  <si>
    <t>b'\xd4\x9c\xb6\x1a\x84\x9fBR\xab\x84\xc3H|\x98&gt;\x90\xe9\x08\x7f\xf0oz.\x9f!\xf0\xd0\xc6\x00\xd2d^'</t>
  </si>
  <si>
    <t>b'\x17k\xee;\xb3,\'\xf2K\xb7\xb7\xdb\xa9\x80\x0b1\xbbn\x90,\xb7u"\xc8\x8c\x01L%\xfa\x17\xc4\x80'</t>
  </si>
  <si>
    <t>b'\xb9l\xff\x19\x9d\xbe\x05F\xa8z\xaaXc\xc3\x8fR[\xee\xad\xce\x0e\x8c\xee*\xf7\xf6\xea8\x87BL\xd2'</t>
  </si>
  <si>
    <t>b'\xe0\xdf\x1c\xd4\xbc\x86\x93\x1f\xc1$\xfcw&amp;\xc0\xf4\xaf[)\xe4E\xca\x9f\xcd\xe8C rl\xd1x\xf61'</t>
  </si>
  <si>
    <t>b'z\xc6\x97\x0f\xb8\x83r"\xfdls\xff.\x9a\x1c\xab\xe1d\xfb\x9b\x1c\xd3\xc8\x1a7\xa2K\xe8\x9d&lt;U\x91'</t>
  </si>
  <si>
    <t>b'\xad\x16\x12\xa7\x0bx\x0e\x1c\xc4&gt;i\xd6\xcd\x9b\xfe\xb9\xb8\xa5\xa3d\xe3\x18\x07*i1\x14\xe5\xd9\x15\xaa\xc5'</t>
  </si>
  <si>
    <t>b'\x10I\xa8\xa5w\xd1\x1f"`N4\x03\t\xd3\x05\xe6Xu@\xe3I\xb0y\xe6k\xb0\xfc\x08(]\xef\xd2'</t>
  </si>
  <si>
    <t>b'[\xd1\xafr\xa1Y\x11s\xd6Gj\x12&lt;\x9dx/&gt;\xf4\x0c\xa2p\x0b\xb5o\x93Q&amp;|=\xf9g\xd4'</t>
  </si>
  <si>
    <t>b'\xd0\x888\rw\xd5\xc9&gt;b\x14\xe1\x8f\xcez\x1e\xf6I_\xd99V\xb3\xe0M\xf3\x88\xaa\x8c\x96\x08x\x18'</t>
  </si>
  <si>
    <t>b'0x\x8f2\x16\xe6\x1e\x04H`\xbf\x08\xa3\x15\x7f,\xbe\xd1k\xf2\xa4\x04k\xf9O\xaf\xacJ\x00@\xd1\xfc'</t>
  </si>
  <si>
    <t>b'X\xb4\x07\x1d\xa4&gt;D\x9b\x86)\xb6\xb7\xcfh/Ll\xdf\x9f\xc6aM\xab\xaf\x10x\x15E\xa8\xed\x83,'</t>
  </si>
  <si>
    <t>b"\xc7'T\xf75k\xd0\n\xc8\xdc\xc7\x07\xf7\x98\x00\xc1\xfa\x96\xd7:y\xdb\x98\x8c\\$y\xc0\x07/\x94\xab"</t>
  </si>
  <si>
    <t>b'\xba+\x1a\xd64A\x85\x88\x04\x15\t\x03\xef.8\xcaw\xec\xd8!.@|6\x9de\x80M\xb7\xe0\xb8\xb8'</t>
  </si>
  <si>
    <t>b'j@i\xbb\xd48\xd6\xa2\x83`\xe0\xfd\xb8-\x94\xb6\x0e9g\xe9\x15\xbd\xd6\xfax\xaf\xb0\xacKM+\xf4'</t>
  </si>
  <si>
    <t>b'4\x15\xa8R\xc6\x06&amp;\xad5\xdc\xc6\xc04\xc1&amp;\xabO\xa2\x92T\xf5m\xcb\x08Yp\xe3\x8b\x1f\xbb^\xfb'</t>
  </si>
  <si>
    <t>b'\xe6\x83\xbaT\xc4\xf0\x06\x83\xd1z jg\x84p\xdba\x13\xda\x01\x13\xc7Ti\n!g\xb4l\xb9\xcd\xaa'</t>
  </si>
  <si>
    <t>b"\xc1\x8c\x95\xab\x8c\xadt\xda\x02\xbc`\xf0\xd9c]\x07\xd4\x83{\xe1C\xbeI\xc9+}l\xcb\xd4'\xbc\xdd"</t>
  </si>
  <si>
    <t>b'z\xc1\xf6l\x82\xe4\x86$\xb7@\xc8\x8e\xb2\xa6\x8aV\xe8\x9d\x19\x08\xb5N\xbbT\x903F;\xeeP\x86\xaa'</t>
  </si>
  <si>
    <t>b'\x95T\x87\x0f\xbc\xd3\x0f9b;x\x1e\x10l&gt;2O9@o\xbe\x02\x00,\x18\x93\x95\xc4\xc3N\xf8,'</t>
  </si>
  <si>
    <t>b'|c{\xc0\xccT[\xa9\xbe\xd6\x1b\x14\xee(\xa2\xac0(\x9cj4\xfa\xc6)t\xdc\xed\xe96\xcf\x1f|'</t>
  </si>
  <si>
    <t>b'\x0b\xb9\xf9Lb\x93\x99G?T%8\x16bYN\x8e\xbf\xb5\x08[\x99\xb8W\xe9\xd8\x1dq\xe82\xcbJ'</t>
  </si>
  <si>
    <t>b'\x9a\x8b\xaf\xc7\xe1\x16;6Z\x05[?I\xbc\xcb\x82\x1fJ\xc1,j\x11\xed\xea\x04B\xf2c3\x97\x9c\xda'</t>
  </si>
  <si>
    <t>b"\xfcF\xc6\x94'lAJ\x0e\xa0\xcb\xe5\xaab~\xa5\xc6\x08V\xcfJ\x1d\x8e9\xfe\xad\xb4\xad\x93\x89j\x04"</t>
  </si>
  <si>
    <t>b'8\xf1\xd9\xaa\xd6\xf3\x94\r\xacZ\xa4\x7fK\xe9\xe3d&gt;&gt;\x94\x9b\xfcx\x88$(k\xdat\x8c&amp;r?'</t>
  </si>
  <si>
    <t>b'\xcf\xd9/\x91k\x18\xa8g&lt;\x88y\x1c#!Y\x8b\x1d\xff\xf7\x9cO:\xed\x88&gt;)nk\xe3e\x81\xe9'</t>
  </si>
  <si>
    <t>b'\x0f(\xcc\x1b\xb6\xceB#\xe5\x04\x81\xc8\x89q\x11\x9dh\xaa\xf43\x9a=\x8a\xb0\t|\xc5{\xc0\xd2\xf7\xc8'</t>
  </si>
  <si>
    <t>b'\x02|&lt;O{H\x9d\xf6\xd4\xc3\x9a\xed\xa5%\xa9q\xb8dR\xea\xd4\x89\xfb\xfd\x1e\xcce\x19IW\xcc4'</t>
  </si>
  <si>
    <t>b'\x94\xda\xd3\x152\xa4\x1b^\x0f\x9b,\xa1\t\xb2L\x08W\xfd\xfd.\xdf:\x08 c\x0b\xf6\x83\x12\x1f\xaa\xbb'</t>
  </si>
  <si>
    <t>b'\xa7\x1a\x07\x96\x962\xe1\xd1i\xf8T\n\x00"\xbb\xe0\xb2\xcc\xabm!\x8dC\xdcA\xc9\xc5&amp;K~\x7f3'</t>
  </si>
  <si>
    <t>b'\x8b\x0b\xbd\xf6\xadj\x91\rVy-\x97w\xb1\xd9*\xae\xc1\xd1\x9d\xe5hg\x0f!\x05+d\x1c\xa4H+'</t>
  </si>
  <si>
    <t>b"\x0es\xe3\xbe\xb3E\xd2V\x87\x83\xdf\xb6\xaddIg&amp;\xcf\x0b\x1b'\x92g\x9eJ\x0bR\xb7\xf4\x18~\x92"</t>
  </si>
  <si>
    <t>b'\xe3\xe1\xc1\x970r\x8c\xbc&amp;\xf2Fw\xb8\xd1\xdc\xf9\xb1\x15\xb4\x8bX\xd3\x08\xaa\xc7&amp;\x1c\x7f!\x1f_\x07'</t>
  </si>
  <si>
    <t>b'\x8e\xd35)@\xb9\xee\xe1\xc6\xd91\rp\x9b\x9a\x86w}J%\xa12\xc5\x9a`\x9c\xf1\xc9\xf4mZC'</t>
  </si>
  <si>
    <t>b'\x0f;\xb6b\x00Xm\x1e(\xb22\xd9\x14\xa8\x87\xac`p\x8c\xa9\xa2T\x10\xf5@\xc1M\xebuKq\x1c'</t>
  </si>
  <si>
    <t>b'\xbf%2\xd9C\xdc\xa2e;\x08QFG\x87\x97\x9f\n\xcf\x12E\x18\x97\xa4\xcb\x00\x8e\xdb\xf0&gt;\x1f\xfd\x13'</t>
  </si>
  <si>
    <t>b'\x0e\xd9f\x8d\xbb7\x06\xf2E\xc2\xcf\x97|\xa4nfT@\xdf \xb8W3\x94b\xbd\xfc\x0c\xec\xee\xc7x'</t>
  </si>
  <si>
    <t>b'\x06\x91a\xfd\xf9\xf7@\xd3\x8b\xc9\xaf\xb4\x82\x05J&amp;\x7f&gt;\xd9O\xe8\xb8\xa4\xf2\xf2gB\xab\x7f\xc1\xd4\x17'</t>
  </si>
  <si>
    <t>b'\x0c\xd83C\xc76\xf8S\xab\xc0y`\x1a\xd2C\xdc)\xdb\xd5\x7fA\xca/n\x0b\xc6F\xd2\x1a\x87\xf1J'</t>
  </si>
  <si>
    <t>b'|)\x1d\xc2\x02\xa1\xcdLA*,A\xbe\x0e\xd9$\x97\xe0j\xab\xad\xd6\x04\x99/|\x11\xe0m\xa2\xd6&amp;'</t>
  </si>
  <si>
    <t>b"\xd6B\xfeF\x9dt\xb9\xd9\x84V\x0c\xbb\xd0\xe7\xd3\x05\r\xf4\xa7\xf6\xf3\x07'\xf2^\xbc\x9a\x16\xe1\r0A"</t>
  </si>
  <si>
    <t>b'\xc07\xed\xb3#\x1b\xcd\x88}\x9d\xa3\xbdN\xb0\xee6\xc0\\\x82\xa1Ap@7\xd5\x813M\t\xf8\xc5O'</t>
  </si>
  <si>
    <t>b'\xaf\xb1\xbay\xe3\x8e\xa7d6V*Uj\xcey\xdc\n\t\x80U\xd1C\xe2\x13\xd6\x06\x9d\x16\x19\xd6\x15\x03'</t>
  </si>
  <si>
    <t>b'\xd5\x07\xc7"\xe7\x96\xa2\xed\xa9\x9eR\x86[\xd3F\xcc\xa1X\xf1\x93\xda*1^\xf0\xfd\xaa\x86\'\x1f\x065'</t>
  </si>
  <si>
    <t>b'H,\xdd\xbf\x96a\xf4\xb9:#9\xb5o\xab\x8ds#\xd3=t\xf0\xc6\x85\xac\xc1\xf3\xbe\xf9\xdfQ\xcc\xc5'</t>
  </si>
  <si>
    <t>b'\x87\x17S*\xd2\t\xbe\xf2\xc9VPH\x97\x8b\xff\xc89\xee9~$G\xb2h\x84\x0ea\x01T\x9d\xe1\xa5'</t>
  </si>
  <si>
    <t>b'D\x96\x17J\x08pw\xca\xa3[\x05\xcdg\xfbK)\xba\xc1\xa9\xc4f\xe4f\xc4\xb44\xeb\x8e\x8d)\xcf\xfc'</t>
  </si>
  <si>
    <t>b'\x82\xbe\xdb\xcbU\x98{7\x0bRm\xef\xc00`\x9c\xc3\x94\x008Kt\xde\xd2\xd3ZV\x0e~\xdcR6'</t>
  </si>
  <si>
    <t>b'\xe5\x16\xec\x98\x9c\\S\x127j\xdd"\xa9\xc3\xb3\xd6\x16\xce#\xdcM\x7f\x89\xf3!=\xc7I\xcf\x96\x1e&lt;'</t>
  </si>
  <si>
    <t>b'\xc0\x7f\xebs\x1f\x9e\xe9W\x1c\x1f*Z\x87\xe9\xcc\xa6\xc9U\xa6\xb9M\xd7\x17\x04\xf0u\xd0\xf7\xf3\xa1\xb16'</t>
  </si>
  <si>
    <t>b"8\x199\xb4\xbczy\x92Bk\xc5\x89\xba\t\xd4\xb1\xd4\x0c5\x020\x05\xc1\xe3\x11\xf2r!1\x08'\x15"</t>
  </si>
  <si>
    <t>b'\x0f9O\xaet\xc6\xc1\xb2\xf3\x83\xc26\xc6\xc6"\xb0;k\x07)\x7f\x14\x9b&gt;\xefk\x10\xc0\x15E\x03\x0f'</t>
  </si>
  <si>
    <t>b'\rY\x9b\x90z\x10j\xa2,\xa6O5W\x10\xce&lt;(\xca\x9c\\\x9e\x172l$|#}\xb8%=\x91'</t>
  </si>
  <si>
    <t>b'\x04*\xbb2\xa3\xec\xb4\x99\xd7/17\xbf\xe8K\x9ay\x05\r\xbbh9\xff\xd2\xedM\x9a\x049\xfe\x00j'</t>
  </si>
  <si>
    <t>b'\xfe$mfx7\xd9\x1d\x1f\xba\xf1X\x02\x8c\xb0]3\x06\xa1\xc7\xd1\xcc\x04\x0eMb@\xbc\x85#\xaa4'</t>
  </si>
  <si>
    <t>b'ri\xc8r\xd7\x03\xe7\xcf\x07\xbf\xaa\t[N\xa6a\x00\x01\xbc)&lt;\xfa\x85\xad\x10\xf4\x11\x0f\x02(y\xfe'</t>
  </si>
  <si>
    <t>b'pg\xcb\x13\xb2\x0f\xf2\xed54\x1aLU\xcd\xca\x1ar\x84O\x9dJ\xe9\x9e\x8c\xd63\x9e\xf4\x07\x8e\x99\xbc'</t>
  </si>
  <si>
    <t>b'S\x0bG\x99\x1c\xa9\xb7\x9b\xadb7|\x8b\x93\x07%.\x13\xa5\xb2{\xa47\xacW\xab\xaa\x89\xb6\x06\x817'</t>
  </si>
  <si>
    <t>b'\xe8\x0c\x02\x8d|\x9b\x17\tR\xab\xb9\xd9Q\xaf\xbd\xb5\xed\xb4\xee\xb9Q\x85\xc2\xc1\xdal\xe2\x01\x17\x80\xc4\x1a'</t>
  </si>
  <si>
    <t>b'?\xeeef\xca\xbc$\xcb\x16\x0eQ\x0e\xd9\x03\x92\x06#\x93Z\xe1u\x1d\xe9\xf5\xaa\x00=N\x0b\xde\xba\x9b'</t>
  </si>
  <si>
    <t>b'`\x17\x03t?S{\xcb\xd0\x90\xf1K~\x83\xac\xd3\xd1\\\n\x11\x16\xa20\\?\xa0\xdd\xbeJ\x04\xa3\x05'</t>
  </si>
  <si>
    <t>b'\xdb.\x0c\xc6*t\x19\x84\xdc\xb1Cj\x8a&lt;\x0cB0\x13\xd1\xb7\x8d\x89\xe0J\xec\xe7\xac\xc3\xc0hw\xc5'</t>
  </si>
  <si>
    <t>b"\xad\xaa-\xed\xa0\xb6\xb3\xd8\x82v'\x1c}\xe4\xdeqY\xfbNvg\xe2S\x15\xfc\xe2\x11\x14\xba\x06j\xe7"</t>
  </si>
  <si>
    <t>b"\x12\xa2\xe7]\x07p^\x8bPu\x94*/\xf5w\x02X?h\xc1'\xa1\xa7@K\xe4jF7T\xec\x13"</t>
  </si>
  <si>
    <t>b'\x1f\xa1\xa2{C\xb6\x91\xba\x1b60\x92\x8f+\xd8\xe5\x1dH\xe9\xcc\xcb\x15\xfa7\xf1\xa0\xf1=\x9a\xfa}\xe9'</t>
  </si>
  <si>
    <t>b'\x14\xfe\x8bkU\xb0\xf2\xff\x93\xf3\xa6\xff\x01\xd4\x19\xe1\x95PZNh,\x8c\xddP\xeb\xb6}\x02\xc7A\x9a'</t>
  </si>
  <si>
    <t>b'\xb8|d\xc5\xc5\x1b\xb0\xa4\xb89\xe2\x0f\x80\xf0\xf3A&lt;\xd6,\xb6O\xcfje\xda\xfd\xdc\xdd\x95\xce\x88h'</t>
  </si>
  <si>
    <t>b'\xad\x06GF\xa2\x89\x88Y\xc4^\x86XT~\x9c\xaam|_\xe94\x035\xb4\xa5:\x01\xd6KtBC'</t>
  </si>
  <si>
    <t>b'\x89)H\xa7%\xd2\xeeiH\xd3#\x8b&amp;[\xf0\x12\xc2\xa8\xc4|\xa6`,\x86\xcc|\xdc\xfc\xa9H\xa8~'</t>
  </si>
  <si>
    <t>b'\xf8O\x1cc\xc9\xceiP\x14\xc8h\x84\x07\x06\x86\xe0N\x87\xd4\xf0"\xdf\xdc\xa2\xd7Tz\xfc\x9b\xb4\xdb\xf4'</t>
  </si>
  <si>
    <t>b'\x89\x10^\x8dE\xd2\xa7\x8f \x97B+6SF\x87\x8d,\x9b&lt;Y*\xba\xdc\xbbz+I\x89\xe7\x0c\xed'</t>
  </si>
  <si>
    <t>b'\x0b\x01{\xf1\xf9Om\xad``\x1e\x02iO\xea&gt;]\xc0K\xf9\xd0h\xc1\xc2\xccFnKgR\x91]'</t>
  </si>
  <si>
    <t>b'L\xf2\xc4\x1a\xb0%\xe68\xd2\x16\xbe{\x813\xfdZY\x0bp\x99\t\xd6e&amp;/\x1e`\xbf\x8d\xce\x0f\xfa'</t>
  </si>
  <si>
    <t>b'Q\xde}[\x83\xcd\xd9\x0cn\xf1\xfaZ\x1f&gt;t\x05\x8dC)Z\x97\xc4\x16s\x15\xbf\x8bP\xe2I\xb7r'</t>
  </si>
  <si>
    <t>b'/\x98a\xc1\x8db_\xff\xcb\x95}p\x84)&amp;P\xfb}&lt;E0\x9b\xadL0\x85\xa5\xd9\x01\xbf:P'</t>
  </si>
  <si>
    <t>b'X\x15\xec\xfe+\x1eK\xb75\x0eW}a\xf7e\x8d\xe0;\x80_W{\xd0\xac\x86CO\xe3\x8aS\xb9\x1e'</t>
  </si>
  <si>
    <t>b'\x05%:\x140\x9e\x07\xd4\xe6\xdd\x99\xd7\x7f=+#~\x04|Z|#\xe3\xc8\xd7|_\xf9hbd\x94'</t>
  </si>
  <si>
    <t>b"\xb3\xc1\x1e\xf3\x0b9'\x82l\xeb\xc1r\rS\xdcs\x8b\x1a\xc2\x83\xe7}\xb8\xce#XVB!\xe9 \xfc"</t>
  </si>
  <si>
    <t>b'\xe4\xb9\x03\xe3zr\x8f&amp;\xb73*`\x9dIlnb\x1d\xe9\xa2_\xab\xd4\x93\xd3\x8a^\xb4\xf2\x16\xa2S'</t>
  </si>
  <si>
    <t>b'2\xe3\n\x84\x16\n{\xd0:\xec\xb4B\xb2-\x9f\xf1\x0e\x933\x7f\x1b\x88\xeaK\xb0A\xc3s\xaa\xf0\x12\xfa'</t>
  </si>
  <si>
    <t>b'\xaa\x1a\xd1#7\xf6\xc5Y\xae^\x80\xf7\xd3jL\xa0\x07\xc7A\x7f\xa33Mx\xb6U\xdai[\xec/j'</t>
  </si>
  <si>
    <t>b'\xc9\xcb@\xd4\xcc6\x8c\x1bfX2\x15e\xff\xfd\x87\xac\x1d\x1c\xbaR\xfe\xe9\x10\xda\xfd\xb2\xc9\xeb\xb5\x1b3'</t>
  </si>
  <si>
    <t>b'/&amp;b\xb9\xcc\xf6w&gt;\r\xf3\xf4\xe3i\xd1\xd7\xee\x02\xa8\xe8\xde\xc7\xce\xde\x91\xee\xb1\x9a\xe8\x02\x81C\xb0'</t>
  </si>
  <si>
    <t>832xx</t>
  </si>
  <si>
    <t>b'9a\xb6b\x9d\xe6\xb8\xa1W\xbb/\xc0\xe2\xade\x19i\x15e\x8ee\x05\x81t\xeeA\xddv\xdd\x0e\xb4b'</t>
  </si>
  <si>
    <t>b'\xaf\x90\x80\x0b q\xa9\x07,\x1c\x94\x95\xc64Ea\x1eRW\xbe\t\xaa"\x8eStKN\xe4E\x03\x10'</t>
  </si>
  <si>
    <t>b'\xbeU\x1a&lt;Z;\x1d\xbb\x17e\xa5\xe1\x88\xb9)\xe1\x9d0\x06\x00\xa0\xf4w\x0f\xbcN*\xaal@\xe6\xa8'</t>
  </si>
  <si>
    <t>b',^\xf0M\xec\x9dQ\xab\xfb\x9f@1^d\x84N\\l\xd8\x91\xd5\xb6\x16\xcc\x02%B"T\x94N\xbc'</t>
  </si>
  <si>
    <t>b'\x9d\xa1\xbb\xa5\xca\x92q\x94v\x04u\xd7\xca\xfe\xcd\x9a\x1fb&gt;\n\xf6\x04y\x06\xc8\xa5\x04\xfa%\xe8\xe01'</t>
  </si>
  <si>
    <t>b'v;\x0b&lt;Y(\x97\xb2\xe9\xe2&gt;\xf9\xe6\x93\xec\xe0f\xad\xf02\x1f\xf5\xcbe[\x855a\xa6\xe2\x8aL'</t>
  </si>
  <si>
    <t>b"\xc5\x98\x88\xb9`\x00#\x0esmv\xe4\xa9\x05`\x0f\xe0\xe2\x1c'&lt;x\xc1\xf8n\xa9I\xae\x8b\xab\x06\xd6"</t>
  </si>
  <si>
    <t>b'\xaf\xdb\x87K\xa6D\x1b\xb5N\x85\x06\xff\nQ\x80s\xd1\xec\xcb\xb0\xbc\xab;\x7f\xb2H\xf1YuL\x9d\x0f'</t>
  </si>
  <si>
    <t>b"\x83\xb4P\x1c\x82J5\x94N':\xbf\x10p\xccq\x0e;?5\x982i\xcf\xee{w\xb4\x1b\xfc\xb7S"</t>
  </si>
  <si>
    <t>b'\xa2P\\\x82\xbf0\xc2\x02\x0b\xf1\x9al\xd0\xc2F\x08\xb5I\t(\xa7y\xe2\x11\x0cV!5\x88_\x03J'</t>
  </si>
  <si>
    <t>b'\x80\xbb(\x88\xf0\xa6\xe4\xef\x91\xdc\xcb\xcf!\x0c\x1f\xfc\xad|F\x80\x0b\x02\xb5\xdfRIM\xad\xe6\xe3y\xfa'</t>
  </si>
  <si>
    <t>b'\xa2\x0e\x00L\xde\xe4j\xf7\xe4.\x9b\x1e\x83\x041\xe9\xa7W\xe6\r\xaa\x1cx\x80vfuN\xe6\xae\xf6\xe3'</t>
  </si>
  <si>
    <t>b'\x0c\xaf\xcf/\xf7\xb9\xadB\x0c\x94E*o\x90\xda\x92j\xfb\x15\x88C\xd8$*X$c\xf7\x0f\xb9J\xc1'</t>
  </si>
  <si>
    <t>b"\x8c\x03\xf3o_[3d{\x18\xf6\xb8H\xd2\xad\xab\x8d-\x80\xd4i\x81\xc7\xad.d\xb9\xdf\xd3'\x00'"</t>
  </si>
  <si>
    <t>b'K+\xaf\xeb\x8e\x83\x99\xfb\x9c\xd9&lt;0$^ZXM\xc1\xa8\n\x8b\xb5\x8f\xeek\xa2\xd8\xbf\xb5\xa2-\xb6'</t>
  </si>
  <si>
    <t>b'$hZ[\xd8\x00\xc7,u\xba\xac\xde&gt;\xeb;\xcc\xa8`X\xf7J\xe23S\xb8\n\xdc\xcb\x84\xa1!l'</t>
  </si>
  <si>
    <t>b"#\xa7\x1c\x96w\xcds\x115\xaf\xfdW\xac%P\x87H\xb4IU-\xbdZZ\x88\xe6\xcd\xc4\x1c4v'"</t>
  </si>
  <si>
    <t>b'\xc7|\xd7N\xdb\x04\xca\x86\xa9\x92\xb2\xbcl\xb0Vz\x1f\xa6_\x83\x8c\xafU\x0c\x8e\x1e\xfc\xe2(R\xd7\xc4'</t>
  </si>
  <si>
    <t>b'\x87\xb8\x99\xfbU\x0eu\xc48\xb2"\x0b\xe1\xf2\x07v+\x81\x8d\xa92af\xc4V\xe7\xd3\xb9\xfc\xf2\xeeg'</t>
  </si>
  <si>
    <t>b"\x1b\x19\x83\x99\xe7\xd8c\x81\x19\xa1\xbcE\xf4\xcdV\x80\xb4\xe4\xad\xcc|\x89'\xb6\x92\x959M\x1e\x87\xe6\x11"</t>
  </si>
  <si>
    <t>b'M\xc2\xb2\x8b(\xbc\x83\x9f\xeb0\xd9\xc4*7\x08\xf4q\xc3\xda\xf31\xbe\x00\x80a\xed\xd4\x14\xbf\x8d\xd4\x00'</t>
  </si>
  <si>
    <t>b'&gt;H\xd8\xb7yZ\xfcW\xaaA\xb1F\xfeB\x89\xce\xaf\xbcf\x95(ZE\x1d\n\x9f\xd9\x9cuuV}'</t>
  </si>
  <si>
    <t>b'\xb2\xad\x99&gt;\xf3t\x00\xc8A\x08\x0b\xb1\x1d\xbf\xbc\xffdr\x81\x04\xa3\xf2\x90\x14\xe1\xec\x8d\xdf\x9fNkw'</t>
  </si>
  <si>
    <t>b'%\x9eI\xab\x17N\x88\xc4kN\x90\xe3\x87~\xa2\xb3\xdfC\xe7\xe8\xbd$\xb60\x86\xc7?\xf9s\xe0\x9d-'</t>
  </si>
  <si>
    <t>b'\xd6\x96a\xc8@\x177\x8f\xed\xd9&amp;\xee:B\x8e\xaf\xc2\xf6S|\x82\x94)\x7f\xee\xe1\x07\xeao\xee\x1e\xba'</t>
  </si>
  <si>
    <t>b'\xf1Tn\xe1&amp;?\x1am[\x0e\xc2]\xeb#\x98u\xc2F\xb3}\xaf\x9aS2kx\x12\x8a\x12G\xc1\x05'</t>
  </si>
  <si>
    <t>b'\x9dG6\x90j\x95a\xfd\x10\x95\xa1\xa7\xf0\xea\xc2\x0eZ\xf3\x88\xc73\xdb\x9d\xb8\xe1g\xb5Y\xaa\xfc;_'</t>
  </si>
  <si>
    <t>b'\x1f\x15\\\xecx\x9aPj\xad\x81\xedM\xcd&gt;d\x82\xac\x85k\xab\xab\xa2=\x94\xfeP\xba\x05\xb0\x95\x922'</t>
  </si>
  <si>
    <t>b'\xee\xdc\xe2\x07\x8d\x18\x8fo\x16\x06\x13\'\xcd\xa3\xe9"\\\xb8\xcb\x9a\xeaU\x00\xca\xff*\x05\xb4\xbf\xc0\xc6A'</t>
  </si>
  <si>
    <t>b'\xe5\xb7\xa5\xa2\xad\xec\x8b\xef\x85xP\xdb\xa5\xfb\xc3p7\xf5\xbeWc0{\x9f\x94\xfd*I5l\x11x'</t>
  </si>
  <si>
    <t>b'Y\xc1\x1a\x07+\xa8\xbb\t\xf2\x9fk\x83\xe1\xddV3C\x7fQ\xfd\x1e\x87\x92\x1d\xcdAU\xb7\xae\xa4\x1e\x92'</t>
  </si>
  <si>
    <t>b'x\xfa5\xce\x9b5\x84:\x0e\xfc\x87\xbfM\xf2\x90H\xf2\xaf\xdfBy&lt;,\xc7\xfd\xfc\xe5(.Q\xcc\x0b'</t>
  </si>
  <si>
    <t>b'\x9e\xac\x97\xca\xb2\x1cR;*\x00\xab3\xd7\xc1Op\xc4\x93\x9e;\x8ac\x82\x91\xef(\xbb\x8d_\xe1\x06\x18'</t>
  </si>
  <si>
    <t>b'=xaniE\xa5\xb0\x1ec|\xaa\xf9\xa5ag\xeb\xeb\xfc&lt;\xfb\x1f\xef\xa5r\xdbF\xaf\xb9\x1d)\xfd'</t>
  </si>
  <si>
    <t>b'u\x03\xddV\xc7\xc8\xd5\x0c\x89a\x86\xe4{\x18\xba-E;&gt;$\xcdE\x8cX\xd6\xad\xac,cr\xd8\xd5'</t>
  </si>
  <si>
    <t>b'M\x8a\x1c\x9cG\xc9\x15\xe7\x1d\x92&lt;0f4\x1e]),\x8b\x07\xfb\xb7\x8d\xc4Q\xbaE{ws^\xdb'</t>
  </si>
  <si>
    <t>b'&lt;\xc2[%{\xc3wA&amp;"\x9c\xdd\x9b\x9f\x89\xae\xbb40\xc5\x13C-\x8f#|\xb2\xf2\x8b\x97\xa3a'</t>
  </si>
  <si>
    <t>b"\x00\xbc\x06\xc4^\xca\xe3\xb3v'\x1c\xc7\x92K!\x1d\x02\xf1\xeb\xc0)J\x8c\x9a&amp;OR\x1d\x87\xf5B0"</t>
  </si>
  <si>
    <t>b'^^\x86&gt;\xe0\x01\xcb\x08\xc1!c\x02b[\xe8\xe5=\xc87^\x9e[T\xc7\x9d\xda\xa4\xa8d\x88\xc7\x88'</t>
  </si>
  <si>
    <t>b'?\x97ZY;\xd9S\x98\xe7\x07\xb7\xe9\xdd~\xac\x017\xf1\x98l\x86\xfa\x19\xe0\xf6\x15\xd3cCF\x93\x08'</t>
  </si>
  <si>
    <t>b'\xf5Q}%J}\xf7\x98\x97\x1b\x1bs\x8dr\xda\x8bi\xcc-\xd1\xe3\xc0i+/\xaf\x12\r3\xfa\xe0/'</t>
  </si>
  <si>
    <t>b'\x1c\xc9v\xe6\xb8\x16H\x96\x91-0y^m\xcb~vx\x1a\x90\xd8\x8e-F\xaca\x96\xc4o\x98\x81\xa5'</t>
  </si>
  <si>
    <t>b'\x1d\xda\xfa\xe5\x8a\xfd\x88&gt;z\xbc!&lt;\xf6Vc`\xbc\xee2w\xa0gX\xea\x13ej\x91\x03\xc8lS'</t>
  </si>
  <si>
    <t>b'|\xaaR\xc0\r\x14V\xd1RuL\xae\x12[\xfc\x96i\x92+,\xa6\xe1.}\x18\x89#?\x03.\t\xe3'</t>
  </si>
  <si>
    <t>b'\x07jf\xcc\xf00-\x12\x0f|\x07[\x14$\x7fZP\xb8\xeab\x87v\x98{ :J;&gt;\x11\xa1b'</t>
  </si>
  <si>
    <t>b'$B33qH\xe9\xe6i\xfb&lt;-\xa0\xf0\xc2J\xd5\xaa2\xc7\xc01`\xd9\xdbG\xd7\x892\xa7\x9e\t'</t>
  </si>
  <si>
    <t>b'\xe1\x8e\xc4@\xc9\n\xac7\x1ahb\xe5\x8a{C&amp;\xdc\x06\n\xe1\xc7\xe9\\Z\x0b\xf0\xff\xf2@}6\xe9'</t>
  </si>
  <si>
    <t>b'\xc5\xdcqF]\xe5\xc3_\x00\x1e\xf0\x1e\xcf\xcc\x05\xd6\x13\x00f\xc7A\x84cnk\x1f\xe0\x93\xbd\x90\x7f\xdf'</t>
  </si>
  <si>
    <t>b'R7\xbc&lt;\xf0?O\x9a\xfbP\x95i=4\xd3\xe2\xb6\xfc\xa0\xb3%a\xe3;\x7f4q\xef^\x84\xfbh'</t>
  </si>
  <si>
    <t>b'\xf6W\x05\t\xba52\x0c\x87\xe8Z\x01\xc4#\xc8J\x02\xcaI\xa9\xd8S\x81J\x07\xa1NW\x81\x06\xac\xe5'</t>
  </si>
  <si>
    <t>b'\x8b\x97\xb2V\xf2\x9e\xab\xd6\xca\x1f\xc3\x1b\x925\xe9\xc5\xe6\xfa\xf46\xd1h8\x14\xd6\xd8qH:\x90\xfb\xd7'</t>
  </si>
  <si>
    <t>b'\xb5\x93\xeb\xc1\xe8\xf7\x94\xbb\x1b\xde\xf6\x0e\x83W*\xf86\x8b&amp;\x87\x05\x80\xae&lt;\xfb\x11\xa6\x10\x83\x89#W'</t>
  </si>
  <si>
    <t>b'_\xa0C\x8b6\xff\x1d\xad\xdc\xd6\xc4\xd1\xda\x12\xa6;c\xf1\x06\xd9 !\x8e\xf0x\x98N\ru\xfb\xe8\x00'</t>
  </si>
  <si>
    <t>b'\xb08\x8c\xbd~,\xf0\xa6\x9dp\x03\x9e\x93q_@\xb8R\x80\x1c\xa2\xab\x15\xf3\xa1\r6\xece\xfas\x81'</t>
  </si>
  <si>
    <t>b'R\xf2j&amp;\x19\x93\xf8l\xb1\x8dVDU\xf2\xd7S\xe9\x84GE\x96\xc7_\x87\x0b\xf1\xf4\x98(Q&lt;B'</t>
  </si>
  <si>
    <t>b'?\xf5n\x8eLX\xda\xcc\x1f\xd4\x94\xee3\xf9\xb6\xae\x91\x9bM~5[Tl:4R\xc5\xf3r\xff&lt;'</t>
  </si>
  <si>
    <t>b'&gt;~\xc0M0(\x8d\xed\xfd\x8e\xf2\x89\x00{\xd3 \x85\x1dw_\t*\xe3\x17\x8e\xb0\x97T\x9e\xc0\x12\x98'</t>
  </si>
  <si>
    <t>b'8\x14;t&amp;\x08\xc5\xf3\x16g\xa6`\xb2\xa3\xc2\xb2t\x88\xa1\x90\xc4\xd8\x8d\xd4v\xc46wy\xb2\x07K'</t>
  </si>
  <si>
    <t>b'\x1a\x84\xb9cd\xb5\xb7\xa8d\xf1D\x8f\xbe\\X\xcf\x85\xd3\x95\x86\xf8&amp;#\xc6\\E\xe7Z\x0b\xac \xcd'</t>
  </si>
  <si>
    <t>b"\xe8\xcb\xeay\x1eP\xe7\x03Al\x8e\x1fABZ_z\x9e\xcd\xee\x1c\xc9RE?7.\xb6\x15\xe0\x9c'"</t>
  </si>
  <si>
    <t>b"\x8e\xe0\xf6$\xfdC6\x15\x11\xa5\xab\x9e'&amp;\xcfLDPb*`\xbb\xdf\x05Kd\x91\xe5\xe32\x94\xf5"</t>
  </si>
  <si>
    <t>b'\xd8\x8a\x1f\xd3#\xb1\x8a\xfc\xed\xf3\x7fz\x02\xe8\xd3S\x08J\xeb\x9a\xe5\x03&gt;\x90\xd43\xfc.\xd9\xc0\x1b\x83'</t>
  </si>
  <si>
    <t>b'\xee\xcb\x91\xbc\xb9\x0b\xc4DDKn\xb8\xad\xdbk\x17}\x8c\xe0\xa3\x11^L\xb6\x02\x9d\xb5i\xcc\x81\xd5\x00'</t>
  </si>
  <si>
    <t>b'\xb5\xdd\xcc\xbe\xf6\x8e \xecbe\xa9\xd2=\xe9\xfe&gt;\xc1(!\x80\xb11\xe4\x9fO\xc9\xa7\xf3\xfd+1I'</t>
  </si>
  <si>
    <t>b'\x971\xcdc\xab\x91\xc3z\xa7\xad\x9b\xa4D\xd9\xa5F\xc8\xbe\xe9n\x14\x9a\x90\x9b\xce\xd8\xb3\x91\x17\xa1\x99\xbf'</t>
  </si>
  <si>
    <t>b"q\xf73\xe2\xcb\xf0\xb1L\xd9\xaad\x99k\xd3V\n\x0e\x8f\xd2\x87rR&gt;d8\xdf'\xa1\xac\x87V\xaf"</t>
  </si>
  <si>
    <t>b'`\xc6\x13\xbb\xaf\x15\xa5\x8a\x04\xf3z\xc0\x82\xd1\x049W\xd79\x8c[1-\\O\x998\xf9V\x8050'</t>
  </si>
  <si>
    <t>b'~\xc9\x95\xcf\xd2\xab\xa6\xb7\x9b\xc3\x9f$o;\\\x9d\xeb\x81E\x9bB\x86\x90N\xcbY\xe2\xbec\xa2\x99U'</t>
  </si>
  <si>
    <t>b'\x94\x18\xc1X\xc6\x0cE\xa1\x9dY\x9c\xfbl\x14\xeb\x0c\xbc\xf0\xc0\x07\x058h\xb5\x1a\xed\x82\xc8\xf6\x0bn\xf9'</t>
  </si>
  <si>
    <t>b'p\xed\xdb\x89\xb6\xac\xbe\x03\xbc\xf3\n\xb6$\x14.\x03\x89\xce\x8e\x12\x9e\xa1\x11\x02\xde\xa1&gt;\xceQ\xb4w5'</t>
  </si>
  <si>
    <t>b'W \n(\xc3\xc7|x3\x9eZR\rev9Z\xde#HJ\xd3\xf8\xa7\xe4{\n\xee\x9aSh\xac'</t>
  </si>
  <si>
    <t>b'\x07\x1e\x99\xd9\xf7N\xe1\xec\xd6\xbd\xe1\reA\x02G\xcc\xcbF\xf4C\xb9&gt;\x07\xda\x91\xffC\x8cq\xb1\x9b'</t>
  </si>
  <si>
    <t>b'\xa02\xee|wl\x052\t\xe7\x06\xdc\xcd\x82i\xa1f\x0ek\xbc\xdf\x97\x86Kh\xbe\xbfG=\xb07\xd8'</t>
  </si>
  <si>
    <t>b"\x92U\x9eO\xfa\x15$\x97;\x01\xb3\x08Us\xa6\xbeGm\x96\x1fp\xf6\xabpC\xe9'\xd0\x92\x08\xd5P"</t>
  </si>
  <si>
    <t>b'0T/P"\xe9\xf0^\r\x9b\x173):\xca\x00l\xf0B\xcec8\x1bk[\xeb\xb5\xab&amp;-\x81R'</t>
  </si>
  <si>
    <t>b'\x1cz\xbc\xbd\xb1\xf3\x84\x9d,\xb2/1\xb6\xa9\xee&lt;\xe0k\xab\xb4\x08\xb7&lt;~\xd1\x0cf\x80g&lt;@L'</t>
  </si>
  <si>
    <t>b'\xfc\x9d\x03\xce\x91\xcd\xadM\xe8\xd9\xb5\x1b\xaa{ci\x05P\xcc+\xe2d\x9d-{\x87+\x9e\x9b\x16\x13\x04'</t>
  </si>
  <si>
    <t>b'\xe4u\xdb\xbd\xaa\xc6\xa6\x1c$\x83x?`(A\x165\xb5\xd8\xc4\xa1&lt;\xdd\xc6\x9c&amp;\xebq\xd2\xfc\x8e\x8e'</t>
  </si>
  <si>
    <t>b'\x9a\nr\xc6y\xec\x85\xc1\xb4\ng\xc2\xa3\xb9\xe3\x89\x1c\xaeq(1\xcb4H\xad;\x87\xe0\xa8*\xd6|'</t>
  </si>
  <si>
    <t>b"\xa4\x03\x97}\xea\xd2\\v\xc8.\xab4\xd2\xbc\x0c\x85\xc8\x84N\x85\x105\x9c'\x16\xbd\xa2M\xc2!\t\x9e"</t>
  </si>
  <si>
    <t>b'\x9fI\x84\x11\xc0\xc4\xa2\x06\xd9\x87\xc1\xdbRa/\xb08Yn\xddY&lt;\t\x11\xb1Qq\xc9@x\x1d%'</t>
  </si>
  <si>
    <t>b'@k\xec\xee\x17R\xb1\x02A\x89\xb0\x8f\xe0\xc3G\xae\xe7\xa6\x19\x06\xf0\xf1\xd0\x9b\xd9\x82\xc1\xddn8f]'</t>
  </si>
  <si>
    <t>b"0\xf4\xae\x92T8+1\xef9|\x07\xfef'56#\x17Mpy\x12\xe1#\x1d\x8b\xd620o'"</t>
  </si>
  <si>
    <t>b'\x0f^\xb2\xfd\x99\xe1\x92\xf3\xadsr\x8e\xcb(\xf1\x9b\xa8\x0c,\xb1I?`T\xd7\xa2\xc4\xcaQ\x92\r\xae'</t>
  </si>
  <si>
    <t>b'@\xa1\xef\xc8\x93V\x0b\xfa\xea\xe0\xb4\x8fnc\x92ng\x98\xc8\xa7M\xc7\x96\xbb\x99\x7fX\xbe\x05\xb2~\x8b'</t>
  </si>
  <si>
    <t>b't\xc7\xd28`\xe5\x0eS\xcd\xd6g^\xacj\xf7\xb5q\xc1\xa7\x81`\xda[\x11&lt;\x9ax\x8b\xa6m/\x91'</t>
  </si>
  <si>
    <t>b'\xc9N\xee\xac\xbe\xe4c(\\\xf3\xaa\xe7\xc3\xda\xb0\xce\xfcC^\x17d\xd1\xbbu1\xc6\xcf\x0c\xcc\x92#\x8e'</t>
  </si>
  <si>
    <t>b'E\x16\x0f\xf5fY*\t\xfa\xd5\xdb\xe3\x803\xce*\x04\xe4\xb5[\xe3\xc1\x12W\xbf\x80Pds"\x03\xcc'</t>
  </si>
  <si>
    <t>b'r\xec\x93A\x9a\x1b\xf3\xb9\xd4\x7fM\xe5chg\xfdk\xea\xe2Tg\xe3\x84\xc8\xa3{M"&gt;\xc5,\xe8'</t>
  </si>
  <si>
    <t>b'c\x1c\x05\xfb\x81W@p%\x91\xed\x18Ro\x82\x04\xe8\xe3\xc7\xb6\xf0\x9b\xeez\xf6\xd6f\x19\x88!=l'</t>
  </si>
  <si>
    <t>b'md\x0b\x080\x1d\xff\xd4c[JZ\x1cS\x14\xe7\xd7GYj\x81\x89J\x0e\xd1"V\xc7a\xfd\xee\x1d'</t>
  </si>
  <si>
    <t>b'\xdb\xc6\xba\x8c\xcasu\x8e\xa1\x16C9\x13.\xb8\xf0\x0e\xe3C\x1a\xd3\x88\x9b\x13\x83\x03\x19\xb9O\x93\xd5\xc6'</t>
  </si>
  <si>
    <t>b'\x87\x19\xd7G\xd0\xa0&lt;DWf\x9e\xb6\xf4X\x97\xb4\x98\xbcE&lt;\xe3\x06\x94\xaet\x0b\xf4\xb4\xe6\xc5\xe47'</t>
  </si>
  <si>
    <t>b'\xe8\x0e\xdc\x99\xff\x13\x03\xf3\x1b;\xdd$ln\xc8\xbd\x15\xf4Qu\xf2\x0fk\xdf"\x87N]\xea!Iy'</t>
  </si>
  <si>
    <t>b'\xd4\xa9zX2\xfb\xccI\xcd\x9a\xf1\xaf\x06e\xa7-\x0b*\x13&gt;a\xcf\x03\xce\xb0\xb4z\x08\x85\xb4\xc9\x14'</t>
  </si>
  <si>
    <t>b"\xbe\x93\xe7h\x96\x16\x9b35yUw\xfc\x83\x95\xe0\x00/\xb5\xad\x88p'\xf98\xc87n\xa0ncE"</t>
  </si>
  <si>
    <t>b'\x0e\n \xc7%\x95\xb7\x98\xca=\xd8\xffd\xa5\xb2\xad\xf1[\xe0\x1d\xe0\r\xa4R\xee\xd3Zc:0l\xe4'</t>
  </si>
  <si>
    <t>b'A\x05\xce&lt;\xa5y\x16\xa5d\x12!\x8a\xcd\x05\t\x83\xdb\nR\xb4\xf1\xd9e\x8aq\xee\x18fk]\xbc,'</t>
  </si>
  <si>
    <t>b'5h\xcb\x97\xff\xd0}\xda\x00!\x82\xba\x9e\x9dLF\xda\x1f~\x04uE\t2\xc0Xq\xac\xc6\xfa\xa4\xe4'</t>
  </si>
  <si>
    <t>b';P\xe9\xbdv\x82)r\xe2#\xdc\xef=\xce&amp;5\x17:Z\xb1\xb7\x80\xc9\x9d?\x1ex\xe2\x11\xe5\xab\x1c'</t>
  </si>
  <si>
    <t>b"\x84\xf06\x8f\xc81\xbe\xa9\xd5\xf0;\xc4\xdd\x91o4\xce\xd9\x9b'bNP\xd5\x0c\xda\x9b\xd3t\xf5P\x92"</t>
  </si>
  <si>
    <t>b'O\xbc\xf4Z\x13\xad\x88\xf1\\\xf0\xfe\xc5\xd3\x80{IIS$\x07\xaf\xc9^\x0c\x9f!\x81.m\xdccR'</t>
  </si>
  <si>
    <t>b'\x1bTY\x9a\xf2.u\xa6%\x9aKga\x1bM\x1a\x11w\xe5W\xbf-!\xc0\xce\x1d\x0eY\xb7\x16\x15t'</t>
  </si>
  <si>
    <t>b"y\xb1\x93\x9f\x90&gt;\x0e\x04\xd9\xf3\x06'\xa6\xf1\xf4\xe1\x98\x8d\x87\xa6%\xee#4u\xb9\x12k\xe7\x8c\x1d\x96"</t>
  </si>
  <si>
    <t>b'4\xaasH\x90G\x87]\xf5UV5\xe92\x1bMB\xc2\xfe\x9b\x0f\ta7\xf9\x9b[\xe0@\xd2\x02\xa4'</t>
  </si>
  <si>
    <t>b'\x1a\xee\x84\x95\x0e\xaazYX\xc7\xe1\x0e\x03:\xa8\xe3\xc7\xc39\xd1\xac\x1b\xdb\xae\x8d8\x93\xa5\xb5jG\xe4'</t>
  </si>
  <si>
    <t>b'\x1fM\xb1%\xba\xa6O\xcdL0\x91\x04\x07\xd3w_B\x00\x9fD`vf~\x83\xa9\x08\x93\xed\xdd\x13\xde'</t>
  </si>
  <si>
    <t>b's\xf9\x087\x81d(\x84n\xcc\x0f\xad\xee\xf8\x8dI\x9d\xadF~a\x89\xfe\x16\xc0DG9\x0e\x9d8t'</t>
  </si>
  <si>
    <t>b'3D\xa4\x83A\x19\x92\r\xa4#\xa1\xe4UCQ\x9cj!\x92\xa2S\xf7T,\xc1\xe8\xc5$\t\x87\xdak'</t>
  </si>
  <si>
    <t>b'P\x96t\x87\xcf\xcc \x1a$N\x0f\x91\xda\xb6\xd4\x8a\xd3\x85\x11Y0\x8c\x0c\x9a \x9b\r\xf8\x100zh'</t>
  </si>
  <si>
    <t>b'GZ\xe3@\xf7\x81\xf9k:\t^\x1c\xa8\x82\x98A\xa7\x98\x86\x81\xf9sy\xbe\xbf\x88\xf1\x85]-l-'</t>
  </si>
  <si>
    <t>b"/\x03\xb1\xcd\xa7u\xab\xb2\x9f^\xb1A\xca=\x83R\xe9\xf6\xca\x99\xbe\xc0\xf2\x14\xf7\x06 \x81'\xc4VN"</t>
  </si>
  <si>
    <t>b'\x9b$.\xd2|8\xd8\x16|\x1f\xfc\x1d\x0b"yO\x8aV\xc1h\xc7D\x82\xdbZU\x97X\xa2H\x92\xfc'</t>
  </si>
  <si>
    <t>b'~p\xf8Nq\x02\x90\x03]\xca\xab\\\xb2\xb9\xc2\x87\x9c\x80\xd3\xa2Ij\x89\xf9TP\x0e\x1f\x0e\x8d_\xa8'</t>
  </si>
  <si>
    <t>b'\xc9\xf8\xa7"\xf0X\xc4\x8c9\xc8\xbdf\xe8\x0f\xf7\x11\xee\xb4!\xfaJ\x8a&gt;\xbe\xbf;\xff\t\xf9\xf6S_'</t>
  </si>
  <si>
    <t>b'\x08\xd7\x9f{\xff\xff3[\xab\xa0\x86F:E`\xfcLm g\xb0\xf9\x81\x85\xf9\xb0w\xf8\x13B\xd0?'</t>
  </si>
  <si>
    <t>b'\x12-[\xb3\x02\xd2@7\xe9zc\xb6/\xdf\xdd@\x87\x90hr\n{\x0f_`3:^\x13S#\xfc'</t>
  </si>
  <si>
    <t>b"pR7\xd2d\x8c\x8e[QY,\xe3N\x10\xa2L\x15B\xec\xcf4'.\x85\x03\x17A\xf2\xa3U\xd0\x07"</t>
  </si>
  <si>
    <t>b'\xf0E\x8e\xa601eQ5\xae\x07\xf3nB=xZW\x9581\xbe\xb4\xc6\xa0@@\x14#\x0c\x01U'</t>
  </si>
  <si>
    <t>b'"\xba2 \xa9\xad\x8bT$bK\x06$.5\x1bm\xc6z\x87T\xe3%&amp;\xed\x9c\x83\xc5\xddOh\xa6'</t>
  </si>
  <si>
    <t>b'\xb7\x9f\x1f\xf3\x0e9WbU\x7f\x14\x18dLZ\xfcw\xeaa\x15E\xb0\xfe)\xcf\xfc\x14\xc1\x80n\xb5='</t>
  </si>
  <si>
    <t>b'\xbcA\x15\xf9z1\x81\x91\x07\x90\xb8\xeb\xed\xc6\x94\x12\xcf\x19\xed\xc6\x1e\xd7\x16,V\x1d\xc1\xb7\x89\xae\xde4'</t>
  </si>
  <si>
    <t>b'_\x11\x99k\xf1\x99\x0f\xb2nmO\xdb\x827[?\xb0a\xc6\xb7\x87H\xc4\xa2\x9b4\x96\x10\x183\x03\xfc'</t>
  </si>
  <si>
    <t>b"\xe5\xc0{wk\x8cD\x81O\xfd\xa4\x941_|\x10\xd8\x8fv&lt;\x92&amp;H^'|\xe4y\xb2\xc5\xcf\xcb"</t>
  </si>
  <si>
    <t>b'0)"s\x97q\xadw\x92!\x10&lt;~]\xe5\xea\x07L#\x99\xcbf\x03\xeb\x10p\xe0\x9d"\rk\xab'</t>
  </si>
  <si>
    <t>b"_\xdfa\x19i'\xb4\xcf\x0f\xaesI\xca\xf6\xeb\xe6\xb6V9\xfd\x81S\x8c\x0fX\x8b\x9e\xd2\x8d\x9f\xb8\xab"</t>
  </si>
  <si>
    <t>b'\x81\x82\xe0\x9c\x95\x14\xcb{S]\x10df\xf4\xcc;\xfe\xea\x1fI\xc7\x01\x8c9\x15N\t\xe4~GRW'</t>
  </si>
  <si>
    <t>b'\x8by\xdf~\x9bH\x9d\xf7\x04Z\xab,\xe7\xe4\xd4B\x13w=\xc5\x87\xac\xba\xf7Z\xe1\xed\x11xd\xac\xba'</t>
  </si>
  <si>
    <t>b'\x97\xa56fD\x1a7\xd8X\xf7\xd5\x9e\x1f\x9b\xae\xd4\x97"\x1d\x89\xa3\xc5\x84\xa0#\xff7t\x06\x8a|\xbf'</t>
  </si>
  <si>
    <t>b'#8\xeeTa\xda\x81nv-\xe3\x10 \xdc\x03\xfbT\x1a\xa1A\xaa\xe4\xb8\x06\xb3\x8d\xc68\xbb#4c'</t>
  </si>
  <si>
    <t>b":\xce'\tgg\x80\x8a\xc8\x03\x98s\xa1*I\xaca3 b\xf8\xf4\xb92\xc3&amp;\xf4m\xfd\xac\xbd\x90"</t>
  </si>
  <si>
    <t>b'\x99\xb8\xfd\xc2ew\xe9\xe5\x7f\xa6\xfd\x18!b\x1f%u\xf0\x96\x93\x1f\xd0\xfc\xa3\x8f\xea\xebig\xed4v'</t>
  </si>
  <si>
    <t>b')j\xe2\x13\xb7\x8b\xde\xbb\xd2\x95\rF\x93\xfc7\xe1\x08\x0b]E\xac\xab\x86\x15e\x1c&lt;\xb9\x87\x96\xf38'</t>
  </si>
  <si>
    <t>b':\x99\x03\xc9\xac/\xed\xeaN\xd2\xd4\x9a\x998\x13j4\x19\xcd\xd7\xf0\xed\xfa=\xa9Z\xbb\xaa +F\xf2'</t>
  </si>
  <si>
    <t>b'\xc1J\xf38\xea\xc3\xe5R\xf8Z[7\x1a\x8fZ\x93\xf4\xe4\xd5\xfe\\\x06\xe0L\x14\x89\xaa\x85\xca\xf8X\xaa'</t>
  </si>
  <si>
    <t>b':Oi4\ry\xa7J\xbe\xfd\x97\xbf\x15\x8a\r\xd3\x1f\xa3\x16\xdcE\xcc\x1f\x11\xc5\xd5\xee7k\xe8\x0bW'</t>
  </si>
  <si>
    <t>b"4\x01\x08\xa3\xe3\x02\xd7\x06\xf8')~\x02\r\x12\xef\xd1\xb8\x90\x18Z\xa5t ,&gt;\xf9\x9f\xf9\xdfF\xf1"</t>
  </si>
  <si>
    <t>b'\x97\xae=;GVC\x92\x92.sH0uL\x1f0\x08\xaaT\x0cf\xf8\x84\xa8\xa3P]4\\\xda\n'</t>
  </si>
  <si>
    <t>b'L0\xbf\xe4u\xea\xfa\xcei\xb5&amp;?LNA}O\x80c\xb1\xd5\xaa\x11\x9c\x02\x8b\x80\xff\x81\x8d9\xe0'</t>
  </si>
  <si>
    <t>b'\xd6\xbb\x91\t\xfc\xfdfV\x85\x03\xdek\x0f\xfb\xb4\xb0\x87`h\xa7\x80\x92\xa4\x0b\xeel\xdb\x07\xf7^\x0c\xe7'</t>
  </si>
  <si>
    <t>b'\xcc\x18\xac\xa8\x85+\xb1\x11\x8a\xdd\x00.\xc1\xd2$L]\xe0S\xa1\x95\x18QR\xf8\xfd\x12\x1d\xbe\xad\x98&lt;'</t>
  </si>
  <si>
    <t>b'\xbfh\xc4\x0c\xc5\x06\x1fy\xbd"*\xc5\x02\xef\xb8\x89V\xee\xc0\xb8\xd6\x97\xec{dw&gt;\xde\x13Xr\xcc'</t>
  </si>
  <si>
    <t>b'\xf80\xfa%7\xb8\x0c\x1fI\nb\x11\x0b\xcc=\xb1YV\x15Mb\xe14\x88,\x08\x1eL3\xdb\xa5\xeb'</t>
  </si>
  <si>
    <t>b'\xfe\xa9_`\xe9\xe7\xc2\xb6\x92\xba\xc3\xc8\xdaH\xee\xf1N\x15`x\xa3\xef\xfdQ\x14F\x8biWS/x'</t>
  </si>
  <si>
    <t>b"J\x12\xfc\x8bx'\xc1&gt;\xd5\xe7\xfe\xc7\xc5\xa3;\xc2\x98,\x88\xec\xd2\xef.U\x8eHYl\xf2\xff\x08x"</t>
  </si>
  <si>
    <t>b' _\xfa\xea5\xae\xfa\x99\xa2\xe3\xd1\x17sM\xb2\x9e\xa2\xad[O\xe0j~\xf8Y\xea\x17c\x8dw\xe6\xfd'</t>
  </si>
  <si>
    <t>b'9\xca\xfe\x9d\x07R$SHeh\x95+C\xd3\xd2\xba\xa8\\\xbb\xf4"H$\xb8\x1a ~;K\xc0F'</t>
  </si>
  <si>
    <t>b'\xa1\xdb\xd5r\xcb;\xa9b}\xf1\xb5~\x8c\x81b\xfd\xd7\x83&gt;r\xfc\xa4\xf6\x16A\xbdK\xbf#1h`'</t>
  </si>
  <si>
    <t>b')\x97:\xba\x98D\x97G}r\x9dn\xd5\x037&lt;O\x9c\xc3\x99\x03J\xe8t\xfd6\x90l\xe8\x1a\x1f\xa4'</t>
  </si>
  <si>
    <t>b'\xd58\xaf0\xefb\xe2;-\x8d\x18\xf3T\xc9J\xe2\xf9Np\x95^\xba\xf3\xda\xc94\x93\xca\x02\xed{\xd3'</t>
  </si>
  <si>
    <t>b'\x9b.\xe7\xca\x88\xae5\xac\x85\xd5\x16\xde\xdf2\xaaN\xb7\x1e\xac\x17\xb1\xa7\xf9\x92K\xcd=\xa6\x17\xcd\x02\x00'</t>
  </si>
  <si>
    <t>b'J\x9e\xc9\x99q\x19\xa8\xd0|\xbe*\x98\xaf\x13\xbb\x99\\\xec\xbaKQ\x9c?\x07\x7f\x8a\xc4\x07\xc9*\xce\xe5'</t>
  </si>
  <si>
    <t>b'\xb1\xf7\xd6\x87\x1f\xe2\x86\xa9=\x82E\x89FjM\xd8\xee"G\x0e\x94\x87\n\x8f\x19\xaa\x19\x1a\x00\xda\xc8\xbf'</t>
  </si>
  <si>
    <t>b'\x0e\x86\x16X_\xb0\xf6b\xf6\xdb\xf4b\xf1@U\xad\xf2\xca&lt;E\xaed\x9eZ\xf9\x90\xdc\xf7r`1\xf5'</t>
  </si>
  <si>
    <t>b'\xf5i\xabU\x05\x819\x15\x83\xa0\xa2\xb5Q\xd04\x9a\x8e\xb4\x96&amp;\x86\x98":\xc4\x04\t\xc9y\xdc80'</t>
  </si>
  <si>
    <t>b'z\xad\x08`\xa3\x1d\xa9@\x13\x1cq\n2\x88\xbdB=\xbc@\xc1Y\xdbsn\xff@\xce\xb5\xc1+\xac\xb8'</t>
  </si>
  <si>
    <t>b'\xda\x9fB\x8c0\x12\xe6\x80\x9ba\xcd\x86\x00\x8f\xdb&gt;\xcfva\xe6Z\x13\x9f5\x08D\t\xc5\x00\x17z\xe1'</t>
  </si>
  <si>
    <t>b'HTR\x83\x17K\xdaa\xf9J\xe0q6\x96\xd5\x83\x9e\x07\xe2\xba\xd8\x82Fb\x98\xdf\tMu\xac\x9f\xbd'</t>
  </si>
  <si>
    <t>b"\x88\x15\xedT&lt;\nTg\xdc\xd9\r\x8c]\x01\x8b\x13\xbb\xe4\x9b\xb4\xae6&gt;\xbb%%'\xd1bC&lt;p"</t>
  </si>
  <si>
    <t>b')\x8d%"\xc5\xaa\xbd\x994\xdb\x1b\xfa5\xf3Oev\xdc,GQP_\xb4\xc3\xb8\xf9\x9e^\'\x01\x00'</t>
  </si>
  <si>
    <t>b'\x0fRt \xcb \xbfd\xbb\xab\xac\x83\xb8\xe3\x836Gbd\x83\x90P\xfc\x0f3\xec\x98\xa7)b\xdd\x97'</t>
  </si>
  <si>
    <t>b"\x9d\xcc?&gt;\n\x87{}\xd7\xc0\xd1&gt;\x11\x80'\x96=`&lt;`)\x8b\x9c\r\xd1\xe7\x85\xa5X\xdch\xaa"</t>
  </si>
  <si>
    <t>b'd\xb3\xd1pa&amp;\xc1\xb5\x7f\x0ci\x12\xc0\xd7@\x88&gt;\xcf\xd6\x99\xba\xabj\x1eb\xe5\xe3_\x1b5\x16\xdd'</t>
  </si>
  <si>
    <t>b'\xd3\xee@Rx8\xbe\x1a\xf0\x06\xbbzr\x13\xb7i[\x89\xb5\xa5\xbe\xf2\xbb!C\xa6\xf8\x81\xfcW\x08\xec'</t>
  </si>
  <si>
    <t>b'\xac\x19pFC\xc1m\xd8F\xd7\x8c\xd1.e\xe5\xfeOqn\x11\x93\xc4C\x8bn*s\xca\xb1%\xa4H'</t>
  </si>
  <si>
    <t>b'T\xd0\xb7\x85|\xe9\x8e\x99l\x18c\xcf\xaa\xcb\x1d\xe0\xe6\x80Q&lt;\xf1\xc2y\xb7\xf0\xbc\xe9k\x01\xa8\xfdu'</t>
  </si>
  <si>
    <t>b'\x19\xf2\xf9\x97,\x8f\x86\xf4\xca\x88J\x0e\xe4TW\xe5:j\xc7\xc9p\xd2\xa0\x1e\xf1\xc3\xd2\xf7p\x1d\x1d\x1f'</t>
  </si>
  <si>
    <t>b' \x0b\xc2\xce\xe7?\xb9\xafiW\x18SV3\xf6u/\x06\x07q\xf5`\x18\xc0\xac\xf6L\xd0\xec\xb9@\x82'</t>
  </si>
  <si>
    <t>b'ei\xcf\xe1\xc05m\xf6\x7fB%\xcd\x12\x1c\xed\x03\x19\xe8\xafy\xa1\r\x97o\x14\xaf\x81\xf2z\xe0\x13\xa9'</t>
  </si>
  <si>
    <t>b'\x8apo\x1cB\xd4\xbf^\xa3F*\xc9\xe1\xec\xaa\xd3\x05S\xfa\x13N\x18:!G\xb2\xd2\xefz\xc9\xd28'</t>
  </si>
  <si>
    <t>b'\x1b\xb8\xb44\xe2E18\xba\xaf\x9e\x9d\xa9\xd9\xdc\xc7\xb6\xa1T\x13\x14\t/\xb5:\x87\x1e\x9b)Y\x8b?'</t>
  </si>
  <si>
    <t>b'\xd1I\xbf\xc7$L\xab\xaf/-B\x03\x19\xca\x90\xb4n\x0e\xac5\xcb\x9b\xeahQ\xde\x08\xc4\xdd\xa9\xda\n'</t>
  </si>
  <si>
    <t>b'\xae[\xc8!^\x81\xf3\xfbN#~\x90a\x19\xe5f\xc8}\xdei\xfd\xb4\xa2\x90\xafz\x86\x88\xc2\x8d\x17\x95'</t>
  </si>
  <si>
    <t>b'\xecK\x8eg@\xe3T\xe5\xed DF\x0fgI\x13~\x17/\xd36\xe0\x8dx\xbc\xffbh\xf3&amp;\xc2m'</t>
  </si>
  <si>
    <t>b'\\uH\xff\xff\xcc\xaa\xc8\xbb\x0e\xa6?\xefr}J\xb3\x89[\x11\xc2\xb2{5\xa6\x96\x1b\x9f`\xe4\x87\x05'</t>
  </si>
  <si>
    <t>b'!=\xb8\x0b&amp;\xdbp\x84G*\xd5\xe2b\xe0\xb2\xc2\\$\xf6\x17\xdd\xa2N\xcf,(\xce(\xa8\\0Z'</t>
  </si>
  <si>
    <t>b'\xdf\x9d\x95\xbe\xd2\x03\xd7`{\x1f\x83\xd3l|5\xce\xdd\xd1\xc3\xeba`\xaehJy\xec\xcd\xe0\xf5\xe9\\'</t>
  </si>
  <si>
    <t>b'\x88 \x8dt\xa5S\xf0\x11\xb6h\xb8\x91\x8a\xec\xb8\xe7.$\x02_\xea\xef9\x1f\x18\xa8K\x9d9\xa7&amp;\xc8'</t>
  </si>
  <si>
    <t>b'\xf7\r\xadxa\xffQ\x97\x8a\xa8\xb7\xc6\x13\x9e1\xd9\xaa\x9d\x1ew \xb0\x12\x90\xeb+\x83\xb5m1\xf0\xe8'</t>
  </si>
  <si>
    <t>b'[\xa3u\x82\x9d\xe2\xf4\x96\xe0\xc4b\xdf\x84\x04\xd6\xbe\xc9\xecA\x11X7\xe3\xbc\xa3\xb7e\x91+!\xafA'</t>
  </si>
  <si>
    <t>b'\x93\xbf\xcc\x83\xf6\x10*\xef\xa3_\xdd\t\x97\xab\xfcUT\xeb\xb7-I\xf6sDJ\x84\tw\x8a\x13i\xd3'</t>
  </si>
  <si>
    <t>b'(\x1dw`IUs\x9d;\x00\x13\xc4\xef\xe3\xd1\x94\xb5e}\xf67\xdak\xf7v-\x84\x97Q\xe8`\x9f'</t>
  </si>
  <si>
    <t>b'\xdd\xc8\x86\x8c\x03\xef\x8a\x0e\x03\xe7\xa1?\xf0\x1c\xb9\xa80\x85\xceO\xe9\x88\x8b\x1e\xa5\x01\x84\xee\xa9\x04l.'</t>
  </si>
  <si>
    <t>b'\xf9[\xe4\x07\\:B\x18K\xbe9]4\xf0\x18\x90\x83i\x8f\x85vs\xdf&amp;\x97\xc6Q\xc9\x97\xe0U\xe3'</t>
  </si>
  <si>
    <t>b'\n\x11_\xd4\xa3\xac\x16b\x9c\xc1\xc2\x91w\xb9\x07\x05\x8f\xcd\xf0pc\t\xa7h\xaa\r\xa5\xdf\x02{\xb5\x0e'</t>
  </si>
  <si>
    <t>b'\xaa\xc9\xb6\x9f}\x00\x0c\x03II\x7f8ae\x03\xeb\x88UI\x19\x15\xee\xf7\xf1\x8d\xac,\x13\x0b\x97\xa0\xbe'</t>
  </si>
  <si>
    <t>b'\x8d\xfc\x8f\xbd\x7f\x00\x86\xbe\x8be\xc0I\xa7q\x03\xcfr\xd8\xfe\xd8\x130\x0f\xb0"\xa42\x0c\x18\x8b\xce\xf2'</t>
  </si>
  <si>
    <t>b'\x02\x0c\xf4m\xfb\xc0\x13\x11s\x03\xc9]%\xb7z\xd5\xe0([CA\xa6\x89ty\xd6gC\x10\x8f\xe0~'</t>
  </si>
  <si>
    <t>b'J\xb5uO\xa0\xcc\xcco\x9e2\x8b\xf77\xb4\xbd\r\x1c\xd2\xaa\xa4\xc2\xc7\x1e\xd7O)\xc9\xf8W\x1ekU'</t>
  </si>
  <si>
    <t>b"'\xbc\xe9\xc94)\xfd@z\x00\x04wf\xe4\x9b\x84\x1d\x81\x12w\x12d\xd2\x0cY32mH\x1a\xde\x8b"</t>
  </si>
  <si>
    <t>b'\xd4JB\xf3\xa0\xcd\x15q\xa6\xd8\xe7\xd6\x0f\xcc\xc4\xbe\x94x?\x9ep*P\x84X\xc7B\x0b\xf1\xef\xccO'</t>
  </si>
  <si>
    <t>b'\xdeY\x9d\xceD\xd2\xa9\x84\x1be\xea\xdc8\xd6;\xf0\x92r\xd4\xa2F_{\xf3@S\x86\\|b\xe1\x16'</t>
  </si>
  <si>
    <t>b'D\x8a\x94^\x8f\x1a\xb1t\x03\xf1d\x9fV\x95\x9e\xc6\x8c\xa1\xa9\x0c-\x00\xd2\xec\x9c\xb0\x1crf5\xc7\x92'</t>
  </si>
  <si>
    <t>b'^\xd9\xfb@\xaa\x11\xec\xeb\xb4t\x17\t\xf9\x95\xfe\x14=\x99x8\x06/)\xfeCP\x07\xab\x96\xea\x99\xc8'</t>
  </si>
  <si>
    <t>b'Y\xc3\xd5t!\xf6\x88~\xab\x87o\xea\x8d\xae\xbf\xe3b\x97\xdd\xf4&amp;n\xac\xf0\x94\xc3\xf7\xf3\xbcUJ\xad'</t>
  </si>
  <si>
    <t>b'Y\x1a\xb4\x18\xa7JM\\\xf3\xfd\xc3t\x86\xb1\xfb3\xc2q\xc0lk\xf4&gt;v\xff\xc8h?d\x89\xde\x06'</t>
  </si>
  <si>
    <t>b'\xfaR\x15\xc6"\x9fJ$%\xcav9\xab:!\xc8\xf6[\xe7\xdcK\x84\xd8\x7f\xdd\xd0\x9a\xc6\x8fy@\n'</t>
  </si>
  <si>
    <t>b'\x99\x16\x0c\xe4~\xc4\xda\xa3\xa3At\xa0m\xc2\xed\xcb\xddS&amp;\x8c\xea\xbd\xce\xca\xe3f\x07\xd5Z\xcc\xf3Y'</t>
  </si>
  <si>
    <t>b'\xcb\x9ae\x8e\x83\x9b\xe7[3\xb4\x95\x1d\xb1a\xec\x84I\x8c\x82&gt;\xd6\x8e\x0f\x84S\x11\x1e\xee\xa6M\x15\xff'</t>
  </si>
  <si>
    <t>b'\xcd\x13Dk\xd5\xb9\x14\xcf\xbbW\x00\x07\xc4H\xdfT8\xb8\xb7a\x9a\x1cd\x19\xc1s.B\xcb\x13\xe0k'</t>
  </si>
  <si>
    <t>b'\x92\x86\xa0\x8d\xc3\xfc;\t\xc6\xfb\x87&lt;\x97\xe8LHi\xfa\xac\xfa\xd1\x8a\x91o\x9a\xf5d\xb1\x19\xbbq\xc7'</t>
  </si>
  <si>
    <t>b'\xa6\x95\xf4\x01\x1b\xf6\x13&gt;\xbb\x96\x8c9)\xac\x92\x8e\xdf\xb0\xcaJ:\x81\xb6\x90\xa0\xcb\xa3\xa7\xdd\xa4\x1b\x9c'</t>
  </si>
  <si>
    <t>b'\xfa7m\xa3\xfe3\x8b*f[\x8f\xe2\xf3#f\x8fE\xcd\x19\x88?.\n\xf62a\x8eN|&amp;&amp;\xa6'</t>
  </si>
  <si>
    <t>b'\xb4\xae\x03\xa9\xa3\x08\xf9v\xca\xa7\x844\xe1\x16\x9d\xf2\x06\xfeI&amp;\xa5\xcc|2\xd3\xd6\x91\x9f\xd2\xf7\x15"'</t>
  </si>
  <si>
    <t>b'\x948\xa5q\xca\x91C\x15\nIc\x11\x0ez\xdeGqz\xc0\xafO\x96\x83\x84\xc0=p\x11\xd6w\xde\xb2'</t>
  </si>
  <si>
    <t>b' \xc5\x8b\xf6\x9c\xbdk\x8dU\xce}FS\xff\x1f\xc7\x85\xb2\xaa\xa1X\xb2Vd\xfa4\x1a\xcd79\xa9\x03'</t>
  </si>
  <si>
    <t>b'\xa4[\x82\xcc\x92\xf5\xdb\xea\x863\x1f\x93\xbfD\xa9\xf3\xc5\xe9.\xae\xae\xd2=-\xc1\x05K\xa9\xd06\xa0('</t>
  </si>
  <si>
    <t>b'r\x1dq\x1b\x95\x83\xc4m\xf3(Y\xc0\x9e\x91\xa2\xe8s\x9f\x19\x9f%n\xee\xc0\x05W\xdd\x1cj\x8e\xd6\xbe'</t>
  </si>
  <si>
    <t>b'\xfc:u\xdb~\x16\x15\xcb\x00\xa0\xe28\x047\x84\x0b\xae\xa9\x9ex\x87LO\x8d\xbfT4\xea\xc8\xe2\x00k'</t>
  </si>
  <si>
    <t>b'\x9cm`\x97o!\x93&amp;r\x9al\t\xf0\xfeH\xfb\x0b\xa4\xb8\xe4\x03\xd3\xb4E@Ai\xd3\xf0\xb1XP'</t>
  </si>
  <si>
    <t>b'\xd2\x88!\x1c\xef\x94\x966\xaa\x05\xb7h\xfe3\x15\r\xf7 }\x05\xac\xab\x9cg\x98R\xc4\x05N\xae\x8d\xaf'</t>
  </si>
  <si>
    <t>b'.\xc4\xc4\xc7\xb7_sI\r9j\xd6\xe7*G\xd1\xa1*\xbc\x05\xa4\x8d\x97\xde? \xa3]\xa7z\xd1\xb3'</t>
  </si>
  <si>
    <t>b'\x9e\x83\xff\x15\x06\x1e\xb9/\xcb\x05\r\x96\xdb\xe6E2\x81"\xda\x13\xfdF\xf6`\x8b(\xbb#\xde\x97\xd7\xea'</t>
  </si>
  <si>
    <t>b'\xc41K\x89\x07?\xe7%%\xca\xe7|\xc5Ki1\xb5\x82\x18{B-\x15r\x84\x97\xf7Av\xfe\x89\xb6'</t>
  </si>
  <si>
    <t>b'\xee\\\x7f\x90\xf2\x1c\x08b\x92g\x13f\xed1\xb7\xe4\xa7;\xbf\xf5\xd7Y\xc5\xa8L~|C\xfe\xa5\x94E'</t>
  </si>
  <si>
    <t>b'\xb4r/\xf9\x02\x90\x9br\xfd*\xb3\xca)\xd2\x9f\xd5\x0f\xdd\xd1}A8]\xe1\xf6\x12\\\xf8t\xce?\x15'</t>
  </si>
  <si>
    <t>b'\xdc\xfb^\xa5/\xb2\xddX_\xa6&gt;o-?\xf8\xcd\xb8\x95\x07\xc4+\x07 C\x19\x0f\x87\xaf1\x83V\x0b'</t>
  </si>
  <si>
    <t>b'\xc5\xcf\xb4\xeb\xffz\xf5x\xa1C}x\xa5\xb8\x92\x85\xb7y\xb5&gt;\xbeD_*\xa4\xac[\x13\xcc9E\xc0'</t>
  </si>
  <si>
    <t>b'*\xc6\x05\xb13W\xe7\xe7\xef6\xb2\xbb\xf2\x8e\x97\x9b\x00I3\xfdzM\xb7?\xd7\xfa\x7f}LDp\xaf'</t>
  </si>
  <si>
    <t>b'\n\xb2\xb3\xda\xa6A\xef\x8bWUJwS*\xb8U\x88\x0f\xb6H\xcb\xd4c\xb0\r\x94\x94H\xc8\xb4Y&amp;'</t>
  </si>
  <si>
    <t>b'e\xbf\x8f\x95 7\xd9+\xf6\xa9\xf6-\xc2\xdd\xea:\xb2\xe9\x18\x80"\xc23\xa4\x8c\xd1R\x8d~u\xb4T'</t>
  </si>
  <si>
    <t>b'\x93\x1e\xad\xdeC\xdc}\x9a5\x1b\xae\xce\xa8F\xccw\xedc\xe9\xe4-a i%!2\xc9\xbd\xa4@\x01'</t>
  </si>
  <si>
    <t>b'\xcd\x1bb\xe5\x90\x81\xac\xef\x95\xc4\x7fC\xcf\xb4\xb7\x14\x94]qZ\x07\x8a\xae?)\xbf{\xb0\x96(b\xc0'</t>
  </si>
  <si>
    <t>b'x#\xdcY\xc7\xf9\xa1\xd1}\xe3\x12\xb1U\xd6\xca\xeb\x0bS\x08\x9d\x14\xc4\xf2]\xcb\x04\x01a\xd5\xeb\x18&amp;'</t>
  </si>
  <si>
    <t>b'gES\x8c,RN 8\x01\x88U\x84E\x84\xc6\xfd\xb4\xd7W\x9c\xcblS\x9e\xc0\xa9*\x9a\x11f\x90'</t>
  </si>
  <si>
    <t>b'\xf6~a=\xed\x94\x16\xc0\xcbU\x14\x02\x01\xebq[\xcfY\xf5L\x12\xd4\xf9\xfe\xcf\\\xd86\x84\x90\x8bJ'</t>
  </si>
  <si>
    <t>b'5\x06"\x8b\xcan"\xf8u\x18.k\x8au\xf7\x97\xea\x9b\x17\xb4R\xe6\xda\x92=T\xf3\x12\xf4\xea}E'</t>
  </si>
  <si>
    <t>b'\x92)=\x12\xafn\xae\xb3\xec\x853\xdfA0G"\xa0\xf3\x97@U\x9d\x10?\x11\x90\x0f\x8a\x83\xd4W\xd1'</t>
  </si>
  <si>
    <t>b'\xbb\xa8%\xdc_ALzh2\x8eC\xc4\x01uHz3\xf2\x8b\xa6\xab"\x00\x9b\xf8\xc2\xee\xb0\xb9\x83\xd9'</t>
  </si>
  <si>
    <t>b'*s\xb6\x05\x00\x0c\xadN\x811\xd6\xc6;\x81`x\xc3\x003\xb2\x8b\xbd\xf2\x1b\x0e\x07\xb1\xff\x16\xf7z\x08'</t>
  </si>
  <si>
    <t>b'\\k\xf4\xaa\xbd\\\x1b`\xfb\xc4i\xeb\x9dED[+\x0cu";\x9e\xcbi\xabJ\xaf\xb8Uc\xef8'</t>
  </si>
  <si>
    <t>b'yz\x1c\xc8e/\xec*\x9fI\x07:\x004\t\x19\xe8\xc3\x84\xa3P.\xccr\xb8F\x1b\xee\xda\xeeO\x02'</t>
  </si>
  <si>
    <t>b'k\xd4\xaa\xf5\xd2cXT\xb3\xa7k;\x9f\xfd\x8a\x84Z9\xb95\xce\x9aO\xb0~\t\nc\xdc\xbf\xb9\xd0'</t>
  </si>
  <si>
    <t>b'\x1e\xbc%\x16\x8f!G\xfd\xc8\xa3\xab\x0e\x86\xb6[\xca\x1d\xf2\x06&gt;\xf3\xf3\xe74\xcbi\xbc\x80\x01\x1b\xb9\x81'</t>
  </si>
  <si>
    <t>b'\x91\x0b\xdb\xea\xcb\xf5\x96\xb7k\xda\xd7\xdaR(r`\xe7\xec\xee\xd7e&amp;\xcb0P\xe8V&lt;\xd4a\x9dX'</t>
  </si>
  <si>
    <t>b'\xbc\x13c\xf9\xe2e\xf8\xf8\x17\xb0\xa1n\x95\x18L\xdb\x1e5\xa06pWa\xd0\xd0cnOn\xf6\xeec'</t>
  </si>
  <si>
    <t>b'\xefa\x81\xf2\xe7\x9c\x1cKg\x14O-u\xea{ \x96n&gt;|=\x17\xde7\xd2\xbe\x8a\xc2=\xeaC\xbc'</t>
  </si>
  <si>
    <t>b'E[9\x02\xdb\xef\xf9\x9e\x89\x13Z\x9d\xcc\x1e\xf7xB5rm\xa2\xfb`\xf8\xfb\x1f\x88\xaf(^)\xd6'</t>
  </si>
  <si>
    <t>b'*W\x8b\xc5\xe6bV\xd1\xe9\x87&lt;9\\`\xb0:\x86p\xb2E\xcaS\xfeL\x0b\x00i\x06c2M\x89'</t>
  </si>
  <si>
    <t>b'\xfck\xdc\x95\x05\x1fi\xf5\x07R@\xc2T\x16\xd6Kl\xb7U\x13\x02\xd4\xab\x82\x9b1\xfb\xafk\xf5\xbb\x15'</t>
  </si>
  <si>
    <t>b';.q\x87\x02\x9f=\x03\xd8\xe6\xafFK\xe6X\x01^\xc6\xd8\xb6\xb6\xa4\xc2\xe5\x96\x18\x06D\xe6&lt;:\xa1'</t>
  </si>
  <si>
    <t>b'~\xca\xb7\x88A\xf8\x894;\x82,\x8c\xc6\xdeV\xc2e\x04\x95[\x15\xf2\x06\xb8:\x03d\xe9\x83lA\x9b'</t>
  </si>
  <si>
    <t>b'\x9f\xde\\\xc5\xf9\xf3\x0eO\xe5s\x82b\xd2^\x82\x16\xbf\xed\x89\x14\xfd\xd7\xde_H\xf0\xd8\xa28\xf4\x0b\x00'</t>
  </si>
  <si>
    <t>b'B\xfe\x00\xcc\x9eP\xc1\xa4\xe7\xce\xa4\xb7\xff\xdd\x13\x96\x16\x18\x85\x87{\xb9\xee\xd3{-\xf2^\xfd\xb7\xbd\xdd'</t>
  </si>
  <si>
    <t>b'j\xe9N\x04[V\xf5\xb3_\x1a\xa9dP\xb0\\\xd2\xca\xf1\xd1[\xd0Eg.o\xc6/\xeb\xfa\x00,\xbe'</t>
  </si>
  <si>
    <t>b'r\xbf\x84\x00\xf7j1?\xaf^\xbev\x8a\xf9\x11n\xb7\x93\x1b\xe5\xf7\xa8\xf2\xedD\x81\x80\x05\x97X\x15\xc3'</t>
  </si>
  <si>
    <t>b'[\x15$\xf2\x19H\xca\xae\x1c\x05\xafLf\xdb\x92%a$\xec\x13QW\xe5\x82\x10\x1e\xaa9\xad\x81N\xee'</t>
  </si>
  <si>
    <t>b'(C\x14\xfe\x99\xef\xda\xc4\xe4?\x92\xe2LN\x9d\xe0\xf2\xd34\xfa\xbe\x9c\x92?v\x92\x89\xf0\xe0\x98\x12\xd3'</t>
  </si>
  <si>
    <t>b'\x1ff\xe0\xf2\x0f\xd9\x91\x84\xc5A4\xb5\x0e(\xc2\xd9\xbc\xa9/\x86\xb4J\x90e\x9bw\xf3q\x91\x8b\xabw'</t>
  </si>
  <si>
    <t>b'\xe3\x8d\t\x1c\xc3o\x19\xf4i&amp;E&amp;K\x1a\xc5.\xdb\xc2^3\xc7t\xb2\x19\xbf\x9aP\x9a\x19x\x8f\x8d'</t>
  </si>
  <si>
    <t>b'\xf9=\xf9j`\xef\x93\xc7\xc3\x8b7\xd0\x1f[\t\xc8\x1dI\xb9\x9d\x87\xa0\xdfXhkQW\xcb#\xac\xed'</t>
  </si>
  <si>
    <t>b'\xdc\x12\n-?\xfc\xca0\xf3]\xf7Q\x8e\xf2\xbdv\xc7r\xef\xc0\xcbf\xfa\xdfb\xc8\x0c\xd2^\xb5Q\xc3'</t>
  </si>
  <si>
    <t>b'\xc5\xfa\xd9\x9e\te\x86\x1cS-\xfd\xcco\xb6\xb5\xad\x00Dh\xb9\xd8\xb3\x83\xd2\xc7\x81t6\\\xe1\xcc`'</t>
  </si>
  <si>
    <t>b'O\rYy\x98\x14\x10\xc0}\x9d\x8b\xbf\xa5\x8b\xbaX=m]-\x8cax\xfd\x83J+y\xe3\xa9L\xa8'</t>
  </si>
  <si>
    <t>b'\xec\xbc\xec\x03\x9e\x81J5\xae\xbb+\xbb\x11\xb6\x04\xcf\x97\xb2s\x0c{\x83|\x9d\xb3-\x1b\xf4\xe4\xc7\x13\xa6'</t>
  </si>
  <si>
    <t>b"\xde'\x1b4I\xb7\xe6\xa8n\xc7C3\x1a\xf4\x90\xdc\xc9C\xd8\x8f\xc3\x05\x84\xfct\xee!4+\x97\xd7\xd0"</t>
  </si>
  <si>
    <t>b'\xffP\xf8\xf4\x91\x0f\xaf\x1c\xfc\xa5\x82{\xa7M\xc8\xad\x16\xeb\x9a\x1dN\xe2x\t\\\xc4h)$\x84V\xee'</t>
  </si>
  <si>
    <t>b"'\xa3k\xe2\x9c\x97\xbd\xed{\xebX\xcd\xbf\xc5\xf4\xeb\x19$\x89\xc7,0?\xdb\xb6\xeb\x85nz\x91\xcdV"</t>
  </si>
  <si>
    <t>b'?\xb4\xb7\xb3 {\xb6\xe8\x9d\xe0m\xb9\xb6\xb0\xd0\x12\xf3V\xf5\x17{\xa2\xfd\xc6\x94\x98\xcb\xfa\x84\xb3\x8e\xfb'</t>
  </si>
  <si>
    <t>b'i\x16\xdd\xee\xd0V`\x16\xa8\xfaIe\xc5\xac\xd3\xe2\x8a\xb0/2\x04\xfbr\xf9ka\x841\xa4-H\x0e'</t>
  </si>
  <si>
    <t>b'\xf0|\xbf1\x1ev\xee\x9b\xc9d\x9f\xc3*"\xfekR\xb1P\x9a\xfdz\x979\xba\xe3\x19JG\xfe\xa9\x81'</t>
  </si>
  <si>
    <t>b':\x95%\xf2\xac\xdcMG\xcb\x80\x9b\xbc\x9e\x82\xf6\xed\x11\xef\xa9\xc2\x14\xdf`\x91h\xd1!\x1cAx\xdc\x8e'</t>
  </si>
  <si>
    <t>b'`(\xbc\xc6\xeaqi\x0f\xef:W\xd8\xe4&lt;y\xed\x82\x1d\xf9\xe6\x135\xabC\x9a\x1e\xb0R\xcd\x1a9\x95'</t>
  </si>
  <si>
    <t>b"\x9a'&amp;$\x17g\xd3\x0bL\x1eb\x04\x89\xa5\x18\xbd\xd6\x0734{#\xaa\xf47\xb4zu4j\xdb\xf1"</t>
  </si>
  <si>
    <t>b'\xbc7\x83\xf9\x13\xcc\xa66S\xc0i\xd8\xdd6\xb9\x95T\xbc\x01\xbc\x07\xa2\x89\xec\xfd\x19\xd2t\x80@\xd7\x1a'</t>
  </si>
  <si>
    <t>b'\x14\xf1Z\xbcs\xad\x94\xdf\xf6\xec\xaby?\xce\x80\xcc\xfe\xae\x8c\xe0\x9e\xd8%6*y\x8d\xbc\n\xfa\x1fd'</t>
  </si>
  <si>
    <t>b'\xfb\xfd9\xa5Q\xf2Fc9\xa18\x1b\x10\x86\xfd\x98R\xd7\x1d\xda\xa8&amp;Z\x9d\xd9v\xa8\x07Y\xecK\x0c'</t>
  </si>
  <si>
    <t>b'\xc2c\xb3\xb5Q\xbe\xca"\x870zW\x1a\xf1\x04\x0f\xd2$\xd9\xc0\xfcbc\xbf\x9d\xe3\x82\xa5\xbdR\x875'</t>
  </si>
  <si>
    <t>b'\x85a\xd03\x82d\x8d\x95\xdb\xfe\xe3\xb1\xa4\x91l\xd4T:\x8aM\xae\x15v.\x0e\xb7\xa0\xca\x99-\xc0d'</t>
  </si>
  <si>
    <t>b'\xc8\xfa/\xbb\xd6\xed\xe4\xf7"`\xed)\xc1\xf3\xd9#&amp;\xfa\xf56\x10\xe7\xdf&gt;P%(O\xaf\x95\x96\x07'</t>
  </si>
  <si>
    <t>b'\x01|s\x81\x083\x82\xb3\x10\x16\xc6x\t61\x97a\xe7\x1e3\xc7\x13?Pbx\x9f\xa5a\xac\x90N'</t>
  </si>
  <si>
    <t>b"9{\xaa,\x9a \x14\\\xf0E4\x80\xfe_s6\xa1\x92'\xd0\x06_&amp;\xe3\xb8\x93S\x18\xd6&gt;D\x04"</t>
  </si>
  <si>
    <t>b'\xbbx\xba\x84\x14\xe8t\xd7\xf3V\x82\xdf]^\n\x17\x91\xc2PC\x93\xf71\xd0\xea\t\xd0\x99\x8a\xfcD+'</t>
  </si>
  <si>
    <t>b'm\xe1\xe8\xf5\x1d\x88#S\x18E\xca\x85}\xc2M\x8bD\x00\x83h\xd7B\xbdxz\x83r\xac\xfe\x04\xad\x8e'</t>
  </si>
  <si>
    <t>b'\xa3\xb0\xf1\xb6\xd0\x8d,mp\x88e\x89\xc3\x10\n\xb1R7G\x84\x9a\x1dl\xcb\xa4\xfb\x05\x86\x9d\x7fuX'</t>
  </si>
  <si>
    <t>b"i\x1a\xcf\xa0\xe5'l\x95/\x13&gt;J\xc6\xa5\xde\x0e\x96sEA\x0e\x14\x93\xa5\xc8\xe5W\x9c';\x94&lt;"</t>
  </si>
  <si>
    <t>b'\xd0\xe1TEy\xde\x0bP\xfb\xfd\xef{\x07\x16\xef\x9c\xc2_u\\49\xc6O\x16gQPI\xabq\x88'</t>
  </si>
  <si>
    <t>b'I\x9d/\x977\x97\xf8Y\x83\x84\xd9\x1cb?\x88_+\x860k\xacrYr\x16\xd3\xe0\xd6\x0f\x9b}\xc3'</t>
  </si>
  <si>
    <t>b'\x1e\xed\xb0\xf4\x98\x97YC\x94we\x7fk\xe1\x8dH\xae}\x96\x1c\x13-\x1e\x1f\xc9Mef^\xae%\\'</t>
  </si>
  <si>
    <t>b'\x06N\x8f\xd0T\xdc9\xe7\xa5\xeeKi}\x01V\x9dot\xa0\xa8\x998\x97E\xd3\x15rqY\xec[\x95'</t>
  </si>
  <si>
    <t>b'\x02c\xe1.\xb3\xd2\x8b\xd1\x1a\xc1\x86+\x12%\x06\x90 \xc6S\xe4tzQ\xbc\x08;\\.9X;5'</t>
  </si>
  <si>
    <t>b'\x92\xa2\x12\xee\xe7f\x1c6\r\x07\xd8\xd7`\\\x85t\xb0\xa3\x06\xc3\xe8|0`\xb9\x10\xcb\xb5\xff\xa7\x9b\x8d'</t>
  </si>
  <si>
    <t>b'&amp;\x8b\x8f\xe1u\x9f\xdf\xcdl\xb6\xd1\x14z\xcf\xae\xbd\xcbQF\x9c\x18\x801\xde\x87\xa2\xb8\xad\x91\x06\xf9g'</t>
  </si>
  <si>
    <t>b'5&amp;z#8\xa4G3\xd6b&amp;\xf6u*f)\xdd\x0eu\x80u\xc8\xfb}h\x0c\xad /\x17\xa2\xd4'</t>
  </si>
  <si>
    <t>b'\xa1\x05\x9f\xf28\x08\xc4(Bs\xde\x10\x96S\xc0s\xe5\x99I\x82\x07\xf1H\x87\xbe\xab\x01m1!\x1c\xd8'</t>
  </si>
  <si>
    <t>b'(\xd4;\x16\xca\xef\x7fP\xf6\xb4v\x04-\xa3Y\xd2s\xcf\x91\xdf\x0fOI\xc2J\xa2\xedMe\xda1\xca'</t>
  </si>
  <si>
    <t>b'\x17C\xc9\xce\x9a\xe9\xe1\x90\x16\xc0\x8b\xa4\xca\x9b\xe8\xda\xefL\xb7\x8f\xf8\xe3\xdd\x84\xfb\xa3aN \xbcW!'</t>
  </si>
  <si>
    <t>b'\xf1\xb6\xe1\x134s\xbfJ\x87\xd4\xfb\xf5\xb8e{\xd1\xfc\x04\x0f.\xf8\xbb\xe3\xea\x00\xcb\xfd\x10\x9d\xb1\x90\xc6'</t>
  </si>
  <si>
    <t>b'\xb6\xd3\x19\xf3\xa3\xe1_\xdfcP\xdf\xd3\xcd\x11y\x0b\x94\x92\x04&gt;\x04\x1b\x97x\xfe]*\x0f\r\xb4\x13\x96'</t>
  </si>
  <si>
    <t>b'-H\x05\x9c\xf0i\xf5-\xbe\xe9}c\\\xac\xd3\xf9\x0c\xa41\x02=%\xdef4\xf5\xa2\x9f\r&amp;`+'</t>
  </si>
  <si>
    <t>b'\xf6+\x00\xa3\xf1\xcd\xc3\xb4\xf1"\xafK\xb5u\xfe~\xf4\xed\xd0\x91\x98b\xb9\xaa\xd7\x01\xf4\r\x8b\xfa\xb6\xe9'</t>
  </si>
  <si>
    <t>b'v0\x9ao\xd8\x81Tm\x03.\xb9zL\x84_\xe8iZG\xa0\x1c(ME\xb7\xaf\xdf\xeb\xbb.\x1b\x88'</t>
  </si>
  <si>
    <t>b"|\x95i\x0fXWh\x82x'T\xe4\xf7D5\x12\xab/\xd6I\xdan\xf2\x10\x98&lt;3s{1\xf3\x0e"</t>
  </si>
  <si>
    <t>b'\xb3\xdadt\xc9!\xa7N\x7f\xe56{\x10D\xba\xc2\xfaq\x9f\xcc\x19\xa4h&amp;\n\xf5Fr\xb8,\x9f\x82'</t>
  </si>
  <si>
    <t>b'\x989\x0fW\xf7J|+\xfeI\x18e\x98\xae\x0e\r\xe7NV\nqi\x04\xdc\x9aq\x02\x92\x06\xaf@$'</t>
  </si>
  <si>
    <t>b't\x16\x94g\xcf\x9d[*\x8b%\xe8\xbd_&gt;\x9a&gt;\x17\x97\xee\xcb\x946\xf0\x02\xa9\xc73cB\xd1\xba\x83'</t>
  </si>
  <si>
    <t>b'}\x80\x96\xa7#\x15\xd5\xf2\xd0\x7f1\xe2\x9b\x15\xf4w\x02\xc5t\x86\xae\xc5\x92\x1e\xdf\xef\x17c\x96\xb0\xb6&amp;'</t>
  </si>
  <si>
    <t>b'\xfaEP1\x8fY\x9e\xe30i\xce\xa3\xc0\xa9\x1d\xd1VX\x9c\xd3\x12)\xcc\xaeU\xad\xeb\xf3""`('</t>
  </si>
  <si>
    <t>b'8\x12\xea#\xf8H\x91\xf1\x8fG\x1cc\x0e\xf7&amp;\x07\xdd\x86\xe3\x9a\xe9Y\x95\xd4\xe3\xae \xb3}R\x00\xce'</t>
  </si>
  <si>
    <t>b'\xf0\xe1\xe8N\xe4\xa3b*\xd2I\x14\x80O\xe3\xbb\xb7\xdcY\xb8\xb7\x98\x9d\x1c\x91\x86z\xedxXc\xd6\xf0'</t>
  </si>
  <si>
    <t>b'\xbd \xb6\x8dD\x1c\x18\xbf\x91yE\xd2\xb8\xd6@U8\x90\xc6\xa3\xd0J\x8d\xa0\x02n\xf9c\x83\x15\xded'</t>
  </si>
  <si>
    <t>b"\x94UcX\t\xa5F\xd5\xa3N\xed\xc4[\x9c'\x8c\xe5\x0cC\xdci\x08U\x82\xaa\x91\xe5\xa0\xe8\x87\xec\xdb"</t>
  </si>
  <si>
    <t>b'7\x80%w$ `F\xe1Lu\xc5\x1b\xd1\xfaf8\x08=Z\x13\xac\x04\xd4\x96\x1b\xdf\xd4x\xfa\x1e?'</t>
  </si>
  <si>
    <t>b'\x07:\x8b!\x19\xe5\xab\x80-\xb7h\xb0Nb4O\x01\x9e\xb9\x17\xdf\x02\xaa2\x83t\x07g\x18\xfe\xd0\xdc'</t>
  </si>
  <si>
    <t>b'x\xcc\\.X\x94g(\x8b\xc8\xbd\xe1\xe9\x91\x0c\x97\x04^\\=\xb8\x9a\x92\xe5(\x89\xb0x\xe0\x968%'</t>
  </si>
  <si>
    <t>b'\x1at\xe35A\xc85\xc2F \xe9Z~\xf1i\x7f\xd9\xf8\xe5\xe4[\xd0\x93+\x11\x8bNe\xc5\xbc\xe9W'</t>
  </si>
  <si>
    <t>b'\xedss\r\xee\x81\x16\xee\rQ\xc2\xb1\x97\xb8\x8cY\x9d2\xfc\x8b\xe5\x9b\x8ag\x9a\x8c\x10BDV+m'</t>
  </si>
  <si>
    <t>b'j{\t.\x04.Nm\xd8\xd2\xc3\xe8\xbe\x81\xc9l\xf1\xd1&gt;iV\xc3\xdf\x92}\r\xfa\xe5\xa1}\xeb\xf1'</t>
  </si>
  <si>
    <t>b'\x00\n\x1f\xf2\xe3|\xa5 %\x8c\x10\x11|+\x83\x06\x1e\x81\x86\x88\x84\x9eD\xce\xe6\xea\xddO&gt;\xe0-2'</t>
  </si>
  <si>
    <t>b'QT\xc7\x82BQP\xdb\xbb=\x19w\x07]\n\xdc\xc5\xd0\x11;&amp;"\xa2f\xde\xa9\x81\xbd\x97\xf1\x1c\x89'</t>
  </si>
  <si>
    <t>b'\xefn\x12s\x86\xc2\xa3x\x820v\xfb\xae\xa8\x113\xf8\xf7B\xfc\x02\xd6\xd6E2\x81\xa9qO\xa6""'</t>
  </si>
  <si>
    <t>b"\x13^J\xc6+\xb4n\xea\xbd\xe7RS\xca^\xef'&gt;\n\xde8\x1f&gt;\x17(\xa1aX\x01\x08zH;"</t>
  </si>
  <si>
    <t>b'm^\xf0]\x1e\xd70V_\xc9\x80\xc8\xf4\xc0\xe1\x1eYC&lt;\x1f\\a\x08x\x9cR\xe9\xb0\x8a\x94\xb8\x8b'</t>
  </si>
  <si>
    <t>b'\xac!&amp;s\x04.\xa1\x84:\xb2\xa0yq\x85\xe6\x08N\x85Qw\xef\xa8\x04;\xaee\x12\x9ck5\x12N'</t>
  </si>
  <si>
    <t>b'\xe6E|\x1a\xe0.\x1a-;\xd4\x7f\x03{\xd3=\x9f\xa9\x89h\x92@\xa0\xa9\xf8\xdc\xda1T\x92\xcc\xd3E'</t>
  </si>
  <si>
    <t>b'\\\xf2\x94V&amp;m\xbb_\x8a\xf6\x96ya\x06\x12C\xdaG\xca\xfc\x9aY\x0c\xba\x00\xc8\x03w*\xf4\n\xbf'</t>
  </si>
  <si>
    <t>b"8\xed\n\xcc\x80\x04\xcf\xa9\xbdYq''\xa1\x92\xfc\xb7\xf4\xea5q\xa8\xfau\xe1)]~S\n\xcd\x1c"</t>
  </si>
  <si>
    <t>b'I,\xf4K\xba\xbc7Es\xbaA,\xcb\xab\xbcgl\x0f\xbd\n\xf8\xfe\xebA\xb0/&lt;Hh\x8c\xf1\xcc'</t>
  </si>
  <si>
    <t>b' %6\xed&amp;d^a\x0f&gt;\xef\x81wD\xe7\xba\xce\x00-\x99-\x9c\x05\xee\x06_\x9a\x863&amp;\n\xef'</t>
  </si>
  <si>
    <t>b"'\x93\xf8$0s\xc8/\xa7\x0bn\x1d(K\x1b\x14tB\x9d\xd2\x99\x00\x8e\x1dKL\x80w\x94\x17\t\x1f"</t>
  </si>
  <si>
    <t>b'\xab\xb5iMe\x08gO+"\xde\x88-M\x10\xef\xb1\x94D#=\x88\xd2\xa6\x90\xbd\xe6\\\xd6\xe0\x8b\''</t>
  </si>
  <si>
    <t>b'\xf9\x98Zh/!\x04(\xdf\xd7KiH\x93P\x90/Xp\x0c\x1d\x0e\xb9:\xc3\x8d\x8f\x833\xa91\xdd'</t>
  </si>
  <si>
    <t>b'\xd7q\x88\xae\x00\xd1h`J-D\xc0\xb5+\xf7\xb0;\x10\xfe6\xe9\xc0\xe3i\xa8\x96\x1d\x91/\xf6}\xbb'</t>
  </si>
  <si>
    <t>b'\xc6\xb6\x04`\xf6\xa8\xbb\x1d\xca\xcaN\xdf\xaa\xe3\x08A9\xac\x04\xa4\xa3G\x1bX\xa4\xab\x7f\t\x90(u\xfa'</t>
  </si>
  <si>
    <t>b'\xe0\xe6u\xce\t\xcc^Y\xfeo-\xe5_$yh\xb2\xeb\xe6\xef\xf3\xfa\xcd\xe5|?\xbb\x9d#\xa8b\xe1'</t>
  </si>
  <si>
    <t>b'\xed\xfen.I%,\xa03\xa5\xafo9\xd2\x81\xdbH\x06\x17\xe7\x04\xd3\x14A\xed\xd7\xfd:\xb4\xf5\x8cL'</t>
  </si>
  <si>
    <t>b'!\xe2\x93\xc9\xc3\xef\xb8Bk\xfb\xe5\xe7\x1c&lt;\xe6\x7f\x06\xf2D{\x97&amp;64\x1b+\x16\x95"\xd5pC'</t>
  </si>
  <si>
    <t>b'\xd1:\x98\x07\xce\xc1\x96\x1b&amp;c\xf4-=\xc79\x9a&amp;\xce\xbe\xaa\x005\xbf\xb8\xa1Cl&lt;a1\x13\xf2'</t>
  </si>
  <si>
    <t>b"\xa5\x8b\x82}S\xd2)'\xdfi\xd5j\x81U\x9a\xf9\x88\xc7S\xe3`\xf6Z1\x13)\xafZ*F\x0e\x07"</t>
  </si>
  <si>
    <t>b'\xbb)\x86\x08YGq!W\x9a_\x8d\x10N)\xf4\xa4\\\xca\xdc-\xb7-]osg_\xa7\xe7\xbcb'</t>
  </si>
  <si>
    <t>b'\xcf\xba\xc4X\x7f\xe1\xd1\x1fG\xe1\xbdE\x05\xa5bTh\xcd/Q\xe4p^\xf8\xa7\x84\xa4j\nx\x83\x96'</t>
  </si>
  <si>
    <t>b'\x84\x14\xd2\xddE\xefe\xb3P\xa2\x05\xf0#\xceC\x85FJ\x0fGWP\xaeV\xba\xaco_\x97@\xd0N'</t>
  </si>
  <si>
    <t>b'Q.](fQ\x10Y\x8a\xabh\xcf\xf2\x83\x0e\xcd\xcb\xadS\x85+\xcdH\xfeV\x82\xed\xfe\xb0\x89\n\xfa'</t>
  </si>
  <si>
    <t>b"\xf4\xf1\x90\xf7\xaa\x0cb\xe5'\xfd\xc7\xba=ASp\\\xe3\x1f\xa31\x85 0\x14\xa5!\xfd\x07)x\x13"</t>
  </si>
  <si>
    <t>b'\xf4x\xbaO\xf8m\x04\x00Dw\xfb\x06\xd6\x9c\x814\xc1t\x03\xea\x8cE\t-\x12\xff\xac\xf0\x16\xaf/r'</t>
  </si>
  <si>
    <t>b'\x85f\xf2z\xa0\x14\x07\xe2\x1f\x99\x13\x9e\r\x87\xc4\xb5N\x01&gt;K\xaf\xce]\xffi\xf5U\xa8\xf5\xfa\x83\xdb'</t>
  </si>
  <si>
    <t>b'#\x08A\xe6\xc1\xa9\xf7Q\xdc4h\x95=\x88\xd6\xb6\xb5k-\xc2l\xb0d\xf4\xcc\xb7\x87\x9dY\xf9;\xd0'</t>
  </si>
  <si>
    <t>b'G\x8dp[\xda\x9d7\xd3\xacQ|\x84_\xd2\xf1\xd7`\xbb\xb3x\x85\xc4A\xe7\x19\x86/\x1a(\x14~\xc5'</t>
  </si>
  <si>
    <t>b'\xa7\xe5E\xc47e\x88H\xe9FbNXr\xd7\x98\xc1S\xad~\x12\x94\xf1\xfe\xa9mYfwM\x08\x91'</t>
  </si>
  <si>
    <t>b'/f\xb3y)\x14`o\xf6GR\xeb\x8d\xe5p\x1a{\x95\x0f{O\x19\x1a\xb1\t\x8bD\xaeQ&amp;//'</t>
  </si>
  <si>
    <t>b'c3\xf0\xb8\xb1\x8b\x1a\x03s\x02\xee\xa6p\xfd\xeeAi9\xef\xf5\xbc\x8c\x00\xd6\x8d\xe00W\x88\x1e\xc8g'</t>
  </si>
  <si>
    <t>b'\x03\xcf\xc1:\xba&amp;\x19tIx:\xdd\xc3^\xbe\x15\x12I\xf3N\xb4\xcc\xe3\x80\\\x97\xfb\xb3\x1cC\xa6/'</t>
  </si>
  <si>
    <t>b'D\xc6-\x9e\xd1\xaee;\x183\xf4\xa3S"\x8f\x8e\xd3\xe8\x8a\x85Y\xafpf\x12\xf2\x0501\xc1*\xe3'</t>
  </si>
  <si>
    <t>b'p\xee\x06\x9e\xee\xb1\xb7\xab\x8e\x08O\xfc\xe3\x8e\xa6j\xdf\x0e:\xcb\x17\x95\xa3to\xb4\xdb4\x9a\xcb\t\xd5'</t>
  </si>
  <si>
    <t>b'\xfc\x8b\xee\xb9h\xbf=\x197\xc7v\xc7\xf3\xd3A\xe8\xf9T&amp;\xa6Py9\xec\xafO\x90\xd61!\x87R'</t>
  </si>
  <si>
    <t>b'\x1a\xb4\xa3\x82X\xbd\xbf2\xb66\x18\xd2O\xbe\xab\xb2o\x00y\xbdT\x8cYaC\xc3\xa9\xd35\xc3,3'</t>
  </si>
  <si>
    <t>b'\x83l\x05\x13\x05d\x8cH~\xcc\xb8\x05:.\xcb\xab\xbf\xa4^\xb6S\x19=\xd1\xe7d&lt;\xd2\x0e\x14\xfb\x04'</t>
  </si>
  <si>
    <t>b'\xd3\xbb\xa4\xab\xe8l\xaa\xe9M\xc3,\xb8&gt;\xcb#W\x84\xde:\xda\xc4\x9bd\xc9\xec\xdd\xc5A\xd0\x82\xa9 '</t>
  </si>
  <si>
    <t>b'j\xe5\xfb\xf9e\xbdtZ=\xbe\x81|\x8b2w\xd9]D\xb6\xc46\x15:\x00\x98\x93k0r`\xb1\x9e'</t>
  </si>
  <si>
    <t>b'G\xfd\x17\x84zz\x7f\xb1\xec8O&lt;\x11\x90I\xcb\x95\xf6\xce\x89&gt;\x08\xbb7\xbf\xdd8\x07*&lt;\x9e:'</t>
  </si>
  <si>
    <t>b'/\x7f\xfa]\xde\x9a\xb9\xdbP\xbc\xc0\xfbW\x82]\x1ci\xfc\x8e\x82\x1eB\x97 \x03"@z\x8e\x8b]j'</t>
  </si>
  <si>
    <t>b'\xe76\xa2 \xef\xbf\xdeD\x9c\xa0\xae\xe8\x0e8\xa8\xbc\x18Ih\x88)\xf9W\x85&gt;\xf8`.&gt;\x8dQ\x9c'</t>
  </si>
  <si>
    <t>b'\xee\x85\xd2=\xd2\x19\x98-\x12\xb3\x19\x8e\x81\x93\x19\xb9\xd3\xeb\x06U5\xe7\xc0\xe0&gt;\xd9\xfb\xd1\xb3\xd6V\xc1'</t>
  </si>
  <si>
    <t>b'v\xef\xcbRU\xb1\x87\x88\xf3\xf9\xeb\x96\xb8\xf7\xd91\x05x\xe5\xd2\x8d\x1e\x05\xa6\xb2\xf2\xfb\xdf\xd0C\xb8}'</t>
  </si>
  <si>
    <t>b'\xc2\x1f\xe8\xbd.K\xfbG\x19\xfb.\x94cvhG \xe1\xe4!\x14v\xa0\x00a\n\r}\x10H"p'</t>
  </si>
  <si>
    <t>b'Q_\x9b\x88pf\xa8\xb9AF\x1b\x86\x0b\xcc\xe6\x11\x82\xdd\xa1\xfab"B\x9a,\xc6\xde\x07\x0c\x80\x10}'</t>
  </si>
  <si>
    <t>b'\xb9O\x1ax\xa9\xd6\xdf7\xf7V\x97\x8b\xa9B\x1c\xedV\x1b\xa4\xd2\xc2\xaciJ\xf1\xa4u\xbb\x9ca3F'</t>
  </si>
  <si>
    <t>b'1\x9a\x0b\xe5\xb0\xb7\xf0\x9e\x1e\t\xb1"\xe1\x83\xb8\xb3f\xb4\t\xfa:9\xbd\xfdr\x178\xb6{\xe9\xd5 '</t>
  </si>
  <si>
    <t>b'?\xc8Z\xcev:\x01\xfc\x87\x9f\xd5z\x88#\xc6_\xdb\xa3}\x89d\xd5n\x11\xb4h\xef/\xdd\xbbC&amp;'</t>
  </si>
  <si>
    <t>b't\xe0wRj\xe6\x9d\xc6!\xc6\x00\xdfN\xbf\xab/\xe1Nz.\xf4\xb9\xde\x99\xb9m\xf4\x84\x8e\xab@\xa2'</t>
  </si>
  <si>
    <t>b'\xf7\xe6\x85\xa9\x8e\xb6NJ\xca\xbc\xa7%\xb35\x0c\xfeCX\xe5\xd8\xae!eZ\n=\xb9\xf8k\xf5?Y'</t>
  </si>
  <si>
    <t>b'*\xe2=\xee\xad\xf6\x0e\xcf\x0c\xa7\xf1\x00\xd3\x8b\xff!\xb1\x1c\x82\xf8L\x87\x17\x92%m\x1b]2\xe9K\x87'</t>
  </si>
  <si>
    <t>b'\xf5\x85_\xe5\xd9\xf1$\xb0@t6\xf7/\xad\x0f\xee\x1e\xf4e\xb8\xb2R\xfc\x89l\xb1\x03x\x1f\xf1T\xce'</t>
  </si>
  <si>
    <t>b'\x84\xb3\xf0\xfeQQ\xd3\x1am"\xe2\x91\x02Q\x19\xda&gt;gO\xb0Pb\xd2\x0f\xfa\xb2\xff\xfe\xaf\x1c\xc8?'</t>
  </si>
  <si>
    <t>b'R\xa6\x7f\xbd\xab\x82\x06?\xdb\xe9\xa1:\x07\x8e\xc9\x99H\x18\xd1\x98\x15\x9a\xa9\x88x\xf8;\x92\xb33]\xc6'</t>
  </si>
  <si>
    <t>b'\xe3\xbb\x93sqq\x17\x1cD2\xa7\x11i\x93\xb3X(\xea\xa4J\x13\x80\x9f\xec\x9e\x90\x8a\xbf_hN\x88'</t>
  </si>
  <si>
    <t>b'\x88C\xa0\xb0\x8e\xb4_\xb7l\x08\x18cc\xd0\x85\xe4\xf7\x18\x1a/q\xf5\xc8@A\x1f\x8f\x8f\xae\xa7\x93.'</t>
  </si>
  <si>
    <t>b'2[\x9c\x80D\xd8[\xaf}\xbaBX\x02+\x0b\x89\xa4l8\x83\xe5S\xb0\xc3\xb3e\x14+58p\x04'</t>
  </si>
  <si>
    <t>b"\xb0\x14\x98b\x01\x84\x0e'Z\x99~wv\\\x90\xf2\x80\xa8?\x8f\x08\xee\xe6\xe0b\x05/z\x9a1\x8e\xfb"</t>
  </si>
  <si>
    <t>b'\x0b)Sume\t\xed \xbb\xe8&amp;=\n\xa2\xcb\xe8{\xb8\x7fzA\x16\xdbj\xb9\xa9\xb1 \xa8\xe1\x97'</t>
  </si>
  <si>
    <t>b'\x90\x98\x97\xb44Dl\xa0\x85\x81\x9c\xad\x96Wz\x0c\xac\x827~`\xec\xc5\xa1\x81Bq\x10\x9dI\xf0\x92'</t>
  </si>
  <si>
    <t>b"&gt;'\x03\nnKw\xa6gh,u\x02m\n\xde\xb8\xce\xfa\x1a\xf1D\xeb\x95\x0b1?\xef$\x1d\x8c\x10"</t>
  </si>
  <si>
    <t>b'u\xef-\xdah$\x1a\xc8\x04\x0c\x88Y\xfat@\xd6\x88a&amp;\xec\r\x00x\xb5.\x19&lt;\xb3\x9f\xa5\x18c'</t>
  </si>
  <si>
    <t>b'\xac\x91\x82Q\xf9B\x07\xa4illU!\xbfC\x85\x83\xde\x12\xe2\xbe\x83\\#\xe4\xc0\rH\xb5\xe9+C'</t>
  </si>
  <si>
    <t>b"\xe8y\xb9\xa6\x0f\xf0$\xf5S\x86\xc1\x0b\xd6\xb4vS\xc3\xb2\x1ad\xbd\x95\x994\x0b\xd5\x84'\x1d0\xdf\n"</t>
  </si>
  <si>
    <t>b'X,\xa9\x1f\xd1\x92\xd1e\xef\x1f\x01\xbe\x9c&amp;\x8b\x08W\xe2\xa1\xa0\xb3\xf0c5\xec\xecom(\x93 \xa7'</t>
  </si>
  <si>
    <t>b'Y\x08r{$\xa8\xd8S\x0e\xe5;\r\xde\x0b\xe4\xdeeA\xf3;\xc4\xdf\x95\x94\xda\x93\x06\x85\xa2\xb6C}'</t>
  </si>
  <si>
    <t>Home fix</t>
  </si>
  <si>
    <t>b'3\xe7\x13-6\xcc\xa5\xb1?\xdc\x89j\xe7Y\x0b\xec \xec\xb7\xbd\x08\xd73*i\x08\xac\xe3l\xd3\xb6\xb5'</t>
  </si>
  <si>
    <t>b'\x9b\xa1\x11N\x06]L\xe4:`N\x96)o\xf0\xc9\x1c\xd4Z\x0f\xb0\x07\xa98\xb98\x1eZ@\xc4+\xb3'</t>
  </si>
  <si>
    <t>b'\xa4\xb4\xaeso\x18\xc8^f/w\n\x86_\xe8\x91q\xab\xb1\x84\x96\x02V\x821&gt;\xaf(\xe9\xa9\x1e\xd0'</t>
  </si>
  <si>
    <t>b'9rh\xd2\xb0l\x9bJ\xf2x&lt;\xf2\x98\xb3(\x08\x0e\x1ds5j\x7f\x8e\xff\x06\x02\xbd\xa5\xf5IT`'</t>
  </si>
  <si>
    <t>b'\xec\xb2\r!&lt;\xc8,\xd6\xde\x1d\x86&gt;\xc4\xc0\xdbE\xfc \xce\x98"FZ\xcbp\xeb\xf4\xec3\x81\xbe\xbc'</t>
  </si>
  <si>
    <t>b'\x0fM\xe4\xab\x0c\xaf\xef\xbe\x9f\xaf\x8f(\xd8\rk\xb6U\xb7a;G\x0c\xbf\xc1\xdc\xe1Z\xcb\xf5x1\xe0'</t>
  </si>
  <si>
    <t>b'\xbc\x03q\x1c1\xfa\xbe4\xfd\xde\x15\xe4S{\x1d\xb7\xd0g\xc6\xa6\x84\x90\x7f\x884\x80\x0c\xc2\xbb\xaf"j'</t>
  </si>
  <si>
    <t>b'\xb6*y-_{\xef~+\xde1\xf7Oh\xc0\xfe\x16+\xee\xe4\xa0\xf5\x9fS99/qbT\x1c\xd7'</t>
  </si>
  <si>
    <t>pay  bills  off</t>
  </si>
  <si>
    <t>b'd\x7f\x17\x02]\x03\xa8(B\xcd\xbd\x9ch\xd0A"\xf9N\xee\xc6\x8dC2m\xd5"po\x0e\xae\xe5v'</t>
  </si>
  <si>
    <t>b'\xcb\x95\xfc\xed\x1fn^vmZi"\xe3\xd9[\xfag\xe0*HbO\xc4U\x07\x9c|\x84:\xd2\xf4\x1d'</t>
  </si>
  <si>
    <t>Pay Off Debts</t>
  </si>
  <si>
    <t>b'b\xd6\xb1\xdd\xaa\xa8\xaa\x18k]\x83)\x1d\n?xlS\xf9\x9eB\x9a\xfa5\xf0_\xa9\xd4\xc1\r\x0e\xc3'</t>
  </si>
  <si>
    <t>b'\x9f(\x9b\x17}\xfc\xf0\xf4\x7fS\x89\xb2\x0cn\xd7\xa3@xIR\x1a\xea\xea\x85H\xc5%\xea|\xcf\xaaU'</t>
  </si>
  <si>
    <t>Credit Debt Reduction</t>
  </si>
  <si>
    <t>b'\x88A\xe6evF\x11\xca\xcc\x83\xff\xdc\xf6tP\xeb\xa1K\xfcj\x9f\xf8"\x8c\xf5\x199\xda\xcb\x05X\xaf'</t>
  </si>
  <si>
    <t>b"\x10L\xc1\x80k\x85\xd0'\xc89\xff\x9d\x95A\xfa+D\x1b\xa0\xbc\x13\xcd\x97\x05a\x15WG\xff\xb6\x9a\x05"</t>
  </si>
  <si>
    <t>b'\xd4\xec\xb4\xf4\xfa\xa3"\xaa\xd4\xeeh\xfa.3\xbc\x02\n\x06\x922ZC\x08\x16\xf3\xbf_~\x98\x8e\xb0\xc3'</t>
  </si>
  <si>
    <t>b"\xaa\xcd7s'\xf4\xe8\x12h\xed\xa1\xb4\xb7C]nC\x95\xaa\x18\xba\r@(\x07\xaa\xc8b\xed6c\xd4"</t>
  </si>
  <si>
    <t>b'\xc6C 5\xc2\xc9\x1a\xaf\x02b7C\x95\xd8\xff\xb6j\xec\x08\x1f\x81\x1f+J\xc8\xea\x87`\x91\xd0\x97\xf9'</t>
  </si>
  <si>
    <t>b"\x17'\x00R\x01Y)\xebA\x1d/\x01\xb4\xd5)\\qh&gt;\x98\xac\xa7\x11\xd3\xb4\xf4:7\n\x1d\\\xba"</t>
  </si>
  <si>
    <t>b'/\xdc\xacb\x957o]f#9\xf7\x80\xba\xf7\x98\x9f\x18GYEa\x06\xdd\xf3\xe4\x16\x93s7\xf0\xa3'</t>
  </si>
  <si>
    <t>Turbo cash</t>
  </si>
  <si>
    <t>b'\x95\x87\xf7\xb8\xbe\xc9!\xc7\x90\xd4\xac\x1c;\x14\x95Q\x13x\xbf5I&gt;\x0f\x1c\xac\xd3{5\xa4p\x0f\xaa'</t>
  </si>
  <si>
    <t>b'R\xa8\xa9\xcb\xeb#S\xf8\x98\xa8\xd3\xe6X\xd2\n\x93x\xbd\x81c`\xdf\x9dd\x11@X\xf4\x83\xac;p'</t>
  </si>
  <si>
    <t>b'\xb7\x00\xf3\x01i=a~b\xa3\xe2\xf2\xb5\xfe\xd2\xc8\xa7U\x1d\t\xb3\xb5\xfc\xea\x91\x8cG\xfa\xc9\x04\x80\xc4'</t>
  </si>
  <si>
    <t>b']^5\xa2\x8e/W\xda\x11\xce\xa5#\xdd\xd2\x8a\x1d\xa3e\xd5=\x81\xe3\xf0\xd4\xa2\x1c\\\x96U\x1f\x17\x8a'</t>
  </si>
  <si>
    <t>b'\x99\x975\xf6\xa2\x82z\xf2X\x0e\xbe\x04\xb6\xeb\xa6\xeaf=\xb5\x0b\xf3\xae\x80\x88\xe5|\x0f\xb8^\xb9\xbd\r'</t>
  </si>
  <si>
    <t>b'd\xe7\x86\\\xc1\xde\xfc?\xcb\x9c\x02\x14\xf5\xe9\xfa\xbb\xa0r\xb8.x\xd2\x8c?\xf2\xa2%\x0b\x85\x14q\xce'</t>
  </si>
  <si>
    <t>b'\xce\xec\x88\x07%\x84\x1f\xfb\xf1\xee^\xd0f\xe0a\xdc\xe1\x93\xb3\xd5\xdf\xd7\x1b\xac\x02\x18\x93\xed\xec\xc0\x98\xfd'</t>
  </si>
  <si>
    <t xml:space="preserve">Credit clearance </t>
  </si>
  <si>
    <t>b'\x8f\xdc\x0b\xd1\x1c\xffyEO\x8b\x0b\x1f\xb4\t\x9a\x01\xb5(~1\xac\n@=\xb8)D\x0c\xc7\x87\x81\x85'</t>
  </si>
  <si>
    <t>b'\xaa}{4C\x99R\xf1\xb1\xc2X\x93\xc9\xb9\xed?\x96\xa9\xd2\x16N\xc6\xfe\x126\x1a\x18\x1f\x02`y\x07'</t>
  </si>
  <si>
    <t>b'\xc8c\x9b\xe7\n\xa3\x10\xa7\x97ie\xee\xbeN]u\xb9\xb3\xf37/_\x8c\xe4\x12\x1c\xa7\xe9\x948\xf6f'</t>
  </si>
  <si>
    <t>b'\xb7}\n8SdE\xc3\xea2\x0b\xa9\xf8\x8e\xf3\xb4L\ro\xa6\xfc[C\xeb\xc0`"\x93\x80Yk\xe4'</t>
  </si>
  <si>
    <t>b'M\x01\x8d\x0b\xbe^?\xeb\xc3\x0b\xa9\xf2B\xa2\xe6j`\xd6)\x12U\x98Y\xb6\xc7\x85\xc6`G\xf6\x9c\xbf'</t>
  </si>
  <si>
    <t>b"\x83\x84\xae\x8a\x8d\x87G&gt;\xc2\xa6n1/fS\xf0'e+\xe2\x07\xd9\xf1\xc8O\x7f\xa4\xd7\xd7\xff\x95\x1f"</t>
  </si>
  <si>
    <t>CREDIT CARD DEBT CONSOLIDATION</t>
  </si>
  <si>
    <t>b'\x11s\x93^\x8d\x81\xa0\x16LK\x91y@\x07\xee\x1fe\xd1o\x91\xc6\xb8\r\xae\xec\xd2\x1f\xac;\x9e\x99\xbb'</t>
  </si>
  <si>
    <t>b'\x83)6,\xb3w\xd4\x03\x88\xd9\x9f&gt;\xc76\xabL!\x83\xccg\xc8\x14]Z\xe2C\x1d\x97\xaf9\xef\x91'</t>
  </si>
  <si>
    <t>b'\x19\x83\x99\x1e\xe3\xb4\xf9\xbd\xeew\xc1\xc7}m\xf1V-H\xf8#\xab\x7f\x98\xed\n\xca&amp;[g\xe3\x8c\x1e'</t>
  </si>
  <si>
    <t>b'\x11\xbd\x00\x16\xbcK\x1fx.\xe2{\xa8o\xcf\xa2\n\xca\xd9 \xdbM\x12\xd8N\xd2%K\xbb\xda\x10\xa8\x1e'</t>
  </si>
  <si>
    <t>b'(\x9d+-c\xe6\xda8\xd6\xeb\x14\xa6\xda\xf3JL\xd0\xd9\xfe4\xdb\xfc\xb2\xdc\x1e\x1f\xd5\xa4\x84\xfd\xf4A'</t>
  </si>
  <si>
    <t>b"%\xaa\x847\xaaw]\x98\xd7'\xaf3\xc6&gt;\x02m!ua\x80\xef\xea\xce9*vj\x13\x08\x81\xeeV"</t>
  </si>
  <si>
    <t>Consolidated loan</t>
  </si>
  <si>
    <t>b'\xb0\x80\xda?4\xde\xa5\xa2\x94!\x87)\x7f\x00U\xb5Z\x19\x13\xb1\x1dK\xe7!,\x91\xe8\xb3\x86\xd7r\xc0'</t>
  </si>
  <si>
    <t>house in greece</t>
  </si>
  <si>
    <t>b'"\x97\xfcA\xb5~ \xbd\xf9%\xa9\xf9^C1d\x81\xd6\x865\xf7+\xd5\x9d\xba\x8a\xc7\xff\xed/\x8b\xe6'</t>
  </si>
  <si>
    <t>b'\xa1H\x06&amp;\xe4\xd0\xf74\xa8\x9f\x0c]h#\x84\x1b9Nz\xa6(\xb4\x95\xf6\xdcH\x0c\x94\x14f|\xa3'</t>
  </si>
  <si>
    <t>b'\x8by\x19\x9a\xa8\x00R\x80\x03Z\xd3\xf4\xdci|\x82\xec\x04\xf3\xe0\xa9\xc1k\xf4\x14\xdc\xcd\xc2\x98\xea\xa0\xac'</t>
  </si>
  <si>
    <t>b'\x8f\xc5h\xc29/\xc0\x1d\xa2J&amp;\xae\x93\x8b\x83\xfa\t\x19\xd85\xe6\xde@\x879\xf4\n\x9f\x96\x08Jc'</t>
  </si>
  <si>
    <t>Personnel Loan</t>
  </si>
  <si>
    <t>b'\xe1V\xc0\x9bk\x15\x012"\xfe\xe6\x9c\xe7\xfd\xd3\xd9\xb2\xae\xa9SX\x96\x01Q@\xa6\x91\x0b\x14\n\xb0*'</t>
  </si>
  <si>
    <t>b'-\r\x19\xac\xd5\xc0sW\x846(\x1a\x9d\xc1.!\xfc2\x03\x85O\x90\xe2\x8d1]\xf1\xba!\xb0O\xbf'</t>
  </si>
  <si>
    <t>b'j\xbb\xda\r%v\xc7\xa2\x84HK/\xd2\xd4J\r\x9a\xddJ_2\x00\xe0\x91\x85\x18\xbb\xe8\xc8\x922F'</t>
  </si>
  <si>
    <t>b'1\xd4\xc9\xbddPSP@1\x96[A\xd4i\\\xf9\xa8\x9a\x04\x87i\xc0\xcf\xa7\xd7},9C\x8c\xa7'</t>
  </si>
  <si>
    <t>b'4\xad\x06A\xb1\x0c+B\xed~\xefu\x10=\xc8\xc2t\xb7\xa1\x16\xa1\x98\xf4\xe2N\xfft\xe4\\\xe6\xd4R'</t>
  </si>
  <si>
    <t>b'\x0f\x0b `2~\xa9\xe3\x7fy\xe3!\xde\xef&lt;\xc6r\x9099hc+\xd0-\xef\xbc\xd7\xb6\x17UL'</t>
  </si>
  <si>
    <t>Debt consold</t>
  </si>
  <si>
    <t>b'\xd0#+D\xc8iF\x90z9\xcbh\xb6R\xb5\\f\x1f\xedz\x08\x15\x82\xf5\x08\x9d\x19\x18\xd4q\xfa\x80'</t>
  </si>
  <si>
    <t>b'~)$\\\xab\n\xa1\x92\x936\x10\xe36@\x1f\x04\xbf\xfee5\xd1\xf5\xc6\xc2 \xb6\xeb\x9a\xa4\xa2kO'</t>
  </si>
  <si>
    <t>b'N\x00\x83qy\xe7j\xd1\xf1\x1c\xc9\xc2J\xe2c\x98\x15\x03\xea\xea6\xac\n\xb6\x00B \xc6\x9b\xe1\x94\xc6'</t>
  </si>
  <si>
    <t>Debt Consiolidation</t>
  </si>
  <si>
    <t>b'K\x17.3s\x92\x18\xb1.\xe7\xa6\xe7\xed\x86\xf9\x02\xce\x03\x1eu\xeal\x03n\xc4\x05\x85\xad\xeb\x85\xec\xd3'</t>
  </si>
  <si>
    <t>b'\x04\x04\x9a\xb9\x14-2\xf3\x01\xa9\xc4\xbb\x1eE\xa3#\x03\xef\xa1\xa5\xf3\xba\x9a3S\xfaAz\x19\x1fm\xd1'</t>
  </si>
  <si>
    <t>b'\xa3s\x06r\xdf\xc7\xdd\x88\x8c\x00\xd7\xd4\x17\x80\xe8\x81H\xd0\x95\xc7\rq\xadt\xf2\x0b\xe1\x91\xf2\x93\xe7\x9f'</t>
  </si>
  <si>
    <t>b'jfk\x86\xf5\xc4\x81Q#o\x8e\x08~\xa3\xe9\x00\xc3a1.\xd9\x05\xe8JK\x86\x07S\x1e]\xa6\xdb'</t>
  </si>
  <si>
    <t>Football</t>
  </si>
  <si>
    <t>b'H\xd4Y\x94#` xC\xa0\xf9_\xa5\x9bA\xb4%\xdfkLm \xa2\xe0\xc9-\xe5\xc9\x8f$hU'</t>
  </si>
  <si>
    <t>Ducati Purchase</t>
  </si>
  <si>
    <t>b'a~X=\xda\x08\x87\x12\x1cq\xc1&amp;y\x1eXo3"\x07\xce\x94\x07C\x1b"\xd6\x0f\t\xfd\x8d\xdc\xdb'</t>
  </si>
  <si>
    <t>creditcard payoff</t>
  </si>
  <si>
    <t>b'g\x85\xf6bG\xb8\x8b\x14\r\xaa\xc2\xfd?[\xfd\x87\x13\x90,\xff\xd5o\xbf\xe1\xc3\x1d`\x92n\x87\r\x83'</t>
  </si>
  <si>
    <t>Oh happy day</t>
  </si>
  <si>
    <t>b'\x0b%-l\x99\x1e\xea\xe9\xde\x94\x8e\x91\x19\xcd\xa9\xb1\x07\xf9\xa7\xaf"7\xd96\xbf\tg\xabq{\xe25'</t>
  </si>
  <si>
    <t>b'\xd2\n\x9c\x1c@\xd3B,\xe5H\x0bI\xee\xfa\xe5\xbaC\xb1\xe3\x9c\xfd\xd7\x88\xd9\xca\xe6\x93\xaa\x9d.\xff\x17'</t>
  </si>
  <si>
    <t>b'\x06@\xfb\x80\x10|\x99 \xa0]\xea\x86p\x83&lt;\xc8v\xef\xab.N"\xbez\xaf\x08\x1c\xbc\x04\xf4\'\xc0'</t>
  </si>
  <si>
    <t>b'l\xb7.\x08\x96LC\xb40\x18\xcc\xc0V\x82G\xfa^\xaa\xed\x97\x1a_\x9d\xbcz\x96\xee*\xad\xbf\xae\xe2'</t>
  </si>
  <si>
    <t>b"F\xf7\x8f\xf0\xe3\xf1\xea\xad\r\xce\x91\x938\xa4\x93a?W\x96\xbd\xfa\x03'\xb3R\xeb\xf9\xd9\xf5\x97\xc2\xba"</t>
  </si>
  <si>
    <t>b'tmp \xb9\x0bQ\xd2\x96\xb5:\xfbO\x17K\x04cZ"Y\xb8Y\xc8\xecgFB\xa0Y\xae\xd7W'</t>
  </si>
  <si>
    <t>b's\xf4\x7f\xca\x9a2x\xdc\x07c\x96,\x8cu\xc3\x07\x08r\xda\\\x0b\xc8\x86\x81\xffO\xec\x83\xe3\xbb\xb8T'</t>
  </si>
  <si>
    <t>b'k&lt;\x9aq\xde\xba\xb8L[\xb6q\xc0v4X\xa6\x9f\x15\x85\x0fpl\x1c*\xef\x82\xa2Xn\x07\xd4\xf0'</t>
  </si>
  <si>
    <t>Goodby sears credit</t>
  </si>
  <si>
    <t>b"b\xb8\xaf\x93'\xa0\xb1\xf8\xbe\xec\xc6\x01\xad\x80\xb5U\xee&gt;\x84\xc0\xe2\xd3\xac\t\xb5l&lt;\x01\x8e\x10&lt;\xd4"</t>
  </si>
  <si>
    <t>b"6\x10\xf2\xa0pO]\xfa\xdej\xef-\x10\xc0\x93|{'\xf8\x8a\xd9\x1a\x9fE\xc5\x9b\xffLy\x1a\x14\xa2"</t>
  </si>
  <si>
    <t>b"'\xfa\x8b\x16F\x19\x04\x08\t\x99ec\x1e'\xc7\xc1\x92s\xa7\x9d\x9b\xf0\x10\xe4\x04\x11\xc5\xec0i\x80]"</t>
  </si>
  <si>
    <t>b'\xbeT\xbar\x9e\x8c\xb7oKz\xd3:\x0fpi\xf2\\\x1f\xcb\xe8\xec\x0b.\xf32\xdf\xe2\x84\xeb\\vt'</t>
  </si>
  <si>
    <t>b'\x1bd\x8d\xf5\xcb\x9a\xf1d\xae\x90\xa3\xe7\xdfU\xf8\xee6\xf1\xd6\x19\xeb\x11\x9dd\xcf\x85b?\xea\xb3[d'</t>
  </si>
  <si>
    <t>Moving foward</t>
  </si>
  <si>
    <t>b'\xcb\x13\xf3\xbc\x085vg\x7f\xd4a\x8f\xa9\x9b\tl\x93\xe1\xaf\x16N\x9f=\xf5\xb3M9\x99\x84\x1d\x95\xa4'</t>
  </si>
  <si>
    <t>b'\\\xc9]\x1eL\x83\xcfo\x13\x9a\x8a\xf66\xa1:\xebes\xb0\x8b\x9b\x85\x1c \x0c\xd5\x1b\xab\xc6e(\x14'</t>
  </si>
  <si>
    <t>b'\x9a\xb9*T\xfa\x04\xe0\x1d1\x1f]\xb09\xff\xa0\x8e\xbc\x95U\xc01\xca\x91\xeb\xc5s\x02\x9bE\xc3\xd6\xd7'</t>
  </si>
  <si>
    <t xml:space="preserve">Payoff </t>
  </si>
  <si>
    <t>b':\xb9\xf7\xc1\x1a\x97\x00[jz\xaa\xec\x96\x98uC\x16\x04o\xe9\x9a\x99\xc6\x91\x86\x00#p\xd8\xd1_"'</t>
  </si>
  <si>
    <t>Knock Out</t>
  </si>
  <si>
    <t>b'\x98\xde\x95\x88^\xb8\xdbL\xb5\x8c\x08\xad9ii\x1f\xc2\x02\xa6\xffN\xbf\xd0e\xcc\x1d\xaf\xb93e4&lt;'</t>
  </si>
  <si>
    <t>b'\x03\x17\x89\xd7\x82\x10\xf06\xba\xd7q[\x9d\xc8"2(qT\xb4\xa0\xd8[\xa7\xfa\xf6s\x05\xde\x07\xa0\xfb'</t>
  </si>
  <si>
    <t>b'yH\x919q\x8e\xdf-\x86\xbc\xab\xcd\x1d\xf5:~\xcc\x8bO\xcd\x85\xef^\x98\xdc\xdfi\x11\xb3\xbf\xe9e'</t>
  </si>
  <si>
    <t>Debt Consolidation-Never a late payment</t>
  </si>
  <si>
    <t>b'B\x98\x96XR\xc7\x81)\xfe\x98\xee\xe8\xe8\xbb\x01l\x84\xba\xca\x84\xfe\xe7\xe0W\xbd\xdc\xfdQ\xe5\x867\xb8'</t>
  </si>
  <si>
    <t>Private</t>
  </si>
  <si>
    <t>b'a6\x06\xbaA\xad\x8e\xaa6O\x1d\x15\xed\xe5\xc0l\xb5\x01\x17\xff\n\x15\xfe\xa5#\x05\xe5\x82\xbf\xb5\x102'</t>
  </si>
  <si>
    <t>b"\x19\x1c'_\xcbb\x08@]\x90\xc1\x1c\xc0\x8d\xf2\x04S\xab\xd7\xcaI\x96\xc23\xce5\x9b\xb1\xc1|\x85\xb3"</t>
  </si>
  <si>
    <t>b'Z\x97\xe3)N\x92Rv\xe0\xca\xf1\xbd\x03f\x13\x93\xb6q\xea\x92\xdd\xae\xbe\x9c\xd4\xff\xc0Ev?D\x84'</t>
  </si>
  <si>
    <t>b'\x08\xb4\x95$\x05\x93|\x8b\x18\x98\xfb\x00BB\xe5\xc9\xe7\xde}\xbb\xc0\x1c7\xe4Uu\xefV \xc1`0'</t>
  </si>
  <si>
    <t>b'\x88;}o5G\xf7\n0\xd1\xcb\xd5\xbd\xcc\x8fS\x11V\xe6N2m\t\x9eP\\k\xdc;\xac(\x1f'</t>
  </si>
  <si>
    <t>b'\x86\xef\rc\xe2\xa8\xd8\xa6\xd9\xb5\xf1\xe6&amp;-\xd0\x10!\xd2\xc2\xf2\x1a\xc4\xe8\xfdo\xa6\xbe%\t`t\xfd'</t>
  </si>
  <si>
    <t>b"\xf7\x93\xa7\xf0g&amp;q;\x89\xc5D!8\xa7y'\xb8SA\x95\x85I\xd8\xc6\x99p^K\x19\xc6\xadk"</t>
  </si>
  <si>
    <t>b'\xc64\x9f\xc2\x85\x9f]+\xdcF\xc3w \xcaN-l(\x9e\xa1\xd9~l\x8b\xbeF\xf8I\xf6\xdd]\xb0'</t>
  </si>
  <si>
    <t>Credit Freedom Load</t>
  </si>
  <si>
    <t>b'\x9b@&gt;\xc5\xdd\xc3\x8b\xf2\xb32Q?;\x19KQ\x03\xc3A\x11\xab_*\x10\x8b\xaf\xbc~\x8c\x83.\xa2'</t>
  </si>
  <si>
    <t>b'=\x84\x86\xc1\x8d\xb5\xf9\x084t\xcfMf\xeby~\xb1\x01\xd1y\x9c\xd5oK)\x95^q\xa1\xb0\xbd\x19'</t>
  </si>
  <si>
    <t>b'a\xa2\xf8\x8f\x8b}&amp;\xa6\x8f\x17\xbeV\x1d\xc3qV\xef\xcd\x03Ez*\xedu\xfb\x98G\n\xfb\x99i\x14'</t>
  </si>
  <si>
    <t>ccpayoffs</t>
  </si>
  <si>
    <t>b'\xdc\xce\xea\x01\x8a\x03\xa7\x82\xb3%\xa6*jM $$\xf5z\xf1pr\x82\xd1\x99/\xe7\x1a\x08PX\x19'</t>
  </si>
  <si>
    <t>b'\x8f\x08\x17\x13B\x04q#;:\xb1K\xb0RR\x86\xafp&lt;_\xfd\x04\xfdZ\xa5\xa9\xadS\xd7 \xfbS'</t>
  </si>
  <si>
    <t>full payment</t>
  </si>
  <si>
    <t>b'\xcb\x1d\x82\xefPh\xdb\xed\x0c\x94\x8c\xa1\n5\xc8\xad\x19\xdaS\x83\x1d\xab\xc0\xd0k0\xebb)\xcdDQ'</t>
  </si>
  <si>
    <t>b'\xe88\xea\x03(\x98d`\xbf\xfc\x14\xf1)k#\xe8\x81\x1b\x1b\xdf\x18\xf4@4S\xf6b\xad.\xa4\xc1W'</t>
  </si>
  <si>
    <t>b'\xb8\xa3\xc3\xea\xe8\x06\x06\xc3\xa1:\x1d\xa7V\nV\xa2\x00\xa0\x88FSR}Ph\x02\x14\xaf\xd6\x03E\xd4'</t>
  </si>
  <si>
    <t>b'\xaf\xac\xa2\x89Rp\x81\xc1\x83\x89 \xde4\xf5=4VR$\xda\xf6\xb6\x03\xf2\x19\xf94\x1e\xbc\xfd\xc2+'</t>
  </si>
  <si>
    <t>b'M\t\xd3\x1eh\x13\x19\xec\xf8V\xc9a\xceE\xa5\xd7\xe3\x19c\x9fQ\x16\x1d\xa0f`F\x01\x10\x82\xc8\xe4'</t>
  </si>
  <si>
    <t>Catch Up Now</t>
  </si>
  <si>
    <t>b'\x1e\xb8\xde\x9b\xee\x0eL\x8e*\xcb\x02\xe4d\xbeA}4\x00\xe4\x1bC\xfb\xbd*\xdcN\xcd\x15-5\xe5\x08'</t>
  </si>
  <si>
    <t>billmoney</t>
  </si>
  <si>
    <t>b"\xec\xf7V\xd0\xe99\xc3\xfcO\x19\xaa\xa2\xe8\n\xdc&lt;5c^[uD\x1e\xa4'\xfb\xdbR\xbco\xaf\x18"</t>
  </si>
  <si>
    <t>b"}Z\x07\x18D\xca\xab\x18\xd4\xa6\xa2Y\xf7'l\xf7y\xbdh$\xa50\xe8\xa0\xf9f\xf6\x0e\xc9\xc7Kg"</t>
  </si>
  <si>
    <t>b"\xba\x8eT\xe1x\\;\xf8\x04ME'\xd5U\xfe~\n\xa1}\xab\xe0E\xf3Aq&gt;h\x19%OZ\x82"</t>
  </si>
  <si>
    <t>PAY OFF CREDIT</t>
  </si>
  <si>
    <t>b'&gt;\xa2\xd2\xc2\xf6\x93\xf3\x7f\xbf]\x84\x0b\xc8\xfay\xe7\xcc\xaf_ 8\xfe\xae0&gt;\xba\xe55\x1d\xecO\x8d'</t>
  </si>
  <si>
    <t>PAYING OFF DEBTS</t>
  </si>
  <si>
    <t>b")\xeaZh\xbb]\x07\xcf\x1c'\x0be\x8e$\x80u\xa3\xed\xf8\x94l\x8f\xde\xb0|\xb5FJ\xf3\xe1g\x1b"</t>
  </si>
  <si>
    <t>b'\xec\xb8\x8a\xe1fl\xb5\x0f\xba"\x1d\xf8*\xf0\x110\x08\xc2M\x95\xb8a\xa9D\x9e\xac\xb4\t\xcdD\xd8\x98'</t>
  </si>
  <si>
    <t>b"Rr\xef\x93bMk|^qp\x08\xa1\x86S\x86\xf0z\xad\xd0\xdfV\xce\x02\xbc\x05\n\xbf\xaa5\xad'"</t>
  </si>
  <si>
    <t>Final Credit Card Payoff</t>
  </si>
  <si>
    <t>250xx</t>
  </si>
  <si>
    <t>b'\xd9\xf4\xd1\t\xf61y7\x98ZX\n\x19d/\xcd\x10\xd7\xab\xb6\xb6\xd5j\xc9\xff\x82k\xe7\xeb\xb7T#'</t>
  </si>
  <si>
    <t>b'\xa3WOO5\xa7~\x1f\x01Bs\xaa\x8fo.BaU\xba\xc5\xadr\xfa\xf2t\x90\x91ZOX\xac\xc4'</t>
  </si>
  <si>
    <t>b'\xb9\xf1\x7f\xe3\xe6";\x8f\xbd\xb4\xa3\xe9\xb7\xd8\xde8\x1c\x00\xaa`\xb6T\xed/\xa6O-\x0c\x15\x86\x86?'</t>
  </si>
  <si>
    <t>b'\xee{\x96\xc1\xe3\x82\x980\xef\xe9\x9c\xc8\xe4G\x84A=\x1cx\x9bs\x8b\xa2 `\x05\x95\x9c\xe8_\xab\xfb'</t>
  </si>
  <si>
    <t>b'\xc6\x84&lt;t$ \xfb\x15A9\xbf\xd6\xf4\xc5l\x85\xfc\xc4\x9c\x0e \xf3o\x91 \xbeb\xcc\xda\x168\xcf'</t>
  </si>
  <si>
    <t>b'\xc2q2\x99\x9c\x07|\x83;\xfe\xd3x1,\xb8\x88\xf59\xa0\xef^\x81\x9dH\xab\xc11m \xc7\x7f&lt;'</t>
  </si>
  <si>
    <t>b"\x85h\xccj\xcd\t_\x00\xb6\x02\xb9D\x7f\x0b\x00g\x06\xb4\x7f\x07\x865'\x05\x9eM\x86&lt;\xe5\xcc\xd1:"</t>
  </si>
  <si>
    <t>b'3\xeel=\xe7\xfe~_g\x80\xf7t\x8d0\x97\xb1\xd2\x80D\x8b?\x06,UL\xa8\xa8\x10$R\xcd"'</t>
  </si>
  <si>
    <t>b'7\xdfB\xe8\xb5\xd4%\x01\xa3\x7f\xfd\x13M\x83\xe8M_\xacw\x7fe-\x99;z\xce\xb3\x89I\x7f\x04l'</t>
  </si>
  <si>
    <t>b'\xaal\x17w\x17w.\xcc\xdc\x83\x11O\xc2\xe5\xb3\xd9\x86\xa3gV\xb3\xa2\xc9:NH\xdf9X\x8ba-'</t>
  </si>
  <si>
    <t>b'\xe8\xaa\x13\r\xc3\x92\x9d\xd3\xd1\xf64!\x19W\xb0\x8c\xee\x81\x89\x81N[HQMB\xff\x8bx\xc6\x1c4'</t>
  </si>
  <si>
    <t>b'\x80\xeb\xe9z\xcf\xf6Q\xd5\xa9\x1c\xd9\x85\xa2\xdb\x0e\xc8\xa7A\xc8!}Q\xa4\xf6\xf0\x1b\xae\x88{\x9b\xafA'</t>
  </si>
  <si>
    <t>b'\x0f \xee\xbcy\xc8\xf5i\x82z\x05\xd0\xc4\x94\xf1\xaa\xda\xcf\x88\xdb\xe2\xc8\xc8Sr\xfb\x95\x99z\xe8\xbb\x0e'</t>
  </si>
  <si>
    <t>b'\x83c\x14\xf8\xc4;\xf8\x97\xf0\x1b\xc4h;Q\x90$\xd7$\x8e\x83\x1d\xb37\x98\x97\xf4\xcf\x8d%\xe3\x89}'</t>
  </si>
  <si>
    <t>b'E?\x1d?V/\xc8w\xcd7Q)\xf0\x87\x18\x89]e\xf7g!\x1enm]\xb2\xde\xc9smo\xca'</t>
  </si>
  <si>
    <t>Clearing Debt</t>
  </si>
  <si>
    <t>b'&lt;{e\xeb\xfd\x84$I\xdd\x14$\xa4Fg\x15\x9b\xf7\xcbZ\xfb.7\xca\x81\xa60K\xf7\xb2\xdc`\x9c'</t>
  </si>
  <si>
    <t>Clear multiple Loans</t>
  </si>
  <si>
    <t>b'\x03-q\x1a\xe1\xcb\xe2\xb0\xf6\x85`\x0bl!\x0e\x83G^M\xcf\xa6/\xf7\xa8\xa8\xe2\xa9\xa0-\x03#\x99'</t>
  </si>
  <si>
    <t>b'\xb2w\xce\xd7\xc5H\x9fs\xea4W\x94\x15\xa0\xcboE\xdft\xdf\x1ag]n\xdcB\xed\x89P\xca{M'</t>
  </si>
  <si>
    <t>b'\xd8\xbd\x9b_\xc0\x83\x87\xe3\xb6zNC\x06\x9d\xa3.\x05TR 6\xf5\xb3q\x84:\x16\xd2\x1d\x7f\xf8\xd5'</t>
  </si>
  <si>
    <t>b'h\x9f\xd74\xc3\xc6\x04\x82\xca\xe6+&lt;\x90\xbdl\xf5\x90\xb6q(\x10/\x07\x9ey`7\x1a\xabO\x80u'</t>
  </si>
  <si>
    <t>b'\xac\x9f\xb6a\xb2\x0e\xb6P\x012q\x80\xbf\x9f\xb0\x1b\x02\xee\x8a\xd4\xd1\x8f\xd2\x01p\x98\xdf\xe4M\x8a\x8f\x98'</t>
  </si>
  <si>
    <t>Last little push for our wedding</t>
  </si>
  <si>
    <t>b'R?N\x19\xdczN\x0b\xe9\xdc\xc4\xf1\xdcx\x89\x85\x06\xc1\xeb!\x9d\x8a\xc0\xd0\n)3.\xe84aX'</t>
  </si>
  <si>
    <t>The Great Credit Card Paydown</t>
  </si>
  <si>
    <t>b'\xb4\xa8\xe60Y2\x0c\xec\x1d\xca9\xd65\xeb\xb6o!\xb8\x02?\t \x03\xc4\xafU\xcf\xc1\xe4\xb8\xc7R'</t>
  </si>
  <si>
    <t>b'\xaf\xe1\xde\xae\xd8d\xc7\xf6\xc6\x1f"\x1c\xbc\x80&gt;\x9d\xbc\xce\x853l\xd3\xb5\x94\'Qn\xd9dA\'\x10'</t>
  </si>
  <si>
    <t>Better Living Plan</t>
  </si>
  <si>
    <t>b'a4/&gt;B\xae\xcaE\x986\x98xi\xb9\t\xbf\xec\xbei\xde\x8eI\xcdj\xe3s*\xf4\xfe\x7f\xad['</t>
  </si>
  <si>
    <t>b'\x06-i\x8c\xfaw\x9f\xbb\x8f\x89\xcey\xabj\xd1\x83H\xea\xf7\x8c\x14\xfa\x93|\ntF\x0bra\xc9V'</t>
  </si>
  <si>
    <t>b'\xd3\x1c \xb3\xb6\xf9\xcb\x9eF\xb1\xbb\x14\xb5\xa4\x89\xbb&lt;\x84O\xfd\xe6\n\xd6.=n\x0f&amp;8\x85\xf5@'</t>
  </si>
  <si>
    <t>High Interest CC Payoff</t>
  </si>
  <si>
    <t>b'h\x00z#I\x90\xf0\xf5H\xfbW\xef\x9d\x89`_\x19L\x93f\xe2L\xc19^0\x1c\x8dr\xe1\x80\x13'</t>
  </si>
  <si>
    <t>Prague</t>
  </si>
  <si>
    <t>b'\x8bg\xefsg@\xdfo\x997+4\x9f\xad\x1f\xe1;\xc5\x11\xc07\x10\x12\xd6\xabZ\xd7\x9d\xba\xe4\x1b.'</t>
  </si>
  <si>
    <t>for the house</t>
  </si>
  <si>
    <t>b'\xad9\xfc(V\x1dC[\xbbo\xba\xe8\xc8\xc18\x1e\xd5$,;\x8d\xc2\x81\xdf\xa7\xab\xb8w\xc3\xdd1\x9a'</t>
  </si>
  <si>
    <t>b'\x185\xaf\x0f\xbc\x1b\x9f\x93~\r]\xe3G\xaf\x83auGW\x04m\xe1da\x19\x08\xc0\x10[\xe9\x8a-'</t>
  </si>
  <si>
    <t>b'!\x9b,\xd1\xcb\xa5\xf1Jp\x1c\xeeO\xf3\x950\xb4r\x94\x08]W\x99\xa1\xec\xe0\xf3Y3\x17\x9a\x8fc'</t>
  </si>
  <si>
    <t>b'8=\xa6\xd7\x8c\xf1\xe9\x9b\x80m~\xf2\xbe\x017\xf3\xd0\xc1\x96\x9d\x02\xa9\xa7E\xd9r\xd2E\x9b\x8f}\xa2'</t>
  </si>
  <si>
    <t>b'\xe2\x850\n\xd3\x92X\\0\xf70\x06s\xcc`g`\x1b\x1d\x87\xf7\xb1\xf5\xf4\xfe\xb9\x1c\xb3e5\xb9\xc0'</t>
  </si>
  <si>
    <t>b'X\xbb9\x0e}L\x1e\xd5\xd3o\xe6\x84s\xed\r\x07\xcb\x11\xc1\t\x91_R\x80\x92\xba\xc9#5-K\xb5'</t>
  </si>
  <si>
    <t>b'S\xb7f he\xf5\x00\x0e\x80\x95\xac\xbf\xef\xefG\x0c\x0f\xe3\xc8\xe9\x07pdVlA+[\x19\xe7\x0c'</t>
  </si>
  <si>
    <t>b'K$i\x86\xb9\x11)C\xda\xfa\x1a\xd0e\xa91\xfc\xdeU\x7f\x9d\x8c\xf0;\xb7N\xa2E\xe1&lt;\xe44\x82'</t>
  </si>
  <si>
    <t>b'\r4D3\x9bL\n,\xfa\x00\x15\xd0\xea\xa3\xe6J z\x0c\x1bB\xbd\xbf\x02\x0b\x97\x00\r\xec\xe4Cr'</t>
  </si>
  <si>
    <t>b'\xe0 \xc1\xbbc\xee\xd3\xc1\x84(\x8f5\xfb\xfb-\x81\xb5\xc8\x160\xda\x0b\x01\xa2\xf0\x08\x10\xb0\xb5\xab9\xbc'</t>
  </si>
  <si>
    <t>b'\x12\xa8Uex\xba\xe8\xf3\xebz(\xa4\xbe\x9d\x8a\xefX\x83\xb9sK\x08\x92^z\xbf:\xe42b0\xb5'</t>
  </si>
  <si>
    <t>Primary</t>
  </si>
  <si>
    <t>b"'\xac\x9f\xcc q|\xaf\\\x12\xf8\x08\x99\xe4\x13\xe8\xeb\x10d\xde;\x94\xa7\xa3\x83\x8d\x00\x96E\xc4\x93r"</t>
  </si>
  <si>
    <t>b'\xc8\x06a#\x97\xe8q\xd4\xa8)\xb7"\x03VM\xbe\x9ft\xdd8\x0b\xbb\xda\xe1\x1d}\x8c\x97\xc1rh\x17'</t>
  </si>
  <si>
    <t>Debt Repayment Plan</t>
  </si>
  <si>
    <t>b'\x8a}\x9c\xa2o\xc4\xb5 z\xfc\xbd&amp;\x82\xc0\xd9\x81a\xca\xd2\x9bK&gt;\xf8\xa6\x14R\xaf$v\x84\x91\xa2'</t>
  </si>
  <si>
    <t>b'\x95\x17\x8e\xdbc\x82\xe3\xb08\xb0\xcd\xfa\x8a\x10\xf3\xef_\xa4\xac\x8fV\xff}P\xd5\x17\xb3\x02\x05_\xd3\xce'</t>
  </si>
  <si>
    <t>b'\x93\x8d\xbb:\xb5\x16\xe5\xe9G\xc1\xd1\x86a\x801\\\x96bi9\xb4t\xa8\x0e\xfa\xf9\xc9\xa2N\xf6\xe43'</t>
  </si>
  <si>
    <t>b'|\x1c\x89\xc2\xa6zQ\x1a \xbf\xfa\xc5V\x93\xc6\x13\xe1\xa3@\xaf\xee\x1e+\xaa\x1e\xb8\x0e\xabZ\xce\x81L'</t>
  </si>
  <si>
    <t>b'\x93\x1e\x9b@T\x81\x89E\x9e\xab\xaa\xe5\x9c\x07\x8c\x01^\x97\xc3!\xa3"\xebT\xcf&gt;\x98DZL\x0b5'</t>
  </si>
  <si>
    <t>b'\x1c5j\x8e\xf1\xef\xf7\n!5\xfd\xa41\xb0\x08t\xcdh\x11\xe6,G\x92\xedf\xa6\x16\x9f\xfd"\x97\xad'</t>
  </si>
  <si>
    <t>b'\xdd\xb7T\xd2\xa7\xa4\xb5\x035\xbb\xcd\xe9\xb3\xf4\xb5 w\xed,\xc4!s\xc2T\xa4\x85"\xb6\xab\xf8\x1b\x83'</t>
  </si>
  <si>
    <t>Loan for Business</t>
  </si>
  <si>
    <t>b'\x9b0\xacV4\x10\x86f3\xed\xb8\xa2{\tb\xfbH\xf6-YUrp\xce\xb6X\xa3T~&lt;\x8a,'</t>
  </si>
  <si>
    <t>b'\xc8$\x91X\x97\xd9\n~\x96\xe5\xf1\x902-\xdf\xc9\xc6^yO\xb5\xc7\x85\x9b\x1f!=%\xa7\x1a\x8b\t'</t>
  </si>
  <si>
    <t>credit cards paid</t>
  </si>
  <si>
    <t>b'}`\x92\x9a\x0bQ\xaa\xe5+\x93\xed\x8cq\x99\xfc\x17\xec\xda\xbb\xc6\x93\xb7\xeb\x8e\xb8\xf8I\x93\xeb\xaf]\xb8'</t>
  </si>
  <si>
    <t xml:space="preserve">Consolidator </t>
  </si>
  <si>
    <t>b'\xaaZ\xe8rz\xd5_\xe6\x83\xab\xe8M\xac&lt;\x17\xa3\xd7\xcbQ\x81\x10-\xec\x96=L\xe0#\xa6T\x04m'</t>
  </si>
  <si>
    <t>b'\x8d\xde]\xa3\xa2\xb0)\x9a\x9e-hwYg\x95R\x80\xc86\x1a\xda\xeb\xe4[\xed\x9e\xa5\x03\xe6\xdf\xd5k'</t>
  </si>
  <si>
    <t>b'.\xb2\x03\xf6\x87/\x89\x06\xc6\x8eY3\xe0\xe6\xcb\x9a\xd0+G\x81O\x9f\xd1\x14\x1fC\x90\x03\xdek#\xc0'</t>
  </si>
  <si>
    <t>b'J\xc5\x9dXR\x9a\xf7\x10\x9aN\x8b\xfe9\xc0\x0f\xa7x\xb4A^0\x08\x8f\xde\xbf% \x93\x86\x98\x08\xf1'</t>
  </si>
  <si>
    <t>b'\x1a\xad\xf5\xc8H8;\xce^[(\x1b\x1d\xbb\x9ai\x8e\x83O_\x9f\xdc\xd5\x06FJ9V\xddg\x8bt'</t>
  </si>
  <si>
    <t>b'\x9a\xc0W\x9b\x94\x15\xc0!\xab\x9f\xd5 p\xaf\xdf\x9b\xd6\xfet\xc8G\x94&gt;\x9fx\x90\x18P\x13h2\xe1'</t>
  </si>
  <si>
    <t>b"\xf2\x04\xf8\xdax\x9aJ\xf9\xfd\x13b'=to\xd2-\xba\xa8\x1b\xb4\xbfW\xa5\xabU'\x05\xbc\xe0\x02\xca"</t>
  </si>
  <si>
    <t>b'\n\\\xa1\x17\xdfHP\xf1\xdb\xa1Yd\xe7\xdc\xa1%\x9eL V\x84wp\xbd\xac\xba\xc7\xa4\x9e\xe3\xd2v'</t>
  </si>
  <si>
    <t>payingbills</t>
  </si>
  <si>
    <t>b'V\xcdzjl\xf3\x15\xff{s\xf6\xbc\xb9\x15\x87\xeck\x10gz\x08\xa6\x9d!L{\xd7\xdaYl\x08\xd5'</t>
  </si>
  <si>
    <t>b'\xa4_\xcb\x85\xc6\xb3U\x8e\xedT\xe45vu/&lt;Q*\xdat\x13\xed\xbcbSn;.\x1f|\x19)'</t>
  </si>
  <si>
    <t>b'(\x04=t\x97\xfa\xaa\xc4E\x92a&gt;\xa4\xba/\xb4\x87\xd7\xdf\xae\x16\xd5\xa5Y#mJ\x1edl+B'</t>
  </si>
  <si>
    <t>b'\xf3\xe2\x01\xc9\xc5])\x8a\x0e\xeb\x86K\x95\x9f\x01\xbe\xd7~B\x96\xf7)\xb0\x0b\x8e\x18\x9e\x87\x92\x97K\xee'</t>
  </si>
  <si>
    <t>b"\xc5\xa8\x1an67\xca?H\xf9\x95l\xaatwvf\x14b'6\xe8v\xe9\xeb\xcb\xa4\n\xca\x98V&lt;"</t>
  </si>
  <si>
    <t>b'P\xff?\x10&lt;\xbb\xb5\xe58\x8c\xfc\x8e\xb6\xcfz_J\x1e_\xfc\x97\x84\xa8\xc8\xe4\xbe\x06X;\x0b\xbc\xac'</t>
  </si>
  <si>
    <t>b'\x9c\xdb(@\xd1\xd5\r\xc2&amp;;\xa4\xe7F\x1f\x0f?\xc1\x00\xa1\x15\xb0#\xcc\xcd\r\x83\xe5]\x0c\xb6\xdf$'</t>
  </si>
  <si>
    <t>b'\xe0\x96\xa5\x82\xa1J_\xbc\x8e\x98\xfd\xfb\xa0\xae\xb6P\xf9h&gt;\x8b.\xd8\x03\t\xf0\xd5b%\x06\x03\xb3\n'</t>
  </si>
  <si>
    <t>b'\x04X6\xce\xbe\x8e\x13F2\xd8)]\xbe\xd0*a\xdc\xefq\xeb2\x8d\xb0\x14\xd9+V\xf0\xac\nY\x90'</t>
  </si>
  <si>
    <t>b'tmQD&gt;`\xe4[\xcc\x82wXf\xb5\xabr\xeb\x86&amp;\xae\xb69\xce$\xf2i+\xdf\xdd:\xd6\xf6'</t>
  </si>
  <si>
    <t>Property Flip Loan</t>
  </si>
  <si>
    <t>b'\xb1\xe4,\xc8\xc8\xc2\x83\xa5\x95(\xa3\xab\x0b\xf2E\x8c\xe3\xcd\x81\x9d\xbcM7LKW\xe1$I\xd1\xd4\xff'</t>
  </si>
  <si>
    <t>b"+'[\xe6\xfe\x16\x1d\xc8x\x8at\x9cd\xf6\xde\xf6\xa1\xc2\xc9\x8b\x93\xe3 .p\xde!&amp;\xe2\x05\x98\x9b"</t>
  </si>
  <si>
    <t>LIFE CHANGE</t>
  </si>
  <si>
    <t>b'&amp;\xc2Q Y\x95O\x1f-B\r4t\xfd\xddm\x033\xbb\x03uR&lt;\xb0\xfa{\x89\x97^\x97)X'</t>
  </si>
  <si>
    <t>b'\xd2\xc3\xd5\x92\xfdM\xcb\xdacP\xb8loM\\\xe74$\xb96*\xb8]vKr\xe1blq%\xee'</t>
  </si>
  <si>
    <t>b'\xb9\xfd\xb2\x04\xc7t\xdf\x04\xf8\x99&gt;\xb2\xc6\xd5\r4\xaf\x0b \x02b.tP\x18o\xc1j\x9d\x1d\xba\xc1'</t>
  </si>
  <si>
    <t>b'\x0e\x18\x1d\xe8T&lt;\xd7l\x13\x0b\xbf\xba\xb0\xde\xec\x0f\x85\x1eg&lt;Op\xd2\xb33\xd6\x18\xae\x7fRG#'</t>
  </si>
  <si>
    <t>b'\x02MUV\x03w_\x8aV\x99g\xb7p\xda\x84\xff\xbe!\xd9\xd9\xd5\xce\xd0X,\xc1|\xae\xbc\x91\xc4\x11'</t>
  </si>
  <si>
    <t>b'a\xa9:`Q\x00\xd9M4\xfa-S\xd8\xa8J\xb4\x00\xdd\xc0\xce\x89Q\xa4\xc1\xde[\xa9\x9d\x92K\xb3&lt;'</t>
  </si>
  <si>
    <t>b'\x8f\xf19\xb9\xfa@\xc6\xe7!\t,\x1d\x9f\xec\x8b\xf1\xfd`\xc7\x800\xa1\xd4\x9bS.\x13X\xca\r\x97\xf3'</t>
  </si>
  <si>
    <t>Pool construction</t>
  </si>
  <si>
    <t>b'7\x97\x8a\x07\x01\x13\x81\x86\x95\xdb$? K\x84tv\xe8\xdb`&gt;\xa3t#\xc50\xfd\xf7V+\xa9i'</t>
  </si>
  <si>
    <t>b"\x05\x00\xac\xa0\xc3\xd1\xc1\xcb%\xd0\x02\x17K`\x96jX(wm\x83\x8a'\x0f\xa7V\xd6\x92N\x9b*\x1e"</t>
  </si>
  <si>
    <t>Rock Solid</t>
  </si>
  <si>
    <t>b's\xd1 \xf4^\x80\xa73\xf8S\xf7\xbf\xdf\r\xd7&lt;\x7fT\xbcqD\xf7\x8a\xbd\x84\xa6\xf7\xd3\x8f\x8c\xd9z'</t>
  </si>
  <si>
    <t>b'$\x96@\xd8\x00\xe9s\xda[\x19\x90\xba35mJk\xaa\x92\xfc\xa3\xf6n\xeb\xe6\xf0\xf0r\xd8\xb7\xd2='</t>
  </si>
  <si>
    <t>b'?,T\xde\x03P\x88v\x88\r\x18\xbcN4\xbd{\xbf\x0c|#\xaf\x99\x1a\xd7\xf3\x9b\xb2w\x1a\rq}'</t>
  </si>
  <si>
    <t>b'T\x1aa\xe88\xca\xbe\xcf\x84\x03k\xed\xc6\xed\x02\x9aI\x90M\xe7\xcd\xc5;Vq\x7fdy\xd6\x10\xde\xf9'</t>
  </si>
  <si>
    <t>GREAT FUTURE</t>
  </si>
  <si>
    <t>b'5w\x87o\x02\x1f\\p24\x7f\x11\x03\xa4\x1b\xa6\x81\xfa\x8b\xfe^\x08\xc8l=Q4p\x0e+\x8ax'</t>
  </si>
  <si>
    <t xml:space="preserve"> Get out of Debt Loan</t>
  </si>
  <si>
    <t>b'\xae\xb4\x17?V\x9a\xe1\xdcL\x83D.\xd8\xc1L\xe3\x98,\x8e\x01\xe5\x83\xcez\xdf\x9f4\xad\xb85\xbbW'</t>
  </si>
  <si>
    <t>b"'e\x02,\xd7\xcf\x8c\xfc\x13%ESu\x97\x96I,2\xdbI\xca\x01\xb1\xce\xfe\xb4f\\\x01\r\xcc\x98"</t>
  </si>
  <si>
    <t>b'Z\xda+\x84Oj\xfa\x14M\x99_\xaa\xcb\xbd\xa8\x01\xb3\xcd\xe4\xe0\xa4\xadj\n\xcb\xcd\x90g\x8dS\xc3\x96'</t>
  </si>
  <si>
    <t>Bill Consolidatioon</t>
  </si>
  <si>
    <t>b'Wm\xda\x8a\xa2JN\xe3ye"x7\xd2\xfd\x85\xf2O\xf1S5\xb8\xc0\xd8\xd5j^\xbc\xab\xb2\xf7\xc4'</t>
  </si>
  <si>
    <t>b'S=^\xee\x15:\xf8\x98\x89\x82\xb7p\rW\x974\xb3\xb3\xbdG\xc3g\xc2J\xde\xcd\xb3\xdf\x1a}\xaf\x1a'</t>
  </si>
  <si>
    <t>b'\xa0\xd5\xb3\xeb\x8dG\x1a\xf6Su\xd5\x88\x90zz]\xf8S%\xeb\xad\xc1\xfb81\xd5nNW\xf0\xf0\xf5'</t>
  </si>
  <si>
    <t>b'V\xf3\xcd\x92\xdd\xcc8\xe4\x1e\x00b-\x8d\xb6\xad}\x86u\xdfj=\xa4o\xc1,\xef\xa6(\xb4\xe5\xe1h'</t>
  </si>
  <si>
    <t>debt coladation</t>
  </si>
  <si>
    <t>b'7\xf8\xbb\x9e&gt;\xe9J\xeb\xf3u\xc3\x08j\x1f\xd9\xe4i\x10QF\xaei\xdb\xc9&amp;\xcbeC\xe0\x8b\xd9\x7f'</t>
  </si>
  <si>
    <t>b'2\x00\x0fJ\xf7D\xc4\x98\xe8\xba\xb9\xf5\x88\xe2\x1c\x01\x9d\x02\x81\xd6\xfam\x97\x1c\xc5\xfb,]\xcd\xb6R7'</t>
  </si>
  <si>
    <t>ezpay</t>
  </si>
  <si>
    <t>b'\xd4\xca-\x98\tg|?\xeb\x07v\x11dc\x86\xe0\t\xfd#\xa2\xfa\x8d\xa4\x92\xbe\xcf\x9eJ5\x02\xa8\xb0'</t>
  </si>
  <si>
    <t>b'\x07\xde\xcd0Z\xdb\xfck\x03r\xeflV`!\xf73\x86\xfd)\xcb\xf4\xa3\xad\xa9\xcc\x12\xf6\xe7{\x19\xe4'</t>
  </si>
  <si>
    <t>b"\x8a\xbdI'\xf6=\xa4\xa9\xa4jt&amp;\xf3\x84\x10:M\xc3k\xd5\x00!Vi7[\x0c&amp;\x92/\xbc\xe0"</t>
  </si>
  <si>
    <t>consolidated debt</t>
  </si>
  <si>
    <t>b'`i\x87\x95\xf4\xfe\xfc&lt;[\xd7\x9f\x10\x8ats\xb6Nn_\x83SW\xf0F\xc8\xe2^r\xb0#\xf6\xa4'</t>
  </si>
  <si>
    <t>b'0\xb2M\xc8\xa0\xa6\x99\xb4f\xa0\xd8r\xaay\xe7a\xe0\x97\x19\xd4\xb5\xd7]J\xa5ksy\x91\xc5+B'</t>
  </si>
  <si>
    <t>b'\x11\x8a$.SI\x7f,\x8f\xef#\xde\xa9\xef\xea\x92\xaa\x95\xfa\xbcq\xf4\x0b\xc0~\\\xce\xbdn\x16\x1fW'</t>
  </si>
  <si>
    <t>b'f\xbc\x19\x9c\xb60J\xf2M\tOG\xa4u9^\xa1~\x80\xdb\xbe\xe7?Q\xa7\xff\xc4\x9b\xaeA\xa6\x9b'</t>
  </si>
  <si>
    <t>b'\x94\xc15\xfc\x10\xf9\xd4;ZR\xacz\xd7\x84\x8a\x0c\xe89?\x90\xdctv\xd5G\x16%\xd9\x026m\x11'</t>
  </si>
  <si>
    <t>b'O\xdfor\xe1\xe3c=n\xfc\x01b\x80\xe0*,\xa3.\x19\xd3Q\x97#\x00IB\x92\xf6E\x19\xe9e'</t>
  </si>
  <si>
    <t>b"\x8eDv\x1e\xedt\xfb\x7f\xdf7\x7f\xea\xd3:hs_\xd8[\xa7;j\xa5\xb4T\xb4\xbfv|\xa7'\xea"</t>
  </si>
  <si>
    <t>b'\x08*m\xb4?\xd1c\x12\x00\x83K|\xc8&gt;2\xae\xa3\xe8\x91\xa9\xe7\xd6\xf3\x95\xe9\xae\x88\xc0D\x86h\xb0'</t>
  </si>
  <si>
    <t>b's\x7f\x1d\xd3\xbdV=\xed\x1d\x88\x80\x1f\xf0\x83\xb0\x1e\xfcX\x8b\x932\xbaU?\xf2[\xcb\xbc&gt;\xb7\xe7\x10'</t>
  </si>
  <si>
    <t>Alaska Dream</t>
  </si>
  <si>
    <t>b'\x90X\xec]+\xce\xc7-\x0c7\x01\xe7\xf8;\xb0\xb3\xe8\x08Q\x96\x88\xd7\xf9W\x96\x138\x05^\xb6\x0f:'</t>
  </si>
  <si>
    <t>b'\xa8\xa7C\xc8f\x17\xcf.\xbf\xce\xa5\xecf\x08T]y2\x1c0\xd4\x8c\xf3\x9c0\x1c\xcc\x97Ny\xd3\x1e'</t>
  </si>
  <si>
    <t>b"\x15*\x92CJ\x02\xfd'h=\xc3\xf7'\xbb\x19J\xb1\n\xb9\x14s\xdc\xb0\xbdqG\x0e\x01|D\xac\x94"</t>
  </si>
  <si>
    <t>b'H\xbd\x82\xa8\xd5.t\xeaS\x95\n\x8e\x89\xed\x168\xcb\xec\x96\xea\xc2u0\xf7\xb0j\x02\xc2\x8a\xaeI\xe2'</t>
  </si>
  <si>
    <t>b'F\xe7[\xc3\x10\x0c\xbe&gt;f\t\xc6\xd2\xc5\xb5&lt;A##\x86\x12\x10\xd4[E\x0e\xc3\xc2+\x08wp\xac'</t>
  </si>
  <si>
    <t>b'&gt;\x12\xc8\xe9\x95,v4D\x89\xce\xae\x13\xab/\xa6\xa2\x03(\x95&gt;\x84\xf9\xd3\xff\x10\x05t:Fl7'</t>
  </si>
  <si>
    <t>b'\x8c\xb1u\xa3@\xd4\xeft\x01w\xcc\x81~8H\x05S@\xd39\x17\xf0O}\xef\x1b\xad\xa5\xe9\xd7Au'</t>
  </si>
  <si>
    <t>b'&lt;2X,k\xe5\xd4\xd5\x85\x0c(\x85\x07\xef2\x93\xb8w/]\xeb\x87\x0e\xa5\x0f\x1c\x9b8{\xc5\xebO'</t>
  </si>
  <si>
    <t>b'&lt;"\x91\xc8{\x97_)0\r+z\x9d\x81\x05\xc2\x02\x8c\x81\xae\xab)/l\xec@\xd8Q\xd3:sj'</t>
  </si>
  <si>
    <t>b'\x07\xf7\xed^\x99\xa2O*@z\xc4M\xcfSi0\\C\x9c\x07\xddUX\xe7\xe1\xdf\x07\xfc\xbf\xd66\x1a'</t>
  </si>
  <si>
    <t>b"\x8f\xbc\xbc\x9a\xc1L+\x87\xb3~\xa4f\x86-a\xc5X\x87a\xd0\x96'g\x83\x13]\xa0\xa1\x94\xa8q\xe9"</t>
  </si>
  <si>
    <t>Lower my rate</t>
  </si>
  <si>
    <t>b'?s7iK\xe0!\xc1gf=\xfdG\x90\x8f\xb6$Q\xac0Pr"P\xb6I\x91K!\xddXn'</t>
  </si>
  <si>
    <t>b'\x1dD\x89\xd9\xc1\xfatF/8\xb0\xfe+=\x95\xd3y\x12\xe2beJSI\xe6\xc5Y\x99\x0b\x84Z\x99'</t>
  </si>
  <si>
    <t>b'\x96\xffr\xbdl\x1fD\xe4\xff\x8b{\xfa7\xbb~0\x81\x1b\xbd6\x85)b=!x\x87\xd3\xa4\x9e;]'</t>
  </si>
  <si>
    <t>vandle expense</t>
  </si>
  <si>
    <t>b'88f\xebil\x10\xf5"\xff\x9e\xb7\xd0\xc3\x95\xe9\x07\x1d+oC)|5\xa1xu\x97C\xf7\xb3\xb2'</t>
  </si>
  <si>
    <t>REPAYMENT</t>
  </si>
  <si>
    <t>b'94\xadA\xf5\x82\x05"\xd9u\x1c\xb0\xe9l2^\x1eqe\xb2\x01\x15\x06\xb9\xe9\xf1=\x07\x05\x0f%\xb4'</t>
  </si>
  <si>
    <t>b'\xcb\xad\xe2\xe7h@\x12rL \x93\x95\xbe\xa9]\xb4|\x8b%\xfdF\x11\xa3s\xee\x1f\x06\xb4w\xadm\xe8'</t>
  </si>
  <si>
    <t>b"\xec6#\xdd4&gt;Y\xe4\x1f\xa7'F6{\x93O`^\x1b\xf4,\xeb\x94\xa1\xf7V4\xb8\x94\xed\rJ"</t>
  </si>
  <si>
    <t>b"' \xdd\xb4\x80\xbe\xd1`s\x93\x0b\xce\x0by\x96\x0f\xfe\t\x84\x94\x12\xca\xf0\x91\xecc\xfa\xdf\x1dF\x97\x99"</t>
  </si>
  <si>
    <t>b'\x1a\xad|\xb0\x07tp\xd5h\xecm\x87i\xfc\x89\x89d\x16!\xd3\xad`\x99&lt;{_&gt;\x04f&amp;\xf9f'</t>
  </si>
  <si>
    <t xml:space="preserve">Consolidating Loan </t>
  </si>
  <si>
    <t>b'9\xd5\xf0\xd0N\xf1\xa7\xdc#\xff\x194V\x7f\x9e\xe2\\EV\xf7_Z*\xa0\xb6nV5]\xcd^\xff'</t>
  </si>
  <si>
    <t>b'\xfb\x9d\x81\x96~\xe9V\xa3\xe9\xe8\x05d\xcd\xee\x1eZ\x06\x96%^\xa4d\xa0\xb7\xc9\xd99\xd0H}\xcf\x87'</t>
  </si>
  <si>
    <t>Lower My Rate Loan</t>
  </si>
  <si>
    <t>b'Fv\xdb:\xe3\xb6\x81u\xe9\x03\x9a(L\xcdN\xe4\xcb\x82\xfe\xcf\x10\x0b\xa0\x8a#\x0f\x07\xe90d6\xfe'</t>
  </si>
  <si>
    <t>b'\xcc{\x8c\xca\xd8b\x90\x7f\xfdA\x00\x96\xb5\x86\x94H\x0c;:\x887\xc7\xf3\x92\xde\tO\x19\xb1\x02\x07\xef'</t>
  </si>
  <si>
    <t>Taxes and Credit Card Consolidation Loan</t>
  </si>
  <si>
    <t>b'\xc4(b\x08\xeb\xd6ok\xa8!\xa4\x17\x8bK\x87o3G\x83\xe4\x84\xb94\x89E&amp;\x15\x0b\x1d}\x0b\x9f'</t>
  </si>
  <si>
    <t>b'\xe1\x16l/\xeb\x17\xea*\x84\xb2\xeb(\xd4_\xff\x1bS\xbcqb\xe7\xbb\x17\xda!\x1ax\x94\xa3! T'</t>
  </si>
  <si>
    <t>b'\xadd1\x01\xcb\xc3\xd4\xbc&amp;\x8b\xfb&amp;H\xe7\x0bx\xcd\xb1\xefPc|Ry3}\tN\x18\xeeU\xd2'</t>
  </si>
  <si>
    <t>b'"4N\x15\x95$6:$\xd12WUG\xc3\x93*\xa6\'\\%\x10\x94S/}\xa1\xe2\xac`}\x0c'</t>
  </si>
  <si>
    <t>b"\x13\x9f\xfa\x02yA'\x8d\xc5\xdb+\x8dg\x1d\xd9&amp;\xcd\x7f\xf5v\x10\xc9\xd7\xf1t\x9f+\xea\xdf\x8e\xf4\x15"</t>
  </si>
  <si>
    <t>b'\xbdT\xdf\x99\xf4\x979\x8f\\\x12\xf8:\xa3\xf7\xef]\x9a^k\xb5.cwx\xab\xa6XZ\x9fJ\xdf\xb5'</t>
  </si>
  <si>
    <t>b'\x94\xf4T\x86\xde\xf6\x01\xa9\xc5\xf0\xd06Z\xfa\x1c*\x80\xc5\xe0;\xe3\xedZ\xe2\xb1#\xda\x18A\xec\x0ct'</t>
  </si>
  <si>
    <t>set me free</t>
  </si>
  <si>
    <t>b'\xe3\xc5%\xa4e\x0b\xfc\xe6\xcc\xb5\x96j\xf0\x164\x83\xf63\xdf\xb7;\xb8\xee\xef\x0e[F\xbd`ZG\xad'</t>
  </si>
  <si>
    <t>Grateful Getting Out of Debt For Good!</t>
  </si>
  <si>
    <t>b'/h`\xc4:\x83\x8f\xfc/mR\x1d\tH&amp;\xafh{\xacz\x9co\xc4u\x0c\xeb\xb6\n\xa4m\x11k'</t>
  </si>
  <si>
    <t>b'\xf2\x8c:z6\x03\xed\xa4\xc9\xbb\xd0\xfb\xb6\xc6\xfc\x00\xe4b\x12\x94\xad *%qK\xa8\x87\xc8ir4'</t>
  </si>
  <si>
    <t>b'\xc5\x1c\x86\xf8\xd1\xb5\xf1\x85D\xe8D\xa0\x82\xdb\xb0\xab2\x9a\x8d\xe3#\xf6\x85\xedge\xbe\xeb\x99\x9bt\x8d'</t>
  </si>
  <si>
    <t>b'\x18-\x91o\x01\xaf\xf2s\xbdSY\xf97VW\x84Yt\x067\x8d\xaf\xd1\xbf\x08_\xe50\xdfS\xe9\xaa'</t>
  </si>
  <si>
    <t>Seeking Refinancing Opportunity</t>
  </si>
  <si>
    <t>b'\x9c4\x98=\xd8p\xb2}\xf0\xb2%\x85{z\xcaNb\xacG\xf7\x922lF\x17z\x0c\xee\xcep\x9b\\'</t>
  </si>
  <si>
    <t>b'\x91\x06%(\xbe\x93\xd5_9\x18\x8bX`)C/L*=d\xadV\xc3l\x7f\nX)\n\xdc\t.'</t>
  </si>
  <si>
    <t xml:space="preserve">Getting marry </t>
  </si>
  <si>
    <t>b"s\x872{\x93\x04Z\x08\xa0\xf2\xcb\xc3\x89PI\xcf\xac\x12'/\xe6\xda\xbeS\x92.\xae\xbc9\xadt\xd9"</t>
  </si>
  <si>
    <t>b'\rq8\xa8\xc8z\x95\xa8\x13!\xf3\x7fD\xe2V\x13T\x86\x8c\x12y\x9cV\xb3\xd2"E\x94\xb7\xb3\x88\x12'</t>
  </si>
  <si>
    <t>b'`e\x88\x04\x83!U\xd9\xb9NX\xe0\xaa\x8dd[D\x88\xf33\xe2d\x95fWqU\xcf\x02\xab}\x04'</t>
  </si>
  <si>
    <t>b'A\x82mZ\',\xbdU\x0bT\xa2\x99?"\xc9Js\xc1^\x069j\x06\xd0\x9bf7\x91\x1e\x9d\xb4\xbd'</t>
  </si>
  <si>
    <t xml:space="preserve"> New Year </t>
  </si>
  <si>
    <t>b'\x13\xf9\x17)d\x7f\xef\xaf\xfd\x07\xa49#b\xdb\xfe\x83\x95\xdf7]}R\x0clh\xd0\x9c\xeb\xa4\xed\x84'</t>
  </si>
  <si>
    <t>b'\x80\xd4\xfe\x86\xf0Cv\x00\xc6*L\xdd\x93\xa3"Q5\x12\xa9\xbeyn\x83\xa5\xd4\x84a\xec\xbb\xe2\x11\xba'</t>
  </si>
  <si>
    <t>personal deb consolidation</t>
  </si>
  <si>
    <t>b'\xfe%\xf07[\xb1L$*8\xf2\xde\x15\x8f\x7f+y\x90&amp;,\x10+\x9c\xcet\xbf\xc4\xd8\xf5\xec.Y'</t>
  </si>
  <si>
    <t>b'E\x1d\x7f\xb9\xff\tX\xd4\x05\x01\x95W\xbc/\x19\xf4\xcc&gt;\x08\x86\x01\xe1\xf4\xee\xcc\x97x\x17~\x91\x89\x88'</t>
  </si>
  <si>
    <t>b'v=\xc4l\x9f9\x08\xc7[H\x1e\xb6\x07}\x93\xf3R\xc0\xa1F\x8e]GE9]\x89\xbc\xe8)\xfee'</t>
  </si>
  <si>
    <t>b'\x95\x9e\xd8\xa9\xf1$O\x19W\x90\x1bK\xad\xcb\x87WYl\xa6\xb8G\x01\x07\xcc\x95\x1a\xaf\xf2\x91\xca\xf4\x80'</t>
  </si>
  <si>
    <t>b'\x83\x0e@\xa2\xacY\xe7\xee\x8c\xaf\x9d:\xbc\x9c\\\xb6\xa8\xd4\x00&amp;\xb6\x98\x9eF\x80\xcf\xb8l\x0ek\xb4e'</t>
  </si>
  <si>
    <t>Way to pay off credit cards &amp; medical</t>
  </si>
  <si>
    <t>b'/\xa2]\x9e\xab\xe30f\xa6\xd6\x9fK1\x11Z6\x02(\x8d\xc7\xbe\x18\x13\x1a\xe1OePP\xef\xceC'</t>
  </si>
  <si>
    <t>b'\x9d\xba\x9d\xf3\xach\xba9\x110\xc5\x8d\xeee\x87\x15\xda+t\xbe\x83zG\x01@\x118\x81?\x96\xbf\xbb'</t>
  </si>
  <si>
    <t>b"\x97\xb4|@\x18/\xcc\xf6\x94\xba\xe3;5\xdb\x92&amp;_G\x85&amp;\xb5]\x93\xeb\x13'\r\xff\x0c\x06\xd9\x8c"</t>
  </si>
  <si>
    <t>b'\xb1\xf8\xd0\x01\xa6\xd1m\xcb\xfb\xbd\xa9\x965\x903/\xfap\xdb\xb5\xd0\x89\\\xb7\xd79\x96\xe2\xfe\xc7\xd9&lt;'</t>
  </si>
  <si>
    <t>b'l8\xb8\xa4\n\x84\xed9\x90\xfb)p\xf5#zI5VD\xcc~\xed\x1fFH\xc7\\\xb3P\x05JK'</t>
  </si>
  <si>
    <t>b'A\x1c7Z5DK\xf7\x0c\xd6\x0c\x9f\xb7\xd9`\x16\x81c\x8b\xf2\x19KM\xbf~qM\x91{\xc2\x1f\xaf'</t>
  </si>
  <si>
    <t>Person/Business Consolidation</t>
  </si>
  <si>
    <t>b"?\xf8\x1e\xc2\x17\x83r\x01&amp;\x19\xb56\xa4\x9f\xabW\xf4i\x9fm2A\x89\xec\xbdT\xd3'R\xf5\x92\xb5"</t>
  </si>
  <si>
    <t>b'\x1c7\xcd\x01\xd0\xe2\xd9\xd2\xd4\xcbi\xf1@\xe4\xcfq\x8f\x8b \xac\xe1[\xd4\xec1\xb4b}2\xe2\xa7\xce'</t>
  </si>
  <si>
    <t>b'p*{\xb3\xf8E\xe6k\xa1&gt;\xaa\xb4\xbe\x18Ycf\xfb\xdb\x18g\xc5\xbb\x88c\x1e\x96\x0fY\x8b\xd9c'</t>
  </si>
  <si>
    <t>b'\x8c\x10\x8fRqS\xffy]8H\xf88\xb0\xce\xa9\xb2\x12\xafDp\xd5(\xb8\x98F\x1d\x06\x17:z\xbf'</t>
  </si>
  <si>
    <t>b'\xa9ER\x87LD@L H\x1bhs\xe6m\xc0\xfe\xbe\x97\xb1\x0c\x99\x05\x00\n\xc9;\x7f\xd8\xf2\xbb\xa6'</t>
  </si>
  <si>
    <t>christmastime</t>
  </si>
  <si>
    <t>b"\x15[b\xeb\xac\xc7\xf4'\xcd\xb0;\xefb\xb5\ryt\xc8yo\xc4\xa9M\xff\xa9\xc7'+\xf7\x02R|"</t>
  </si>
  <si>
    <t>b"\xa8\xb4\x19\xffs\xd7\xe3b\xf1\x87'*kyv\xb5\x91\xe9p\xbe\xeb\xd1\xdbm\xd3\xe1pM\x9f\xbd9\x81"</t>
  </si>
  <si>
    <t>b'\xacN\xf5\xaa\xfef\xd3\xc9v\xbb9\\\x9f&amp;\xe5\xb0&lt;\x92\xa9o\xfb\xe4#\xe7\x11Sz\x16\x87\xe28\x86'</t>
  </si>
  <si>
    <t>b'\x1a\xc8\xd7c\xff\x0f\xc8\xa5Pv\xbe\xf6n\xfc\xad\x94\x1a\xe9u S\x01DH\xbe^\xbc&gt;\x1e\x96\xc2\x85'</t>
  </si>
  <si>
    <t>b'\x909\xefS\xc4A4\xe1y\xce\x8e\xae\xcd\x06,\xac\x9ex\xf9\xca\xa8\x8f\xe9\xa3=\x1b\x1d\x8a\xd7~\xf0#'</t>
  </si>
  <si>
    <t>b'\xc2\xed%d6\xf8c\xd8\xaf\n\xed\xf1rh\x0eK\xf7\xbf\x1fH\xfb\xc1S\xbf\r\x15;\x18\x87\x1aW\x95'</t>
  </si>
  <si>
    <t>Credit Cards &amp; Wedding expenses</t>
  </si>
  <si>
    <t>b'x\x18\x12\xfd\x85\x86\x8a\x96bQi\\\xf7\x8a\t4\x8b\xbd\xb5\x88;Ib|\xd8W\xcbgT\xaak\xd1'</t>
  </si>
  <si>
    <t>b'\xc3\xb7\x80\x1c\xd4C\x0cS\xf0\xe5\xc3\x8e\xbf\x15\xd5\x99\\\x0b\xea\x15\xbaK\x0b/\x84\xa5/X?2\xe7\xf1'</t>
  </si>
  <si>
    <t>b'\xa3\xcdQB\xd2\xf7q\x85\x8b\xcd\x0bV\xc6b[i\x06\xbdg\xbd\xe6\x0b\xd6\xca\xc0\x95\xe0\x8f\x96\xcbNL'</t>
  </si>
  <si>
    <t>b'/3\xdd\xe4^\x03\tm_\xf8\xa0\xcc)\xf2\xa2\x8b\xae\x82Q\xdf\xfd \x9aZ\xa8S\x11\x86\x1f\xd5\xe5\xa4'</t>
  </si>
  <si>
    <t>b'\x0c\x97W\x90\xb8\x9b\xbf\xad\xd0\xc2\x91\xb1\x92%\x9a;\xd6\xd2\xc7\xe4\xe7y{\xe4\x9f\x0cyT\x84\xaf\xdd:'</t>
  </si>
  <si>
    <t>Helping Hands</t>
  </si>
  <si>
    <t>b'\x87\x07\xa2\xa1Gc\xeb6\xc1\xd8F$8\xd4\xa1i\x84\xb9\xd5\xc9h\xe1\xba\x0e\xc1\x9bj,cc.Y'</t>
  </si>
  <si>
    <t>b'-\\\t\x0ew&gt;&amp;UlG\xc3\xe1(+\xa3\xac\xa1\xaf:\xa3\xeb\x16\xfc\x0c%\xb4\xfaH\xbb\xd0\xf4\x1e'</t>
  </si>
  <si>
    <t>b'\xa1@ g3\x82/\x86^\x0c\xb9w\x98\x97\x85\xcc\xee)\xab\xd9]v\x13\xce\xea{e9#\x98\xe7\x87'</t>
  </si>
  <si>
    <t>b'N\x99F\xff\xf4\xcf"\xf9k\x9d\xe5\x8d\xe0\xa4)}\r\xb5oQ\xc4\x89MT\xab\xeb\x81e\xd6E\xa4\xe5'</t>
  </si>
  <si>
    <t>b"{(jF\x98\xa3\xfesK\xe7FC\xc8E\xb2B\xc2T\xe7\xa2\xcda\x8b\x7f'\x8d\x86\xac\xf3\x10*\xd4"</t>
  </si>
  <si>
    <t>b'b^&lt;d8\xb0\x1b\xb3\\0U\x0b\xfeC?\xaf\xa0\x03C\xf2\x17\x8d\x95O\xd0\xe9\x9c\xd7\xbe2\xdfZ'</t>
  </si>
  <si>
    <t>Credit Card ReFi</t>
  </si>
  <si>
    <t>b"\xba\xb9St\xcb/4R&gt;X\xc4vN\xbah_\r\xf4p\xec\x90L'\xc1\xc1\x00+\xa9pAW\xe4"</t>
  </si>
  <si>
    <t>b'?@\r\r\x19\xe4Gj\\\xd7\xdf\xce\xe3*\x04\xd2\xa8\x8f\x12\x02_x\xf6\x18/L"\xdf\xddy\xc9\xba'</t>
  </si>
  <si>
    <t>b'^\x07\xb7d\x1d\x8b\xf1U\xbf\xea5\xe6\xc6\x1a\x13i\xc3`\xed\xdd\x11\xf1&gt;\xa2\xe6\x19zh1\xb1\x91k'</t>
  </si>
  <si>
    <t>b'E\xa5 m\xf2\x9b&gt;r]\xcaPlz\xe4;\xcb\xa7\x90\xa8%\xb8\xdc\xb7\x0b\x15\x03\xc7?\xad\\\xfe4'</t>
  </si>
  <si>
    <t>b'_\xd67?\xb7mT`\xa7h1\xdbL/\xf4\xd1\xce"\xe7\x1af\x89\xc7\x93\x17{m\xc3\x85;\xf4\xd5'</t>
  </si>
  <si>
    <t>Card Charges</t>
  </si>
  <si>
    <t>b'\xaa\xd9\xc8\\xn\xbb\xbf\\\x19\x92!\xd2\x80U\xdb_B\xeb\xe5\xa4E\xed\xc3\x00[\x884\xd1\x80\xf9='</t>
  </si>
  <si>
    <t>b'\rl8\x91\xc1LS!\x88(\xcb\xb9\x96\x85\x7f\xbd4\x15cjIj\x05c\nY\xafB\xad\x08\xb1\xa3'</t>
  </si>
  <si>
    <t>b'\x86\x06\xaa\x0139;=\xc5D(\xbaF\xd3\xaa\xe7\x19\xbc\xad\xb1\xb8\xc0\xd2v\xac3\xc8\xe8\t\xdc\x86\xf4'</t>
  </si>
  <si>
    <t>b'J\xb4\xf5\xd0\x91J\x9aa\xb1X\xfc\xd5#\x80\xed\x1f\xb3\xd1\xbcr\xe7i\xc2g+E\xb1d\xda\xee\xe8{'</t>
  </si>
  <si>
    <t>b'hs\xbe\xf4n\xf1\xdf\xd2\x8b\x19\xea]\xc4\x11\x0f{Y\x16\x94\x0cG&gt;ac\x9b\xc4=H\xe3(\xf3\xe4'</t>
  </si>
  <si>
    <t>b'U\xb3\xe7\xc6\x0e!\x9e\x17K\xb0^L-\xdcz)\\\x0b`\xb3\xb9\r-\xea\xa6\x00P\x1c5\xca\xc1\xb2'</t>
  </si>
  <si>
    <t>b'\xe48@`\x08 /`M\xa5\xbb\x8d\x7fm7\xd5/7^\x08\xd1\xe1\xde\xcb\x0b\x13\xd5\xd4~\x1db\xf9'</t>
  </si>
  <si>
    <t>b'\xb0\x92[J\x02\x9a\x1cW\x95\xbeF\xd5\xad\xbb{\x0b\x19\xd3\xc7\x81S\xaf\x12\x98\xe1\xe4\x1dQ\x8a\xb5\x0e\xb1'</t>
  </si>
  <si>
    <t>b'\xd1o\x95`3N\xd2\xd8o?\xd6aPY\xa7\x86\x08,\x19\xa3\xbeR&lt;/\xae\xcd\xcb\xb2.\xc9\x1a\x02'</t>
  </si>
  <si>
    <t>My home loan</t>
  </si>
  <si>
    <t>b'\xcb_\xf7\xf6)a\xa0LprL(\xdd\xba\x0b\x9e&amp;\xfe\x03y\x8db\xdf\xa9P\xf5\x83\xd3\xc0\x80\x12\x81'</t>
  </si>
  <si>
    <t>b'\xe2e \x1bf5P\xac\x9dk\xec\x81\xb0\xcc&gt;b\xd0j=\x0c\xce=\xb7\x88\x9f(\x1dTeH%x'</t>
  </si>
  <si>
    <t>b'\xef\x90!Q\x9c\xf0\xd2a\xcfwL\x93\x83H\xacD(O\x15\x10\xdf\xdf\x182\xa8\xb1\x1c\xcbt\xb1\xd7O'</t>
  </si>
  <si>
    <t>Credit Card Redistribution</t>
  </si>
  <si>
    <t>b"\x15\xb3\xd2W\x1c\xee\xd0P,&gt;O\xb5'2\xbdh\x19\xcc\xba)SQ\xfa\xf4\xef\xb6\xc0R]}V{"</t>
  </si>
  <si>
    <t>b'\x17\xe5^J\xa7\x8bX\xa6\xa4\xaf\xa7\xd6\xed\x1a\x93\x87\x02\xf8+(\xcd\xd7\xbcg%r\xba\x92i\xe9\x0cz'</t>
  </si>
  <si>
    <t>b'\xa7\xd9H?;\xd3N\xfb\x03`W\xf6q\xe1\xbag\x99A\x03\xdd\x0fY\xa8\x15\xa7\xd9\x81\x19\xf4\xcbDN'</t>
  </si>
  <si>
    <t>b'\xb2\xd3\x0c \x0c\x9e\xe4\xa0\xfb\xbc\xf7L\xf5\x062v\xbeVc&lt;\n\x15-P\xe0\xc2\xbd\x88\xf7,0\xaf'</t>
  </si>
  <si>
    <t>Christmas/Credit Cards</t>
  </si>
  <si>
    <t>b'\t\xcf\x0b\x13\xa3e\x9f\xd3\x05\xed\xe3\xde/x\xf9\x15\x13%\x0f\x9d\xd5\x9eiz\xccv\xefN5\xae/\x04'</t>
  </si>
  <si>
    <t>b'\xa8\xe9\x82\xd6\xc0\xea\xe3Z\x1c\x85\xaa \x1f\xf1\x02\x97\x96[\x99\xcc\xd4\xc7%\x8b\x94/o\x141\xc7\x14\xc3'</t>
  </si>
  <si>
    <t>b'|1\xba\xc2\x94\xdfo\xcda\xa68&amp;Ax:\x91\xe1\x88\xbe\x87\x96&lt;\xe2Zd\x85\xea?b0\x84\xfc'</t>
  </si>
  <si>
    <t>b'\x9f\xa0\x1f\x89\xff*\xa3\xfd\xe7\x89=Bt\x90\x16-#\x8f\x8c\xbbM\x82\xbb\xa4\xf3\x04\x03\x9b\xa251\xc4'</t>
  </si>
  <si>
    <t>Credit card sweep</t>
  </si>
  <si>
    <t>b"v\xdc\xd2\xb0n\xb8\x82cD\xa9~\xd5\x87\xfc\xe2\xa1\xbde\x06\x1c\xf6\xcc\x12\xc1\xd2\xcf\x9d\xa9Y\xaf\xcb'"</t>
  </si>
  <si>
    <t>Money Honey</t>
  </si>
  <si>
    <t>b'\x9a\x90\xdf7d,\xa3zEX\x18\xb18~\x13\xc3\xe1cAv\xe9\xfb\xfc:bO\xbaO[c\x0b\xf6'</t>
  </si>
  <si>
    <t>b"j\xc0V\x03\xc4\x12R^!\xdfa,p\xd97)C\xcf\xf0z6\xba\xec\xf5\xcfx\xfa\xd1'Yt\xf6"</t>
  </si>
  <si>
    <t>b'\x98%\xea\x0e\xcc\xc5`K\xcd^J\xd0\rz\x88m2&gt;\xea]y\x82\xb2E+\xa5\xd4\t\xbaF\n\xd1'</t>
  </si>
  <si>
    <t>Lower Monthly Payments</t>
  </si>
  <si>
    <t>b'\x99&amp;\xd5\x93-\xdbU\xd9\x85g\xe28Py\x8d\x16G5\xa4\x99\x8f\xd9\xb59\xf6u\x92\xb2\xeb\xa2\x1cs'</t>
  </si>
  <si>
    <t>b"\xdb\x08\x19\x15\xb7/\xff\xfb\x10^\xb7\xe5 \x98]IG\xc6\xde\xe9Z=\xd2q`'\xdd\xac\xeb\x10&lt;f"</t>
  </si>
  <si>
    <t>b'v\xfe\xdbyS\xc9B_?L[\xa0\xa8w\x86\xe9\x19\xee\x83\xcfq\xc0M\xc8\xd4\x0b\xc5\xcb\xc6\x92\xa4\x8e'</t>
  </si>
  <si>
    <t>b"\x0bvF\x9d\x83\xf5\x1d\r'\x04\\F\xfd0\x97#CM\xf2\xd9\xb1\xc8&amp;\xc2\xc6\x1e\xb9s\xc2&gt;s\x12"</t>
  </si>
  <si>
    <t>b' G\xe1\xb7\xd6\xa74y\xdf\xd5\xc1Q{\r\xe4\xf4\x02\xe1\xe90r\x88\xb4\x12\x91\xd7\xe7\xda&gt;\x8e\x95G'</t>
  </si>
  <si>
    <t>b'\t\xd9\x96Zi\xe4G\xff\xc2\rir \x8e\x90\xe4BT\x08\xcd\xa0\xf1\\NJ\x0b a38\x1e\xd9'</t>
  </si>
  <si>
    <t>b't\x8f{\xca{Y~\x88\x05?\xdd\xa7\xdd\x18x\x811\xe6\xc5\x0c\nnf\x15O\x17\x94\x9d\x80\x81\xd0\xce'</t>
  </si>
  <si>
    <t>b'~V\xe4\x1e\xdf\xb3\xf5&lt;\x9f6\xda\xbf\xb5#\xb8\xd4\x17\xd2+\xd0\xec\xf6\xcb\xb3\xa7\xb6\x8c.=\xaa\x94\xc9'</t>
  </si>
  <si>
    <t>b'U\r\x14B\x0b\x99P\xb4\x82z\xbb\xeb\x9f3 \xe23\xcd\x08\r\xf8\rD;\xee\x0e\xa7?\xde \x19D'</t>
  </si>
  <si>
    <t>b'{\xa3\x1cQ^5\xc3\x14\x04\x05*\x1e\xec\xb4\xe2Z\x91@\xc5\xbe\xc8\x07\xdc\xd5\xf2\xa1H\x88 e\x88B'</t>
  </si>
  <si>
    <t>b'ikAh\xab\xed\x04N\xeb\xd50\x8f\x8a\x04\xa4\xa3\xf7!nO\xb6\xd7\x93yc\x8f\x11\xe1\xfe\x8cE@'</t>
  </si>
  <si>
    <t>b'l\x0e\xc4)\x10\xac\xe2\x90%x\x9c\xb5\xc8\x95\xe4\x13A\xdb*&gt;)\x0e\x82\x85.D\xdd_H?hJ'</t>
  </si>
  <si>
    <t>Practice Expansion Loan</t>
  </si>
  <si>
    <t>b'R\x97\xd8\x8a\xc8\xda0Z\xb2N|\xef\xa9@\xd9\xb5cX[\xff\xbad\x98a\xe1\xf4\xa0\xe6\x97\x8f6J'</t>
  </si>
  <si>
    <t>b'\xce\xef\xb00L\xdf(\x8a\xe9`"\x9b\xb8\xb4\x0f\xed\x11\x96\x0c\x7f7\xb0\x10\x17y\x00Yz\xb0\x18w\xdd'</t>
  </si>
  <si>
    <t>b"\xa4rG.\x12\xa5\xa4\x85q-\xec,\xc0*+\xe4\xb5\xa0U\x00S\x064,\xd2`'\xfc\x13@\xd8\xd9"</t>
  </si>
  <si>
    <t>b'\x82Q\x0f=XP\x169\xd2_Y\xef\xf1\xb7c\xe26\xc8=t&gt;\x06[a\xde2\x95\xd6n\xc1\xc2\x93'</t>
  </si>
  <si>
    <t>billconsol</t>
  </si>
  <si>
    <t>b'\xcaf\x02\x12\xd2\xfc\x9f\xa6\x88\xf3\x8b\xdd\xa4\xfd\xb2D\xfa\xb7Ym\xee\x80\xb8\n\xce\xc1\x0eR\xf7\x8e\x9a\xb4'</t>
  </si>
  <si>
    <t>Pennsylvania Bill Consolidation Help</t>
  </si>
  <si>
    <t>b'F\xe7\xe7\xcc\xf7\xfe\xc3\x8d`r;f\xde\xf4]3\xd2\xc3\xa1\xc6\xc9\x81\x00\x15r\xd6\xa4\xc6\xef\xb5\xff_'</t>
  </si>
  <si>
    <t>Debtconsolidate</t>
  </si>
  <si>
    <t>b'\xc4"T\xae\x80\x9a\xf0P\x90g\xe2F\xaa\x9d"K\xb6\x19\x1eDw$\x91\xf7\x0e \xdfH\xfe\xe94/'</t>
  </si>
  <si>
    <t>b'\x9e\xf1 \xac\x13\xba\x1dy\x7f\xc6\xa3o\xac\r\xd5\xd8\x88\xc3\x0f\x8c\x01\xa5\xad\\j\xf7\xcc\x16\xfa?5&amp;'</t>
  </si>
  <si>
    <t>b"\xbc\x19q+2=6\xf6\x9a\xf9\xd2\xb5g\xcd'd\xb1\xa56\x97\xf2\x03\x99\xe2\xb9\x0cMV\x93uE\x94"</t>
  </si>
  <si>
    <t>b'\xd7b{\x7f\xe1\xd0\xb4\xdf;N\x1c\xa35\xaa\xd8\xcf6Z\x82.\xc4\xc0-\xa2\x88#\\\x1eBX{\x00'</t>
  </si>
  <si>
    <t>b'OT\xfa&amp;\r\x01\xc7*\x16\xfeR\xed\xb98\xdag\xd3\xbc\xfd\xc0\xe7K\xb8b\xdepA\xa4(\x95\x08\x96'</t>
  </si>
  <si>
    <t>b'n\xe6\xc8;\xb1w\x03)\xe6\xed\xfc`\x8a\xa7W\xf3\x98\xcc&lt;6b\xf6\r\x16\xc3J\xd9\xb8\xbc\x93S}'</t>
  </si>
  <si>
    <t>b'\x82\x87\xf5\xf5\x96\x86:\xfc\xd5\xfd=\xc9\x05\xb8\x82\xe83J\xb3\xe0\xdfUP\x0c\xcb\xa5U\xeeo\xb8J\xb8'</t>
  </si>
  <si>
    <t>b'\x90\x17\xfe\xa3\x9d\x98$\x9b\xf4\x05R\xcf\x7f\x1f\x9f\xab#WK\xf2\r\xfe,i20\xbb\xad\x99\x8f\x83\xc6'</t>
  </si>
  <si>
    <t>b'R\xc9q\x8c\xdf\x96M\x92*U\xee\xcaZ\x9b\n vz\x04a$PY\xdb\x1a\xa7\x7f%&lt;\xf4\xf5\xf7'</t>
  </si>
  <si>
    <t>GET OUT OF DEBT</t>
  </si>
  <si>
    <t>b'\x9a\x8dl\xdfQX\xb6\xcbXN\xf7}\xd9,\xcc\xcb;F\xc7\xdb\xf2\x05b&gt;\x98\xe6\x0be:\xa98&amp;'</t>
  </si>
  <si>
    <t>b'\x12\xe5F\xcf\xee\x14\xb3@\x02\x0c\xb0\x19X\x13\x95\xea\x95\xe1:\xa9\xa3(\xb8\xc2\xd8\x8d\xdb|\x94\xedF\x94'</t>
  </si>
  <si>
    <t>b'\xd7\x0f8\x03T};g&lt;0\xea\x8b\xa3\xf7\x8bj\xee\x10\xa7Suh,\x90\xd1\xaa\xa2a\xae\x95\xb7K'</t>
  </si>
  <si>
    <t>Alfalfa</t>
  </si>
  <si>
    <t>b'@\xc4J\xb92\xd2\x96$g\x1bR]i\xf4uB\x10\x1ed\xf7\xc5\xb9\xbc\x078\x02Cj\x94T\xb7&gt;'</t>
  </si>
  <si>
    <t>b'Y\x10\xf6\xb0\xac\xcf\x18\x83\xf7V\xc0\xc6G\x9f\x1f\xe6\x9dJ\xffmM\x9a\x83\xf7\x01\xcd\x9d\x07\xcb\xee0\x01'</t>
  </si>
  <si>
    <t>b'\x15\xc8\xe0_\xc6\xed\xf8j%\x15\x9f\xec\x10\xc1\xe6\xfbB\xd5\x17w;\xd9\x0b\x1c4\xf7\x99\xd1\xba\xb26\xf6'</t>
  </si>
  <si>
    <t>Corvette Stingray 2013</t>
  </si>
  <si>
    <t>b'\xd4^7x\xd4\xc3W\xe0\r(1h\x80\xe4\xf8\xb4\xeb7\xa4l\x1b\xd6wp\xc0\xfd\x08\x95\xee\xbd\xc2\x88'</t>
  </si>
  <si>
    <t>b'$\x08\x13\x19&amp;&gt;4\xb2\xda\x85\xf1_\x9a\x04\xday%\x17\xf5^K\xdfkG+m\x17~Z\xcb\x1b\xe2'</t>
  </si>
  <si>
    <t>b'\xdbM\x8f\xa9w\xee\xd5/\xb2\x19\xd0\xfa\xf7`s-\xb1,\xe4\xec\x01wh\xe9\xa7\xedH\t\x1d\xf6y\xfb'</t>
  </si>
  <si>
    <t>commercial fishing vessel</t>
  </si>
  <si>
    <t>b'Xn\xefk\xf4\xfcR\xb84\x0eT\xd7\x82e$\xc5c\xc2\xd4\xd5hF\x07\xf5\xb7\xaa\xa9\x94\xdfI\xb8\t'</t>
  </si>
  <si>
    <t>b'f"\xa8\nWa0\xf5 \xb0\xc4\xc1\xb9\xd6\x80\xdcg\xf5\xb9Dq:\xa5@\n\xda\xdc\x1e\x13_N\xb3'</t>
  </si>
  <si>
    <t>b'\xc1O\xd7\x95\x9f\xff\xc8\xa7\x0cF\xce\xdf]R\xe7Xk[\xbd\x11\xeepP\xe6\x8c\x94\xa5\x91B\x13\x95\x8f'</t>
  </si>
  <si>
    <t>b"\x1d*L\xeaL\xb2\xb0\x9en\x8f\x87\xa7/&amp;\xddv\xd1'\x99\xb5\xb6,P\x12\x08$\xc4$P\x98\xb0^"</t>
  </si>
  <si>
    <t>Lower Payments</t>
  </si>
  <si>
    <t>b'\x8cvs\xe9\xd20l\xef\xac\x1b\xb6k\x14{\r\x89L\xb4c\xdc\\[;\xcb\xed\x1c\x9aI\x82\xc5\x0fB'</t>
  </si>
  <si>
    <t>Creditworthy Professional Improving Home</t>
  </si>
  <si>
    <t>b'\xe4\xe9\x08\xd1\xad\x91\x03\x93\xf0\xd3\xe4\xf6\xcb\xd8\xb8\xc0?#\xf9`\xa4\x03\x02\xc0\x01)\x88l$\x15h*'</t>
  </si>
  <si>
    <t>b"C\xa9V\x97\xba\xe0&amp;BG\x0f\xa0\x000\xe4Qs'\x8f\xbf\xb0\xd0\x14*;\x04\xee\xa9$\x96\x83\xcc}"</t>
  </si>
  <si>
    <t>Debt Pay off</t>
  </si>
  <si>
    <t>b'.X{\xf1\xa4F\xe2\xab$m\xbe\x7f\xda\xffQ\xaa\xae\x9bQ\xaf\xc6\xd6\xc8\xe0\xcb\xae\xfd\xfaTV\xb7u'</t>
  </si>
  <si>
    <t>Pay all</t>
  </si>
  <si>
    <t>b"\xd8)\xc5'\xf3L\x1eg\xaa\x13\x86\xaa\xc9\x98\xf2\x06\xea\xd1n\xcfP-\xec\xc5\xb5`\x85(\xf6Q\x16x"</t>
  </si>
  <si>
    <t>b"\xbd;h\xd4\xc8{\xcb\xd4\x85\x8c\xbfn'e}q\xc9\x0fR]\xf1\xaaM\x02\x84\x93\xe5\xbff\xe5=\x9b"</t>
  </si>
  <si>
    <t>b'\xe45\xda\xbf\xe3\xaf\n\xf3\x05\x8dp^\x1d\xd9B\x15\x1eN\xfd\x8cp\xe5\xbe\xbf\xbc\xdd\xa7\xf8\x18\x14\xd5g'</t>
  </si>
  <si>
    <t>b'/\x17\x04?\x89\xe6`h\xb5N.\xf24^\x86\xb5\xc1]/\x9d(VI\x04\x93n\xc2G\xf4\xa0\x8a|'</t>
  </si>
  <si>
    <t>b'2\xbe-@\xd6\x08\xb6\x13&gt;n_\x97K:F\xf8\xd0\x19c\xf9\x17,\x9cW\x0c]\xa5\x10\xde\xde:\xa4'</t>
  </si>
  <si>
    <t>Help Pay off Debt</t>
  </si>
  <si>
    <t>b'\xbb\xc3l\x0b\xc2\x96"~(~u\x9f\xfeR\x9bN\x11,\xaf\x7f\x04\xb8\x00\xeb\x83\x98\xf5\n\x0f\xe6W\xa0'</t>
  </si>
  <si>
    <t>Pay Debt</t>
  </si>
  <si>
    <t>b'\xdf\xfa\x13\xc14\x0c\\},\xd8\xf7\xcc;?3l\xcd\x88^\xddU\x0f\xdaiy\xf3"5\xcb(\xd0\xcb'</t>
  </si>
  <si>
    <t>b'*\xef\x98\x8c!}\xf5\\\xf7\x9aP8\x9a\xc5\x07\x1b\x01\xc4z\xbe\t3k\x83\x8b|\xe3\xfd\xd6j\x92['</t>
  </si>
  <si>
    <t>b'\x01\x1e\xef\xd7Y\x1b_f&gt;\x89\x11)b\xf1l\xa9\x0e5\xf6W\x8bIr1\x9cS5\x90\xb8\x00\xe2\xce'</t>
  </si>
  <si>
    <t>b'\xa8&amp;\xae\x96\xd3\xa0\xab9\xdd\x87\x89\xcd\x1eQ\xd7&lt;\xdd\xd2\x84\x1b\x8cg\xfc\xcc\x93\xa3TI\xac\xba\xe3\x99'</t>
  </si>
  <si>
    <t>b'[\x1cF0\xa7w_Y~\xf7\xca\x14i\xbab\xd0w\xca\t\xa57\xd5\x80(\xbf6\xe8s\xe1\xa8C\xd3'</t>
  </si>
  <si>
    <t>b'5\xbb\xde\xcd6nH\xfaq\xa8\xece}H\x89\x9e\xf0\x95\r\xd8\xb1_7\xfe\xf0\xb5\xa7G\xa3#\xd3\xdc'</t>
  </si>
  <si>
    <t>b'\xa3\x0b\x0bO|z~VJ\xd7NC\x8dgQ\x13\xd0X\xd4c\x93\xe1\x08\xfc1\xb6\x84G1\x92\xdf\xa7'</t>
  </si>
  <si>
    <t>b'\xdc\xd3\xa7\xa2\xd9Oe\x99.78\x0c\xe2\x00\xacm\xf8*\xce\xc4\x18c.\xb5\xf3\xdb\x10b\xb8S\xbe\xc8'</t>
  </si>
  <si>
    <t>A new Start</t>
  </si>
  <si>
    <t>b'\x95\x10]\xef\xb1k\x05P\xc7\xf3\xd9\x81\x9bp]\xab\xbc\xb0\x00J\x88jc\xb3\xf7e\xd7\xd5zg)e'</t>
  </si>
  <si>
    <t>b'\xb6S\xcb\xfd\xec\xee\xc5\xe4,\xd1\t\x06^V\x8fn\xaa&gt;\x99\xfe\xfc\xd9\xb7kwm\x1d\xfb!\x83Td'</t>
  </si>
  <si>
    <t>Debt Consolidation/Vavaction</t>
  </si>
  <si>
    <t>b'F\x1a\x91\x9a\xb1b=9\xfc\x99\x9f\x99m\x17\xda\x9a:\x1c\xccM#"\xdfx\xe9\xcf\xee\x067u8x'</t>
  </si>
  <si>
    <t>b'\xaa\xb2&amp;\xb6\xec\x02\xbed\x84"\xfd][\t\x83\xeb\xb6\xce\xc50\x98\x14!\x1b\xd4\x03\xa3\xe3\xe5\x12Z\xc9'</t>
  </si>
  <si>
    <t>b"\x87\xffp\x02\nD\xca\xca\xc1\xf9\xcfK\xf6\xd9\xd6\xea\x16\x92\xcb4\xd4\x94\x85\xa5\xd1\xbbRz+1*'"</t>
  </si>
  <si>
    <t>b"7+\x8b\x8dc\xa3\x89\xc6XX+\xd0\xcfY\xb1\xa3\x9c\x94\x83\xc8\xa6\xff\xfb'S\xd0&amp;9K\xe6\x9c\xa2"</t>
  </si>
  <si>
    <t>b'\xf4svTk\xdcO\xa5\xfda\xdb\x947\x8e\xd2\xf3\x00\xc2\x10o4\xd5|L\xbe\xef\x89\x80\x93W\x16\x97'</t>
  </si>
  <si>
    <t>Cc loan</t>
  </si>
  <si>
    <t>b'\x9a\xa6A\xd0\x8b\xf1\xd6Y\xd3\x13\x9a\xff\x95\rQ\xc1\x8a\t7~\xe2\xab\xfb\xf9\xbeCq\xf1\xfe\xa2\xcd\xe2'</t>
  </si>
  <si>
    <t>Grandma is Settled</t>
  </si>
  <si>
    <t>b'\xf7\x00\xcaq\xde\x19\x8a\xa9\x8c@(\xac@\x007\x03+\xafVo\x86(\xf7\xc8.\xb6;\x9f\xb2S\xe9\x0e'</t>
  </si>
  <si>
    <t>The Last Credit Card</t>
  </si>
  <si>
    <t>b'\xb4\xd4\xf4\x94\x9b\x83L\xddAFD\xa8k\x12\xd4\x99zy\xc0\xf6\x16ij\xf2P\xd4\t\x99\x9d1\x8c\xb3'</t>
  </si>
  <si>
    <t>b'\x1e\x98:\xd9\x17\x0c\xc7\x15\x87\xd0\xf2D\xe5\xe4\xf4 &amp;\xa4\x12U\xc5\xadd\x0c\x08N\xae@\x03\xbf\x06\n'</t>
  </si>
  <si>
    <t>Free of high credit payments at last.</t>
  </si>
  <si>
    <t>b'O\xa0\xb2\x8c$\xe0o\x07\xf0t\x16/\x88\xda\xe0\x13\xdc\xd2-\xd1y\x91\xa6A\xb9\t\xcc\x1dE\xd5\xa1:'</t>
  </si>
  <si>
    <t>b'C\xd7\xde\xeb,A\xa5T@\xe3\x94\xa0\xcdq\xc0:W\xa3\x06\t\xcb\x06\xd2~;A\xca\xe9\xe1\x03\x7f#'</t>
  </si>
  <si>
    <t>b'x\r\x85\xe1\xbe\xd5\x9ai{\xc3`\xb0\x01\xd4[,.\x88\xe2Y\x92\x9bAQ\x11\x07\xf5\xd8\x1d\x81i\xb3'</t>
  </si>
  <si>
    <t>b'\xe8\xf4\xf7\x867&amp;[\xd0\xfd"\xb9t&amp;s\x1f\x81e|&lt;v\xe0\x9a\xaez\x88\x93\xc6\xc4\xf80\xd5\x03'</t>
  </si>
  <si>
    <t>Boat Payments</t>
  </si>
  <si>
    <t>b"\x83\x18\x90YA\x11{\x19\xf5\xa8v\x8d\x99;G\x97\x9aX \xb6\x88'tRkk\x88z\xa3\xc1\xb8~"</t>
  </si>
  <si>
    <t>b'\x05!V\x0cw1\x8e\xe58\xe5\\\x18\xff\x97\xcd\xe3\xe6l\xae\x0e"\x88O\xb2\xd5w\xf2\xc8}qp\xd4'</t>
  </si>
  <si>
    <t>b'_\xeb\x1b)\xd5\x11?\xb3\x13i\xa6\x1a\x10\x1f@\x8d\xb5y\xac\xbf\xa9*w/e\xc2\xecqA\x01$\xc0'</t>
  </si>
  <si>
    <t>b'r\xfe\xed\x92)RW\xd3!\xfc\x99\x9e\xdeU\xef\xfe\xb6\xbfI\xaeQ\x90\xd3X\xf6\x11~%?\x80\r\x81'</t>
  </si>
  <si>
    <t>b'\xf1\\\xc9\x1b0\xd4cO\x12\xb9\xbah\x93\x06:j\x8a[W\xce\x81\x02\xec\xda\xbf~y\x18\xfe7\xe5\xdb'</t>
  </si>
  <si>
    <t>Get It done</t>
  </si>
  <si>
    <t>b'\xeb\xbfN\x88x@-\xa7\xaeb\x85\xc2BP3&gt;\x85\xdbLu\xad\xec\xcd=\xe3B\x1c\xe5J\tT\x0e'</t>
  </si>
  <si>
    <t>b'/p\x19\xb05m\xa9\x85\xec\xc0\xde*}\xe4\xbc\x83\xef\xc5z\x1d\xe6k:\x7f\xf0\xf8\xc2\xe6I\xc3N6'</t>
  </si>
  <si>
    <t>Cc refinance</t>
  </si>
  <si>
    <t>b"u\x8fth\xac3%\xa0\x9e\xde\xac'\x00G\xb9\xa5\xb4\xb4\x8a0\x0c\xc1\x058\n]^\x84\xda\x96\xc83"</t>
  </si>
  <si>
    <t>b'\xa3\x19R\x8b\x8cEN\xa5&amp;-\xa1U?\x9fn\x93\xf6\x9c\x06\xc3;|\xd7\x9c8J\xab\xdcvI\x17\x93'</t>
  </si>
  <si>
    <t>help pay off credit cards</t>
  </si>
  <si>
    <t>b'\xdf\x15\xf6\x02\x14\x84\r\x9b\xb2\x0f\xc8\x80\r\x05?\xd2\x0f6\xf8!\xe6\r!&lt;!\xf3\x87\x8d\xe2D,6'</t>
  </si>
  <si>
    <t>b'j\x03\xcb\xd2\xfa(S\xccR\xa2\x9b)\xa5\xc0\x85\xa5\xa8\x9b\xc6{\x19\x19\xfa*y\xa4\xf5\xaa\xc4\xf1\x95\xe3'</t>
  </si>
  <si>
    <t>b'\x95.&amp;cq\xff\x8c\xd6\xf6\x80b\xe9&amp;e\r\x87\xad\x80+O\xd4\x0c#m\x8d^GI\xa4\xe5\xd7\xf2'</t>
  </si>
  <si>
    <t>b'\x1a\x93\xd2\xd3.\xd9%\x15\x07f\xdf\x11\xed\xb1\xdb\x0bt\xf9^\xaf\xc7\xcd\xc7\x88\x1fo\xe3\xf4\xde\xff\xbd\xa8'</t>
  </si>
  <si>
    <t>b'D\x06\x0f*\xf0\x1f\xed\xe8I\x11@X\xb5\x01Tu\xd6\xa6\xd9a\x85\xf5aI9Va.Z;\xcem'</t>
  </si>
  <si>
    <t>b' "\xa6\xe1\xed\xeaV\xa5\x87v,S\x1e@\x83\xac\xf8g\xec\x88/\xe9\x8ee\xb8\xcd\xfao\x87A\xd4\x9f'</t>
  </si>
  <si>
    <t>b'\xe1%\x9fU8\xd7fyZ/\xab"\x03\x18\xb4\x82oP\xadT9vg\x80\x1e\x16\xf3\xf4]\xe9\xa9D'</t>
  </si>
  <si>
    <t>b"&gt;\x19[y\x9f&lt;\x83|g\xc8\x13\xa0\xb5'\x02 b\x9f\x03 oS\xb9q\xe8\xfc'$\xab\xb0\xf2P"</t>
  </si>
  <si>
    <t>b"hrb\x8dj}\xd6\xbc\xa8=\xc9\x1b\x87t\xcay\xd4\xec'\xd2Va#\xe4\xbe\xbcc7 +\x91\xaf"</t>
  </si>
  <si>
    <t>Credit Cards Pay-off</t>
  </si>
  <si>
    <t>b'K\xef?&amp;#\x98=X\x85\x99\x01!1\x81\xcaW\\i`S\xd6\xd0\xb9!]\xce\xd4m\xb9\xd2s\xc4'</t>
  </si>
  <si>
    <t>b'/V\xb0\xfb&lt;o\xd3x,?-\x13s\x0f\xcdz\x96\xd5\x86\x97\x10\xb6$\xb5$ukYL:k\x93'</t>
  </si>
  <si>
    <t>828xx</t>
  </si>
  <si>
    <t>b'\xfal$\xba\xa3i\x8a \x06\x00\x10\xa2\xef\xbeK\xd0T\xf8\xf7|\x86~\x15\xbb\xa3\xb8\xdfr]\xb3\xa1\xd2'</t>
  </si>
  <si>
    <t>b'\xddT\x1cn\x87M\x03!&amp;\xfdP\xd5\xb0"\xa9\x0cg\x10\x8c.=\x150a\xbeW\xf9F\xff\x1d\xe3\xc2'</t>
  </si>
  <si>
    <t>b'\x1aQ\xab,\x8e+R\x16Jt.\x10\xdc\xb0\x1f3\x11\xb5\x95%\xe2\xc6\xef\xe1TW\x91\xd7\x15v\xe5\x04'</t>
  </si>
  <si>
    <t>b'\xae\xfb\xcc|J\x0e\xf5\xaeN8F\xf5\x9d\xc9\xd0\xbe|\xc9/\xdb\x02\xcb\x12qJ\\K\xf2\x86\xe5,\xc4'</t>
  </si>
  <si>
    <t>b'\xbbL\xa9\x84\xb6&amp;\xb8\xacbu\xfc\xc1bW\xcbv\xc79xa\r\xa2U\x9d1\x939[\\\x9b\xdd\x0f'</t>
  </si>
  <si>
    <t>b'\xf4c\x1f,mdK\xcb\xa6qa\xe3\x02\xc4o\x9c\x9c\xc3\xafNyI(;\x7f\xc1\xf8\x8a\xf4\\\xfb\xc5'</t>
  </si>
  <si>
    <t>payoff cc</t>
  </si>
  <si>
    <t>b'\x89\x94\xf6\xc5\xe3\xf3[rR\x01\xecHW\x93\x85\xe5DgE4\xf7Gut\xf0y\x91\x98O\xf6:.'</t>
  </si>
  <si>
    <t>b'~k\x9b\xf4\x00\x9ft;.\xacb\x93\xd0\xb9\x00`\x85u\xfc\xbe\xd8\xa0B\xda\xde\x0b\xcf\x9e\xfe)\x0fv'</t>
  </si>
  <si>
    <t>b'\x94\xabV\xd7\xdd\xec\n\xd9\xe1\x12q\x018\x98\xfc5?\x05\xbd\x81r\\\xcc\x93(\xcb%S)L#\x18'</t>
  </si>
  <si>
    <t xml:space="preserve">payoff Amex </t>
  </si>
  <si>
    <t>b'\xba&amp;m\xb9\xb3\x85\xfd\xe0\xa9Tf\xe8\x1f\xf1#\x9d=\xb16C\x0f\xb7\xca#\x8c\x99,\xc3\\\xa2\x9a\xd4'</t>
  </si>
  <si>
    <t>b'&lt;\xb8K\x91\x01\t\xe0\x93\xf8y\xc0 \xf55A\xb1\xc6X\x92\xeb\x85\xea\xe6LK\x8b\xd3\xd6\xd6\xa5\xa9\xf9'</t>
  </si>
  <si>
    <t>b"\xeen\x90\xba\xb1)&gt;\xcf\x0e\xe8\xcd\x99\xe7w\xe0'\x8b\x81\xaci\xa7&gt;\xbb`\xb7\x8a\xb2&lt;3\xf6m\xbe"</t>
  </si>
  <si>
    <t>b'\x98M\xc8\xa0\xff\xee\xc1;\xc8\xea\x8b{I\xf8\xc4\xcbTO\x11x\xd9\x0c\x1b\xeb=r*\x10\xb9\x90\xb2n'</t>
  </si>
  <si>
    <t>b'\x12\x9a)\x113\xa1\xe6\xc2\xe6\xfe\x85\x190\xe7\x8e7\xcfg\x85\xbf\x81\xb3\x17\xe1&lt;n\x1fG\x1f\x96\xf6\xd0'</t>
  </si>
  <si>
    <t>medicalpay</t>
  </si>
  <si>
    <t>b'\xcfF}:\x08\xc6\xfb\xd9\x850\xd2o$X\xffQ\xb2\x147\x18\xdd\xe3\xb7\xd2\xbfduv/\xb1K\xf7'</t>
  </si>
  <si>
    <t>Money Saver</t>
  </si>
  <si>
    <t>b'9\xa6\x19\x96\xfb}l\xf8G\xe1E0\x04r!\xf6\xd4\x85\xe6\xe6(\xae\xd5o\r\x9b\xf51 \xec\x97\xbf'</t>
  </si>
  <si>
    <t>b'\xe2\x83o[9\xce\xd5\xd0)\nvK\xa0\x18W\xca\x9c\xe9\xd5\x19n\xd6u}\xdcp\xc8qT\xc4\x01('</t>
  </si>
  <si>
    <t>Pay High % Credit Card Debt</t>
  </si>
  <si>
    <t>b'\x9f)\xc6W#\x81W\x1e\x1f\r\xa9wr\xd4G\xd2X\xb8tjvM\xebFy\xddDF{-\x7f\x80'</t>
  </si>
  <si>
    <t>Consolidation funds</t>
  </si>
  <si>
    <t>b"\x85mf~c,\xd8\xe6\xfc\xa5\xc2\n]\xaa3r\x9aB\xdcXy&lt;\xc8\x8d\x13-\xca\xd8\xa8'2\x15"</t>
  </si>
  <si>
    <t>b'!\xc4\xb3\xe5\xf1\xa5\xc7Z\x9e\xb7\xff\x06\x82\x12=\x91\xb5\x8cg!~\xddq\xffQQ\x01\x1d96\\\xc7'</t>
  </si>
  <si>
    <t>My Home Project</t>
  </si>
  <si>
    <t>b'\xc68\x90\xc6NG\xd0\x96\x93\nnc\x16wD\x9d\xae\x94kZ\x13\xc7\xf4}\xa5J\xbe\xdf\x99G\xb5\xe6'</t>
  </si>
  <si>
    <t>b'\x08?!]\xe7n\xa3\xe9\x8e\xbdj\x99\x95\xb7\xb4?\x0cc\x00\xd0b3\x08\xda\xc1\xe5\xf6\xb5\x1a\xd3k@'</t>
  </si>
  <si>
    <t>artificial turf</t>
  </si>
  <si>
    <t>b'\xff@\x1d$(q\xff\x12\x06\tB4\x05E"H$2w\xe5\xb6\x03B\x96u\x84\x9d\xf7\xaa\\d|'</t>
  </si>
  <si>
    <t>b"\x06\xac)\xe6Z\x8f'P\xa6\xc3\xb9\x8b\xca}\xf1C\x19N\x81\xe3\x86\xdbZ\xdf\x15\xb4gr\x8d:p\xd6"</t>
  </si>
  <si>
    <t>b'\xa4\x1e\x9d:\xfd\x902\xf9\x8f\xf9^Y\xb7J\xa0Q`@\x18M\x01\xdd\x9eR~\xf8Lq\xd6\x06\xb4\xce'</t>
  </si>
  <si>
    <t>b'\r\xb3\xcd\xc3\x96\x1dP\xe6\xdfy\xff\x85\x96\xb4\x07\x9eeh#\xe3\x08\x1b\x8c\x9a\xb6\xda\xf8\xa5\xe2R\xfc\x8d'</t>
  </si>
  <si>
    <t>b'\x850E\xa36;\x06\x8a@n7\xee\xfa\xda\x87\x90\n\t\x9b\xe7;\xfb\xa9\x12\x04\x1f\xfe\xb0q4\xfds'</t>
  </si>
  <si>
    <t>b'P\xa7\x8c\xa6~*\xd3l\xca4\x17\x17\x81U\xa1\xe6\xc0\x0e\x15s\x7f.8b\xb1\xed\xe5\x83\xf1-\x03\xf3'</t>
  </si>
  <si>
    <t>b'7\xd6\xc7\xbd@\xb7\xa3#\x1a+\xa4\xc7\x81L/=\xf1\xb2\xa0\x04\xb1\xe4\xdc\xa2MeX?\x0cY\x7f\xa4'</t>
  </si>
  <si>
    <t>CC SAVINGS LOAN</t>
  </si>
  <si>
    <t>b'4\xcfP\xc3\xbbF|\x9e\x9cf\xed\x8dJ9d\xcaSH\xcd\x98-\x14\xa4M\x8fRs\x98\xe7\x11X\xe6'</t>
  </si>
  <si>
    <t>b'\xd5c\xff\xb6 \x82#\x9e\xbf\xa3\x81\xe9]f\xbcK\x9dK\xa6:\x962\xdd\xc6\xe5l\x19dE\x80\xfd6'</t>
  </si>
  <si>
    <t>New Chapter!</t>
  </si>
  <si>
    <t>b',NeH6\xbc\xac+h\xce\xa7p\t\xb6\xdfV\x12\xb0=\x14\xbfy\x94\x9bz\xbc0\xfe*Pu\x98'</t>
  </si>
  <si>
    <t>DEBT PAYOFF FOREVER!!!</t>
  </si>
  <si>
    <t>b'\x01ax\xdf\x7f\x1f\xbc\xcf\xe3pY)\xce@\x96\xad\x97v\x113\x84@\xd0!\xb6\x08\xdb\xa4\xfb9\xfe\x86'</t>
  </si>
  <si>
    <t>b')wmR\x12\xa5\x98\xc7\xee\xc1]\x19\x0c\xe4\xf5p&gt;\x13\x8c\xaf\x13z\xecZy\xd8\xe7\x81,\xa3\x0c\xf1'</t>
  </si>
  <si>
    <t>b'\xc7\x87\xf8\xdcR\x88&lt;\xb1t\xe5\x11\x91\x86\xa9\x0b\xf3\xd0"\xf4\xbe\x0f\xda\xa3\xc4\x97\x97"5\xd9$O\xb6'</t>
  </si>
  <si>
    <t>332xx</t>
  </si>
  <si>
    <t>b']\xf5B\xe9T\xc2c\x85\xa2\xf6%\xbb\x19\xa5\xee\xba\x13\xc8&lt;!\xa7\xc4\xc7c,8\xff\\\x07\xc2:='</t>
  </si>
  <si>
    <t>b'\x12d}\xb7\x8f\xe6\xedF\x14\xd2\xb3%\x82P\x94\xd7\xcfuM\x9c\xaf\xedN\x88\x9d\x05G\xe2\x92\xcc+E'</t>
  </si>
  <si>
    <t>b'!j V\xea\xb1\xd0)\xad\xc0E\xc6\xf5[\x8el\xd0S+y\x9ezp\x04\x839@\x05\xbd\x874g'</t>
  </si>
  <si>
    <t>b'\x17\xa7\xefgmj\xe0\xe2+K\xc9\xef\xae\x11\xaai#I\x1c\x90*\x94d\x01\xe7.\xebB)\xe3\xa9\x8e'</t>
  </si>
  <si>
    <t>b'\x18h"\n\xfeR_cN\xe8cIJ\xa3?\x94;S\x8b\xfcS\x93\xb4\xfd\x0b\x94f\xf7\xe5\xd0l\xbd'</t>
  </si>
  <si>
    <t>b'\x81\xbeYO;\xf5\xa1\x88\x8d\x97\x15O\x9cG%\x83Gp\xa0,\xc5\x1bG\xe3~\xc3\n\xa1\xbbj\xa9S'</t>
  </si>
  <si>
    <t>b'u\x04\x19t\xf2\xd3=\xb2\x95\xae]\xf5(\xd2\x16\xe8\x9d\xd3\x0b\x02&amp;\xb1u\xcd\x17\x9e\xd2\xb3\xdc\x0cw|'</t>
  </si>
  <si>
    <t>b'j:w\xe4\x11\xbe\xbaA\xc3\x06\x1e\xa2\xc7Q_\xa6\x04\xda\x81\x17\x9f$d\xb8\x88\xb0\xbfU\\\x80\x9d\xea'</t>
  </si>
  <si>
    <t>b'XP\xe0A0\xd7+!E\x1a\xfe\x03\xc4\x8c\xa7\xa1[\xedR(\xa7"\xe2\xf4H\xe6\xa9\x1c\x87V;S'</t>
  </si>
  <si>
    <t>b'%\xb2d\xa0\x7f\rU\x92\xbb\xda\x19\xd8n\xaf9 \xf9\xe0a\xbc\x8eQ\xea\xe4\xe6\xeb\xdc\xda~\x17\xbf\xa4'</t>
  </si>
  <si>
    <t>b"\x99Sx*{\xce'e~%T\x90\xb5\xd1\xf6\x95\\\xcf\x8c\x95\xd2I\xc0\x8a\xc3\xdd\xd50!\xb7\xfd\xa0"</t>
  </si>
  <si>
    <t>b'6\xe3\xf8\xbae6|}\xcf\xdby\xea\xd6\xa3\x1d\xf14"\xe2\xa5\xff\xba\xf1\xbdy\x92o\xb0&lt;f\xd3y'</t>
  </si>
  <si>
    <t>Home Improvement II</t>
  </si>
  <si>
    <t>b'\xafE\\\x82\xbc\xce\xe8\xe1\xf0\xa7ri\x87\xc7"^\x80vg\x11\xb8w\xa0\x97GGT\x02o\x95 Y'</t>
  </si>
  <si>
    <t>b'\xc2\xc1\x82ks\x06\xb8b.\x02\xcd\xfaoY\xd1\xfc\xa07\xfc\xb9\xd5\x11\xef\xa1dXN\xa7\xe7\x89\x88\xb6'</t>
  </si>
  <si>
    <t>CreditCard payoffs</t>
  </si>
  <si>
    <t>b"\xba;\xe2\x9d\\\xcc\xfe\x1e\xa1\x90\x02\xd7s#\x02\xc8?\x8c\xb9'\xd5\xd7\x84\x82hT{)\x91\xa1\xe4\x7f"</t>
  </si>
  <si>
    <t>Payoff bills</t>
  </si>
  <si>
    <t>b'\xadv\rQ:E\xdfy-0\x19r\xdd\xe3q\x9a@\x9a\x1bw\x0e\xc0X\xf2d@\x0c\x1e1\xff\xe4\xc2'</t>
  </si>
  <si>
    <t>b"\x9bI\xcbr,\xe6\xabF\x8fx\x03\x89\xce\xce!\xd3\xf51\xeb,DF&lt;'o\x1e[\xbc\xcd\xca\xc4\xaf"</t>
  </si>
  <si>
    <t>b'\x87n\x15\xd6\xee9\xf1\x96\xa8\x87\xdc?5\x89\x8d\xa1A\x19\x88\xdb\x8eU\xdf\x01\xd8\x8d\xf9Q\xe1_i\x96'</t>
  </si>
  <si>
    <t>b'\xc5\xca\xc9\x13:\x128\xc9\x1c\xec\xd2l\xc2A\xd7\x85\xde\xd3\xab\xe6\xfe\x11\x9b\x04\xf5\xa0S\xc5\xc4\x02ki'</t>
  </si>
  <si>
    <t>b'\x15amJ0*\xbf\xf4\xef\xf2\xfb#\xf9\xcb\xda\x01\x90\xdef&lt;r\x86\xff~\xa9\xdc\x8f\x981\xd8\xb6j'</t>
  </si>
  <si>
    <t>Merge Equipment Loan</t>
  </si>
  <si>
    <t>b'\xa6\x9a)\xcb\xf1_u\xd7\xc1t\xa1\xf1\x8dM\xcfW3&amp;\x88J X6*\xbfE\xc5\xe1}\xdb\x91\x9b'</t>
  </si>
  <si>
    <t>b"\n\xf6\xcb\x8a\x12pCU\xb1N\xd20'\xf5-;#\xf9n\x13\xce\x0b\xa9\xfeF\xbf\x83[\x8b\x95\xf2\xe7"</t>
  </si>
  <si>
    <t>b'1\x89\n2aSd\x87\x14\x1e\x9b;\xaau\xb3\x7ff\xd23\x85E\xb1\xccx=\xf0\xb7w\xc5J\xc8\xe3'</t>
  </si>
  <si>
    <t>b'yk\xd4\xb4\x81\x06\xfc;\xcc\x0cI\x88\x10\\\xf8\xfcj\x97\x19\xf6^&gt;i\xbb\xe9B\x93I$I\xfc\xa7'</t>
  </si>
  <si>
    <t>b'\x86\xbe\x7f\x97\xff\xf1\xb6\x94\xd8\xbc\xa9&amp;`\x97\xde\xce\xcb\xcfe\xdb\xe6\xcb\xb4\xec\x8b\xc2\xbb\x1e\xc7c9\xa8'</t>
  </si>
  <si>
    <t>b'\x04\xa3\x06p:\x98\xb0\'\xc7v~y\xcf\xab1\xb3\x04\xb2\xc7O\xa4\x03V\xc1\x89\xce\x92\xfa\xf5\xc5\xc3"'</t>
  </si>
  <si>
    <t>b' \xd4\xc9\xd4/\xf9\x8c\xa9\x1f\xe0\xf6\xa6q\xa1\xb1\xea\xbf\x19\x19\x1f\xac\x85b\xa7\x01\x14Q\xa8P\xb2\n\x1c'</t>
  </si>
  <si>
    <t>b'\xaf\xe3\xac&amp;70\x93f\xd1\xd5\x01Hx\x8d\xef\xc9\x80|EP8\xb5\xe9\xdc[\xb6DW|Jp\xcc'</t>
  </si>
  <si>
    <t>Loan 3</t>
  </si>
  <si>
    <t>b'\x05\xec\xd3\x93\x06\xf4\xf3\xa6\xe7\xfd\xa96\x94X\xa6\xb0H\xa3@G\x9f\xda\xa8\xcbC\x94\r\x88r\xdb\x1c,'</t>
  </si>
  <si>
    <t>make it</t>
  </si>
  <si>
    <t>b'\xd5\x8a\xfe\n\x84\x83x\xe6b!\xd1\x9eT\x95&amp;\xf9 y\x13^kp\xafB\x0b\xa5/\xda\xec\xc0\x80&amp;'</t>
  </si>
  <si>
    <t>b'\xa7\xaa8\xde\xbf\x12\x12\xe5\xa3x\xecT\xebDVNy\xbd2~`!\xffxw9\x95\x10\xd0\xb8.\x15'</t>
  </si>
  <si>
    <t>b'\x1e\x00\x1dX\xd4\xb6\x00s6\x99A*Iv\xac\xa3\x0e\xbau~\xa5\x13\xb2\xdd\x00\xdeJ;6|\xd2\\'</t>
  </si>
  <si>
    <t>b'\xa1\xb0b\xd5-\x9bQv\x1f\x7f\x13=s\xeff\xbeU\xc4(\xed}Z\xd7D\x00\xc7\xe5\xbd\xe0\xb1/\x0b'</t>
  </si>
  <si>
    <t>b'\xeaC\xdc\x9f\\\x0e\xe8\xd1\xf3(\xb1\xd6\x12\xec\x1a\x19\xa0\xfc\xddJ\xb78WD\xe27\xc09\x1fX]\xb4'</t>
  </si>
  <si>
    <t>Buying Car</t>
  </si>
  <si>
    <t>b'\x06\xf5\xc0\xfa@\xe3\x16G\xd8Dx\xb5\x938\x94\xeao\xaf\xee\xa2\xdd9 \x924\xe9\xed\x1f\x17\xa9\x988'</t>
  </si>
  <si>
    <t>b'9\xe5\xce\xc4?=\xfb~\xd3\xc4\xba\xd0x"\x04\xcb\xcd\xc5#\x1e\x89\xf5w\xaeU\xf2\x14\xb9\x83\xbcV\xe3'</t>
  </si>
  <si>
    <t>b'\xb7\xac\xad@\xe4\xa0\x94J]\x1fb\xaa\x90.?\xca\x1ej\xb5{`\x8ah\xc8]&amp;\xden\x80n\xf6\xb3'</t>
  </si>
  <si>
    <t>b'\xda\x8e\xfa\xd6\xaa\xb0*\x80x\x9f\x8a\x8c\x86O\x80D\xd2\x08\x9e\x87\xd7W\x80/"\nV\xbf\x19e\x12_'</t>
  </si>
  <si>
    <t>b'\x13\x14\xdc&gt;=\xc4\xaa\xd8P\x03yD\x16n\xbc\x1f\x11\x9295\x0eaFU\xa5\xf1/\xa7G1\r\xcc'</t>
  </si>
  <si>
    <t>b"[/\xe8\xb1\xd0)_\xad\xe9\x07\x94'E\xa5q\xe3\x99\xd8\xae\x13\xae\xbc\x05\xc5\x94K\x85\xce\xb3)\x81$"</t>
  </si>
  <si>
    <t>get out of debit</t>
  </si>
  <si>
    <t>b'\x8e\x10\xdc\xfb\xec\x89\xd5#G\x02\xcc\xb5\x84\x8f\xe2=\xa8o\x1b]\x9f\xf0"\xd7&gt;\x01\x9d\xba\xdd\xc3d\x9f'</t>
  </si>
  <si>
    <t>b'jn\x19\xab\xb0U\xeb\xddF\x96u\xa6q\xb5\x9d\xbc\xf3\x0eB\xf1\xe0]\xe1J\xd0\x8c\x13v\x97\xedIg'</t>
  </si>
  <si>
    <t>b'\x85\xce\xd1\xbd\xf6 \xc8T\xa4o\x15Q\x8ah!\x9a\xb0\xce\xb8\x15v\x88#\xaa\x98\xfe\x82\xf0\x1a\x95\x93}'</t>
  </si>
  <si>
    <t xml:space="preserve">no more cards </t>
  </si>
  <si>
    <t>b'\xf2\x0fj2k\x80\x8f\xef&amp;\x06J&lt;\x05&lt;@7\xc8*\xa7mwd\xa3;\x15\xaa\x11Q\xae\xd7\xa2\xd7'</t>
  </si>
  <si>
    <t>b'p\xcfH\xeci\x01\xa3\x87S\x155p\xe8F\xd4\xd4*c\xcf\x01\x8b\x04\xfd)[\xd9\xc8\xc5\x93\x04\x98\xdd'</t>
  </si>
  <si>
    <t>b'P\x0e\x93\xda\x08e\xcd\x1e=\x9c\xab\xc8\xf0\xa1\x82\x04V\xcd\xd9(N8\xe0\x95\xdbX\xe4\xe6\xa8\x1cV\x06'</t>
  </si>
  <si>
    <t>b'\x0ez\xf1S\xd4\x0e(\rj\x19\xd5M\xd3\xd1\xc4\xce)k\xe0\x98\xea\x0f\xd2\xe2\xd6 h%\xa0\xdc\x19q'</t>
  </si>
  <si>
    <t>b'\xfd|\xba(uUDQ\x04M\x10\x86C:\x99\x998c\x02\xb2\x94bn\x1b&amp;+^)F9\xf0\xa9'</t>
  </si>
  <si>
    <t>b'A\x9fC\xb1Q\xdb\x17fOu1\xaeiY\xaf\x95MA\x7fhk\xd5\x86\xcc\xc6\x14\xef\xfd\xbc\xc3\xe8\x1d'</t>
  </si>
  <si>
    <t>b'a\xbb\xc5\x1f`43UcT\xf0\xd6|\x0eW\t*#U\xd4\xab\xdb\x01\xae\xa5F\x89\xa14|q\x1d'</t>
  </si>
  <si>
    <t>b'_\xfe\xad\xb4V6\x84\x00&lt;\xbf\xf6tK)\xf3\xd2\xf7\x88\xc1\x06\xc4\xa9Q8\x0e\xd5\xa6\xa0A\x84\x93&lt;'</t>
  </si>
  <si>
    <t>b"'\x9d\xff\x89\xc1\xa5\x00 \x9eRB\xbc\x00\x99I?\xed]\xe1\x8aST\xa9A\x9ca\xc8\xcbmO@u"</t>
  </si>
  <si>
    <t>b'\x88\xcd\x13.\'\xf6\xb4\xfcq\x1etLW\xba\xa4y\x10x8\xf8\x0b&gt;\xc0*\x0baH5\x8b"\xad\xc4'</t>
  </si>
  <si>
    <t>b"T\xfd\xb0\x8b\x1e\xb5\x83&lt;\x90%\xf2\x16\x94'\x80\x14h\xf6H\xd9%*9\xe2\xa3\xc6|p\xb5\\\x8f\xe2"</t>
  </si>
  <si>
    <t>b'\xa1v3\xf9\xec,\x89T\n\xce@d\x8f\xc2-\x8f\x99{\xbbym\xc7\x99M-\xc2[Y\xe4\xc4\xeb?'</t>
  </si>
  <si>
    <t>b'7Z\xb5\x1f\t&gt;\x96\xd7t\x97\xf2\xcaD\x07\x12\xda\x11\x0e``x\x9d\x15\x9e\xd8G\xdfZ\xbba4\xef'</t>
  </si>
  <si>
    <t>MY PERSONAL LOAN</t>
  </si>
  <si>
    <t>b'T\xfe\xe4&amp;\x83{\x04\x02\x9a\xc3\x8al2X\xe0\x06\xe7E\xd2=\x97\xf1\xb4\x14\xb2\xeb\x16"\xaf}C!'</t>
  </si>
  <si>
    <t>b'FB\xb9\xcd0\xb4\xdc\xb1\x06/\x17\xfc+Wl{S\xad\x03sm\xed\x8f\xf79=[c\x1d--t'</t>
  </si>
  <si>
    <t>b'\xbe\xfd\xef\x0c\xbaZ\x0c\x89b\xac\xbb\xb2\x10\xe7\x10\x8e\x18h\xfc\x07\xc8\xc2\\)7\x94\x85\xd3juJ\x85'</t>
  </si>
  <si>
    <t>b'\x04\xa5&gt;\x8f\x19YF\xe8W\x0bN\xe2\xa7\x85\xab%\xd1\xd9.k\xc7Ky\x92^Q\x05\x7f\x053n\xab'</t>
  </si>
  <si>
    <t>b'\xca&amp;\x03Jn!\xc0mc\\\xbd9\x19\x8ea\xdf\x87\x046 o\xe4\xe4\xb7r\xd8\x9f_?\x16%z'</t>
  </si>
  <si>
    <t>b'\xec~\x80\xf2\xa4[\xc3\x1e\x1b\xc2\xab\xd4n\xf7\xadG\xbfP\x99\x84@\xb9\\\xc0Mq\xae\x90\x7f%\x8d:'</t>
  </si>
  <si>
    <t>Eliminate CC debt</t>
  </si>
  <si>
    <t>b'\xd6^\x1e\xf0\x84\xc4nGR:\x90+\xd9\x01\\\xff\x8a\xdd\xe8H\x17\x94\xe1\xed3\xf8]J\xc6%mh'</t>
  </si>
  <si>
    <t>Personalloan</t>
  </si>
  <si>
    <t>b'\xb6\xe0:\xd4u\x02o\xaa`\xce\xdd\xb7J\x9e\xa5d\xd3n\x97\xca\xb9I\xbbX\x1dIGa\xa2\x08\x11_'</t>
  </si>
  <si>
    <t>b'%\x07f*\xe0Y)d\xd4;\x99\x93&lt;Pc88\x1ah=7\x9e\x7f\xfa^\n\x94X\x9bj\x0e\xfb'</t>
  </si>
  <si>
    <t>b'\xd8\x15\xbb\x19c\xe7\xd7\x98\xd8\xff\xcc#\xd4_D\tg\x8fD8\xb8\x9a\xa8\xb2~&lt;wyFA\x17}'</t>
  </si>
  <si>
    <t>b'\x8b\xfc\xbbS\x81\xf0A\xe0._\xfc&gt;\xc8\xfe\x8c\xc1\x1e/\x9a\xaa\xef\xe4;\x90\xb5\xeb\x85T\xff\xdd\xc4&gt;'</t>
  </si>
  <si>
    <t>b'&lt;\xb0s\xa9\xa3\xc3\x0e\x95\t\x98+\x9b\xfeo\x81\x95\xad\xc5\xb8\x07j\x84\x83\xe8\xe8gW@\xe3v5\\'</t>
  </si>
  <si>
    <t>b'D:\xd1\xa7_/x\x82~\x8cyX\xb5\xed+\\2\x87\x19\xef oj\xbe\xe5\xd8\xae\x0eQ,\xc5v'</t>
  </si>
  <si>
    <t>Second one</t>
  </si>
  <si>
    <t>b'\xd9\x11c\x0c\x1d\x17$\xd5\xff\x95\xe7I\xfb\x03\xd6\x1c\x8f "\x9av\xb7ey6\x1eb\x9d\xf6\xfb\x93\xf8'</t>
  </si>
  <si>
    <t>b'\x1c\x81x[\n\xb70\xb9\x81\xd4\x08\x8cYBNK\xfb*$!\xc2z\xde\xf2[\x05znL\x86\x04\xea'</t>
  </si>
  <si>
    <t>God Blessed</t>
  </si>
  <si>
    <t>b'%\xf5\x8a\x83Ps\xd8\x7f\xb8\xb4\x19\xb4\xa8\xe9,\xd7\x98C[Z\xaeb\xb5qyS\xdd\x7f\x03\xd1\xa9\x95'</t>
  </si>
  <si>
    <t>b'3 \x04V\xf6\xdb h\x9b\x8f\x9e\x86\x94\x14\xae\xa37b\x19\xc0`\x84\xb9\xfd\x17\x8b\x99\xaa`\xa4&lt;\x9a'</t>
  </si>
  <si>
    <t>b'\x00-9b@\xf7\xca\xb4\xc49\x90\xebw\x97P\xe6\xc8O\xfd3n\xab\x1b?\xea\x87N\xc25D\x0eD'</t>
  </si>
  <si>
    <t>concoladation</t>
  </si>
  <si>
    <t>b'u\x81G\xc1^J\x05#\x1b\x86\xeb\x80@Q`#\xed_b&lt;\xca\xb2\xdd\xb9O\xa8\xf4}D_\xdd\x7f'</t>
  </si>
  <si>
    <t xml:space="preserve">Paying off all bills </t>
  </si>
  <si>
    <t>b'86\xff\xf0\xdf\xeb\xcc\xab\xbb\x9d\xeem\xf6\xb7\\w\n\x98\xa2&amp;\xff\xca\x94 \xa6\xe0\xe1\x87\x99!\xb2\xf6'</t>
  </si>
  <si>
    <t>b'H\xbb\xf2(D\xb9\xcc]\t\xbf\xcah@\x16 \x85\xfd\xf8Y;(\xdbn23\xedQ7[\x02]m'</t>
  </si>
  <si>
    <t>b'\x8aA\x05\xf2\x8f\x16&amp;\x11\x87\xab\x0c\xea\x10\x16ti\x13R\x86&lt;H\x16\xa3\xcd\xdb\xd2\xf8\x9f9Qw_'</t>
  </si>
  <si>
    <t>b'N\xf8\xf6\xa7L\x88\xc4j\n\x87V\x1a\xcd[\x8af\x1f\x1eO\xb7B\xe7|\xfcZ\xb8\xfb\xf4!\xaa\x91z'</t>
  </si>
  <si>
    <t>b'\x99\xfb@J*\xa0gy\xddX0\xb8\x03\xe6,\xd2\x97\xc7*\xaa\x8d\xda\t\x16h\x7f\x1c\xe4X\x03\xd0j'</t>
  </si>
  <si>
    <t>b'\x85\xea]\xb4#\x969b\x97vK.}\x88~\x88{\xa2\xcb\xd1\x80\xea\xb4h\xaa\xf0\xe7d\x06|~!'</t>
  </si>
  <si>
    <t>b'\x7f\xf4I\xf7\xc3\x9a\xb7"\xb9UB\xee\x91\xba\'\xb7\xadx\xd7\xf0\xb3\xdb\x95@\xfdW\x92\x12\x14\xa6E4'</t>
  </si>
  <si>
    <t>b")0\x99\x89\xc7\xe4'\xf2\xbc\xdbz\xc3\x8b\xd5\x84\x15\xf3\xd8\xddu\xd6\xee\xca[fF\xe4\xd4\xd6\xb8\xc5\x94"</t>
  </si>
  <si>
    <t>b'7\xb2\xfc\xac\t(\nj=p\x91\x11\xfe&amp;\xf9\xa2\x1f\x1bC6\xcd\xc4\xf95\xf2\x00\x17\x9d\xc3o\xdd\xe0'</t>
  </si>
  <si>
    <t>ontrack</t>
  </si>
  <si>
    <t>b'[\xad\xa2\xef\x18\xc4\x07(E\xf2\xf5\xcb\xe9f\xd8\xcb\xfd:\xf5\xe1u\xc8]\x93\xce=P\xf4t`\x0e\xeb'</t>
  </si>
  <si>
    <t>b'G\x81N\x8e&amp;/\xe0\xbb\x7f\x00\xb65a\xe5\xd9\xbe\xb8F\x8e\xfc\xed\xdd\xecu\x026M\xe0\xd0\x8dVS'</t>
  </si>
  <si>
    <t>b'\xb6F\xc47\xdc\xdc\x98\xe3&lt;\x05\x04W\xe0\xc9\xae\x14\xc00V%u\xd8tdF\x89@\x8d\xe0\x1c\xed]'</t>
  </si>
  <si>
    <t>b'\x02$\xd7\xf8h\xa9\x14kn\xf6 \xbe\xce?\xedq\xd3_\x83"\xbe\xe6\xab\xf0\xb3\x8d\xe5w\xf1TNC'</t>
  </si>
  <si>
    <t>b'K\x9c"\xb2B-\x87\x0c\xd8\xaf\xdci\xadGT\xd1\xcci\x1f~\x1c\x10X\xda\xaa&amp;\x01\x99h\x04\x90\xcc'</t>
  </si>
  <si>
    <t>Refi loan</t>
  </si>
  <si>
    <t>b"\xd0W\xcbL\xcd\x1a\x9f=`\x18\xc3\xd8\x80'\x01l\xc2\x88\xdc\x99g,8\x98n\xd5\x14\x8c)N\xbe\xe6"</t>
  </si>
  <si>
    <t>b'\x171iD\x05\xe8:\xc7{\xab\xfc\xd08\xa0\x86\xd4\x1a_\x94\x8fh\xf1T\xddmc\xdf\x8c\xb4\xd5\xee\xd8'</t>
  </si>
  <si>
    <t>b'vM=\x9f\xb9\x15\x19z")m.\xc0\x12\x15\x1b\xd9\x92Q}\x00bD\xf2\xaah\x1c!\x14H-\x9d'</t>
  </si>
  <si>
    <t>b'\x07\xf9\xa5\x18\x95\xc9W\xeb\xa8\xe2.1U\xef\x85\x03f\x83\x10\xf1\x00O\x06v\x16L\xd7;\xc5\x8ew\xef'</t>
  </si>
  <si>
    <t>Home Improvement/Debt Paydown</t>
  </si>
  <si>
    <t>b'\xd2\x9e\x1d^/X\xd1\x95tG}\xcc\xaf\xc2S\xb1\xcfv\xc2\xe7`\x8c\xed\xcdZ)\xa1\xc4\x92\xee\x96\xea'</t>
  </si>
  <si>
    <t>Debet Consolidation</t>
  </si>
  <si>
    <t>b'\x92\x19\xb3rg\x95\xe0\x18\x96b6\x047\xb1\xd1\x16)\x9b\xc74\x9bVv\xbc\xe4\xd4\x19{\x08Q4a'</t>
  </si>
  <si>
    <t>b",'\xdb\xfd\xec[\xcc\x1a\x9cV\xd1 \x81\xac\xc8\xd8\xf1f[\xdeT\xebwG\xdc\xf6\xd9FR\xcfEO"</t>
  </si>
  <si>
    <t>b']\x1d#R\x9ca\xe0\xb6\x9e\xe0\x1ca\xe5\x075\x13\x8d\xa6H\xb70\x00B\x952\x0b\xae\xabt\xd9\x18\x19'</t>
  </si>
  <si>
    <t>b'\xfd\xa4#\xcc\xde\xba\xfbL\x9a\xb5\xb6\x03_\xb7\x11\x9e\x1fq\x16Q\x8c\xda\x07\xd8d\xe0s\x94`\xef\xa6\x96'</t>
  </si>
  <si>
    <t>Debt Considation loan</t>
  </si>
  <si>
    <t>b'_a\x7fQx\x99\x8a\xe8\xac\xec\xf1*7"\x92\xb67A\x8b\xee\x9d\xab.\xc2\x93\xccPh\xd2&amp;\x0b8'</t>
  </si>
  <si>
    <t>b'g\xf0\x9d\x8e\xf4m\n\x15m\xf0){\xd9\xac"c\xa0\xb3\x02\xeb\x99%\xf31\xff\xb0\x07t\x07\xe1\xbe\xad'</t>
  </si>
  <si>
    <t>Loan to upgrade kitchen</t>
  </si>
  <si>
    <t>b'\x9ba\xf8\xc8/eK\x19\\qXL\xad&gt;\xfdEY\x19|\xf8\xc0\x00\x8fmi\x18\x11\x9a~\xae&lt;,'</t>
  </si>
  <si>
    <t>b'\xf0^\x11tC\xaa,/z^\x8au\xf5,l\xea\xce\x12\x15\xc2\xc2\xb6\x88\xad\xc1Sdx\xf5\xce\xd6\xef'</t>
  </si>
  <si>
    <t>b'\xf6\xf8V\x9c\xc1$T\xfe\xd6\xec\x89\xc6\xd4\t*\xf1\x06\xeb:\x86\x8c\xe4\xc3\xc1\xe7\x17l\x14\xcd\xe3\x8f '</t>
  </si>
  <si>
    <t>b'\x13\x03Q6\x9b\xb0\xf7X\xe2\x08\xa9\rg\xfc\x08\x02r\xbew\x97\xf5\xe7\x95_Nw\xb9-\xf1R\x07\x95'</t>
  </si>
  <si>
    <t>b'`\xef\xad\xcd?U\x97\x98#\x98)v\xad\xc7\x111\x94)jbT\x90\x08\xc2\x96\xfe\xef\x02\x03\xa6\xbe\x82'</t>
  </si>
  <si>
    <t>b"'\x11\x06\x01\x07\xb8\xe5\x86\x04\x85\xfd\x1e\xad\xa4\xdd\x1f\xea\xcabvY1\xcb\xfc\x8f\xfaK\xaa\xdew`L"</t>
  </si>
  <si>
    <t>b'\xd9\xb9\x9c\x0bU\xc6\x88\xea\xf69\xa4~5\x83k\xf5\x8b\xcbVZ\xb8\x93\xce\n\x05\xfc\xc5\x91\x9c\x82\xd1W'</t>
  </si>
  <si>
    <t>b'\xaf\xd2^C\x90\xc8)6\xc9.E\xcf\xcd\xad\xb1s\xb7\xeb\xb1\x11y\x13\xe8\x08b\xa7I\x8f\xa0\x1d\x1b\x9e'</t>
  </si>
  <si>
    <t>b'\x9apo\x8d\xcb})H\x93T\xb6\xbd\xc8\xa6\x19$\xf0M\xfb\xb6\xec9\xdb\xa3X\x9fK$\xeeJ`/'</t>
  </si>
  <si>
    <t>Fix It Up</t>
  </si>
  <si>
    <t>b'oz\x96}\xef\xd3|\x08A\xc76\x18[\x9c&gt;v\xaa\x93\xe7\x18\xf7%iNm\x86\xd1j\xe4\xfb\xa4\x16'</t>
  </si>
  <si>
    <t>b'\x1f7\x15\x08\x87\xe8Mus\xcf\xae\n\x11\xdf\xcebs8\xe2\xa7\x81\xc0q\x89\x83!\x95xtd5\xb6'</t>
  </si>
  <si>
    <t>b'/\xcd\x0eai\n\x08\t\xebD\xc3\\\xd4j\xf8\x90\x0c\xec\xae=\xc3\xd1\xe9 \xdd\xec\x91\x7fR)\xeeS'</t>
  </si>
  <si>
    <t>b'\xbd\xfb\xfdZ\xd0\xad\x83\xe8^hp\x1c\xa5\x8828\x01\x01\xbd\xa2\xd9\x93\x8cb9c\x8b\xed/\xa2\x01\x02'</t>
  </si>
  <si>
    <t>b'\x9b\xb7\x07\xc8\xc3\x90\xce\xd9\x11\tO\xfc\x1fY\xd0\xfb\x8a\x84v\x1e3\xfd\x9dae\x12\rsL\x8d\xb2\xe4'</t>
  </si>
  <si>
    <t>b'\xf2R\x10\xae/A\xaaT\xfd\x08\x168\xaazzV7\x1ei\x18\x9e\x97\x15\xcc?;~\xc4\xef\x811X'</t>
  </si>
  <si>
    <t>LOAN_COMBINE</t>
  </si>
  <si>
    <t>b'\xdc\xac\xc487\xa5\x9e\x01\xa0/\xe8\x97\x16lmQ\xd6n\x1b\xcf\xb6[\xc8\xf9\xfdx\x91MVU\x9a3'</t>
  </si>
  <si>
    <t>b'\xd7\x8d\xce\x067"np\'\x0b5q\xba\xdf\xab\x16:tX\xf5I_p|-\x87.\x85\xad\xa9\xd4\xdc'</t>
  </si>
  <si>
    <t>b'\xf6\xbc5h\x0e\xb27\xffA\x8dm-\xc0wV\xc2\x16mUYTY\x91\xe0\xd0\xba^\x81\xaaQ\xa6\x9c'</t>
  </si>
  <si>
    <t xml:space="preserve">Elimnate Credit Card Debt </t>
  </si>
  <si>
    <t>b"2\xec\xfb~.\xd0\xd0\xec\x9b'`.7\xca\xd2\xec\xa1\x8f\xd0I\x04/\xae\\\x86\xfe\xb2\x99\xa3\x83a\x06"</t>
  </si>
  <si>
    <t>b'~\x17\xf1r\xcc\xec=r0h2\r[\xa3\x85ced~\x04\x04\xf4\xe8a,{SR\x83p\xd6B'</t>
  </si>
  <si>
    <t>b'\x06\x17\xa1U[dBa\x12\xa1_\xf1\x1e\x08|\xf2^Y\x1b\x17\x18\xf8\x99$\xac2\x8b\x14\xc2\xfc/\xd7'</t>
  </si>
  <si>
    <t>b'\\9\xa4E\xae\xe7\xb6\x17\xf3/\x9b\xb4\xdcg\x8fr\x9a\x8e\x18\xb1\x95\x13\xfc\x15H\x1b\xe3\xb7a\xe0|\x12'</t>
  </si>
  <si>
    <t>b'\xf0\x1e\x91EY\xde\x05\xbc\xa1\xae\xbd"\xcf\xc9\xf0\xda/\x8eJf\x86s@+\x11.*l\xa9\xbc\xceZ'</t>
  </si>
  <si>
    <t>Personal loan for home improvement</t>
  </si>
  <si>
    <t>b"\xd5+\x86\xd2\xfd-\x9e6`\x92Qg\xdf\xebu\xfa\xca'\xd9;\xadl\x04\xfe\xcd\xc1\x1aRD\xdf/\xd6"</t>
  </si>
  <si>
    <t>b'\xb8-oV\x88\xcbr&lt;B\x14\xc3\x86]7B\x91\xb8k\xfebQ\x9b\x93l\xe6\xed\x85Y\xfbS\na'</t>
  </si>
  <si>
    <t>Dedt Consolidaton</t>
  </si>
  <si>
    <t>b'\xf5\x92\xee\xf5\xc0\xef\xb9\x91\x9a~\xd0\xba\x1a\x9aP\xe1\xe2M)\xdb\x1d{oR\xbdJ \xaf\x9d\xb7?%'</t>
  </si>
  <si>
    <t>b'\x13\x1b\xc0t\xeb9Q\x1cI\x0b\xb7\xc3jcn\xa7\xd2\xad\x01\x9d\xa4E\xaa\xaap\xb2(R\xec\xe1Sn'</t>
  </si>
  <si>
    <t>b'\x06\xae\x95X\xf3\t\x1f\xd5!\xdc\xce\xa5T\x1ai\x8e\x99\xc6P\x90\xc7\xc0\x8c\xbf\xddr\xa6\x9a)\xd3\xc9+'</t>
  </si>
  <si>
    <t>Cut rate by 50%</t>
  </si>
  <si>
    <t>b'\xbab\tqw\x0b\xea\xabKZ\x1c}U,\x7f\xc5\x1a\xd9\xf5\xacmYH\xbcA&gt;YH\xdf\xef\x85\x02'</t>
  </si>
  <si>
    <t xml:space="preserve">Smart loan </t>
  </si>
  <si>
    <t>b'\r\xddf\xb6\xa3\x92O1\x1c%\xcdV\xdc\xfbb8\x10%&amp;&lt;E1\xa9\xf9R\xde\xe1-\x904\xac*'</t>
  </si>
  <si>
    <t>b'\x17g\xb1\x0b&amp;Y4\xd9\xb0\xfc\xec\x1c3J\xa2\xe6Eq\xect\xd7\x88\xa4\x15\xc6\xb8\x1b t7\x10\x87'</t>
  </si>
  <si>
    <t>b'\xba\xa80\x1a\xf90\xa5\x84\xe2\xd1\x82j\x9b\x01 =\x1a[y\xe7\x03\x8ep~F@*&lt;p\x10\xd5D'</t>
  </si>
  <si>
    <t>b'Q \x1e\x03\xab\x9c\x83\xe8\xe8V\x1f5\x04\x96\x08\xb2a\x16\xb9LX\x1cH\x9c\xa2\x9b\x11\x94\xc9\xaf\xe0z'</t>
  </si>
  <si>
    <t>Loan Medical</t>
  </si>
  <si>
    <t>b'X"\x81\xcf\xee\n7\x07\x84\n\x0er\xb5h\xfb\xfa\x80\x14\xe8&lt;\xc1%Z\xbd\xdbh1f]B\xdeh'</t>
  </si>
  <si>
    <t>Large Purchase</t>
  </si>
  <si>
    <t>b'W\xb2`\xa0/af/\r\xb8\xc1\xd5H\x8eCI\x19a\xf0\xf2[\xad3\xb0\x03\xaal\x06M{\xfc\x85'</t>
  </si>
  <si>
    <t>b"gu\xb9\x8c\xe0wZ\xf4\xd8s\xf4\x9e\x12C\x9b\x81\xd6\x01H\xeeX:q\x0e\xaf\xca\x97*'5\x16_"</t>
  </si>
  <si>
    <t>Medical exp</t>
  </si>
  <si>
    <t>b'\xd3:\xc6\xd8\x93=\xe3"\xd0WP}\xa3;\xf4e\x1b\xdb\xe0\xc0Djp\x87\x01\xd9i~l\x8b\x0e/'</t>
  </si>
  <si>
    <t>pay off main one</t>
  </si>
  <si>
    <t>b'\xc3\xd3\n\xa9Y\x83_t.\xd2\xa5#\x8dh\xc3\x8fV~\xc8\xab\xff\x0f\xb4\x8dC\x07\x9c~Z\x8eA0'</t>
  </si>
  <si>
    <t>b'\x88s\xd5\xa39y"\xb1\xde\xd5\xc3\xc3\x7f\xe9\x1b@&gt;\xaf\xc4xG6\xd4$,\x1a\x1b\xfeSln('</t>
  </si>
  <si>
    <t>b'\x9b\x06\x8as\n\x1cg\x0b[K\xf1\xe1\xed\x0c\x87K\x910\xa5\x8f\xbd\xef\x86\x0e\xb6\xd9\x92Kh\n\x83\xee'</t>
  </si>
  <si>
    <t>b'\xa1 \xdfA\x7f\xeemE\x8d1\xdc\x07\xec\xd9\xf40\xa3\xc0\xed$8\xda\x0f@\xf0l\xc0\xed\x05(\x13\x9e'</t>
  </si>
  <si>
    <t>b'k\x98\xa1\xc3@\xcd\xf8\xf1\xee\xc2=:\xb8\x07\xd1\xa5\xb0u\xd9A\xf1$%\xb0\xe1\xb0\xb4\xc6z\xb5\x05\xef'</t>
  </si>
  <si>
    <t>b'\xfe\x91\xd2H\x15\x08\xc5\xd8o\x17n\xf1\xfc\x96\xa0\xd6\xa0%\xbd\tD\xd3\x13\x92\x88\xbbW{=\x87\x8f\xf0'</t>
  </si>
  <si>
    <t xml:space="preserve">LOAN </t>
  </si>
  <si>
    <t>b'@\xef\xe4\xbf\x95\xa0[\x0f\xc0\xb8\xab\x97\xb6_7w\x98\x04\xb5\xd9ZHy@\x0b&gt;\xe3\xb8\x8b\xb6\x0e;'</t>
  </si>
  <si>
    <t>b'y6\x1d\xb81O\x03\xa5\xf5p\xe9\xdf0\xc1h\x1c\xde\x9e4\xb5\xbak\xe8\xf2\xdb\xf9\x0ek\x1c\x1f\xef\xc1'</t>
  </si>
  <si>
    <t>Debit Free</t>
  </si>
  <si>
    <t>b'K\x18\xc9n\xcd:\xa6\xd2E0\xcfw\x1e\xb1\x9d\xc5.\x82\xf1\xfa\xf5\xd7\xcc\x05\xfe\xe1 fD&amp;3W'</t>
  </si>
  <si>
    <t>b'\xa3\xb8Q\x94\xfdp\x7fZ\xfb\x9d\x8a\xbf\x13\x02V\x8a\xcb\x92\x0b\xca\xd3\tvY\x90@j\xa4\xb7/E&lt;'</t>
  </si>
  <si>
    <t>b'\x1d\x983\x80B\x89\x98\xfa\xf60\xfd\xfflE\xbb*\x15F\x1a)\xf1H\xae\x83D\xf0\xc6\xc7\xd7\xa5\x18\xc5'</t>
  </si>
  <si>
    <t>b'iI\xcf\xa5\x18x\xdbF\xa5\x93\x13\xab!.(\xf8\xc1\x88-\x18\xa3\xa1\xdbI\x18X&lt;p~\xce\x9bB'</t>
  </si>
  <si>
    <t>b'\x15X#\xa4\x13^y"\x1d\xfe\xe3\x97\xecK\xfa\x08P\xa6\xa7?\xf8\xfem-U\xb2\x9c=\x9e\x80\x05\xa2'</t>
  </si>
  <si>
    <t>b'\xe8o\xb7\x96\xb5\xdc&gt;B\x8c\x18el\x1b\xd2\xf2*\xc6\xfd\xc4\xf2\xd5\xa1T\xd5\xafk\xd9%\x9b\xc5\xbc\xa2'</t>
  </si>
  <si>
    <t>b'e\xb6iU\x15\xe7Tw\x8a\x87OT\x95\x81\xba\xe5Z\xe5!\x13]\xb2\x96k\x17\x9d\x97)\xdc\x0c\xb2\x17'</t>
  </si>
  <si>
    <t xml:space="preserve">Credit Card Repayment </t>
  </si>
  <si>
    <t>b"\xe4\xb9N\x92[\xbd_\x13%k\xa6\xaf\xa0\xcf\xef,\xf7\x04\xb3'\xa1\xccY\xd0\xdap\x85\x88\xfa9\xe0v"</t>
  </si>
  <si>
    <t>b'\x90+\x16\xd8d\x1c\x8b\x8av\x83y\t\t\xf5*\x84\x11\xb5 \xcd\x9a;\x84\xa9\x1e\x8e\xde\xe0q)\x8f\xad'</t>
  </si>
  <si>
    <t>b'f\x8b\xb4+\xba\x94_\x88\x01u\xb8O\xfe&gt;uN\xe9mAb\xa5\x96\xb1\xdc)\xe4\x08\xda\xe2\xcd^\xff'</t>
  </si>
  <si>
    <t>b'\xe7\xaa\xb1\xd6{\x962\x1b\xc5Gx\xd7\x12\x83b\xf6\xe7pS\xe4MD\xc2\x83\x8a\x19h\xed\xab\x14M\xd4'</t>
  </si>
  <si>
    <t>b'\xf6\xeb\x89\x1c=\x9bN\xf5_\xbfH\x7f\xe1\n\xf9\x0b4}\xa8\xb3&amp;\x81\xfb\xc6D\xfb\xa8\x9f5\t6\x99'</t>
  </si>
  <si>
    <t>b'\xfc\x1f\xcd\xa3S\xaf"\xc1\x0eC\x18\xefnN\xd7F\t\xcb@\xe8\x11\x93\x7f\xd7\x12\xba\x94\x19k\xef\xa9\x8f'</t>
  </si>
  <si>
    <t>b'\xaf\x9a\xb2\xf3\xc0\x17\xc6\x8f\xbb?.l\xd2|\x87\xaf\xb6\xbd\xecRk\xc8\xfb\xd4\xdf\xe2\xd9\xbe;\xcc\xea\x8f'</t>
  </si>
  <si>
    <t>b'8\xad4=\x16\x8f\xec\x9b\xa9@\xd2&amp;\x17\x90\x91c\xe2&lt;\xc5Z\tl5ntc\xae\x11\x7f\x98\x86\xf7'</t>
  </si>
  <si>
    <t>b'&amp;\x14(\x85\xd5\xf6\x12\x96\xab\xc3\xde\xf9W\xeal\xca\x13\xfc\xbf\xf2J\xcdT\xeb\x8c1\xf4\x8b\xfe6\x8e\x7f'</t>
  </si>
  <si>
    <t>b'\x1a\xd0\xdf\xf2Iy\xf5\xd2"\xc3h}~\xd3Z\xb0\xe1\xd6R\x11w49\x92\xef\xe2\xe2\xbb\xf3\xaa\x03\x92'</t>
  </si>
  <si>
    <t>b'e\x9f\x8aR\xba\xad\xa1@#\x8f\x1c\xfe\xd9\x88\x9e\xab\x89\xa2\x885|\x96\x11\xff\x07\xd9*$DU\xb7\x9e'</t>
  </si>
  <si>
    <t>my blessing</t>
  </si>
  <si>
    <t>b'\x9an\x8aV\x8b1CtM\x1cE\xa0\xb1\xe6\x12&amp;wZ\x8d1\x97!\x82\xe5%\t\x07"O\xd8cF'</t>
  </si>
  <si>
    <t>b'\xd2\x9aw#\x15\xfa\xa4\xbb\xe1\xa6\x96,\xd1P-\x98R\x9e\x91l\xc5\xbaSHl\x16\x02\xf6\xd2\xd8\xff('</t>
  </si>
  <si>
    <t>b"'\x87\x7f\x15\x06t\x18\x11p\x11*~\xfb\xd2\x97\xf0\x1dX\x1eEA\xc5\xfa\x97i\xa3\xda\xd2\x11W\xfc\x1a"</t>
  </si>
  <si>
    <t>b'\xdd\x01\xe2\xfa\xfe\x8dS\x95\x1c\x9f\xaf\x13\xde\xa3Y\xb3\xdb;\x86\xear[\x86\xdc\x9b\xaf\x8en\x0b*\x8a\xa0'</t>
  </si>
  <si>
    <t>Credit Card Eliminator</t>
  </si>
  <si>
    <t>b'\x9c\x1f5_B\xa6\xca\xd4\x84\xf7}xx\xa8\xb3\xb3\x14\xef"\x1e\xc4\xe3\xb3ds{\x8aQ@\xfd\xcc\x8b'</t>
  </si>
  <si>
    <t>taxes</t>
  </si>
  <si>
    <t>b'm\xe5\xaa\x8e.\xd1\x1c\xb8A8DL\xee\x1c\xbd3\xcd\x9aWf\xfa\x8e\x1c\xaa\xd1\x8e\xb2kh\xe6M\x01'</t>
  </si>
  <si>
    <t>b'\xa81\xaar\xca\xa6?\xdf[]~iT\xff\xed5\x8d\x87\xb0_\x0bn,u\xbf\x1a\xd5C\xd1\xb0\xccY'</t>
  </si>
  <si>
    <t>b'\x84\xb7I\xc2\x03\xf6\xdc\x1a\x83\x9cT\\\xcd|\xe2\x93\rnj\x8a\x03)\x01Ig\xb9s;\x9fK\xf8!'</t>
  </si>
  <si>
    <t>Pay off Credit</t>
  </si>
  <si>
    <t>b'\xf6\xf8\x15$\xa4\xe7)\x14&lt;\t\x82\xc4\xdd\xd9\xd9\xaa:e1\xdf#\x0b\xed\xd7\x1f\x84\xf6\x08i\xfdtt'</t>
  </si>
  <si>
    <t>b'\xc4?\r\xf8r\x0c\x92}\xdb|\xbf\xb2G\x90GP\xfa\xeeU\xc7\x86\xd6\x93\x01\x93\x0cJ\x1b\x91/ \t'</t>
  </si>
  <si>
    <t>b'~?F\x06\x08\x842%\xb3t\xb1&lt;\xd7\xc7E\x89m\xda\x04a\xc5\x18\x8c\x95-\xdb\x80\x1c\x82\xd3\x0b+'</t>
  </si>
  <si>
    <t>fixit</t>
  </si>
  <si>
    <t>b'n3\x9a\x80O\x9e\xe2\x00\x1f\n\xfb?\xd4\xcf\x16s&lt;\x1e,\xf1[v\xde\xb2x\xb5\x94\x1c@\xe1\xfc{'</t>
  </si>
  <si>
    <t>b'\x18*!\x1ar\xa0e\xf3Yb\xf7\xfd4Z\x8fkL\xba\xe6\xc9\xe7\xa1\xda\x85\xc9\xad\x96]\xb3i6X'</t>
  </si>
  <si>
    <t>b't\x98\xfdz\xcc\xe7\x8fm\x8a\xbdj\x04\xd5G\xde!)\x06RV\x9d\x89\x88!\xc7%\xbd\xcfs\xc7\xbe\x05'</t>
  </si>
  <si>
    <t>New load</t>
  </si>
  <si>
    <t>b'\xa6\x82\xc4\x88t\xff5D=^\x0b\xcfG\x82\xc4\xfa\x8c\xb1\x12\x91;\x01\xcfeY\xceK\xb5C\xdbA\xd5'</t>
  </si>
  <si>
    <t>b"j\x82{y{b\r\xfa5\x8c\xd3/\xc3)'\x85D\x82\x98i=\xc7\\\x00\xeb\x1e\x1cj\x16\x02!\x9b"</t>
  </si>
  <si>
    <t>Debt Consolidation!</t>
  </si>
  <si>
    <t>b'(z\x9e\xc08\x08j\xdfU,L\x0b\xf3\x12t\x9b\x1c\x1cMs\xe7\xc4~\x8a\\l\xcf\x11.m\x9b\xeb'</t>
  </si>
  <si>
    <t>b'\x0e\xe70\x7f\x98\x13\xfa\xe9t\xd3\xaa$h7\xfae\xdc\xabbwC5\x1a\xf5;\xc4\xe2w\x81\xd4\x9f9'</t>
  </si>
  <si>
    <t>b'\xb3\x0c\xb5~|!=\x1d\x9e\x01\xd85:q[\x9e\xfcW7"\xacD1\x18\x89\xa6\xe0\\\x1a\x03H\xae'</t>
  </si>
  <si>
    <t>b'\xf5A`\xdc\x90&lt;a\xd1l\x0b\xa1\xd7\xae&lt;y\xc5\xb8\xe2\x01\xed\xbaF\xf8n\x96\xbb\xb3\xcd,u\xa0`'</t>
  </si>
  <si>
    <t>improvments</t>
  </si>
  <si>
    <t>b'.^M\x8fv\xff\xabp\xad}\xd9\xccq~#\xe7/\xd5\x8d\x1e8\xbdx0\xc1\xd6,\x03\xbak\x04\x82'</t>
  </si>
  <si>
    <t>b'\xe6\xd8\x8c\xcfi\xc3G"\x01\xbenN\x8d\x9cL\xb3\xd2\xea\xad\xf4\xd4E\x17\xc3!\x1d\xa63\xb5\xeb\xfd\xcb'</t>
  </si>
  <si>
    <t>b'\xbe\x9f\xc2r\xd2\xf8\x1e\xfe\xd7\xbfU\xe5\xc3Od\x1e\x97\xbb\x07\xe6\xc0@\x18\xae\xe9*\xc6\xa1\x82\x1f\x8d\x82'</t>
  </si>
  <si>
    <t>b'fK\x10cT\xe8\xbc\xa8\xba\xaa\xee\xeaG\xf6S\x994\x01O@\xdd\x0b\x99\x03\x13\xc3{Z\xef\xd2D\x08'</t>
  </si>
  <si>
    <t>get rid of credit cards</t>
  </si>
  <si>
    <t>b'}\xd3\xf9p\xaedi\x87K\xb4@\x86M`\x87t\x88\xa4X\xb1c\x1d\xb4\xee\x9eOy\xf2\x01\x8e\x90v'</t>
  </si>
  <si>
    <t>b'\r\xc1\xc9\x83jWK\x02\xe6fZ\xc0\xf57\x98Y\x9c\x16\xc6{\x10\x92?m.\xb1\x1e\xd8_\x82\xb1/'</t>
  </si>
  <si>
    <t>b'\xee\xe3\x89%\x07\xdc\xf0-6\x0b\xc9\xa8I\x0e\xe3\x87\x8cX\x1bcafK\x81\xfbn\xc3f5\xf2\xb0\x16'</t>
  </si>
  <si>
    <t>b'\\k\xea\xa0\xbd\xe8\x07\x8e\x90\x9a\xe7\xbd\xf9Y\x9f\t\x86\xdc_\x92a\x8aU\x89\x19IT\xb0\x03\xd3\x19\xfa'</t>
  </si>
  <si>
    <t>b'7\xdb\x91\x19\xe2\xc1\xcbt\xf7X\x8d\xa6\xdc\xdd\xef$\x08\x1d\xd6\xf6\xcec\x9e\xd9\xa8+\xc5\xd0\xa3\xaa\x91\xe8'</t>
  </si>
  <si>
    <t>Holiday Recovery</t>
  </si>
  <si>
    <t>b'\xaa\x90\x18\xfb\x1f\xee\xf5\xd9t[\xd5\xf0+Mp\xfdh\xb0?\xd0Y\xc3.,\x01\xb2\xe0\x84\xbbP\xc2\x90'</t>
  </si>
  <si>
    <t>b'Voh,\xab\xf3\xb0\x1ck\x1c\xe9e^\xcf\x81\xfe\xbe*\x00l%\x18\x84y\x1f\x1a\x87p\xf0UBN'</t>
  </si>
  <si>
    <t>b'6\xe7\x03\xbc\x99L;\xfe\xb2|\xc3\xa90\x08\xc7UhK\xc2\x08&gt;\xb3\x00\x97\x0e\xa3\xb6\xaa\xd3\xf5q\xa6'</t>
  </si>
  <si>
    <t>b"\xb6IV\x1e\xa2x\xb9N6\x9d\x8a=\xe0\xc8\x19uE\x1a\x1d\x9e\x08\xe7\xf8\rU'\xa1\x04\x95Jx'"</t>
  </si>
  <si>
    <t>b'\x16\x92\xf9\xcb\x05\x99\xf2\xe1\xb3\xb6W{\x9eF=\xffd\xbf\xb3`pC\xdd\xbf\xde\x96\xcd#\x18X\x96\x1e'</t>
  </si>
  <si>
    <t>b'\xc0\xc5\xe4\x17\x9e\\d\x02\xc5\xc5\x927\xba\xe3\xd77\x0fb\x19\xe9\xa5\x90\x1e\xc0\x9b\x9d\x05Ct^?_'</t>
  </si>
  <si>
    <t>b'S6@\x0b\xd7\x91*B\x18\xea=\xba\xde\x971\x04\xc6\x9cO|\x11\xef\x90\x87\x93\xabG\xaf\xaf\xc0\xb3\x1e'</t>
  </si>
  <si>
    <t>Cut Up My Credit Cards Loan</t>
  </si>
  <si>
    <t>b'\x06B\x04n\xab\x0e\x94\xd4\xa0v.D\xfb\xda\x88#FVv\xc70\xf4\xba\xe7d&gt;\x1f\xc7\xe4)Da'</t>
  </si>
  <si>
    <t>b"\xb9\xc2\xd6J\xda\xa3\x18|\xd3\xcc\xda\xf0T\x12\xa5\xdb'\xf7\xf3q\x88\xceNg\xe0\xb5}\x07\xbb\xeb\x0e8"</t>
  </si>
  <si>
    <t>debt consoldidation</t>
  </si>
  <si>
    <t>b'\x97C.\xed\xa3\xd7\xe5\xd9LN2\x9bO\xccA\xa1\x9b\xecw\x01\x16\xe7\xe6\xa90H\xc6\xf8\x9a\x89\xd7a'</t>
  </si>
  <si>
    <t>b'PoR\xba\x0f0\xd4/\xe2\xa6\xfb!\xe6(\x9c\x17yN[\x9a\xc9\xfd\xea\xc6\x07~\x07\x94\xf0`\x16\xe0'</t>
  </si>
  <si>
    <t>b'\x06\xb1Oi\xea^\xcd\xfct\xe3\xbe\xbc@\xa2S\x1f\xa0\xff\xc2\x85\x9c\xa3\xfd\x92\xad\xf2\xb19\xbb\xaef\xc0'</t>
  </si>
  <si>
    <t>b"$\x90F\xfc\xbc&lt;\xa9j'\xd9\xa5\x0eM\x00?p\xc5\x8f\x86\xae\x06]Na\xc1\xd4i&lt;,&gt;\xf5\xce"</t>
  </si>
  <si>
    <t>Let me Breath</t>
  </si>
  <si>
    <t>b'_K\x04\xc5\xcac\xa8\x06\xc3?X\x10y\x16 V"w.\xbd\xd1,\rA9!\xf5\\\x1b\xcal\x16'</t>
  </si>
  <si>
    <t>b'\xd7R\x82\x1b\xcf\xb4M&gt;\x89\xcd\x97Jd\x9fc\xfe\x9cZ\x84\xce\x7f\x15-\x85\xc91{\xc9\xf0\x0f\xf3\xea'</t>
  </si>
  <si>
    <t>b'\xb5\xcb\x18\x9e\n\x10\x08\xc2\xe8\x1b\xd59\xfc\x99\x00\xa8\xb2 \xc4\x85C\xc5\x9aS\xb1\xc6Z\xackh\xa5\xb3'</t>
  </si>
  <si>
    <t>b'.+\x98\xf5\xd0\x0e!\x07\xe5\x8faP\x1e\xde_\x9d\x04\xa6\x11\xcd-]\xe3\xdeb;J6\x03\x10|\x87'</t>
  </si>
  <si>
    <t>b')\x86\x0f\xaf\xac\xfe+\xfd-*\xd1\xae\x0b\xa2\x8aL\xc6Y\xcd&gt;JyoS\r\xf9\xc9\xac\xa5\x90z\xdb'</t>
  </si>
  <si>
    <t>b'\xc3\x8f\x07E5!\xbc\xf6\xf1\xb1\t54\xb8b\xbd#\x12\xda\x00A^#\xb4\xc7\xb0\xae\xec\xfd\x1d\x8e\xe3'</t>
  </si>
  <si>
    <t>b'e\x0b\x02\x8e\xac%[\x87O\x83\x1b\x16I{\xa1x\xcb\xd7t)!\xe4\xa2%\xb0\xe2\x9ar\xba\xec\x17\xc1'</t>
  </si>
  <si>
    <t>b'\x13\xc7\x85-\xd0\x15\x0e\xf0\xbc+\x83az\xba\x94\xa73\xc1\x05s\xf7\xfa\xf7k\xfff\xed2\xed\xd0\x85\xe4'</t>
  </si>
  <si>
    <t>b'W\x15i\xc597fxr\x84\xf69kD\xbd\xccP\xcf\x03\xf1\x97Xu\x14y\x822\x83\xbc3\x83\x92'</t>
  </si>
  <si>
    <t>credit pay off</t>
  </si>
  <si>
    <t>b'\xb5\x1f\xa6\x8fg.\xbc\xa2L\x1f\xee#\xac&amp;\xb5\xde2\x1fk\xb7\xba\x04\xef\xe1\x96s\x9e\x85\xfdf\xb7\x83'</t>
  </si>
  <si>
    <t>Debt Consoldiation</t>
  </si>
  <si>
    <t>b"\xd7'\xef\xb8\xf3\x95\xb3\x8a\x99_\x1b\xf3\x9a\x12?/S\xa3{\x1bO\xb5}l\x96j\xb8(\xbf\xcav9"</t>
  </si>
  <si>
    <t>b'\xb3\xa25x\x12\x87\xa6M\xcd\xee\x8b\x86\xa4\xfc|\xe0!\xb6{\x9e\xd6j\xf9\\d\xf6\x1fT\x83\xa3d\x1a'</t>
  </si>
  <si>
    <t>Refinance Other Loan / Fix Up the House</t>
  </si>
  <si>
    <t>b'0\xcf\x01\x85\x848a3j\xa3\xf8\x8aeJ\xc5\xf9\xa4\xad\x03\xa6\xe0\xa7A\x145\xd0N\xe4\x83L\xe5\xf1'</t>
  </si>
  <si>
    <t>b'\x00\x82C\xe0\x16\x8f\x1d\x93\xb0\xb6\xab\xf6\x0c1`1I\xbcc\xdd\xc4\xdf\x9ep&amp;\x9c\x15\x03\xd3@\x0b\xb6'</t>
  </si>
  <si>
    <t>b'\x12T\x7f\x98\x82\x00\xf4\xb8\x14l([\x07\xc6\xd9M\xda\x18\xaa\xe8\xf6qv8\xbe\xa4\xf1\x1fB\xf6Z\xf4'</t>
  </si>
  <si>
    <t>b'\xff\xb7\x1d\x9aT:\xb9h\x85X\x936\xe0/\xe5\xc7\x91\xee~\xce^\x8c\x0e\xa4\xc5\x1b3\x80\xf7\x14\x04\x00'</t>
  </si>
  <si>
    <t>b'Fw\xcb\x08\xd1\x90\xd1p\x8c\xe1\x01\xce`t\xc3\xe9\x82\x93~?\x86\x86\xb7\x94\xf9g{\x13O\x8fr\xa4'</t>
  </si>
  <si>
    <t>b'\x8ag\xb4\x8c\xda\xa9}y\t\xe465\xe3Pkt&amp;\xddqY\x99\xca\xc5\xca\xb9\x10\x9a\xdc\xc2\xe1\xd6\x19'</t>
  </si>
  <si>
    <t>b'\xa09\x04p\xf4\xea\x88\x96\xf0\xcd$I\x96]\x99\x13\xc7\xa1v\xee`\x1b$\x1dEq\x9eA\x14\xe5\xc44'</t>
  </si>
  <si>
    <t>b'\x19\xbf\x05\x86\xc8\xfb\x03\xd8q\xa6\x15\xb3L\x97\xca\xc4\xd6\xfe\x15\xe8\xcb\x98\xb9_\xfa\xb1\x81\x03\xdaj\xbd2'</t>
  </si>
  <si>
    <t>b'\xac\x82\x03m1\x11h\xe3|\x96\xa0\xe4\x02\xb4\xfe\xdctK\x06@L\xe3I\xa2\xc7\rT\xcc\xd3\x90\x0c\x13'</t>
  </si>
  <si>
    <t>b'aE\xef&amp;G\x07\xc0$\x15\xe6\x9c\x16\xec\xeb\x88.\x83\xf5)/\xb3\xad\x1f\x82\xd2\x01{\x9fq\x11z\x83'</t>
  </si>
  <si>
    <t>b"Q'\xdbK\xd2U| HkB\x02\x94\x1c\\(b\xf4\x18\x9e\xf4\x7fj\x17C\xe08\xe2'\xee\xff\x84"</t>
  </si>
  <si>
    <t>Pay off debts</t>
  </si>
  <si>
    <t>b'^\x0e\xfd.\x98\x14\xdf\x13o\xd4*\xa4\x11\xd1\xd8\xda\x14g\x04\xdf\\\xa4\xba+\x181qxSC\xc20'</t>
  </si>
  <si>
    <t>b'\x11\xb5z\x0b\x88\xd9\x9e\x9b\x8d\xe4G\xc5\xbb\x89]\xe3\xe8\x8c\xd2\\\xb2\xd5Po\x06S\\\xc3@[k\xdd'</t>
  </si>
  <si>
    <t>b'\xc7f3C\xd2u\xafZ\xbd\xa2\x92@5\xb7\x9b\x00\xdc\x08\x8e&amp;V\xb2\xff\x89k=f\x1b\x04\xf52\xd1'</t>
  </si>
  <si>
    <t>b'D\x17\x04~\xe6^V:d)\x1b`$\xe0\x82\n\xc4h!S\xeeLP\n-b\x01uP\x07&gt;g'</t>
  </si>
  <si>
    <t>b'\xf5`\x8f\xbc|\x8d\xc4\x92\xfa*\xc9\x1e\x82\x82C\x19\xf2vV\xa7&gt;r\xfeD/\xef\xa7\xde\xc2n\xbd '</t>
  </si>
  <si>
    <t>DEBT CONDOLIDATION END</t>
  </si>
  <si>
    <t>b" P\xce\x8bA\x8b\xf2\x96\x1a\xfdE\xca\x88\xcaE\x06\xcd'{\x89\xdd\x9a\xe6\xc2A\x1b\xda\xe0\xff\xd9\x9e\xf0"</t>
  </si>
  <si>
    <t>b'\\.P\x03 q\xf2\xd1\xf8\xff\x851ZLV\xb6\x1bl%\x8d1\xe8!+\xf2\x03-\xc4)\xee\x06\xa1'</t>
  </si>
  <si>
    <t>b'b\x89%n{\xfe\x1f\xae\x02a\x99x\xd8\xa1\xfa\xce\x81E0Y\x95s&lt;c\x93!\xbb\xa2\x0eY\x1f\xc8'</t>
  </si>
  <si>
    <t>b'\xf9\xb8\xb4C1\x0c\x88Dl\x1d\x8ddc\xcb\xb7\x8f\xc4\xfb\xc89\xad:*\xc4\xcfs\xdc\x15}\xe7\x9a\xfa'</t>
  </si>
  <si>
    <t>b'\xad\xdd\xab]\xe5:W\x17C\xe4o\x9e|kS-\xfb\xf8\xf1/^Z\xeb\xb8\x8d\xd1\xa8KM\xec\x05\xae'</t>
  </si>
  <si>
    <t>b"\x06\xf0\xaa{#\x89\x94\x88n\x06&gt;\x12y\xf8'YbS\xe1#g?\xa4\x7f?\x83\x15ju\x97\xef7"</t>
  </si>
  <si>
    <t>b'k\xd2\x0b\x9b\xc89\x89$-\xcbB\x1f\x16\xdf\xdd \xabZQ#`\x7f\xb4?3t`\xfcB\x0fN\xe1'</t>
  </si>
  <si>
    <t>b':\xf5\x93d\x9fR\x9c\xc74\x05\x82\\\xa3\xf9k\xb2\xe5\xbb\x0e\xeb\xc0\x8b\xe6\xe7r\x1b\xe9Y\xcdN\rQ'</t>
  </si>
  <si>
    <t>b'GO2_\x9a-D\x12A\x9d\xe6;%\x91\xc4#\x08\xad\xb1\xe26\xf1M-\xdb\x98\x8e\x1e\x95\xf1\x0c\x0b'</t>
  </si>
  <si>
    <t>b'\xb0\xf7\xd0\xc9V\xd2g\x0fc\x19x_\xaa\xa4\x93\x9b\xf3,d\x8c\x97\x1a.\x92\xdd3p\xe0L8\xcaV'</t>
  </si>
  <si>
    <t>b'\xd2u\xb9Z\x8b\xb7\x8b\xf9\xcd,\xb2^U\x06\x16\xe4&amp;\xffR\x87\xac\xf5M\xf5\x02I\xf5\xa8l`\xce\x94'</t>
  </si>
  <si>
    <t>High Interest Credit Card Consolidation</t>
  </si>
  <si>
    <t>b'_n\xde\x8c\xc6\xca^\x9e\xcb\xeb\x1b7\xe5[\xf7\x1a P\xbe\x89D\nq\xad\x85\xa3+b`\xe3\x07\x83'</t>
  </si>
  <si>
    <t>b'!\xab\x92\x18\xdc\x17\x8353Q&lt;\x11\xf9\xbb\xca\xa5~\xbao\x1b\xf8\xf9\xb3\xdfa\x12\x1c$[\xf4H\x9a'</t>
  </si>
  <si>
    <t>b'\xea\x8cI\xe0\xc0\x8d\x11\x9e\xe2-\xf1\x0b\xfcP\xbf\x9a}\xba\xb8\x1fX\xd5\xf7^\xe5H\xd7\xd0\x8fN?\x81'</t>
  </si>
  <si>
    <t>Payment Plan</t>
  </si>
  <si>
    <t>b'f\tE\xf1\xcc\x1e\x99\x90\x00\x0b\xdee#\xe0"\xfbKH\xf6\r\xac\x92\xa7;\xd0\xf9\xb5\xb2\xfd\x8b\x06\n'</t>
  </si>
  <si>
    <t>DEBT Consolidation</t>
  </si>
  <si>
    <t>b'\x16\xc5T\xd8\x03\xa8\xe6\xb1\x0e\xe3V{\xd2\x94{\x92\xdaF\x81|\xbf\x88)\xc6\xa7&lt;\xf5(\x08/[\xe5'</t>
  </si>
  <si>
    <t>b'\xa3^\x89b\x95$\xe5\x12&lt;\xe6\x9f\xec\x88\x87\xd8\x0c?\xdc\x0cJ\xe6\x8a\xef\x18\r\xbe\xde\x1fw\x9f\xf3\x9c'</t>
  </si>
  <si>
    <t>Pay those banks!</t>
  </si>
  <si>
    <t>b'\xbe\xf1w\xc1\xba\x9bN\x94\xa8\x06Iu*\x15jK\xc6~\x81\xbaPWc[a\x98@!*\xa5\xe29'</t>
  </si>
  <si>
    <t>b'"s\x83\x85\x1a\xbbl\x0c1\xa4b\xf2\x8c\\M\xd8\x94L \xde\xe3\x90\xee\xed\xb8\x1d\xc8\xe3\x84A\xd4U'</t>
  </si>
  <si>
    <t>b'fq\xc2\xcb@~KN\xc1\xad\x9e\xf2n\xecu\x8c-\x0f\x157v;o\x86&gt;\xc8\x91\xf6\xac\x12\xacP'</t>
  </si>
  <si>
    <t>b't\x15\xdaf~&gt;\x82\x9b\\\x89e\xc3\xd1y&lt;\xe8\x87\x9c\t\x122\xfcs\xb9\x18\x12r\xa8Q\xbb\x0e\xb4'</t>
  </si>
  <si>
    <t>Bill Payoff Loan</t>
  </si>
  <si>
    <t>b'\xa8+\x9fv\xddvo{\x94\xa74\xe0:W\xb4\xa2\xfa\x91\xa1/rn\x9dF\x0b\x00&lt;\xb9\x1cG\xfa\xb2'</t>
  </si>
  <si>
    <t>b'%!\x1aO\xaf^O\xae\xc6\xaa\x83\xf0\xb8X&gt;C&lt;:\x88E\xb7&amp;\xee\xd4n[\x18a\xf8\x837\x1c'</t>
  </si>
  <si>
    <t>Makesense</t>
  </si>
  <si>
    <t>b'\x13m\xd1"\xc4$\xed00\xe5\xb5r\xe0D$\x135cv\x0fUBr\x12F}\xa0f\xa9Lo\x89'</t>
  </si>
  <si>
    <t>b'\xa3-2\xd8\xf6&gt;\xdd\xe1\x86O6\xff\x8eG\xc1\xea\x93\xb9\xcb\xa4\xd7\xc1w&lt;2p\xf4]\xb4\x1d\xab\xe4'</t>
  </si>
  <si>
    <t>Simplifing monthly debt</t>
  </si>
  <si>
    <t>b'\xec)\xa5GC\x035\x13\xdd\x82NH\x06\x15\x00t\xf3\xf3k\x9bb\xdd\xe3Q!\xff\x04\xbdt\xf0\xd3&amp;'</t>
  </si>
  <si>
    <t>b'\n\xcc\xb8\x02\xec\x01\xbf\xfcn\xd23\x19U\x86\x1f\xe0\x04\x9b\xf2\xbe\x1a\xeaI\x8f\x92\xf7\xd3\xcd\xf3\x88\xceE'</t>
  </si>
  <si>
    <t>b'\xfe\x1d)\xc0\xff\xe4dY\x8e4wr|\xc7`3\x16\xe9\x1e\xfd\x1dl\xd9\xfbjB\xd8\r\xe4\xec\xdc\xe6'</t>
  </si>
  <si>
    <t>b'\x7fWL\xd9\xbf@\x9c\x1a\xbe\x9d\x10k\x9b\xe5[\xb8\x1dD`\x0b\x0f\xc8\xd46\xee0\x01tD\x00\x9d\xfb'</t>
  </si>
  <si>
    <t>b"\xe1\xe1\xf2\x8f\xb7gE\x1b\x8a\x85\xe4\xe2'/\x074\x1f\x15\x8d@b\xbd\x1a\xdb\x11\xa3\xaem\xc1\x84\xa6\x84"</t>
  </si>
  <si>
    <t>b'\xd7\x01\xa8\r\xd0l\xcf|m\xf1\xbb\xd1\x064\\\xa6\xee[\xe3\xe1\xfa\xcaf\x9e\x82q\xf4e\xec\x84\xe0\xff'</t>
  </si>
  <si>
    <t>b'\xdf\xdd\xacv\x980)\x06w\xdd\xa6\xe9\xa5Hh\x176n\xbb%~1\xfd\xd5\xed\xe4\x17w)Z\x95\xa9'</t>
  </si>
  <si>
    <t>b'U\x1e\x0e{\x0f\x02\xffz\xc8}\x05q\x84X\xc2g\xcd\x9fD(c\xa8\xd0\x14Xy\xe6z\xb5\x90u\xb8'</t>
  </si>
  <si>
    <t>b'$\xa5\xffW\x18@w\xbc\xaa\xf7\x0bv\x190\xbd\x18\x04o\xbb\xa9\xfc\xb3\xb4\x8f\xbc\xa7\x7f\x88K\x98\xd5C'</t>
  </si>
  <si>
    <t>b"\xd4\xb6\x16\xfe\xa6\x9ds\x03uP,T\xdbK&gt;L~5\x1f\xe4I\xf5\xad\x98\xd1r!f'Z\x0b\xc7"</t>
  </si>
  <si>
    <t>b'\xbb|e\x08\t^\xb7\x02\x0f\xb1\xfa\xce\xcc\xf5A\x1d\xd3\xcb\xe1\xe0gd\x1b\x87\x87\x8a=\xcfh)\xe4\xc3'</t>
  </si>
  <si>
    <t>b'\x14:PO\xe3d&amp;\xc6H\xc0\xbe|i)\xeb\x10S\xcdh\x1fj\xbd\x18?\x86\x94F\xa8?\xc8D\x11'</t>
  </si>
  <si>
    <t>b"\x07\x08$b\x06b\x06l\x9a\x12\xb6\xb1m\xe9I!y\x86J\xd5\x88':\x13`a\xdb\x128\x83\x19\xe6"</t>
  </si>
  <si>
    <t>b'kN,\xf6\x0e\xad\xb6D0o\x8b\xd7\x1b\xf8\xca\x01ih\xd7\x85\xcc\xeb\xbd/\xff\xff\xb9|\xea%1a'</t>
  </si>
  <si>
    <t xml:space="preserve">Student Loan </t>
  </si>
  <si>
    <t>b'z\xea&amp;\x82\xa4s3v\xc0\x07\xca\xe9\x84*\xe7\x01K\xfa\xecl4{\xf2\x13\xaa%\x08\xe0t\xea\x04\x90'</t>
  </si>
  <si>
    <t>b'M\x91&amp;\xe7\x03\x18}p\xa0(\x8b\xc3\xa62\xb5\xd8\xa5\x1b\xfc\xa7;\xdf\xa5\xd4\xfb1\xcb\xb7{\x82\xae\xaf'</t>
  </si>
  <si>
    <t>b'\x16\x99T/\x91K\x7f\x87\xa5\xa8\xa0\xf5\xf9\x1e\xc1\x0c\xa8\xc8@\xa8\xbcZ\x9b\xef\xccx\r\xd4\xb4\x83\xc9\xd3'</t>
  </si>
  <si>
    <t>Debt Clean Up</t>
  </si>
  <si>
    <t>b'\xa4\xe9\xf0K\xa7,\x967\xf1r\x91\x82\xd3\xc7-p\xc0\xbd\x17g\x14\x8d\xce\x94\xa8\x16u_W?N\xda'</t>
  </si>
  <si>
    <t>Furnace Replacement Loan</t>
  </si>
  <si>
    <t>b'n\xe7\xae\xb9\xdd\xe3\xe2\xe4s0 *\xef\x0f&gt;R\x96\xdfj\xb6\x19\xd7l\xaaQD\x1c\xd4_I\xbdQ'</t>
  </si>
  <si>
    <t>VacationLoan</t>
  </si>
  <si>
    <t>b'\xc3x\r\xad\x9f\x80\x18\xec\xb7\xf8\x82\x1d\xb9\xaf/\xfe\xc1\xc4\x99\x00D[\xbfY\x89x\xd8\xb2\xf24\xd3\xfe'</t>
  </si>
  <si>
    <t>b'9~\xd2\xc51W\xc4\x9b[\\\xecVH\xdfc7C\xb5??o|0]\xc3\xb0\xf6\xae;\x11?\x11'</t>
  </si>
  <si>
    <t>new year new start</t>
  </si>
  <si>
    <t>b"\x89s\x9c\xfb\x81'\xb3y\x944r\x8d\x1a \x85\x82\xa4\xbb\x13&lt;l\xab\x05\x10\xcd\xa4\xa2I3\xc6&lt;R"</t>
  </si>
  <si>
    <t>paylow</t>
  </si>
  <si>
    <t>b'\xe0\xa0\x8fTF.r\x88\xc7\xa3\x18R\xd5\xc7\xec\xc6\x98?4\xf89\xaa .\x96\x06\x1d\x08\xa1F\x0e\x82'</t>
  </si>
  <si>
    <t>b"U\xedf\x1d\xaf\xdc\x84\xb7q\x998\t\x13\xfa'\xd3\\\x97\xb2\x8a\xbb\xdd\xa5\x891n@=zG\x85\xaf"</t>
  </si>
  <si>
    <t>b'\xf2\xee\xec\x87F\xe9\x87\xbf\xdc\xb6Z\x98t\x10\xfe\xecW\x05P\xba.`\x12&amp;\x91\x88UI\xbb\x97\xe4_'</t>
  </si>
  <si>
    <t>My Credit Cards Refinance</t>
  </si>
  <si>
    <t>b'&amp;\xa2\xc3\x9fp\xc9u\xc2c\xe6\xb4\xb6\x84\x99\x9b&lt;*\xd2\xdc\r\xde?S\x1b\x0f\x87l\x8c\xb6P\xea\x7f'</t>
  </si>
  <si>
    <t>b'\xf7\x81q\xe8\xa5E\xa3\xeb\xb4\xe9\xf6J\xde\xff9\x8a1D\xfd,{\xb2~\x1e\xde\xe1\xefNo\xec\xa5\x82'</t>
  </si>
  <si>
    <t>big payoff</t>
  </si>
  <si>
    <t>b'B7\xdb\xed\xe6\xf3\x06\xfak7F=\x1cb\x8b~\xcb\xda\x0f\x05\x16\xe1@f\xa8\xcb~!sk\xf1\xf7'</t>
  </si>
  <si>
    <t>b'\x0e\xaf\x8a\x19\xbb\xe5p\xc1$\x1a=d\x96\x88\xb9\xf3\xd9\xcci\xdeef\xbb\xf7\x92\xaa\xe6`\xbf\r\x98\x16'</t>
  </si>
  <si>
    <t>b'\xc5|BO\xd6\xba\xa8\x1a\x93\xe9@\x18\x10A\x1dV\xca\x8d\x1a\xa1\x02^\xe2\x06a9@\x12\xb0\x7f^\xe2'</t>
  </si>
  <si>
    <t xml:space="preserve">debt consolidation with better interest </t>
  </si>
  <si>
    <t>b'\xd9\x9d\x9cR\x88\xac\xc9\x8e@\x8ep1f\x02y\xfe\xb8E\x05\xd1-\xa3\x06\xc9\x99\xa6\x9b\xb0\xeb\xc6\xc31'</t>
  </si>
  <si>
    <t>b'\xd9g\xe8\x99\xdd&gt;6_\x90\xbf\x85$\x9c\x86gX\r\xa4\x86\xae\xad\xeb\xb9Y\xa4\xb9\xfe\xea\xca=\xab\x93'</t>
  </si>
  <si>
    <t>b'59\x1c\xadV\xd5\rG\x8e\xf7!W\x01\xec\x07Y_r85Hs\x90x?\xc3#\xb5\x1b\x82\xdd\x04'</t>
  </si>
  <si>
    <t>b'ML,w\xa3\xf6\xe9\x8a\xa1\x92O9\x86yo\xc5\x8eq\x85\x03\xc4^l\x07\x02\x8b\xa0\x9bV\\\xabn'</t>
  </si>
  <si>
    <t>Things Looking Up/Rough Patch</t>
  </si>
  <si>
    <t>b'\x9e\x8f8N:h9\x89\x1dNn\x0fO[\xd4\xee\xf1\x91\xf1\xd7\xaeE\xfe\x89\xa0\x1f^\x9dI\x97\xefe'</t>
  </si>
  <si>
    <t>b'H\x13\xdb\xb4\x8d\x9dMc\xb1\xb7\n1\xb5\xdd|HA\x01^6\xa4?*JW\x17\xdci\xe0\x89i\xf6'</t>
  </si>
  <si>
    <t>b'0M^\x1a+{\x16\xdfw\x10+\xea\xde\xd9\r\xce\xa9lt\xd5\xe5\x12y\xe0!\xb0r0\xa9\\7\xa8'</t>
  </si>
  <si>
    <t xml:space="preserve"> Loan Consolidation </t>
  </si>
  <si>
    <t>b'g\t1\nX\x1a\x9c\x81P\xd8=\x01\xf2\xa3\x95:F\xaf?L\xa6\xbfDDj\x81\xbe\x12\xd5-~\xaa'</t>
  </si>
  <si>
    <t>b'\x1e\xd5&gt;\x07RW8\xf8\x03Qb\xcdMmfm\x1bQM&amp;\xe8b+\x15%\x8c&lt;Y\xeauC\xd6'</t>
  </si>
  <si>
    <t>my castle</t>
  </si>
  <si>
    <t>b'\x1a\xa0\x10\xa0x+&gt;\xc4\x8eH\x8c[~\xe4\xa9\xf6\x91\x91\xfe\x81\xb0^D\xc8\xe9\x0c\xf0C\xd2\xd6\xc8]'</t>
  </si>
  <si>
    <t>b'\x1d\xf3\xffC\xe1&lt;\xa9\x8e\xf4\x01uA\x97\x97F\x81\xcb\\\xf9\xfd$\xd7"&gt;\xb8\xa5\xa6%\xab91\xfb'</t>
  </si>
  <si>
    <t>b'~\x01\x13\x94\x87\xb3\x80\xa0L@C\xac\x89e\xe2\xe5\xbdg\xa3?f\xecY\x02\xeaI\xcd\xe9\xbc\xab\xa4\xf6'</t>
  </si>
  <si>
    <t>b'Z\x19i#jL\xab\xb4\xdaj#\x9di\xf6\xc5\xab\xa3\xbd\x98\x8d\xcc*\xa3Q\xdf\xf2\xb7\x98\x89iDZ'</t>
  </si>
  <si>
    <t>b'\xbd\x06\xd28\xeae\x05\xb8\x0c\nD\xaa\xfb!\xdf\x04=\x00\xd7:\xbf\x01\xc3\xf0n-}\x03:\xab\xec\xa2'</t>
  </si>
  <si>
    <t>b'\xec\xe2\x0c\xa4\xd2"\xb5q!\xdda\xfd\xb3$%\xce|~\x9b\x82\xcd\x82\xb0"&lt;}5\xb7\xf0\xe4\xd8K'</t>
  </si>
  <si>
    <t>b'\xc1\x9fJR\xdc\x08E\xb5\xa5\xdd\xbb\x92\xb0J\x1eda"\xe1\xf2M\xf4Q\x8eV%\x1aY\xb1\xd8\x9e '</t>
  </si>
  <si>
    <t>CREDIT CARDS CONSOLIDATION</t>
  </si>
  <si>
    <t>b'w\xab\x12\xc1m\xe5f\xa4\xed!\xb8\x92e\xc71*\r\xcd\xd0O|\xd5D\xec\x92O\x0e\x81D\r\x12\xab'</t>
  </si>
  <si>
    <t>Christmas Bills</t>
  </si>
  <si>
    <t>b'W7\xb6\xdb\x99Q\x08l\xc4\xc6\x8d-\x7f\x97\x9a\xab\xbb5\x97`+\x13\xfc\x90\xa6\xcfmzJ\xfaU\x92'</t>
  </si>
  <si>
    <t>b'l\xa8\xc9\xe0\xcf\x1aD\x01)\x06\x9d\x9c9M\x14\x87P\xf0\xa5\x1a99\x1a\xd6\x0fj$5&gt;\xb8#\xef'</t>
  </si>
  <si>
    <t>b'L\x18\xfc?\xa0\x15\xd3PX\rT\x06\x0b\xce\x03\x95N%k\xddv\x04\xabc0\xa9\xa9h\xc4Qp)'</t>
  </si>
  <si>
    <t>debt details</t>
  </si>
  <si>
    <t>b'\xf5-\xdb\t+q\xfc\xd2H\xdce\xee\x96B\x8e\xff\xc7\x82q\x92\x15\xa5\xe6\x90\xd6\xf2\x0b_\x9e\xd2\xa5\x11'</t>
  </si>
  <si>
    <t>b'2\xe3\x9dY3\xadd\xeb\xaa$A\xf6e\x9c&gt;7F\xaa\xd8\xf2\xfb\x8c+\xc5\xdc&gt;\xa0G\xadJ\x87\x85'</t>
  </si>
  <si>
    <t>Highly Educated Good Bet Debt Con. Loan</t>
  </si>
  <si>
    <t>b'\xfc\x15B\x97\xfb\xde)\xf6\xd4\xb42;\x9d$\xe1G\xc9\xfc\\*\xacU\x12 G]x4mq|\x17'</t>
  </si>
  <si>
    <t>b'\x02e\xc8\x82t\xbd\x06\xb1\xc1\xfc\x9b"3\xf5&gt;y8\xbe\xbd\x8dm\x08W\xbb?\x90\xd2I\xd5\x96@A'</t>
  </si>
  <si>
    <t>b'|\x90%\x0b\xf7\x13\x9f,l8\xb2\x97q)yR\xe2\x9e\xd5\xe7\x9c\x96\xb0\x89\xaa\xe5\xd2H}c\x15J'</t>
  </si>
  <si>
    <t>b'D9A[I\xf0\xd4Mv\x99\xac\xd8\xb0M\xe9\xabn$\xb2`u9f]REs\xc1c\xfbr '</t>
  </si>
  <si>
    <t>b'\xe2\xe9q1\x9c\xe6A*E\xc1\xa3Nw\xe6\x85&gt;]\xfa\xe4X\xc6\xdb\xd8\xa3\xec\xacx\xca\xf4\x14\xec\xc0'</t>
  </si>
  <si>
    <t>b'2z"\r&amp;\xb7\xb8c\xba\x980\xec\xd0:\x05\xb8\x01\xa2\xee\xa3\xf8\x04\xcf)\x0e\xfe:\x13\xaf\xb1\xd2\x9a'</t>
  </si>
  <si>
    <t>b'\x9e"\x07\xd9\x84\x9e\xdd\x8b\xef\xb9a(;w\x80\xc9htD\xb3\xab|\xdc\x9c7}\x00\xbb\x91\xf9J%'</t>
  </si>
  <si>
    <t>b'\x13\xd5\xeat\x96\xdb\x90\x8d\x025\xf2\xbfEx\x0eY\xbf\x02K\x0e\xe9\x85&amp;\xa8\x1d*\xdc\x17C*\x0b\xe9'</t>
  </si>
  <si>
    <t>b'\xc6\xb0/\xc5\xab\x82\xda\nz\xeb\n\xd1\xc0\x1d\x89|\xee\x17\xe2\x88bc\x03\xbe\x03\x0f\x04\xfaj+\n\xe4'</t>
  </si>
  <si>
    <t>b'*\xf6\r\x9f\x1c\x06%\x8e\x9bAk6\xc9\xe2\x94If\x8f\xc4t]\xd0j\xdb\xa1\x88\xb7"\xfcmuB'</t>
  </si>
  <si>
    <t>b'\xaa\x92e\xdd\x0b8I&amp;\x8cH\xa5\xa3\xe4\x0cZI\xb9\x9c&amp;\xc9\x99\x07\xfd\x9f3,\xf5\xe9P\xaa\xb0\xdd'</t>
  </si>
  <si>
    <t>b'\xc4\x1f"\xb7\xe4\xf3\xf2\xff\xdd\xe7\xad\xa7\xcc\xf3\x00\x86\x8cH\xdb\xa7\x80\xe86\x9atlct\xa5M\xe2\xe1'</t>
  </si>
  <si>
    <t>b'T|q4^\x88/\xa1Z\xf0s&lt;aI\xe1\x18@\x08\xca\xc5GX\x17r\x14\x86\xc5\xeb\xf0x\x93\\'</t>
  </si>
  <si>
    <t>b'&gt;&gt;\x93\x93\xc34L\xf4\x80\xe1\x9au\x14\xff\xf0r\xa2n"\xd5\xc1\xe3W\x96[n\xf9\xce\xe6\xfa\xd9j'</t>
  </si>
  <si>
    <t>b'\xcc\x08\xf3\x15\x8c2Et1\xbc\xb2\x0f\xf3\xfb\xd2\xd9\x85+=\x1d~6IM\xcb3\\&gt;\xf92\x0fT'</t>
  </si>
  <si>
    <t>b'\xda\x91#%o\xba\xa2\x98\xed\x86\xc3e\x0bi?\x7f\x95\xc7\x83L\xe0$\x118T\xc3\xd2W\xeev\xeeC'</t>
  </si>
  <si>
    <t>b'C6\xb6\xc1\xe0c\x86\xaf\xca_\xf0\x91Bd&lt;\x146\xc8\xb1\xa4kFe\x19\xd5\xf4\xff\xb3\r\x03\xacE'</t>
  </si>
  <si>
    <t xml:space="preserve">Vehicle,and debt consolidation </t>
  </si>
  <si>
    <t>b'm|\x08X#.;)Q:t\xceEA1\x90R\xa6/\x86\xb8\xa4\xbd4\xbe\x10Jdi\xe6Um'</t>
  </si>
  <si>
    <t>b'\x8cR\x00\xbbM\x9b\x1d\x95\x1e\x03\xbb\xd9p\xa1\x0f\x0eQ.=A{\x13H\x98\xcch\xbe\x07{\xe2\xbe\x8a'</t>
  </si>
  <si>
    <t>b'\x03\xb8C\xb5\xcdG\x91\xa6\xba\x8b\x7f\xbeH\xf0s*\xd1\x98\xfb\\\xf4&amp;\x8e\xe2a\x86\x90\xf1\xfe!\x8cS'</t>
  </si>
  <si>
    <t>b'\xb3\n\xf4A\xb3Y6;\xf0\x9f\xe6P*\x13a%\xc9\x9cDRi\x99\xedn\xc8p7pGq\xc3\x82'</t>
  </si>
  <si>
    <t>CC Refy</t>
  </si>
  <si>
    <t>b'\xf3\xf62\xb4\xa1Y.\x9d\xbc\xbe;\x99\xbfa\x17X\xbf7\xd1\x13L/\xdbl\xb7\x8ez\x8a\x94\x05\xc3\xd5'</t>
  </si>
  <si>
    <t>b'\xc1v\x84\x96\x92Fr\xfd\xec\x96\xd5g\xaa\x1c\x90"\x98\xb4V\xcc&amp;\xa1\x9dG\xfb\xdb\xaek\x12tD('</t>
  </si>
  <si>
    <t>Lower Interest Debt Consolidation</t>
  </si>
  <si>
    <t>b'\x81\xc11\x9eE~Y\t8\n"\x0e\xc8#2U\x9dj\xa1 R\x14KU\x1aS.\x1a\xa4\xe09\x97'</t>
  </si>
  <si>
    <t>debt consolidation-credit cards</t>
  </si>
  <si>
    <t>b'\xa8\xb7\xd6i2\x89$\xe7\x8e1\xb2~\x19:$4\x93J\xe22(z\x9a\xcf\xce3Y\x89\x148\xa8\xa9'</t>
  </si>
  <si>
    <t>b'\xb7\x94\x99\xb9\xb8\x8d\xf7m\xd9\x03t\xc1\x14\xb4\xa6\xd5\xb1\xf4\xdc\x84\xdea\xbb\xa0\x10\x92\xf7\x02\x00j\xdc\xb4'</t>
  </si>
  <si>
    <t>b'm\x14\xe7\x01Y\x8b\xf9\\?,\xff\xbf.\xc7\xf5\xba\x8a\x16C\x0125\xdcG&amp;\xc2\x90\xc2\xcd\x18w\xbf'</t>
  </si>
  <si>
    <t>b'\x16\x81\xb5\x9ax\xa3\x0fU\xa7m}\xe8\xcf\xbd&gt;\xb1\xcf\x04\xd1\x12\xa2"\xa7a\xbdu\xbf\t\xabi@\x04'</t>
  </si>
  <si>
    <t>b'\x0b^_,8\xcc\xecl\x90\xca\x92W\r\xc2[p\x01\xe4\x95m\xb7d,&gt;\xb8&lt;\x1c-\x8f7\x89U'</t>
  </si>
  <si>
    <t>b'\x9f\x85\xa4\xea\x1e\t\x94\x17\x00\xb3!\x9a?#\xdbG\xf9\x00\xe8\xc9\xde\xe9N\xdehB\xd8/\xfc-\x90\x14'</t>
  </si>
  <si>
    <t>b'\xa4\xb6\xf7"\x9b\x96;\xd4\x97T\x8f\xcc?\x01\n\xd4!\x81\xd4\xda\x1aB\xee\x851\x82&lt;\xf3&lt;\xfc)\x1a'</t>
  </si>
  <si>
    <t>b'\xfc\xf1@0p\xe1\xd0\xc6\xca\xe1\xa6\x9d\xec\x15\xcf$h5\xf0Q\xf0g\x1bnd\xb9P\xa9\xf3\xd9\xf3\xe0'</t>
  </si>
  <si>
    <t>b'ne\xb1\x824\xcdt\x05\x14\xca\x86\xd7\xc3.\x12\x87\xa3\x9cl\x1a\x82\xc3i\x1af\xda\xe5\x97\xcb$#\xb3'</t>
  </si>
  <si>
    <t>b'N\xdf\xbfb\xbd\x16\xc8\xb5\xb1\xf4\x05M\xf3{\x96\x85y\xe8\xb6\xde\x10\xe5\xadx&amp;t\x9f?.\xb1\x8f\xa0'</t>
  </si>
  <si>
    <t>b"6\xafB&lt;?dZgh\\2'\x02\xaf/Y\x80\xa7i\x85\xe3\x1e\x9d\xd3\x02\x97\xcb\xa0\xe2\x97\xd3o"</t>
  </si>
  <si>
    <t>b'\xf3S\xb8B\xcf\xde\xd9\xd3\t\xe1\x06\xf5p\xad\xf1#7\xdd\x90\xd3y\x80&lt;\x8e\x8f\x8c\x903M\xbc.:'</t>
  </si>
  <si>
    <t>b'\xc5K\xc2+\x1d\xd7\xd3\x89F+\xea\x963j^i\xfc\xb3\x1cN\x191RB\x1a\x81[\x00C\x14&lt;A'</t>
  </si>
  <si>
    <t>b'\x07\xee\xcfD\xc8\xc6\xb3"\xd1T\xf0\xb71\x127jM\x04\x06\x16\xb5\x06$\xd3\x95\xe6\xf5\x9e\xd7-A\x1f'</t>
  </si>
  <si>
    <t>b'\xf4\xe2A\xce\n\x8a\xddK\xe4O\xa7\x92"\xfa\xad\xcd\x02\xd5\xc2$\xc3%vZ\xc9\xa4\xf81\x93\xcdg\xf2'</t>
  </si>
  <si>
    <t>b'\xab\xa2+\xec`\x17\xc02\x1bim\xdfJ\x94;\xd3\xb8\xdf\xb6j\x18\xca\x1b\xa7\x80\xe1\xb0F\x80\xe3\x00\x0f'</t>
  </si>
  <si>
    <t>b'\xd6\xcao\x8f\x14kN%\xbaT\xe9\x9e\xf8\xfe\xb8/\xe2\x85\xe5c\xba\trp\xd7\xdd\x84\x8a\xd1\xcf\xb1\x97'</t>
  </si>
  <si>
    <t>b"u\xea\x90\x00\x11\x8b\xa7|\xa1e\xda\xa7\xb2\x91X\x00\x11\xf1&lt;\xe6\xb9\xb2g\x19A\xa5\x089\xc6cI'"</t>
  </si>
  <si>
    <t>b'\xe9\xb6\x02\xa2\xf2P\x06\x16\xae\x8e\x9dU\x8eZ\xdb\xdf\xdbC\xbeY\xdcFI\xa4}\xb6xK\x9b\xc0B\x9b'</t>
  </si>
  <si>
    <t>b'\xb2\xedt\xe8\xd7\xfe"\x99\x13\x9a*\x15J\xef\x93\xbf\x9d\x9fN\xcf\t\x0f*W4\x9e\x1fs\xc7b\x05\xae'</t>
  </si>
  <si>
    <t>b'\x01A"\xb3\xf6oV\xf5\xa8\x86\xbdY6:\xc9Px\x8fC\x1a+A\xefL\x95\x0e{\x06\xf4B\xfe\x14'</t>
  </si>
  <si>
    <t>b'\xb3N\xc2T\x87\x94\x1f\x94H\xfa\xfe\xa6Qz\x8b\x14\xb9\xa8c`\x93\x90\x06\xdd|\xe5\xe2\xdc0,O='</t>
  </si>
  <si>
    <t>bestoneforme</t>
  </si>
  <si>
    <t>b'O\x11d\xde\x05\xe19\x05\xee:\x96\xf6d\x10KU\xbe!\xe2\xd0\xa3\xe6\xc6A\xb1M\xf7qX\xdfU0'</t>
  </si>
  <si>
    <t>b'\x91\xa7\xb1\xc6\x93\x0b\xc1\x87g\x18/\x15\xaa\xd0\x8a\x17\xfd\x05,Rh\xd1\x0f\xf1\xb3\xa74z\x1b\x9f\xa1`'</t>
  </si>
  <si>
    <t>b'p\x9a\xa76\x88L\x7f\xb4\xccJ1\xc3G\x04\xa6~\xdf\xde\xaf^\x97\x17XdY\x9a1\x0c\xf90\xe2\xea'</t>
  </si>
  <si>
    <t>Credit card consolidation loan</t>
  </si>
  <si>
    <t>b'\xf2\xc2\x0b\x18e\x04\xbd\x85K\xe2ow\x90\xf1\xf9&gt;\xbf\xba&gt;c\xae\x04\x9b-\xbd\xaf\xf1[\x93\xd6c\xe3'</t>
  </si>
  <si>
    <t>life changes</t>
  </si>
  <si>
    <t>b'\xf1[;\x1e\x93\xb1\xed\xaa\x11\xc0\x08{\xb2*\xee\xa7\x88\x9c\xa0\xaa\xd7&lt;\xdc\xf1%\xde4zM\x11\x9e\t'</t>
  </si>
  <si>
    <t>b'\x9c-?At\xf1\x99#&gt;\xef\xdf\x10c@\x11\xf00\x86\xf06,\xfc\xc2\xed$\xec\xdb\xd8\xd9M?A'</t>
  </si>
  <si>
    <t>b"\xb5L,\x97*\xc4\x8d\x9flH!e\xd0`z:\x83\xb6J\xed\x81!\x12',xG\x80U\x84\x93,"</t>
  </si>
  <si>
    <t>b'T\xce\xf6E\xbfCe\xbd[\x82)\x07\xd8\xdc\xe6\x91\x05\x86\x8b\x879\xcb\xde\t\x89\rK\x01h\xf9Y\xbc'</t>
  </si>
  <si>
    <t>b'\xe9\x83~S\xe60Vq\x086?\xe8\x1d@\xd6&lt;\x01|\xc0&lt;l\x89\xa3k\xae\xa5\xe4\x8f!\x9b%H'</t>
  </si>
  <si>
    <t>b'\xb5\x7f\x14\xd6\xa0\x96M\x92#_\xa3b\xd14\xfcE\xb5\x8d\x8fK\xea\xd6S\xa3\xe6\xf0\xc5M\x15\xd2\xd0\xff'</t>
  </si>
  <si>
    <t>b'\xcb&lt;Vw\xd6\xd4\xf79\xd5\x84g\\\x07\xbd\xa3\xc6MY\xcf\x15\x11\x96&amp;(\xd5\xcf&gt;\x97\x17\xe9\x0cU'</t>
  </si>
  <si>
    <t>Good Bet Debt Consolidation Loan</t>
  </si>
  <si>
    <t>b'\\\x82\xa2X|\x13\xfc^\xc5\x89\xf8\xc9\xce\xd9\xdc\xcb/% \xfa\xd7&amp;\x9c\x17\x0b"*5V7\xe2\x02'</t>
  </si>
  <si>
    <t>b'\xcf\xf4\x93\xb4\xcek\xb7Wp\x98\xf4o#\xf6\xe9\xaeTQ\xeeQ\xd5\x98\xc7-\x90t"\xad4\xffWe'</t>
  </si>
  <si>
    <t>b'S\xd2L\xf9\xf5Q\xce\x86\xb1(\rq\xb3\xadA{\xca\xb9m\x8bf\x03-\xee\xf4\x9f\xa3\xda=\xdc\xb3&lt;'</t>
  </si>
  <si>
    <t>b"1\xef'8\xdco\xd1\xe9\x8b\xe4\xe9\xbb!|\xef\x1f\xaeS\xd7\xf0\xb1E\x0f\xf2\xfb\x12\xafn\xdb\xfd\x82\xd6"</t>
  </si>
  <si>
    <t>b'\xc7\xb2\xde\x0e\xe7\xfc\x8c\xe5\xe8\x81\x06\x1d\xc5^g\xdf\x88\xd8\xe2@H%\xeb\xc2xOC\x03\xf5\xe4\xc3\xf4'</t>
  </si>
  <si>
    <t>b"\xf7\x9c\xb5R\xd6\x17\xee\xb3\x18fp0!\xcb]3\xf5\x12j-t\r\x10\xf6'\xd63\xca;\xee\xb9j"</t>
  </si>
  <si>
    <t>Credit card Loan.</t>
  </si>
  <si>
    <t>b"\xe0\xdf\xaev&amp;K\xda\xba\x19\xb3D\xb7P\x90j\xdf\x8d`'\x01\x89\x1e\xac\x02&amp;9t\xe7\x08\rZ\x1d"</t>
  </si>
  <si>
    <t>b'\x94\xda\xadUTof|\xdb\x99\xdfHG\x9e\x04\x95\xc8\x8b\xaed\x05\xa8!\xd7\xf6+\xfb)\x87\xcfJU'</t>
  </si>
  <si>
    <t>Credit Card PayOff Loan</t>
  </si>
  <si>
    <t>b'\xaa\xffq\x0f\x8d?\xf9\x06\xb2\x85`]\xdch\x98\xf1\x18\xc4\x9b\xf5\x82\x92\x06\xab\nE4\x1dfC7\xdc'</t>
  </si>
  <si>
    <t>b'\xd5+\x8a\xdb\xe4\x10vP\x92+\xea\xec\x13\xa5/V\x7f,\xfe,{\x14 j.\xf3\xe2\xab\xfe\xfe\xc9\x1f'</t>
  </si>
  <si>
    <t>b'}g\xed5\t\x90\x05\xf1y\xc8\xfbY*d%\x8b\x88\x00\xabr0ImO\x9e\xc7\xa3\xca\x06\xe2"\xb6'</t>
  </si>
  <si>
    <t>b'B\xd0&lt;\x8el\x17\xe3{\xb7\x0ej)/aW\x10E=\xe8d\xe3$@\xfa\xfe\xdc7?\x9f\xf5\xb9n'</t>
  </si>
  <si>
    <t>b'.\x0eZ\xeb\x8d\xba\xfc+\x13/\xea\x18CO2v\xd45\xc4/\xe9Bj\xd6\t\xc4\x01k\xf3Z\x03\x01'</t>
  </si>
  <si>
    <t>New Bath</t>
  </si>
  <si>
    <t>b'\xc7\xb6Sg\xe5U\x03\xc8\xa8\xd8^\xbf\\\xba-Jd1\xf9\xc9\x7fB\xe4\x84#\x9b3rM\xb9;\xb2'</t>
  </si>
  <si>
    <t>b'|w\xad\xd9\xd4\xe1\xa5\x1f\xb7!\x7f\xe6\xdbI\xa5\x83\x07_|\xf2\x1fi\x7f\x17\xc5\xd5$\xb7\xe3Gp['</t>
  </si>
  <si>
    <t>b'gR\xbfW(\x03\xd7\x88\xc9P\x9c\xd2\xaa\xb6+o\xfd\xc6\xa2\xf4?I\xf2\x11{\xbe\xb7\xb0\xf8A?P'</t>
  </si>
  <si>
    <t>b'\xa4\x84\x1e{\x852\x1b\xf45\xdbD\xec\x98\n\x95\xdc\xad|\x99l\xbf\xdd\x17\x18N\xe2\xd47Vk\x95\x88'</t>
  </si>
  <si>
    <t>b'\xbe\x84\x9f\xce\xd8\x9e\x05!\xac-Vf\xd3H\x1f\xba\x11Ds\x83\xedz*o\x96\x10\xd29\xb5\xbd\xd1]'</t>
  </si>
  <si>
    <t>b'\xb8 \x12$\x83\xa7z\x9b u\x8f\xd0\xe9\x08\x1e\xef\x07q\x03\xc3)\xf6\xe5\x05\x12e\xd2\xdb\x8a\xe6-u'</t>
  </si>
  <si>
    <t>b'{\x8d\xe6=ze\x9f\xcf\xc0\xf6&amp;8:\x95\x89}\xfc\x1b\xd8\xa0\x9fVw\xe2:\x14\xa9r\xea$@\x86'</t>
  </si>
  <si>
    <t>b'\xbaA\x87\x0f\x7f\xd6\x99\x83\xc8\xb2\x94\xbd7\xb62\xcf\x06\x19\xc1\xaa\xb4{\xad\xf6\xdfg\x13\x95\xc1?\xc8]'</t>
  </si>
  <si>
    <t>b'\xd2I\t\xe8\xe1\xfc\x90\xa4V=\x91\xbe\t\xc3\xc1\xfe\xd4zyZ3\xde\xb7\xc0\xb6\x8f\xcb\xc3\xdc"Nn'</t>
  </si>
  <si>
    <t>My CC Payoff</t>
  </si>
  <si>
    <t>b'\x19\x00\x13\xb1\xd8\x06\xf9K\x11_\xf5\x1f\x99\x9b\n\x8aq\xf3,\xe5\x0b*\xbdp\xf5+\x00?_\x10D\xfa'</t>
  </si>
  <si>
    <t>Shark attack</t>
  </si>
  <si>
    <t>b'\xb4\xec\xcd\ns9\x03\xa6`\x7f\x0c\x7f{7`\x90\x91\xf1}\x0f&gt;\xce30+*\xa43\xa5#\xa8\x0e'</t>
  </si>
  <si>
    <t>b'WQc\xde\x10B\xfb\x89\x85`8N4\xdaQr\xdf\xa4\xff1\x84%\xeb\xde\xc0\xa4\xb3I\xe9\x8c\xd2\xd6'</t>
  </si>
  <si>
    <t>b'\xf9U \x11\xb0D"\x0b\xb0\xaeo=AdF\x94\x8b\x915\xfc\n\xdb\xcf\xa7\xed\x1e\xa5\xe3B\x80"\x8b'</t>
  </si>
  <si>
    <t>b"\xa0\xb58\xefUH\xf6\xf7\x87\xc7\x0c\xc1Y\x08\xfc\xbd\xc8&gt;:\x17\xbd\xccm'\xb4\xd8\x0e\x1e:\xb6\xbf|"</t>
  </si>
  <si>
    <t>b'g\x00TSX\xfdT\xee\xca\x9f\xac_$2\xbe\xf6\r\xc7Hx\x93\x89\xe6\x04\xa7\xa1q\x0f\xeb\xad\xbe;'</t>
  </si>
  <si>
    <t>b'\xc6\xc4]\x92&amp;\x96\x9a\xd3\xa9*\xa2\xaa\xe8O\x9f\x01\x8b\x80\xd4\x13\x06\xa5\xad\x18\xe7\x1b\xebb\xa2#7\xb0'</t>
  </si>
  <si>
    <t>b'I\xb5B\x0bzB\xbcq\xd5c\xe7E\xb0\x8a\xec\x08\xb7\xd2\xe0.\xf7\x1f\xeen/\x01m\xf9\x98\xdaxd'</t>
  </si>
  <si>
    <t>b'\x7f|"llX\xcafS\x91\xc86\xd2\xa8\x94\x1c~_\xe1\xdf)\xd1\xf3"\xa2\xdaV%!\xee\xe8#'</t>
  </si>
  <si>
    <t>b' -\xa3\x06BS\x8a\xdb\x81\xe6\x19qc\xca\x06\x07\x90\x1c\xbb\x84\x0e\x11u\xae\xff\xf8\x172\xb0\xd9,\xfa'</t>
  </si>
  <si>
    <t>making the difference</t>
  </si>
  <si>
    <t>b'\x80\x19\xe6\xd9\x0cu\xf7{Q\xd2\x17\x81\xbc\n\xa0g.b\x7f\x1eZ\xb3\x85\xd1\xe49i]I\xbe\x94"'</t>
  </si>
  <si>
    <t>UNIQUE1</t>
  </si>
  <si>
    <t>b'\xa2\x81\xd4\x9f]L\xf8G\xad\x04!%\x9e\xdc\x85\x8f\x18\x848\xb1\xc4\x0c\xb2\x9c\x05I\x04O\xc0\xb8\xb3E'</t>
  </si>
  <si>
    <t>b'\xb6\xeb\x14;,7\xac\xf5?\xf2\t\xf0\x01\xf3\x05\x99\x82[\xf5N\x1c\xbf\x19\x1e\xb5n\xa7\x9d\xc6\x9b\xefZ'</t>
  </si>
  <si>
    <t>b'\x8dHL2":;\xe9\xb2\x7f\'\xf2\xc3\xc84J\xe4\xb4\xd9\xf0}SP\xd9o8C\x1e\x8cf\x0e\xd8'</t>
  </si>
  <si>
    <t>b'i@D\x93\x99\xacm\x10\xb2M\x95\xc7\xcf9\x9f2\x8at\xd4\xd0\xca\xf9\x82f_\xc0W\xbcE\x04)\x9e'</t>
  </si>
  <si>
    <t>b'\xe0\xedn\xc9\xa6\xee\x02\xf7\x11\xe3\xd7\xe0\x9a7\xf6\xf6&amp;\x8d\x86\xaf\x18\xd8\xb5\xdb\xb2l+e:=W\xc1'</t>
  </si>
  <si>
    <t>b'\xd7\xee\x8c\xb8\xbd\xb5%\x02\xc9\xf9co\xa6O\xa5\x97\xaf\xffn\xe9\x00\xf9\x9d\xea\x13@z`\x00O\x1f\x05'</t>
  </si>
  <si>
    <t>Debt Restructuring</t>
  </si>
  <si>
    <t>b"_\xafGW\x19\x8f\xbd{9\xb9\x8f\x0bf4\x9fA\xe9\xef\xe2\xd0U\xb7y1'\x80\x95Y\x11\xd7\xa7\x7f"</t>
  </si>
  <si>
    <t>b'v\xa5\xfc\xd3\xd9\xf7\xd5\x16q\xc5\xd9\xf0EV\xc8?L\xe3\x8a8\xdap\xf0\xe7\x89\x85R\xac\x1cK\x96\xa0'</t>
  </si>
  <si>
    <t>b'\xbd!\x9dc\x84s$Bo\x8c\x9f\xc7\xcb\xe5\x137\x8d\x1c\xe3\x852\x92\xe6\x8a\x9dO\xce2S\x029\x84'</t>
  </si>
  <si>
    <t>paying off some old bills</t>
  </si>
  <si>
    <t>b'\xa1\xc4\xc3#:\x8ew\xd8\x0f\xc8\xee\x82\xbc\xa96\xeeOI\xda\x0c\xeaP\x9d\x80\x16\xf4"\xfa\xc2\xa4I\xfb'</t>
  </si>
  <si>
    <t>b'\xc4\xd8\x85\x06\xf0#\x99\x9f\xe3\xa7&amp;7p\x01\xf9\xb2\xed\xd1\xf7\x01\xf4\x8f){&lt;\xd6\\\x016\x88\x03E'</t>
  </si>
  <si>
    <t>b'\x97J.\x99\x036\x17\x8d:\x92q\xa6\x11eqB\x18\xbd\x7f$\xa8\xb3\xe0g\xfa\x1efJ\xad\xa6\x0f^'</t>
  </si>
  <si>
    <t>Help Me Out</t>
  </si>
  <si>
    <t>b'T\xa1\xe2\x1b]\x80~\x17\xeb\xe5\xa2\x19\x85\xdaV~\xa9\xff{\ts\x89,\xad\xf0B\xc6GnD\xe9+'</t>
  </si>
  <si>
    <t>b'\xfa\xe8K\xcc\xf7\xa3\xf7\xdb\xd7\xa6\xd1\xcd\x1e.\x0f\xe8\xa0\x98\x7f\x1f\xaeS\x87\x95\xcb^\x10\xba\xac\xbaw\x19'</t>
  </si>
  <si>
    <t>b"X\xe4\x9c\x89\xcf\t&amp;7\x8a\xc9i(\xbe\x1e\xf3n=4\xe0'3&amp;H.\x85\x8d\x1c\x00\x88f\x0f&gt;"</t>
  </si>
  <si>
    <t>b'i\xc9{\xd51{\xe3:n\xd8P\xac\xbazl\xd9\xeeC\xc9\x93\xde\x1a\xdc&lt;\x82\x18\xd7\xae\xe1o\x0e/'</t>
  </si>
  <si>
    <t>b'\x9a\xd5\xb1\xf6Rh\xe6\x952Cw\xef\xf9\x00b\x10%?+\xd60\xc8\xe1\x94\xb2T\xdcZ\x0e\x89\xc2\xa6'</t>
  </si>
  <si>
    <t>loan condidation</t>
  </si>
  <si>
    <t>b's\\\x94v\n\x81o*\\\xa7\xda\xb9\x8a\x1ej\x99\xc9\x8a"\xbcNl\x9d&gt;i\x1a\xfcD\x82\xd2z\xab'</t>
  </si>
  <si>
    <t>Car/Card Loan</t>
  </si>
  <si>
    <t>b'\xfaCm\x0c]\x9c\xcf\xa6*\xe6\xe5\xce\x8e\r\xc2\x00\x82\xb5\x9c\x92\xd6\x9c:\x10\x95\x86p\x8d\x06H\x8dr'</t>
  </si>
  <si>
    <t>b'\x91\x97\xa5\xc1\xe3N\xe7\xdd\x1a\x9b\xef\xfe\x00-\x11LA\x92\xab\xed0\xfejYP\xe5;R\xa1\xcdv\xdd'</t>
  </si>
  <si>
    <t>Household products</t>
  </si>
  <si>
    <t>b'\xbck\xb9\xe6g\xfb\n!\x803\xbfx&gt;\x9c\xea\x9fHy\x7f\xee\xc4\xe5#zE\xf38\x81\xb7%\r4'</t>
  </si>
  <si>
    <t>b'\xf7UE\xff\x86\x91\x1b\x1c\xbdg\xd6D\xc6\x02\xf7\xee\x8f\xd1\x0bW\xaa\xed\xc8U-\xdd%\x9a\xa4\xcf(\x16'</t>
  </si>
  <si>
    <t>b'l\xc6M\xb4I\xd7@\xad\xf9\xb1\xa6\x91\xdc\x81\xf6\xe9\xa8W\x834b\xce\x07\xa1=\x0cL\xd5\xfft_L'</t>
  </si>
  <si>
    <t>b'\xe4\x02\xfa\xfe\xdf\x08Jo\xf01#n\xb72\xcc\xc0N\xa4\xde\xd0[\x1c\x04\x17\xa4\xd4\x95\xd8\xfcK\xd7\xce'</t>
  </si>
  <si>
    <t>b'\xb5\x00&gt;\xe8\x9a\x90\x9f\xd5\xcd-NWb\xb5H#\xd8\x7f\xf5\xb3=\xaf\x86\x7f\x9d\xc2\xcdvj~C\x8f'</t>
  </si>
  <si>
    <t>b'\x19[\x8d\xa34\xfd\xd3\xb0\x92\xc9\xc1\xe3\xfa\xcb\x1d\xb3\xee$\xc8=\x87OhI\xf6\x1fl\x8d\xe3\xdaW\xa3'</t>
  </si>
  <si>
    <t>b'\r\xa1#V\xfe\x9cJ C\xa2A\xe4&amp;uxpvd\xad\x9b\xb4\xe7(\xf9\xf2\xc5z{\xbc\xcc\xa6m'</t>
  </si>
  <si>
    <t>b'\xea\x898=r\x80\x03\xbd}t\x9a\xa8\xc5\x89\xa1-sb4\xf4x aa\x16\xfb\xd6\x93[\x8e\x91\x16'</t>
  </si>
  <si>
    <t>b'o\xc7\xc6\x0c\x842\x0bS{\xd5\xdb_\x8a\xac:\xcd\xe1\xeb2\xd0\xa8c\x91-\xb2\x9ap\x1a\x87\x8f.+'</t>
  </si>
  <si>
    <t>b'e[AU\x1c\x90E\xea%s\xc3/qm\x1c\xb2\xa9\x15\xd5\xb2\xd1|\x0fH\xb7\x0ct\x90\xa4\x13kb'</t>
  </si>
  <si>
    <t>Denture Purchase</t>
  </si>
  <si>
    <t>b'EaK?\xad\x02,\xa9f\xba\x8a\xb6@\x8eQ^j[kN\xe1\xbe\xde\xac%\xa7\x8f\xe0\x05\xdb\x08&gt;'</t>
  </si>
  <si>
    <t>b'C\x99d\x168\x1a\x90\x7f\xff\x97\xd7or\xb5\xc9\xa6\xbd\xaf\x91\xeay\x851\xe8\x0f+\xdd\xa9\xda\x08\xbf`'</t>
  </si>
  <si>
    <t>b'7\x97\xf9\xa8\x96\xdc\xd1Ck\xd5\xe6\xd1\x8cm\x08R\x81\x0b\x01W\xf0\xceU\xa2,\xa3S\xa3FJ\x87\xb1'</t>
  </si>
  <si>
    <t>b'&gt;1\x99\xb4\xb9\xb0mlj\xb5\xb0\xc2\xdf\xa59\x94\x0c\x16\x85h]49e\xda\xf3\x8c\xec\x87\x86\x1a\n'</t>
  </si>
  <si>
    <t>b'\x19\xd9W\xd0\xf5\x96\xcb\\\xa1\x04&gt;&amp;\x0c.3\xa9|\x05\xccv\x0e\xf5\xbf\x8fQ\xc7\xda\x81t\x0b\x19['</t>
  </si>
  <si>
    <t>b'\xc3\xf5=\x05h;\n@ \x07\xf3\x0f\x14G\xa4E7\x8d\x0cT\x10\x14\x08\x1a\xaf\xe5T\xe8;\x1ck)'</t>
  </si>
  <si>
    <t>b'\xa8\xb7\xd1|\xf0Nd\xd8l\xdb\x7f\x94q\x13} g\x8b\xdd\xd1\xc8d\xa0\xc9\x89a\x81&amp;&gt;\x87\xc8T'</t>
  </si>
  <si>
    <t>Debt Free For Me</t>
  </si>
  <si>
    <t>b'\xed\x83\xc3\xd0\xd2\xcc$\xd2\x9adF\xc3S\xd8\x8c\xc8\x05\x94ik\xeb\xc4\xcc\x80\xf4zm\xc3mpG\x0f'</t>
  </si>
  <si>
    <t>b'%wd\xfc\x0b2(\x04`F\xa7\xa6\xca\xe7Q\x9d\t\n\xc0\xe4\xb0\xe5(\xd2\x04\x96\x08gG"!T'</t>
  </si>
  <si>
    <t xml:space="preserve">Nationwide is NOT on my side! </t>
  </si>
  <si>
    <t>b'.IB"\x99&lt;n\xc3\xd5\xda\x87\x94\xd6\xf7T)\xf8\x80"\x83\xef\xb0\x93\xe7\x8b+\xbd\xad\xf3A)\xd4'</t>
  </si>
  <si>
    <t>b'\xc5\xd1\x11\x1e\xbaB\x9a\xd9\x8a|/|\xbc\xe9\\00\x01pN\x06-#L\xbd\xb2\xc3\xbaXV\xfbh'</t>
  </si>
  <si>
    <t>b'\x95\x90%\x7f\x87M\xd3b8\xbc\xe8#\xf1\xcd\x02[\xd9\x0e\x05+m\x05X\xf7\xc9K\xae5\xdd\xe7P\x1e'</t>
  </si>
  <si>
    <t>My credit cards</t>
  </si>
  <si>
    <t>b'\xc5/\x8f\x81=LZ_+1\x8d\xc6\xf5Y\xf2?\xa8\xd1\x1b\xfe\x1b\x1a@\x11\x92r\xb8~\x93Q%e'</t>
  </si>
  <si>
    <t>OUR FAMILY VACATION</t>
  </si>
  <si>
    <t>b'\xd0\xd8\xdc\x1d\x04\xb728\x89\xc4T\x8e]\x08\xafI_\xcbQ7\xf9\xb0\xc1%\x99\xd6\x01\x7f\xd9;\xf5y'</t>
  </si>
  <si>
    <t>b"'|uBU8!\x8c\xc9-\xbd\xd4\x1c(\xbe\xa9\xb5\x86\x0e\xe6\xd7\xb0\xcc\x8b\xb0\x9e-KF\xc2\xd0\xd4"</t>
  </si>
  <si>
    <t>Debit Consoladation</t>
  </si>
  <si>
    <t>b'\x13\xf6\x0c{\x953\xce\x1d\xfd\xd6\xaa\xda\xc8\x01\xaf4Z\x7f\x18\xcdu\xe4%t\x8b\xefK7\xb4T\x99\xf0'</t>
  </si>
  <si>
    <t>b'\xebZ\x0c\x95e\x02h)0SiY~\xf9\x0e\xa3\xa4\r\xf8P\xc4\xff\xde\xb9\xbb&amp;[\x0f:Q\xa6\xe3'</t>
  </si>
  <si>
    <t>Old home loan</t>
  </si>
  <si>
    <t>b'\x85\xbe\x9d=j\x19\xf9NWM\xd1\x19\xff\xbeJ\xc8x\xbd0\x86fE\x84:\x04\xed\x9a\xa6\xd8\x17!\x95'</t>
  </si>
  <si>
    <t>b'\x87;X{\xe4:\xba\x16\xfa=^j+2\xeb\x05=\xc7a\x1eq\xc5\x02\xa8\x9b\xa5\xad\x1b"\xaf\xa7\xa8'</t>
  </si>
  <si>
    <t>b',\x81\x0c\x0e\xb6\xaa\x92\x7f\xbf\xe2Sk%\xc2\x12.V\xdb\x97\xa9\xe0&gt;\xc7\x96\x8fPe\xc1`7\xc8\x03'</t>
  </si>
  <si>
    <t>b'oo\xb1\xdb\xf2\xa3\xb3\x95\x04)\xec\xa4\xe2\xc4\xe1i\x98\xa1l\xb2\x88\xe7\x99sK\r\xce\x96\x198\x11^'</t>
  </si>
  <si>
    <t>b"\xc4\r*@\xa67:?^o\xb0\xc0\xa3\xc6#^B\xe5\xa6\xd9\xfd\x9dy\xca\x91\xa7\xc7\xe9o\x19'E"</t>
  </si>
  <si>
    <t>b'\x12\xe7u\x06\x15B\xfc3\xdbuy\xd1\xff5-\xe8\x85\x9d\xf1\x01tF\xbf\xa2\x9ej\xabi,?\xe9`'</t>
  </si>
  <si>
    <t>b'\xd1w\xe8qZ\xean\xc5\xd4\xc6\xf7\x94)\xb1\xb8\xd2\x9bu\x8d\xbe\x89^G`\x04\x0c\x86\xaa\x1aLSP'</t>
  </si>
  <si>
    <t>b"\\\xedc\x95[2?\x11\xb5K\x13\xd4Qm\xd0\x0e'm}\xbf\xd3h\xc3\xc7Z\xf1\x81QA\xc3\xcb\x00"</t>
  </si>
  <si>
    <t>Business Equipment</t>
  </si>
  <si>
    <t>b"\xef\x97@HR\xc2'\x93*J\xda\xc7v\x03\xfePR*\xc3\xe7\xf5\xc4\x1e+%\xc87\xc5\x1e~ \xd8"</t>
  </si>
  <si>
    <t>b'l\x14\xea\x1d\x91\t\x82\x8a\xc5LB\xcf\r\xd92\xa5A4\x90\xe1\x14 \x05\xaf\n\xd0\x15`_\xe5C\xd6'</t>
  </si>
  <si>
    <t>blessed</t>
  </si>
  <si>
    <t>b'\x00\x18\x8c\xdfnX\x82\xca\x05\xf2\xf3q\x99\xbf\xc3M\xdb\xf0\x9d\x83\x8c\x9b\xa1FQ\xc9\x04u\x99\xc4\xf6&lt;'</t>
  </si>
  <si>
    <t>b'\x9b\xb6\x8fE\xf4\x97\xfa\xe3\xc9fBF\x9c\t\xd0\xceO\xaa|\xd5\x17\x13\x06\x06\xe9$\x97q\xe1\x15\xeb?'</t>
  </si>
  <si>
    <t>b"\xddcp\xa3\x9e.\t\xcf\x9a\xc0\x07\xdfH'\xf2\xc36\xe5\xa8\x93?\xe7\x04\xf63[l6\x91pKv"</t>
  </si>
  <si>
    <t>Debt Consolidated</t>
  </si>
  <si>
    <t>b"\xce\x99@]\xb6B@r+\x15G\x0b\xda'\xcc\x10\xd7*\xde\x1d\xdf\xde\x89\x8b\xea\xd5df\r\xd6\x84\xd6"</t>
  </si>
  <si>
    <t>b'\n\x8a\x7f\x97}\x88W\xf5\x947%\x9f\xb2\xca\xb0+b\x12g\x94\xba\x1b\xb7\x1d6\xf1\t\x03\x94Zm\xec'</t>
  </si>
  <si>
    <t>b'a\xcc\xc6\xcf0[Q\xcdY\xdf\xcb\x8c\xc7\xc5\x14d\xbb*\xbb\x14\r7\x07\x97tm\x17\xef\x8c\xe2\xde\x14'</t>
  </si>
  <si>
    <t>b'$\x8f:\xa7\x16\xcb\x08\x86\xd4m\x8a##\x16\xd3\x88G\xef\x9f\xc8\xd3\xf7\xf9\xd3c\xf1\x17\xa4\xe9\xffZy'</t>
  </si>
  <si>
    <t>b'X\xdf\x02\x08\xed\x89\xca\xec\x9bn\x9b8\x0c\x83\xe6\xcf\x07e\xec \xf7\xf0\x04\xd5#d1\x9e\xbcM\xb6+'</t>
  </si>
  <si>
    <t>b'\xea+\x8aP\xf5\xe5O\x97\xdbR!W\xb02\x08\x7f\x16A\x13\xfd\xa8BrG\x81\xed\xb7\x14\xe7p)$'</t>
  </si>
  <si>
    <t>b'$\x13I\xfc\x87\xe1\x14pq\xfc\xa3F\xbd\x0e\xda\xb91;\x81~9\xe2\xf0\xec\x05\x166\xa4\xad#py'</t>
  </si>
  <si>
    <t>b'T\xf1\x8e\xf7\xfc\x9btk\x93\xf7\xc9\x0e\x0f\xfa\xe0\xe7\xb1W8\x0b\xc0\x83\x06\x98\xbd\xb9&amp;:B=\x87\xb8'</t>
  </si>
  <si>
    <t>Lawn care</t>
  </si>
  <si>
    <t>b'\x02\xed\x14\xb2lA\xed)BaE\x11\xd1\x879\xd28\r\x9f\xec\xc1Uc\n\xdb\xfe*\xb3\xcc/\x99\xf7'</t>
  </si>
  <si>
    <t>rochellepayoff</t>
  </si>
  <si>
    <t>b'Z#\xd4\x9d\xe0\xfan\xfd\x0b\x92M\xfd\xc8DjV\x961\xca\xe8f\x03"\x03\xf9\xd1\x8es\xff-\x1b\xe1'</t>
  </si>
  <si>
    <t>peace of mind</t>
  </si>
  <si>
    <t>b'G\x85\xab"\x80!\xcc\x02\xde(\xe5\xf4\xa6\x17\xd3\x1e4\xf1\xa8,\xced\xc6\x07\xbc\x1a\xc4~\xd0q\x15\x8a'</t>
  </si>
  <si>
    <t>b'w\x80\xf5H\x8b;\x94Aq\x883\xfb\xcf1\xe1\x1e\xed\x85j\xf6\xe3\x93/x\xd7\x86\xa1_\xb6"{\xa8'</t>
  </si>
  <si>
    <t>b'\xad\xc8);$\x19\xe1\xdd\xaf\x13\xf1\x1eF\xe5C\xf0\xc8\xc55vi;7!\x82\xae\xdd\xc3\x13\n\xf1\xe8'</t>
  </si>
  <si>
    <t>Solar Loan</t>
  </si>
  <si>
    <t>b"\xed\x9b\xb3\xbfi\xb5'\x80\x8c\xde\x8e\x9eFG\xd6\xf6ry\xd4\x1bv\t\xa5\x7f\x11\x87\xc8\x1a\x126\xb1\xf6"</t>
  </si>
  <si>
    <t>b'Z\x82\xdf\xd6\xd1}\x0f\x8b\xe5K\xe2\xa2V\xca.s\xc1\x8f_\xf0@\xa2)\xbb\x95\x86\xd0?M=[o'</t>
  </si>
  <si>
    <t>b'Z\x1e\xfc\x19\xb8\xab\xbb\x8b\xa0\xe5aR2z74\xed\x08\x06^\xe1\x19\xef\x9esUB\x97\x9a\xb7k\xa5'</t>
  </si>
  <si>
    <t>b"\xf2\x80\xb3\xe4\xa1n\x92*\x8e\x02\x07\xa6'v\x96\xf4\xc9/\xc8\x81Uv\xa1\nD\x11z\xb3\xe4\xa0\xe4L"</t>
  </si>
  <si>
    <t>b'\xfa\xc2L\xc1\x1f\xe1n\xb7)\xaf\xf8\xe8\xa1\xb8\x83S\x85R\xb4\xc5{M-\xd8i\xc9-\xad`\xef\xc3\x9e'</t>
  </si>
  <si>
    <t>b'f\x0c\xca\xd9\xa8`\xd8+\xe0\x058\x03\xd2\xa6\xc3\xd1\xb1\x1b\xa3\x90u\x1bL\xfd\xbc\xc7v\xf2\xa3\x97*\x1c'</t>
  </si>
  <si>
    <t>b'\x17w\xb9\x06\x87C\x01.\x8fVW\x8af\xc9y\xb8\x86}C\xee\xc2\x82\x9a\xb0D\xab\x7f\x963k\xfc\x93'</t>
  </si>
  <si>
    <t>b'\xa4\xc3K\xe1\xb7\xd0u;{h\x82\x0bc\x8eZ;\xb2^\xcf\xce\x06M\x00\xf8\xc25\xae\xdfY\x8et\xfc'</t>
  </si>
  <si>
    <t>b'\x81(\x1f\xf6\x1bVX\xbc\xb3G/\xfa\xb7d-]{\xc1!4p(w\\\x9c\x0e\xa6\xedO\xcfe)'</t>
  </si>
  <si>
    <t>b'F\xb4\xf7D\x15e2\x00d\xeb\x05\xa2\xb2\xea\x8b\xfe\x7f\x81\x93~C9\x8a\xc6\xc3\xb9\xe4\x03&amp;\xc9\x8fX'</t>
  </si>
  <si>
    <t>b'e\xf6\xb4\xd6\x1e\x1cy\xee\x13\x1d&lt;\xc6"\xcb\xa0\x0eD\xd6\xe2pK\x80\x15\x0b8*\xae\xfa(\xc6\x82\xf9'</t>
  </si>
  <si>
    <t>b'\x9a\x03\xaf\xce}Dn\xe7\x95\x82\xf1\xa5\x94\xe3\xf8"\x1d\x08\xf9h\xc1\xd5\x94R\xa7\x19j\xe4\xfe\xcbo\x84'</t>
  </si>
  <si>
    <t>Business upgrades</t>
  </si>
  <si>
    <t>b'*=\xd3y\x96\xe6\\\xe1\xd4\x9a\xa7\xc5\x9c\xc1u7"\xc4\xea\xda\xecCGj\xfa\xd9:L\'\x18\xa3\x8b'</t>
  </si>
  <si>
    <t>b'3\x07\xe8\xf0I\xc3\xa4\xfbSe\xc4\xd9\xa9y_l\xdb!\xb9\xef.\x92\xe8\x8b\xc9\x9e\x94\xd9G\x7f\x80\x84'</t>
  </si>
  <si>
    <t>b'\x9b\xf1\x1exc{I\x03\x14v\xb5\xe7\xb4\xd4\x85\xab\x90\xf3v\xcb\x18i\xdd9\xe3\x82]Z\xb8\x15\x16|'</t>
  </si>
  <si>
    <t>b'\xafAP\xbb:f]uR\xd9\x1c\xb7Y\xb7\xe4\xf7\x83%TA0F\xb1_\x9b3,\xf9&gt;\x1e2\xe3'</t>
  </si>
  <si>
    <t>Credit Card P/O</t>
  </si>
  <si>
    <t>b"A\xd2\x87\x1e\xf4\xff\xa0/\xbf/]K\x8b\xf2\x9c\xcd\xfe/Tv&amp;\xeb\xa3\xe3\xce'\xe9NS?R\x89"</t>
  </si>
  <si>
    <t>New Year Loan</t>
  </si>
  <si>
    <t>b' ZDJ\xfc\xfc\xa9\xdcT\xecr\x97ud\xb1\xd7\xc5i\xe6((&amp;\x01\xf2\xcb*\xda.p\x02\x02\xc6'</t>
  </si>
  <si>
    <t>b'2\x18\x1cW\xc8\x06\xf9\xff\xe5$\x8c@A\xc9\xf4\xeego\xde\xfa\x17\xd5\x17c)o\xd5\xb2n\xa5\x02\xf6'</t>
  </si>
  <si>
    <t>b'\xe5`AG#\xc2a\xcc\xeaI|\x03\xc1K\x1b@\x94\x81d\xf4$\x144\xf6Aga"\xec\x8a\xc3S'</t>
  </si>
  <si>
    <t>b'\xb1\x02U`\xe3mmlh\xf7\x07\x1b\x02\x9e\xf2{\xd1\xb1\xc7\x08\tP\xab\x15m6\xbc5\r\x81\xa6 '</t>
  </si>
  <si>
    <t>b'uC\'\x00\xff3\x95W\x9e\xfe\x9bP\xda\xa0\xcf\xfb\xae"(\x1a\xb0A\xda\xc6\xbc\x9a\xe5\x8d\x14\xcd\x9e\x93'</t>
  </si>
  <si>
    <t>b'\xf5\xee\x18\xa6()\x1e\x08q\xe9(\xd8i\xcb\xdd\xf7\x1e\x9a\x1d\xb7\x06\xbc\xae.d|\xf8\xb7Vq\xe5/'</t>
  </si>
  <si>
    <t>Vacation Loan</t>
  </si>
  <si>
    <t>b't\xfd\xba\xcc\xc4\xe1\xe4\xe2%@\xb2\xe0\x0c\x06r\x8c\x01P\xba\x03\x91\xdf+\xc1\x90\x94\xd6h:\xc4y\x91'</t>
  </si>
  <si>
    <t>b'\xa8e\x18,\xb5\xf4\xf1\x8aX\xd0\t\xc4"~\xdfl\x8a\xc7\xa2\xb3\xb3C\x07\xea\xe7\xa7\xfe?\x86\xbf\xc8\xe9'</t>
  </si>
  <si>
    <t>b'\xc9\x17?ej\xa2\xe8V\xd4A\xa9\x05\x93\xf0\x84\x1e\xed\xdc:\xe1\x8d\x9e\x8e\x89{,\x03\xaa?\xb2y-'</t>
  </si>
  <si>
    <t>b'D\xab\xd9\x90\x85\x11\xf2\xafy\x04s\xa1\xa1J\xabG2/X\xed\x8bmTg\x13T\x03\xdb\x9f\xbe\xaeL'</t>
  </si>
  <si>
    <t>b'k)\x16\\\xbc?\x1e\x99Z\xaeI\x9c\x87\x9dS\xf7S\x90\xa9\xb3t\xb7_!\xa9u\x17\xd3\x8cu\xb3\xb7'</t>
  </si>
  <si>
    <t>b'\xeb\x80^/[\xeb3\x02\xd7\xf8\xb3:e\n9\xfa6\xf0d+\xb9\xb7*\xf1\xf2\xc6\xb2\x8f\x96\xf8\xe10'</t>
  </si>
  <si>
    <t>b'\x08\xd2N\xe4\xb7\x8a\x82F\xcdQ\xfa\x9cb\xad\xb2\xe5\x8b\x93\xcb^%\xed\x1bT\x9d\xde\x00\x14^\xae\xba"'</t>
  </si>
  <si>
    <t>b"\xa4\xd0\xe4\x99\x87\x1d,\xcf\xc9\x07jb\x87\x16\x08^\xbdAy\xf2\xcc\xb6'\x0f\xd8?x6\xe6\xd7\x0e\xd5"</t>
  </si>
  <si>
    <t>b'A\xae\xaaDB\xf2]*[\xcd\x90\xac\x10\xb6h\x14*\xa2\x85:`\xbc*H\x17H\xa6\xa1\xc3~\xcf{'</t>
  </si>
  <si>
    <t>Debt consolidation - thank you!</t>
  </si>
  <si>
    <t>b'\xb4\xc6#\xf0\x00\x15\x96`\xafFR\x98\xf1\xd9MQ\xe0jjL\xc8\x18\x08\xc8`\xa8\x9dvu\xc4\x13\x06'</t>
  </si>
  <si>
    <t>b'tp\x87\xed5\xdfj\xe6\xc80F\xc0\xd3\x85\xf6&gt;\xbd\xdc?\xc9\xf1\xd3\x00m\xa6\xfaV\x16\xb5Z_\x1a'</t>
  </si>
  <si>
    <t>b'\xe6\xcd\x97Zqh\xb6\xc9\xfb\xcd\xce\xc4A\x00\x8ar\xdb\n\xdc\rvu\x0e\x83\x8cHN\xb6\xb8&amp;\xa9!'</t>
  </si>
  <si>
    <t>b'\xa1\xfc\xd6\xd7\xd5\x9d\xb9\xa6\xdf\x9d\x0b{|\x88\xf8k\xefk\xc6\xa3)3?\xc2z\xa0\x93\xd1L\x95%\xed'</t>
  </si>
  <si>
    <t>b'\xbe\x88k\xe9\xf9s\xae\xc9smS&gt;\xc7\xee\xe4\xa12\xcf\x8b\x11\x99\xd0?\xca\xca\xcd2/\xdb\xf7\x9f\x1f'</t>
  </si>
  <si>
    <t>Credit Card Pay-off on an Island</t>
  </si>
  <si>
    <t>b'\xc9\xda%\x9c\xab\xac\xa9\t\x156c\x05\xc3[2\xd5dp\n\xfe+t\x18\xea6\x8a\x0e\xea\xb0Y\xf2*'</t>
  </si>
  <si>
    <t>b'&amp;8\xca\x1c4f\x00\xf0\xf7\xb3q[\x19\xecB@/\xcb\xe7\x7f\xe4\x80\x01\xd2U\x8f\r\xe2\xf0\x14\x1f\xa0'</t>
  </si>
  <si>
    <t>b'\x17\xeb\xc2\xf0\xf7\xb10\xee\xb1\xe5\x19\xe0\x90\xcc\xb7x\x9d\xee\x8b\rC\xba9U\xfd_sjc\xa2\xd6\t'</t>
  </si>
  <si>
    <t>b'\x99\x15\xac\xe2\xa8\xd2rV\xcc\xa8\xa1\x02\x9aN\x1d26\xcc\x96\x94v\xa7\x88\xb3\xc7&lt;\xb5E\xca\x8fO\xe1'</t>
  </si>
  <si>
    <t>b'\xb5P-\xb7\xcalS\xe9J.{\xe1\xd3\xd8\xe6\xbb\xca\x10\xadj?\xcd\x15\x03\x9d\xa7\x86\x98\xee\xd4\xcd\xed'</t>
  </si>
  <si>
    <t>b'Oz\x89}Q]\x82\x1c\x19\x11\x87\xf1P\x86\xa3\xf06 \xaado\x93\xd7\x0b4g\x13\x17R\xd1\xda\t'</t>
  </si>
  <si>
    <t>b"s\x91gq\xbe[v/\xbc\x84e\xe4`m\xe6nO9G\xba p'io|\x85\xd2\xf1n\xc0\xaa"</t>
  </si>
  <si>
    <t>Plan B</t>
  </si>
  <si>
    <t>b'R\x94\xc0E\x88Nf\xa3\x7fg\x11i\x0b.Htx}\x81g\xa1\x86\xe8I\xb31U\x99=\xf6\x0em'</t>
  </si>
  <si>
    <t>A Sure Thing</t>
  </si>
  <si>
    <t>b'\xd9H\\\xf8\x19\xe6F-w\xea1\x15?\xabh\xdb\x8c\xfc\x97o\x03z\x18J}\xe4\x84\xb2ZU4\xbf'</t>
  </si>
  <si>
    <t>b"\x08e\xf7^x\xfe\x94\x04\xe7aD~\xc9\x08\x10\xbf\xdeV\x83H'\x1f\x1d\n\xe6/\xf0\x80\xb5!\xf6\xa4"</t>
  </si>
  <si>
    <t>b'\x16\xe9{e"/\xa0\x7f~\x86%q\xb3\xf5\x7ff\xeb\xcb\xf2\xa5\xa4\x16\xf2h!\t\xc6\xd1Is_`'</t>
  </si>
  <si>
    <t>Piano</t>
  </si>
  <si>
    <t>b'\xd1\x84\xa3\xed\xe9\x9f\xd4\xf2[\xc1\x91\xe50\xe6\x83\x11\xc9M\x9d\xc1\x19\xcdw\xf6UHBf\xa4AhN'</t>
  </si>
  <si>
    <t>b'\xcfU\x00\x8a\xb4\x11?\xb2^\xbfJ\x02\xcf\x03\xa2\x06z\xe3\xb4\x0e\x07\x8d\xa9\x93\xa8\x91\xff\xa2X\xf9\xd9\xf7'</t>
  </si>
  <si>
    <t>b'T\x14\xac\xe8\xd1\xaa.\xf00\xaa\t\xae\x0207\x1e#\xe6g\x15\x86\x19\x1ahc\xe8`\x08\xcf&gt;&amp;\xa0'</t>
  </si>
  <si>
    <t>b'\xf6u\x9a-\xe6\x83\x13"\xf6\xbe\xca\x95\x18\xb1\xc6E\x99l\x90\x9d\x0cf\xe5\xe1\xfd8!&gt;\\\x05\xbft'</t>
  </si>
  <si>
    <t>b'\\\xeb\x91f7\xfc~\xaa\xadm\xc4U\xdc\xf06"\xb7}\x01\xaa\x0c\x84UQ\xfe\x00\x82\xff`o\xdd\xbf'</t>
  </si>
  <si>
    <t>b'\x15\xac\x15\xeb\x18\x05M\xe4\xdc\x12E\n6\xdcn$\xa4\x8f\xc5\xf9\xd7\xf5S\x88AK\xef\x99Tn\t\xf6'</t>
  </si>
  <si>
    <t>b'\x1b\x92\xa4\xa2\x97\x7f$\xfa\t\xe5O\x03\r\xb9\xa8"\xea\xcc\xd4mzW\xf4+\x80\xcf\xc2\x1cyQ\xfa\xf2'</t>
  </si>
  <si>
    <t>b"\xc6\xf6&amp;o\x91\xf3R~'\xf7\xdc\xfa&lt;rtU9\xf3G\xb1\x9b\xb2\xf7\xaa\xf6\x8e\xb4\x81\x84@4?"</t>
  </si>
  <si>
    <t>b'\xf4\xee\xd51\x04\xb4~\x8e\xa3\xa0\x17(\x10\xa9\xf8\xc5\xfb\xa2\xae5\xfd"\xdc\xe7t\xf7.\x08?\x03\x81\xbd'</t>
  </si>
  <si>
    <t>b')\xc4\xab\xe2\xbaWW\x9f_Uz!\x93\xb6z\xa0\xc0xMn\x96\x9e\xe8\x89%\xfd\xef\x1ddV\x1e\xdc'</t>
  </si>
  <si>
    <t xml:space="preserve">I like this rate </t>
  </si>
  <si>
    <t>b'\x17\xa6\xd8\xa5^}e\x18=\x8e~\xafp\x1b&amp;\xf4\r\xb2r\xdb\x8f\xd3B\xb2\xc4\x8f\x8e\x00\xe2\x9c\xc1I'</t>
  </si>
  <si>
    <t>help out</t>
  </si>
  <si>
    <t>b'\x85\x1d\xb8}\xc7\x15l\xe9\xed\x8c\xae\x80Y\x83{\xb8v\x8bl\xbe\x18\x9f\xdf\x1b\x03\x17\xe2ZGR}1'</t>
  </si>
  <si>
    <t>b'\xd8:\xa5\xc6\xe9\xc9)\x9e\xef\xf1\x9es\xc3\xd24FGBx\xb6\xab\x9a\xe8b\xdc)\x7f\xf3lg\xc0Q'</t>
  </si>
  <si>
    <t>Grad School Debt Help!</t>
  </si>
  <si>
    <t>b'\x9d\xd9c[\x10t\x08\x7fE\xd4\x81x\x97qm\xcf\xc02\x16\xb7\xed\x18\xee\xe5\x93w\xae\xce\xf7\xba8\x8a'</t>
  </si>
  <si>
    <t>b'1\x12\xf5p&gt;\x98\x00F!x&gt;n-\x80AR\xba\xd3\xc3O\xa4\xd6R\xa4\xa1\xcd-\x00\xbd\xddM\xd5'</t>
  </si>
  <si>
    <t>the future</t>
  </si>
  <si>
    <t>b'\xfa\x83x\x0e(]\xae\x06?\x90\rX\xa5b!;P\x18\x07\x0b&amp;\x96j{\xd3\xca\xd7De\x8bk\n'</t>
  </si>
  <si>
    <t>b'\xf7\n\xfeG\xb8-\x83\xa9\x98Bn6\xf6&lt;\x7f(\\_\x03\x92\xe7 +\x99\x01S\x8bY\x89\xf4\xc4&amp;'</t>
  </si>
  <si>
    <t>b'\xea_\xbbD\xa4A\xd3\x8a\x1f\x98\xa0Y\x81nq\x14\x17\xf5\xa0w\xc5\xd1\xf2q\xf8\x14\xb5\x94\xc9\xba@x'</t>
  </si>
  <si>
    <t>b'\x0e|_tT&gt;\xa6\xe8\xf2&lt;=\xf8,\xbe\x0b\xcb\xa8\xd3A\x85_\xb5w0\xe7\xbfR\xf2\xbb3+\xd3'</t>
  </si>
  <si>
    <t>b"\xb6\x80\x95\t\xfda\x95'\x92\x1a\xba\xd4\x98\x8e\r\x170\x84\xc7\xf1\x9b(\xdeZ&amp;B\x9a\xf3\xafA\x9f\x86"</t>
  </si>
  <si>
    <t>b"\xaa5\x81{\x96\xb4C71H\xa0\x8e\xad\xddW0E28`\x99\x06\x9a\t\xe6az\x86/\x86'\xa8"</t>
  </si>
  <si>
    <t>b'\xf6&lt;1\xed\xd19c\x18\x01bM\xa6Cq\x08 ]i\xea=T\xbc\xack\xf0\xb0\xcd\xa04\x84y\x82'</t>
  </si>
  <si>
    <t xml:space="preserve">relief </t>
  </si>
  <si>
    <t>b'\xa7\x07:q\tl\x96\xa4M\x89i\xef\xd0G\xbdW\xa2\x801v-\x98)Y\xd2\xe6\xeb\xaa\x90\x7f\xda\xa7'</t>
  </si>
  <si>
    <t>b'I\xb4\x08\xca\x99d\xc0\x11\xb9@\x9a|\xfd\x8b\x850\xa2\xd5/\xe8\xdd\xc1\xd3E":\x89\xd44\x1a\x90\xbc'</t>
  </si>
  <si>
    <t>b'\xb61\x1c\xb2\xd9\xb8\x19Ax\xfd=\xfb\nCln#Av$\x9a\xd1rr\rH\x8d\xb9\xf0\xe1\xde='</t>
  </si>
  <si>
    <t>b'\x1fN\x8b\xf7\xd9\x1d"\x01y\xfb\x03\xd4\xb6GN\xa7\xb9\xab`7J\'Y\xc8?\x9c\xe5\xe4\x17\xee\xe0\xa4'</t>
  </si>
  <si>
    <t>b'\xe8]H\xc4r5\xb5t\x82\xfah\x11\xa6\x88Sx\x02\x85\x08s\x946\x17\x16G\x94\xb8\xaf\xcc6\n\x8d'</t>
  </si>
  <si>
    <t>b'\xaf\xccs9C\xc5\xf7\xa5\x10\xb2\x1f\xab\xa0\x9e\xef\x1b\xd1H\x12\x8d\xee\x9b\xe9\xb6A\xcdxF\xdb(\xbd8'</t>
  </si>
  <si>
    <t>Personal loan/ meet financial obligation</t>
  </si>
  <si>
    <t>b"\xe1\xd8'\x80\xec\x14E\x96N\x0eN\xb4\xb8@!y\x9bn\x82W\r\xab\xf4\xffy\xf6$\x8e\xe35j\xae"</t>
  </si>
  <si>
    <t>b'b\x06\x0c\x7f\xb2-3I\x81h[T\x95\x8e\xff\x03\xb5\xd1\xe4\x04e\x9b\xf1\x02k:\xf8X\xe3\xf4q_'</t>
  </si>
  <si>
    <t>Payroll Change</t>
  </si>
  <si>
    <t>b'Wo&amp;\x9eV\xd7\xcev;\x0bPK|_f4"&lt;a\xf3\xc5\x9d{\xd8{\x03\xa5\x002D\x91\x89'</t>
  </si>
  <si>
    <t>b'\xdckK\xca\xbc\x88\x88\xca\xd2\xd6nw\x00v\xc0\x1a\x93\xf7.%\xa18w\x96}/6\xbd\xc3p\x1d\xbf'</t>
  </si>
  <si>
    <t xml:space="preserve">90 day loan </t>
  </si>
  <si>
    <t>b'/\x85\xe2\x87\xe8G\xadZ\xe0\xad\x8c\x85\xd9,\x14\xe6!\xbd\xa5\xaf&gt;K\x97\xd2\xef\x0c)\x86Q\xe1\x05h'</t>
  </si>
  <si>
    <t>b'\x1f\xad\x99Y\xf5\x00\xba\xb32\xc8\x18\xe1\x82B\xa9\x91\x8b44i1T\x1aE;\x16Ud\x0e\xb8\xcfR'</t>
  </si>
  <si>
    <t>b'\x13\xcb\xdc\x19\xbe\xb4\xfbqH\xe5g\xd1\xb1\xbd\x81f\xdd$\x06\xa6 \xc6]\xa1\xd0\xd4\xc3\xf4\xce\x85\xecz'</t>
  </si>
  <si>
    <t>b'\xdc\x7fC%\xd9Z?v\'\x85Z\'lf#\xb4\x1f\xaf\xd2d\xfc\xaa\x80\xaa\xcbL*;\xe2\x19\xb8"'</t>
  </si>
  <si>
    <t>b'\xfa\xb0~\xfe\x7fQ\x10\x8a\xf7\x9f \x19\x1e\x86\xce\x8d\xb0T\x18\xa1\xc5\xf2"\xf8\xdb\xa5\xab^\xe6\xa3\x16\xa0'</t>
  </si>
  <si>
    <t>b'/\xf2P\xc5"\xb2~\xa1\xc8\xac\xe6\xec\xaa\x1f+\xa2\x8d&lt;\xa1}\x1d\x0e\xfd\xdbT\xadeL\x82\x07\xf6\xf8'</t>
  </si>
  <si>
    <t>b'S&gt;\xbd\xd25\xd0+~\xc3mR\x19Rm\xb51r\x13\xeeCE4\x1a\x9e)\xfc]\x1f\x84\xc4\xe8\xa5'</t>
  </si>
  <si>
    <t>Credit bills</t>
  </si>
  <si>
    <t>b's(\x18\x7ft\xb06W\x03!if\xf4\xed}\x05B#\x0c&gt;]&amp;#\xc9h\x19O\xc7y\xa9\xe1\x8a'</t>
  </si>
  <si>
    <t>b'\x9a\xc4\xa10\xde\xb5\xa5\xe6\xdb\xe9\xef\x1e\x04B3\xab@W\xc2o\xd2\x08q\xe28/\x1a\xf0&amp;\x07|\x1c'</t>
  </si>
  <si>
    <t>b'\x12\xeae$"h\xe2\xaf]\x9f\xebT!\x06e"Y\xe4]\x19\xcc\xcc\x01\x96%Q\x14\xf8\xbb\x13\x8eZ'</t>
  </si>
  <si>
    <t>b'\xc5,s\\t\x9fC&amp;0\xc3\xa8\xca\xb8,%s\x9c\x06--\x1d\x983\xee\xef\\\x9eyem\x86W'</t>
  </si>
  <si>
    <t>b'\xf8\xe2\\2\xd2d\x8c)=m\xcf\xb1\xd3g\xb63\xc3\x0b\xd4y\xcfN8\x86\xafU\x14\xc7\xd2+\xc2\xd0'</t>
  </si>
  <si>
    <t>b'\x03B\xee\xee\x81b \x11G\x1f\xc2T\x1b\x17\xd8\x8f\xe7\x8f3\x83\x85\xf0\r \xdaHOG\x18\x88\x95%'</t>
  </si>
  <si>
    <t>Down Payment</t>
  </si>
  <si>
    <t>b'(\x87w\x1bW\xaa\x12O\xba&gt;\xe6\xe9\x9b\xffPt-\xa7C3\xca*\xe3.-#g~\x1a\xd0\x14\xbd'</t>
  </si>
  <si>
    <t>b'\x9aN\xfdV`C5\xac6\x9c\xae\xdf\xc5?\x00\xed\x1f\x97O\xe9\xe6\xb9H\x0e\xb0\x12#\x92J\xd7\x10\x99'</t>
  </si>
  <si>
    <t>b'\xbc\xecB\xf3\x9cI\xb1;\xa1IW\x05\xbbl\xde&amp;\x88\x8a\xf7D\xa2\x80\xa1s\x02\x9cU\x0f9\x9f\xeb\xb9'</t>
  </si>
  <si>
    <t>House Repair</t>
  </si>
  <si>
    <t>b'e\x14\xe3\xe9\xd8pi\xa1\xe8\xf7*7\xa4!\xbb\xb910M\xe6a\x89\t%\x99\xf1C)F\xee\x84\xbd'</t>
  </si>
  <si>
    <t>b'\xf8\xdb\x10\xff\xb6k\xdd\xadz\x9a\xe8`\xaf\r9pv\x8d\x1c^0\x08\x1e\x0f(D\xb8\xe3\x99\x1df\x8a'</t>
  </si>
  <si>
    <t>L C Personal Loan</t>
  </si>
  <si>
    <t>b'X\xeb=k.t\x1e}\x95\xe0\xc5\x0e\xd2\x1f\xfc\x0c\xdf\xa1\xbe\xc2@\xc3\x90O\xe7\xc9~\xd7\x99\xc2\xf1\xf4'</t>
  </si>
  <si>
    <t>b'C\xd0\x04\x034?\x89\xd4,\x9d\xcdl#U\x96\xc8\x9bg\xd5}%\x13\x9f\x8a#7:\xd9\xc5q\xf8z'</t>
  </si>
  <si>
    <t>b'\x81\xeeX\xe7\xd5\xbf\xd5\x05\x7f\x86\xdf,\xda\xda\x84\x10\x1fS\x90\xa8jpu\xc5!\xfa\xa7\xd2\xaaS\x1dj'</t>
  </si>
  <si>
    <t>modified balances</t>
  </si>
  <si>
    <t>b'\xe1\xc5N\xe4&gt;\x1b\xceW\xdeG;\x020we+`\x067\xaczu2\xc1K+0M)\xff\xa9\xa7'</t>
  </si>
  <si>
    <t>santa claus</t>
  </si>
  <si>
    <t>b'O_C\xdf\x93A\xb9\x88\xc5\xc1(\x8f\xbc\xb3\xdaR\x7fyc\xd1\n\xa7\x937\x96"\xceW\x1a\rV`'</t>
  </si>
  <si>
    <t>b'=5\xe8\xd0\xef?\x19\xfc\xf2\xda6S\xb1\x8f_\xc1\xb0Lo\xbe\xed\x1aG\x10@yh,IC\xb2\xed'</t>
  </si>
  <si>
    <t>b'\x0bl\x1b\xc9\x16\xb5\x01\xeb\x8c\xaa\xe6_\xecU\x8a\xe8\xd9\xbf\xc4g\xd6\xa2\xb6\x94\xb2\x8c|\xe5\x9d\x01\x8a]'</t>
  </si>
  <si>
    <t>used car loan</t>
  </si>
  <si>
    <t>b"\x1a\xfa'L\xccs\xa8\xb8})\x94_\x1d\x9ex\x95\xacp+[E_\xb4\xe7\x96\xe2\xad\x85\xf7A\xc3\x13"</t>
  </si>
  <si>
    <t>b'.eZ\xdb1\xfc\xa6d}\x8d\xac\xde&gt;\xb2Jk&amp;\x81\x15\xf3,e\xd2\xe9jJm\\\xe2\xee\xe4\xa0'</t>
  </si>
  <si>
    <t>b'\xf4h\xd8\xd7\xb7\x8f}\x96\x9d2\xde\xc4\xbf\xd5 {@\x9a\xb3\xbd\xcb&amp;\x01\xca\x1a\xea\x8f\xa9=J\x05|'</t>
  </si>
  <si>
    <t>b'\xcf\xcb\x138\xd5*\xfe\x99\x995\xc0\x02\x02\x8cPu\xde\xa7\xa0r\x05}\x1d\x98\x7f\xfb\xea\x18\xf7d\r\xce'</t>
  </si>
  <si>
    <t>Debt Help</t>
  </si>
  <si>
    <t>b'\xe3y\xceH\xef\xb7h\x7f\xeb=\x18\xed\x03V\xdc5\xfb\xc3bW.\xd5\xa3\x1e\xc2S\xd9}t\x0cw\x17'</t>
  </si>
  <si>
    <t>b's\xc6w\xba\x9f\xa9TG\x85\xa2\x9b.K\xa9\xe6\xbf\x8b\xf02\xc9h\xa8\xa9\xa9\x015\x19\xb69E\xdd\xf2'</t>
  </si>
  <si>
    <t>b'R\xa5\xd9t\n\x90\x80\x0f\xef\xea\x92\x8d\xac\xecq\x99\xf7\x89{\xd0&gt;\x1c\x06x\x9a&gt;\xc9\xd7\xad\x9c\xb3\xae'</t>
  </si>
  <si>
    <t>b"\xc7\x86\x8fy\xf4\x8f\xf0\xbb'\xee[:M\xe0'\xf1sk\x1c\xa2\xc6V\xb7\xac3\xc4\x9aT\xbb&gt;\x87."</t>
  </si>
  <si>
    <t>Debt Pay Down Loan</t>
  </si>
  <si>
    <t>b'&gt;\x19\xb6\x8a0Q\xae \xb0;\xd4\xa1\x88\x02\xad\x19\xa8\x8b\xba2\xdd\xf1t`V\xc6:\xaa\x04\xfb\xfc}'</t>
  </si>
  <si>
    <t xml:space="preserve"> one debt </t>
  </si>
  <si>
    <t>b'\x87x\xde\xf8DTz\xd6\xd9,\xf1-m.\xfcp\xcf\xca\x81\xe2\x03\xe7\x17\xda]\xe9bM\xfd\x18\x84 '</t>
  </si>
  <si>
    <t>b'\xa5\x83Y\xc4\xfa\xf3jQ\x89G|\xe98\x06\xdd\x92\xf5!\xed\x9e\x92m\x1b\xad\xcf\x1a\x9b+#]UH'</t>
  </si>
  <si>
    <t>b'\x9eU\xaa_\xda\x05x\xbf\x13&gt;\x81\xec\x0f~[\x8e\xe6}V\xe5\xb2\xf4\x7f\xb67\x87\xc3\xfa9h`\xd1'</t>
  </si>
  <si>
    <t>My Consolodation</t>
  </si>
  <si>
    <t>b'\x9b\xb0\xc34\x046:\x85\x00_A[W\x87\xc8&gt;\xd0\xf8\x97\xe0eT\xb32_\x96U\xf8\x18\x84\x13\xa2'</t>
  </si>
  <si>
    <t>b'I\xf8O6\xe3R\xfc \x06x&lt;\x7f\x10\x08R\x84{g\xead,\x8clqu_\xc1\x19\x92V\xa4\xe5'</t>
  </si>
  <si>
    <t>b'\xb5\xb8q\xbe\xe5w\xcbOe]\xfb.\x94\xb5\xfa\x16\x03\x87"\xcd6\x04Rf\x7f\xf4_O\xfa\xc0\x82\xe3'</t>
  </si>
  <si>
    <t>b'\xce=\xee\xe4\xce\xd7\xd9\x12[\xe1\xc6@\x00W7\xd7\xad\x8eoN\xb3f\x93o\xd0`_\x87wG\x85\\'</t>
  </si>
  <si>
    <t xml:space="preserve">Fund Business </t>
  </si>
  <si>
    <t>b'\xb6\xb5*\xde&gt;\xc5\xc0\x90\xc6\xec\xd5\xc2s\x98\x905\xe8We\xbd]3\x0b\xc2\xc4\xd0%\xe6J\xb2[\xa9'</t>
  </si>
  <si>
    <t>Pay it off!!</t>
  </si>
  <si>
    <t>b"\xe9\x918,\nL\xa6\x0e\x0b\xeeO\xec\xbeC.['G\xb7\xc0\xab\n|\x89j\xc4w\xd25\xdb\xb2\x90"</t>
  </si>
  <si>
    <t>b'=\x86\xf1\xc0\x83\xf4`;\xaac-GWD\x0e\xbc\xa4\xdd\xado#\xd4\xa3\xf0p\x162\x19w\x7fV\x8e'</t>
  </si>
  <si>
    <t>b'\xfb\xc7z\x18`$\xb9\xf2J\x94\xd1\x04\x98:j\x12\x18&amp;\xbe?\xc7A%\xd7\xc6i_\xcf\xb5\xd0\xfaM'</t>
  </si>
  <si>
    <t>b'@\xdd\x8a&lt;\xce\xeb\x1a\x9b\xe09el/\x05\xcd\xf0S\x8cQ"\xc9\x7f\x8d\xa2\xafG\xb2cB\xa8dy'</t>
  </si>
  <si>
    <t xml:space="preserve">Lending Loan </t>
  </si>
  <si>
    <t>b'|\xfb\xa3.\xed\xf1\xd4\x9e\x1a\x07&lt;\xaa7\x9b\x9d3\x97\x8c\x8d4\x04\xa4\xf2\x97\x8d\x1f?\xae"\xcfKE'</t>
  </si>
  <si>
    <t>b'IDB \xacy\x145\x87\xc7*\xe6\xf4\xc8R\nd\xe2S\r\x99\xbb\xf8\x07\x8f]\x19\xd5\xdb!\x01\xfa'</t>
  </si>
  <si>
    <t>b'\xf88e\xfc\xe1\x94b\x06\xcf\xe6\xd1\xbb\x19\x1d\x04\xc2Rd~\xc2\x02C\x9cA\xde\x86\x82\xfb\xc22\x8bj'</t>
  </si>
  <si>
    <t>b'\x9a\x9a\xbc\xe3\xdb\\.\x97\x11\xe1\xc1\x1bfD\xf1\xa0d\xfa\x02d\xc1:\xb8|\x11~\x8aR\xec\xfe\xe5\x04'</t>
  </si>
  <si>
    <t>b'\xe8\xf4N\x8a\xa7\xa9\xbc\xe6g*Z\xe6:\xd2\x0b\xa3\x99\xc3\xa2\x1f\xb6)\xe7`\x86\xd2\xc7\xe01\xba\xe4+'</t>
  </si>
  <si>
    <t>b'cr\xb3D\xc3O`\xab\xe6D\xd0\x07.\x8c\x14\x99$rfg:\xd5\xf0\xff\x05\x1d\x12\xab\x18\xe4K\xc7'</t>
  </si>
  <si>
    <t>fixture loan</t>
  </si>
  <si>
    <t>b'\xe5\xdd\xdb\xa59n\xcb"\x1bz1\x99\x9f1\x967\xee\x1c%g\xc3\xd9^\xbf \x1dT\x0c\xe4\x9cd\x04'</t>
  </si>
  <si>
    <t>For The Kids</t>
  </si>
  <si>
    <t>b'\xa8\x15\xba@\xd6\x87\xd6#2\x92\x13\x86\x0c\xbe\xfc\xc9\xceJ\xc7\xbd\x0b\xbcw\xf4\xd7\t\xd6\x0b\t\xd6\xb5Q'</t>
  </si>
  <si>
    <t>b'\xc9\xe2\x11\x1e\xd1\xd3\t~C=\x03\x14;\x91\xab+h\xc9S\x15k\xd7\x8f\xdb\x89\xed\xb7\xb3&amp;tN\xa7'</t>
  </si>
  <si>
    <t>b'~\xbb2\xb9\xe3\xbb\xf5\xa8qu\xe3\xa8\xb4\xf7C\xeb\x8d\x18\xb92q\r\x81\xe1\xb0\xcf\xad\xf1sw\x1f&gt;'</t>
  </si>
  <si>
    <t>b'\xb4\xbb"9\x98\x11\xe4r&lt;+D\xf2\xb3[R\xb4g-\x91\xc0\x06\x01A)\xe5\xc4%_eV\xfa\xab'</t>
  </si>
  <si>
    <t>b'i\xbb\xc5\x1e\xdafSo\x13\xa2\xbd\xb74\x00hl\x1dU$\xb7\x1df\x02goq\xeedJU\xe5A'</t>
  </si>
  <si>
    <t>MAKING BETTER CHOICES</t>
  </si>
  <si>
    <t>b'\xce\xf4\xf1x\xe6\xb9\x03\xf1B60\x17\xd0\x16\x94\x11\xbf48\xa6\xafR1q\xf9\xf5Pt\xab\xbc\xfd,'</t>
  </si>
  <si>
    <t>b'9d\xf5K\x04$qx\xbc\xcb\xdcZ\x00\xc2\x04\xa0\x10\x05\x9c\xdd{\x0fD\xd0\xa35\xec\xa9\xe5\xa7u\x81'</t>
  </si>
  <si>
    <t>b'SOdQ\xc3\x04\xe7\x84\x00\xba\x87aH[\x95\xad\xd4\xd5\x1a\xce9\xdch\xc67\xa8\x0b7\xd0f\xc4{'</t>
  </si>
  <si>
    <t>b'\xda\xf2m\x9f.\xf1\xc53U`!B*O\x1btS\xea\xde\xcc7\xc5N\xf2\xe1\x9as\x9b#\xd4\xc9e'</t>
  </si>
  <si>
    <t>b"\x8e\xcd\xef\xa5\n\xa6\xf5\x1eP\xd2\x93\xc3\xe0\x98\x13\x8c\xb0\x81\xd3\xc5\x9d'$\x11\xb55\xb3\xbe\xa9 \x88\xc2"</t>
  </si>
  <si>
    <t>Pay off Amex and Close the Accounts</t>
  </si>
  <si>
    <t>b'\xbe\xf75\xf7\x89\xb4U\xb5\x96\\\xc6\xce\x0c\xe0\xe8\x910\xcdS\xd1$\xbe`#\xfeu\xcd8\x8bx\xfc\x95'</t>
  </si>
  <si>
    <t>b'\xcf4\x9f\x1c\xa9\xafd\xf4\x91\x17\n\xc3\xe0\xef:r\xd6\xbf\x9d\xa7\xf2\x9b\xb2-Z&amp;\xa2\xb2\xa3\xd43\x90'</t>
  </si>
  <si>
    <t xml:space="preserve">CREDIT CARDS </t>
  </si>
  <si>
    <t>b'\x95b\x93\xbe\xe2\t\x90\x17\xa8\x15\xe6\xaa\xbbW\x08P\xf3\xa4\x96\xb8_:\x1c\xc0\x81\xed\xb5\x9b\x17\xc1)\x87'</t>
  </si>
  <si>
    <t>b"ll\xbe\x13\xdb\xac\x12\x8617'\x87\xfb\x00U\xdc0B)\xc4,\xb6\x1c$z\xa21\xb2\xa5\x8fW\xb0"</t>
  </si>
  <si>
    <t>b'\x89\xa8|\x02\xed\x84\xbd\x1b\x8b\xea\xb7b6\xfd@\x90\xc9c: \xb7rl\xd9\xfb\xb9\x820Yd\\%'</t>
  </si>
  <si>
    <t>b'\xf2_\x0cL\x83o\x1f_\xc4\xe3\xff\xfa\x8c\xee\xa4\xe9\r\xc0\xbc\x8bc\x08I\xc7\x82n\xa2\xef\xd7!w:'</t>
  </si>
  <si>
    <t>b'Zj\xf3\xc7\xd8\xffi\xf6\xa1\xc4\x96Q\x84_\xab\xec\xed\xe6P\xbf\x97A\xa5e\xb4l\xbal\x02\xd2\xbf\x88'</t>
  </si>
  <si>
    <t>b'\x96\x90hOu;O\x83^\xc1]\x81\xc2\xbc\x04\x11\xaf\xe0E\xd940\x9e,9\x00\xc1H\xa8\xc1E4'</t>
  </si>
  <si>
    <t>b'\x0e\x1c+\xe8\xc4\x0c\xf2\x05&amp;N4\xa3\x84,\xeb\xbc\xd2%\x19)\xad]\x80\xc6\xb5\xc0\xf4\x93\xa5=R~'</t>
  </si>
  <si>
    <t>b'\x04F*\t\xd2rd0Ww\xe1VSac\xf2\xea\xc4\xd9\xa3\x85;K\x92\t\x90\x0c\xa7\xe7\x08\xb9\xf5'</t>
  </si>
  <si>
    <t>b"\xe0g\xdc\x82U\xec'qDX\x9a\x14g\xec\x1e!)\xe1\x93q\xae?5M\xa8\x98\xed\xc5`\nCz"</t>
  </si>
  <si>
    <t xml:space="preserve">Revival Loan </t>
  </si>
  <si>
    <t>b"\x04\xc9O\xa4\x1e#\xc1\xbb\xa6\xb5Eg\xf0\x90\x13\x92\x9f61\x0ek\x18\xc9\xa2\xe5W\xf5'\xa6\xff\xde\xf5"</t>
  </si>
  <si>
    <t>b']\x15\x9b\\\x13\x03[5br\x0c\xd6\x96\x02\x02\x04u\xbaQ\x16C\xf4\xc2\xb1\xbe\x0f:\xc5w\\i\xc5'</t>
  </si>
  <si>
    <t>b'\xac8\xfd\xe4M4Q\xc8T\xbcj\x0e\x88#\xd9`\x14\xcc\xde}\xdf\xe0\x0e\xd2\x89P\x14\x00@R\x00f'</t>
  </si>
  <si>
    <t>per</t>
  </si>
  <si>
    <t>b"\xb91\xd5PF\xc6\xfd\xc1\x95\xe5'\xb7&gt;=\x05\x1d\xd9\xf9\xa4\xfey\\\xc7\xa5.\x14\x04n2B\x9d\xe4"</t>
  </si>
  <si>
    <t>Credits</t>
  </si>
  <si>
    <t>b'O\x9e\x83\x8b\xd6;\xe9\xe42P\x9d\xec\xd1\xf9\xc30\xb9\x1c\xa9,f\xfa\x92\xc0\xc0\x0b\xee\xda!z\xcaR'</t>
  </si>
  <si>
    <t>b'\xe1\x89\xb5\xfaKf\x1d\x96 a|L\xa6\xa5\xc9\xabD\x1cQ\xe6\xc1\xa7\x90?u\xf1\xf1\xd9\xaa\xf6\\\xdd'</t>
  </si>
  <si>
    <t>b'@\xfapWl\x18\x9d\xcf\xc9S\x0f\xf1C\xf9~ U\x8f\xe6\x8a\xf01\x07\\\x1d\xdc\xd6\x9f+\x8d;r'</t>
  </si>
  <si>
    <t>b'\xf48X\xab^\xf9\xa5vt\xabOO\x00\xd6Z\xe7uwl\x13t\xccC&lt;0\xf1\x07K\xc7\x89\xfc\x17'</t>
  </si>
  <si>
    <t>F150 loan</t>
  </si>
  <si>
    <t>b'\x1d\xcc\xdeIN5V\x9cM&lt;\x16{\xad\xcf\xbc*^\x87Q\xf5\xc7\xc8\x07\xdb\xe2\x8a\xd0@o\xf8\x7f]'</t>
  </si>
  <si>
    <t>Credible Credit Card Consolidation</t>
  </si>
  <si>
    <t>b"\xfd#\n\xc7\xe6\xe7\x90D\xf32\xe6Ep\x006\x01\xd0g|p\xbfnp\x04+Xr\x128'W\xba"</t>
  </si>
  <si>
    <t>b'\x86&lt;\x0f\xd6\x84 \x91\x83M=\x14Z\\E\x9e\xd5t\xdc\x12\x9c\xfc\x18\xee\x80{\x9ejZ\x16\xa8\x19['</t>
  </si>
  <si>
    <t>b'\xc8\xac\xcd\xab@\x8d\xc6\x1c\xfdN\xfa\x7f\x04\xd5\x15z\x8c\x83jA\xf17\x81tp\xe2\xeex\xf2\xee\x98\x81'</t>
  </si>
  <si>
    <t>Cc pay off</t>
  </si>
  <si>
    <t>b'\xc4\x94e5\x17\x0c\xd0z\xb0\xf5\xc8\xcewr\xc7\x07\x96\xfcwa \x9fS+{\xe7w\xc5\xcfj\xee\xcb'</t>
  </si>
  <si>
    <t>b"V\xbbR\xa8\x80\xa0\xbd\x8b\x1dd\xf7\xb0l\xd8DE\x8d'5\x8e\x96\xb7s^{J\xac\xc2\xa1\xb2\xeb\xdf"</t>
  </si>
  <si>
    <t>b'\xb3 &lt;-\x08\x1d\xdf\x82\x95\xc7\xa1\xe9*_\xb4\x91f\xa0\xa6\x06\xb7\x82\xf7K\x9f;\xde\x11\xab\x8cr\x16'</t>
  </si>
  <si>
    <t>b'.\'i\xb6.\xc4\x8a\xce6P\xd7A\xe2\xb0;\x12T\x83"\x98\xa9\xcb\xd4\x06qr\xa3\xe0\x8a\x98\x93\x85'</t>
  </si>
  <si>
    <t>b'\x8a:Dz(\x97\x04\x8e\x0c\x19O\xaa#t.o\x94\x8b\x16\x18JG\xa1\xff\x8a\x91\x0e\x9evx\x88\xb7'</t>
  </si>
  <si>
    <t>b'\xc9&gt;Kd\xa2(\xb3\x1c\xab\xa8\xa7\xe9B\xb8\x1a\xc1^@L\xd1b\xacd\xb3L\x7f\x19H1I!\x93'</t>
  </si>
  <si>
    <t>b'\x9b7\xff\x91\x1a\x9eW\xb8\xfbyu\x9b\x10O\xd9\xc9\xc1\xf3\xc9xFH\x8a\xccvI\xafR\x80?\xc6\xbb'</t>
  </si>
  <si>
    <t>b'\xe3V?@\xdf\xc5F\xc6\x84O\xdag\xe0\x05\xf3\xf5_M\x0c\xc0\xbc[\xcbu\xd0,%q\xce\xb2,\xbd'</t>
  </si>
  <si>
    <t>b'4a\xfcB\xc90\xaf\xac\xf3\xeaBd\xcf\x90J\xb19Y\x9eS\x85r\n\x8dS}Ba\xff.,S'</t>
  </si>
  <si>
    <t>b'x\xeag\x0by\x13\xe0g?\xc3\xbb%\xff\xde\xf4,\xec\n#8\x05K56\x84d\xf7\xf7P\x90\xc1\x80'</t>
  </si>
  <si>
    <t>b'4\xe7A\x88\xd1Z\x85\xa6d\xed\x9a\xf8\x8bQ\xe9\xfc\xe1\x0f\x8d\xdd\xe8\xc6\xce\xb8\xc6\x9d\x9f\xc2\xe38\x19G'</t>
  </si>
  <si>
    <t>b"&lt;:\x87\x06\xba\xcb\xba2U6\x0c\xfaI\x88fC\xc5N]H,\xe5\r\x1b_\xe7Y\xd3s'\xb6\xd2"</t>
  </si>
  <si>
    <t>b'\x0f\x8eL\xd32q\x7f@\xc3\xaf\xa8 \xb9\xcf\x1bB*\x04\x9f\xebX\\\xb4\x7f\xff\x85I\xb9\xf04RV'</t>
  </si>
  <si>
    <t>b'\xadk\xf7[\x03\t\xea{\x97\xc2M\x99e1\xf8\xdcL\x0e@\xee ?\x04\x0eh6k\x1b\xef\xce&amp;('</t>
  </si>
  <si>
    <t>b"\xb9\xf7\xfds\x7f\xce\xf8'\xb5\xc4\xe03/YI\x9d1\xdb\x19e\xe1zz\xae\xe6\xdb\x91\xe0\x13\x8f\xb6d"</t>
  </si>
  <si>
    <t>bill payoff/home down payment</t>
  </si>
  <si>
    <t>b'\x11\x91\x17\xdf\x86\x9c\x0f\x0f\x90o\n5\x98+w=|\xc3~R\xb8\x1arw\x9a\xa1\xdd\x0fv[)\x04'</t>
  </si>
  <si>
    <t>b'\xd5\xb3G\x9d4\xf4nl\xe8\x84o\xddD\xe3\xc5\x1f\xd1[\xd4t\xec\xf6|L\tYA\xb6]\x8f\x9f\x10'</t>
  </si>
  <si>
    <t xml:space="preserve">Credit card debt payoff </t>
  </si>
  <si>
    <t>b'\x02\xf7\x05\x1b\x1d\x84\x16mP;\xdbk\xa8\xcc\x1d\xe2\xf4\x80{\x12t\x86VP\x1bBDL"\xb7\x0b\xc4'</t>
  </si>
  <si>
    <t>b'\x9a\x17tY\x87\xfb\x994_a\r\xc8aV\x12\xdc\x13\xaaD\x89U9\xd8+\x98d\xdd6\xa9C\x84?'</t>
  </si>
  <si>
    <t>b'(\x0b\x82\x85\xb7)\x9c\xcb\x99\x83\xb3\xc9\xd4\xc9\x00\\M{\x8a\xec\xbd|a\x1b\xa1b\xc8Tf\xfc\xe0\x13'</t>
  </si>
  <si>
    <t>b'\x0f8\xde\xe3\x84\x1e\xa8\x82\xe6c\xd4\xd6U\xcc\xdcr\xc1\x80y\x17\xd8xw5\xbcX\xf9bwe\x15&amp;'</t>
  </si>
  <si>
    <t>b'\xf8?\x10\x86_\xcfvd{tx\x85R\x19\xca_\x01Om\xe8z\xb8P\xa8I6\x08\xddX\x1f\xb3\xc3'</t>
  </si>
  <si>
    <t>b'\xabu:t;\x830\xf8}\x07=\xf0\x9f\x93\x06\xe3\xd8s\xd8\xf9o\xbe\xff6\x80\x06\xc7&amp;\x8fe\xd7K'</t>
  </si>
  <si>
    <t>Amex and Visa Consolidate</t>
  </si>
  <si>
    <t>b";'\xd6\xf9}Q\xc85\xd0\xc3\x04\x84\xf5o\xd8\t\xe0&gt;TR\x05\xb5\xf5&lt;\xa1R\xaa\x9f\xed\n\xe0\x01"</t>
  </si>
  <si>
    <t>b'f\x89\x91\xc5kw\xc7\xd7g(\xde\xfbC\xe8h\x19&lt;\xdd\xd5y+#\xf6\x95\x86\x86\xf5\xda\x89\x013\xf0'</t>
  </si>
  <si>
    <t>PayoffBills</t>
  </si>
  <si>
    <t>b'\xd4\xe8\xbc\xb8\xdc\xe8\x7f\x8d\x9a2\xac-\x83x\x93\xb3\xf3Z\xe0\x8e*\xe4!X\x80\xd5\xb0\x88\xf12;c'</t>
  </si>
  <si>
    <t>b'y}\xe7\x98\xd75pt\x9d\xfb\xbe*\xe1\x92\x106Z\x90@\x06:\x01\x19\xe26DzT\x90\x18\x81\xc6'</t>
  </si>
  <si>
    <t>b"!\x81\x89\xf5D\xbf'3\x88S~\xf6\xdd\x8fy\xf8|\x12o$\xae\xa3\x9e_4\xd0\n\xbbB\x90\x13\x01"</t>
  </si>
  <si>
    <t>b'\x92\xb8qk\x1dD\x17S\x8d\x97\xdcd\xa2\x1bn\xa81\x97\xa4\xd0]L\x95C9t\x03\xfc\xcc,\n\x92'</t>
  </si>
  <si>
    <t>b'|\xd7\xd50ND\x19\xfa\x93\xa7\x83x\xcc\xb7\xf2\x87]l\r\x9e\xbd\x85\x98\x8c\xce\x99\x0e\xa3oI\x04t'</t>
  </si>
  <si>
    <t>b'@vw\xa7\xf2\xc9\x14e\xfe\x0c\xb7c\x9b\xc4z\xd9\xdf\xe18\xd0\xdb)y\xa8\x1b\xba\xee\xe0\xce\xa7\xe8\xba'</t>
  </si>
  <si>
    <t>b'\x91\xd5\xaa\xc2\xf5\xf3H\xda\x93F{\xa0\xe4\x12\xacB\xdb\\\xe9\xba*\x15\x95zg\xbe%\xf8.([+'</t>
  </si>
  <si>
    <t>b'8\xf2u\xfe\xa5\x035\xd6\xdc\xd2O\x9f,\r\xa7.\xf5\xe2\x7fbw\xc6\xe9\x96%\xeb\xf8\x92r\x93\xffJ'</t>
  </si>
  <si>
    <t>b"W\xf43\xc7\xe1\x16f\x88\xf5[\xab\xd6M\r'iP\xf7\xc7\x00\xc5\xec\xfdb\xbc3\xf6n\xcf\xd1\xfb\xfd"</t>
  </si>
  <si>
    <t>b'\xf1\x80\xbf8\xa7\x1c\xd6\x13\r\xc8\xdf\x19^[\xcd\x00\x14\xc4\xa7@Ia&amp;\xc0#\xde\xad\x91\x00J\xa3\n'</t>
  </si>
  <si>
    <t>b'\x18S\x99\x16\x93\xed\x91\n\n\xd8)\xbb\x1a\xeb\t\xf5}=\x1f#35Q|\x87O*\x8dDx\xa4\x0c'</t>
  </si>
  <si>
    <t>b'\xfc\x9c\xf0\x9f\xfb\xd2\x80Zn\xfe\x9a\x86S$0\xe0\xc1\xee\xb3\xda\xb4)\x04\xb5,\x00\xda1T\x9e\xd2\xba'</t>
  </si>
  <si>
    <t>b"\x88SA\xf6^\xcc]\x97\x02\x90\xb1\x03/\x16q\x07p'\xd2\xc2\xa7\xb5mL\x15\xc6\x88\xca\xed\xf9b\xcc"</t>
  </si>
  <si>
    <t>b'\x8f\x87D\xee\xcchx\xae*H\xcf+\xb9|k\xf2E\x00\x8c\xf8\xeb\xafP\xd3\xbd\xdc\x1f\xb7\xd8\x15;\xd1'</t>
  </si>
  <si>
    <t>b'e=\x90\xae\xf6!\xf5k\xfb\x82R\xbd\x80\x15\xd4\x97j\xea\xe4\x0fy\xc6\x894\x99\x92\xb4\xa8=,eI'</t>
  </si>
  <si>
    <t>b'o\x87\xc5\x1f\xb0(,\xbf\r;\x91(\x00\xfe\x0b\n-CK\xf3Fr\x7f\x13\x8b\xb0\xd3E\xa3gPi'</t>
  </si>
  <si>
    <t>Getting Free of Debt</t>
  </si>
  <si>
    <t>b'\xf5\x0b\xb97\xd9\xfa\xfd}\xe2E2\x08\xb6\xedQd\xd5\xd6q\x18\x95\xad\xe0\xc7\xb0\xbc\xd2I\x1e-\xcaw'</t>
  </si>
  <si>
    <t>b'HpO)#\x87\xeb\xdc\xb5\x83\xd7V#F\xa6\x04*\x8d\xd0\x96.\x85\xc6\r6\xf0\xf6\xe5+J\x87\xb4'</t>
  </si>
  <si>
    <t>b'\x00NU\xbab\x7f\xd70fa\x90\x14\xf1\x8c\xf7\xdf\x8b\xe1\xc4y.\xf2&gt;&lt;\x9a\xd9T\x99%\xd3X='</t>
  </si>
  <si>
    <t xml:space="preserve">Fix Debt </t>
  </si>
  <si>
    <t>b'\xcb;\xc0\x156\xf6\xf0\xbd\xf8j^\xa5K\xfc\x82%\xae\x10\xe26h\x8a\xff\xb0$\xc97\xea3\x10\xa7\x03'</t>
  </si>
  <si>
    <t>b'S#\x7f@\x80T`\x0e\x06\xba\xf2\x10\xcf\x9b\xf3\x17\xe5e\xc2\xcc\x19\xd5\xa24Y\xbb\xe5;Q\xc6\xf8Q'</t>
  </si>
  <si>
    <t>Path to Freedom</t>
  </si>
  <si>
    <t>b"\xa4\xbft\xbf9\xdc\x15z\xa6\x01\x1c\x0e\x88I\xc4\xa4'\xea\xc0JE\x01\xf1\xc5\xb9\x10Z!\xae\xc91H"</t>
  </si>
  <si>
    <t>b'\x15\xb9q{s\xee\x05X\x0c\xe8&amp;\xe0.\x01{,\xcc\xa2\xb6~a\xef\x8es&gt;\x8b\xa1\x14\x05\xbe\xbf\x82'</t>
  </si>
  <si>
    <t>b'%jrL\x81\xe0H\xdaB\x90\xabcT\xa0\x98\xf5\xc7\xbe\x813\x9d\xe7\x1b\xb2\xc2\xc7?\xa9q|B?'</t>
  </si>
  <si>
    <t>b'JgB\x8f\x978\x98;\t\x9f\t\x10\xe2$\xd87VP\xc5\xea\xab\xc9])\x1fY\xd9\xcc\x83\xd0\x99#'</t>
  </si>
  <si>
    <t>Pay off Credit Card Bills</t>
  </si>
  <si>
    <t>b'\x94\xfaT\x04L\xb3\x13\xed\xb5H\xf0\xebqx\xa9\xa2\xe0\xcc\x9d\xcd\x9e\x08\x1c\xdf2\r8\xd0\rb\xce\x7f'</t>
  </si>
  <si>
    <t>b'0\xd2f\xb0\\j\\\xde\x1e\x87\x07!\x89\xfc\xd2\n*\x87\x84M\xf1Y\xc0\xa8.*]_(\xcb\x1a\x05'</t>
  </si>
  <si>
    <t>Quick Payoff</t>
  </si>
  <si>
    <t>b'v\x16z\xa5[vp:\x16up\xe6H\x1a\xa6l\xca[I\xa7T\x00\xca=7qk4\x1a\x12\x89q'</t>
  </si>
  <si>
    <t>Debt Consolidations</t>
  </si>
  <si>
    <t>b"\xcc\x9d\xc6\x80F\xf7\xcf!\x85\xd5'\xa3\xdc\x0b@@Rt\x82XF\x07\xb6\xe7_Q.k\xa5\xcc\x91#"</t>
  </si>
  <si>
    <t>Challenger</t>
  </si>
  <si>
    <t>b'\xc2\xa3\x83h\xb1\xd3\xdf\x96\x8ak\x14\xa0\xaa$f^g\x8e\x1e\xd0\x85&gt;.H\xbb\xc3\xe0\xc8\x91sY\x8b'</t>
  </si>
  <si>
    <t>b'\xfd\x19\x06{\x08\x9f\xa0\xa1\xc0\xfd\xb0T\xd3\xac\x14}\xfc\xbbg\xea\x84g\xbc\x05\x17\xdbO\xa3K\xc9\x11\xc2'</t>
  </si>
  <si>
    <t>Card Balances</t>
  </si>
  <si>
    <t>b'\x19\xec\xb0Bg\x99\xd9\x065\x14$!\x8a\xef\x86\xa3\xc9\xd6\x07\xd2 \x86\x1d+\xd8\x02\xba&amp;\xd0\x80]@'</t>
  </si>
  <si>
    <t>b'd\xa7J\x0b\x0f\xf9\xdc\xe9\xea\x9c\x8e\x8a\xbfW+\xd3\x9f\x10#S\x03\xcc}\x98x\x85\xb6\xa85Z\xe4\xde'</t>
  </si>
  <si>
    <t>b'\xeb\x9a\x18\xfae\x7f\xdax\xdc\xf9|fA\xe0a\xc0\xb7\xdd7\xdb\x8c\x91\x11\xc5\xbf\xb8PB\xbe\xb9\x94b'</t>
  </si>
  <si>
    <t>b'\x91RZ&gt;\x14\xeb\x9c\x9fm\x93\x9a\x9d\xb6\x9a\x880\x07\xf5\x94F\xa3\x97;V&lt;6\xb1Q{\xd8\x9dz'</t>
  </si>
  <si>
    <t>b'\x93\x9ak\xb3\x84\x82\x98\x0b\xc8\xee\x82\x1e\xc8]\xf1\xc0m\xfe\xba\xc8\x8d\x87V\x85\xf3\x0f\tVI\x00\x89\x8b'</t>
  </si>
  <si>
    <t>b'i\xb8\xb4\xab\xca@t\xf2\x19\xd0\xb8\xe2ft\xfd\xba\xa8\xe4R\\\xb8\xda\x9d\xd69B$\x965n\xab\xdc'</t>
  </si>
  <si>
    <t>b'\x95\xf1\xacnC\x0b\x1a\x923\xd6\\\xe0@\xb3\x07\x99\x1c\xda\x1b\xe1\x14\xdex\xab\xc6K\xbb\x12\tO\xff\x08'</t>
  </si>
  <si>
    <t>b'\t\\\xd7\xbd\xf5\x96\\: \xc2\x8f\xfc\xde\xc0\xb6&amp;\x96\xac\xf8l\x04\x89\x02\x9a\xc1\x9a\xa4}\xb2\x18B\xa8'</t>
  </si>
  <si>
    <t>Debt Bundle</t>
  </si>
  <si>
    <t>b'2)\x06\xbe\xa5\x01\x03\xd5\x1d\xf7\xcc\x97\xf2\xebr\x9fk\xc7\xfd{g\xc0\x06\x0c\xf2R\n\xc0p)\x19!'</t>
  </si>
  <si>
    <t>b'\x05\x08Y\xe2z\x97\x922\x1c\xedd\n\xdeP\xc2\x0c\xa2*F\x01D\xc1R\x96\x96a7\x03C\xd5\xcf.'</t>
  </si>
  <si>
    <t>b'\xe2\x14\x88U\x1dJh\xfb\x08K\xf0\x9a\x9d\x8c\x17\xe6\xb7\x8b2%\xeem\x84hL\xb0\x13\x0e\x1a\xb2W\xe8'</t>
  </si>
  <si>
    <t>BillSolution</t>
  </si>
  <si>
    <t>b'\xf0T\x95\xec\x8d\x1d\x89\x84\x8c\xc5\xd2\xbc\xa5U\xda4P\xe8\xed\xc58C&gt;\xc4CI\x1d\x021U\x0ft'</t>
  </si>
  <si>
    <t>b'Q\xaf=p,\xd8\xfa3\xd5\x14z\xb2xpN\xa8\x84&lt;\x05\xa9\x9ek\x1d\xfdT\x1a\xc6c\xeb\x1clW'</t>
  </si>
  <si>
    <t>b"\x05\xaa\xa4\x91:n\xa9&gt;\xeeut\xe3\xda\r\xca\x9c|*'\xecw\x0e\x9e\n^2\r\xda\xd2\xa9\x88\x16"</t>
  </si>
  <si>
    <t>Debt. Cosolidation</t>
  </si>
  <si>
    <t>b'\xca\x91\x8b\x06m\x0b\x01\x82?\x94v\xc1\x1c(8\xea&gt;\xbbc\xef\r\x9f\x04fv\xddD\xee\xebfI\xdc'</t>
  </si>
  <si>
    <t>b'\xab\xaew\xe0\x99\x8eW\x9d\x12\x14o\xc4\xdf\xd7\xaf\x0ec\xf7g/{\xf9\x07y\xbf=\xabn\xa5\xa3p\x14'</t>
  </si>
  <si>
    <t>b'\xa9\xcd\xf7\x11r\xf1\x86X\xa4\xf9\xf3\xad\x90\xc4\x7f\xb8N\xca%M\xe8\x1b3Z0\x07\x8e\x81\x0e&amp;\xbc\x88'</t>
  </si>
  <si>
    <t>b'&lt;\x9f\xd0\x1dp9*\xd0\x90m\xc1kA\x8fm\x14\xaf\x80]\xda\xfe"\xc2\x06\xeb\xa5q\xfe\x13\xdbSU'</t>
  </si>
  <si>
    <t>b"\x10F\x90V\xbe\x95\x9d\x11\x15\\O!\xf0\xef\xc4\x05\xc32'7\x88\xaa\xb8)\xe2K\x15\x07\x84\xa5\xacd"</t>
  </si>
  <si>
    <t>b"\xb3\x05\xac\xef\xf9K\xb5\x90|\xda\x0e\xe2\xf5\xb3i\x8a?H\x81\xb4\xe7b\x13D*'q\xbb\x07\x10\x86\x9f"</t>
  </si>
  <si>
    <t>b'^G\x02\xbc5\xbf.\xbd\xdai\xe7z\rAC\x88\x17\x00[\x91\xdap\xcc\x12\xa1\xf1?\xaa\x0eBdK'</t>
  </si>
  <si>
    <t>want one payment</t>
  </si>
  <si>
    <t>b'\x18\xac\x04\xcfwIL5r\xd9\x959=%\xef\x11\x82\x93\x17\xeb,Y\xef\xda\xa2\xe8\xca?m\xd0V\x9a'</t>
  </si>
  <si>
    <t>New York</t>
  </si>
  <si>
    <t>b'\x95/\xbe\x84\x8cYjE\xe3\xe3\xa8\xc9H\xdaP\x16q\x185\x9d\xd1\x81"\x05\x95K%\xcfV\x17\xed\xfe'</t>
  </si>
  <si>
    <t>Get outta debt!</t>
  </si>
  <si>
    <t>b'\xc4\xa5U\x94E8\xf6\xe6\xf0\xa1\xf4\xd9\xa43\x93\xb5\xee\xce\xb8\xd4~&lt;\xd09:\t\xf2BT\xea\x07\xc8'</t>
  </si>
  <si>
    <t>b'\x19\xcf\x9bM\xd0_\xb3nV$1\x08P\xcc\xb4`^-h\xc5\x18\x9b\xc5\xaf83Ev=\xf0\xb8\xd9'</t>
  </si>
  <si>
    <t>b'\xfbt\x055z\x96\x9f\xe9B\xad\xb0:\xa2\xd7h^"\xdckzg\xecvL\xe4m~\xde\xb8\'\x12\xeb'</t>
  </si>
  <si>
    <t>b'*\x83\xb5\xed\x1a\xdd)\x06K\xf4y\n\xe6\xf7\xe6Fk\xd2\xdb\xa3Ed\x84U\xfc\x13=\x97\x9f\x05Q\x8c'</t>
  </si>
  <si>
    <t>b'V\xa2\x92\xfd\xa9f\xe1\xe7B\xa8\xb7?+\xb5\xeeu;b\xb9\xa2%\xbb\x11\x96\x8aNT\x87\xe2\x15\xe1\xc8'</t>
  </si>
  <si>
    <t>paydebt</t>
  </si>
  <si>
    <t>b"U?\x87a\xb8\xb3\xf7\xeb\xaa\xd7\x0e\xd4\xb8'v\xc2\xf6\x85\xb7\x04)\xd46\x0e^\x93\xac\xdf#\xf5\xa2\x81"</t>
  </si>
  <si>
    <t>Infiniti Q50</t>
  </si>
  <si>
    <t>b'\xca\xbb^BJY\xa1\\\x8cdQ(Ju\xb4\xf5\x96\xb2\x9b\x8d\x11\x90\xfb\xbb\x08\xd2\xd7\xc8,\x07q\xae'</t>
  </si>
  <si>
    <t>Kill the Cards!</t>
  </si>
  <si>
    <t>b'^%\x7fs\xe4\xcb\x00\xaf\xff\x03\x80\xb7\xd1\xdc\xa8\x92u\x92\xdd\x08BW\x8a\xfb4rW\x0b!c|"'</t>
  </si>
  <si>
    <t>b'*\x9b\xeb\x02\x9em\x97\xe9d&gt;\x8b\xd4\xbb\xb7FV^.X\x93\x1f\xc5/\x11O!^Q\xb1\xa2\xc9\xc1'</t>
  </si>
  <si>
    <t>b'\x1e\x9a\xa1\xba\x0cI\x88\xf5\xc4\xb9"&lt;N\x9d\x8e\x93\xf2\xdd\x18\x88\xf4\xe6I0\x81\xfe-\xb52\xf1GL'</t>
  </si>
  <si>
    <t>b'\xda\xb3r\xcc\xd2}\xad\x7f\xc4\x92\xb2\x896)t#Z=\x8a\xb7\x0c%\x1b\x82\xcbx\x0c\xfc\x83\xc1\x8d\x8b'</t>
  </si>
  <si>
    <t>b'\xa4\xb1\\d\xce\xca\xddG\x8a\rVVy!\xbf\x85\x08\x15\xf1\x95\xdf\xad\x18\xe2\x9f\x0eq}\xcfDI\x1c'</t>
  </si>
  <si>
    <t>b'\xc4\xc3\xdcp\x9c"\xaet\xd7t\xd8&amp;D`b\x9f^\xa5\xedmp\x08f\xa2\x03\xf9\x95\x9f6\x8d30'</t>
  </si>
  <si>
    <t>b'\xec\xfe\t\xa8i\xe5h\xe2\x99\tX?\rp\xc0X\xd5I{DK\xca\xb9\x06\xed(\xcbL#\xb3\xc5\x08'</t>
  </si>
  <si>
    <t>Repay Remaining Money Owed to Parents</t>
  </si>
  <si>
    <t>b"\x86JR0\x7f\xe7\x14'\xda\x1e\xf0\x12\xe9&gt;\x05\x87\xaf\x1c+5\r\x95\xe0&amp;.?/\xce\x81*\xfd\r"</t>
  </si>
  <si>
    <t>b"+\x8e\x01Q(\xd9\x93\xael\xa3\xcb\x02\xef\x9d\r'\x99\x1bb\xe5\xfe~\xcc\xf3L-\xbd]]c!\xab"</t>
  </si>
  <si>
    <t xml:space="preserve">Effective Plan for Paying Debt </t>
  </si>
  <si>
    <t>b'\x0c\xbbJ\xe79!&amp;8\xe5\xa1\x83{`\xf4\xcf1\xf4\xc4\x12\xfe\x83\xc6\xa6\xac\x11\xd5&gt;\x19,J1_'</t>
  </si>
  <si>
    <t>b'T\xb3N\xb9m\x946&gt;\xb0\xa6\x83\xa8\xd7\x95\x02\xce\xa6\xa2\xb2z\xc6\xa0!U\x19`\xf3\x82PsU\xd5'</t>
  </si>
  <si>
    <t>b'\xea#\x1f;rn\xd1.Z\xc8\x12wUa\x87\x1f\\L\x97I\xf8\xe0\xd5\x0e\xbb\x143h{y|\xe9'</t>
  </si>
  <si>
    <t xml:space="preserve">all bills in one </t>
  </si>
  <si>
    <t>b'\xa0\t*x\xb4\x8dqyl/e\xab{l\xc5H\x0b\xaf)6\x9c\x83\xc9\x8e\x07\x90\xb1v\xdc~\xc0\x9a'</t>
  </si>
  <si>
    <t>b'\xa9\xb3\x14\xbf\xfbb\xa3\x03\x8d\xd6\xb8\xd6\xb9 \xfd"\xcay\xc0\xed\x9a(M\x8d\xe7l\xfc\xbc\x04-Kq'</t>
  </si>
  <si>
    <t>float loan</t>
  </si>
  <si>
    <t>b'\xf8\xb6\xc3\xc3~\xe4\xf6Hg\x05\x94\xd1\x1bQ\xa4\x85\x9b"\x8cZ.M\xd1\x93\xc5\x9ad\x8b1\x07\xa7='</t>
  </si>
  <si>
    <t>b'\xad\x1e%v\xab_\xf7T VS\t\x11\x98\xe7\xba\x7fMG\xed\xa2\xff\xbf\x95\x0e:\xb8\xa7\xfd\x16\xf4\xa2'</t>
  </si>
  <si>
    <t>b'\x9c*\\\x8f\x9bZr\xc4JRz\x8d\x1a\xbblS\x01\xc7\x1e\x7f\xc2V\x92\xdb pv\x04\x10[\x90\xe6'</t>
  </si>
  <si>
    <t>b'\xb4\x9bfL-{\x87\xe8WA\xf1MS\x87U\x88Kl\x1a_\xf2.-\x11\r54Z\xaf@\x1bt'</t>
  </si>
  <si>
    <t>b'\x03\xa1\x9f\xca\xa3\xc7\\\xb1\x86\x96C34k\xdb\x17a\xd3\xa7\xbe\xd68\x91S\x00g\xc2\x91\x1c\xac\x8e\x80'</t>
  </si>
  <si>
    <t>b'@\xc2^\xb0\xa0\xb1\xd8\xce\xc8\xc5\x1d\xca"\xd03\x1e\xf1\x1a\x96g\xe4!:^Rzk\xf3\xc7\xb1\x9eM'</t>
  </si>
  <si>
    <t>b'\xa8\x9e|\x1d\xd1\t\xcf\xe9\xa0\xc5b\xd9^J\x7fpXz\x92-\xbe\xe7\xbc8b\xea\x15z%/\xe4\xf2'</t>
  </si>
  <si>
    <t>b'\x9bl=Y]Q\xcb.l-\xe2\x98&lt;|\x89zsa(\x07%\x941;P\x7f;\xc6XW\xa4\xbc'</t>
  </si>
  <si>
    <t xml:space="preserve">Freedo </t>
  </si>
  <si>
    <t>b'\xf8\xeb\x0e{y\xe6\x1e\x0c\xf2\xda\xdaq&lt;qz\xb9=b\xb3\x07\x0e\x9b\x90}D\xfaTJ\xe3\xdd7/'</t>
  </si>
  <si>
    <t>b"\xef\xf6\x9e\xad\x9e\xc7\xba#\x87\x95\xdfg\x06\x9b%(\t\xfb\x01'k\x93lo\xa1\xa6zk\xf2\xbd\xdf\xdb"</t>
  </si>
  <si>
    <t>b'\x96\xdc%\x1a([\xa3I+&amp;\xb3\xab\xa7\x92\x00\r\xe3=G\x17+\t\xa7\xdam-\x82\xf9\x87D\x98M'</t>
  </si>
  <si>
    <t>outfromunder</t>
  </si>
  <si>
    <t>b'E\x89\xd5L9[\x8a/\xd2\xb6\xfd\xd9\xfc3r\x95\x13\x0f\x90\x9d\x84\xa9\xef\xff\xaa\x02\xedl\x017\xb7\xeb'</t>
  </si>
  <si>
    <t>b'\xe0\xb9\x92\xb4\xd2\xf9d\x82\xb5B\xed\xf9&lt;\x9c\xa3\xaev\xbc\x16\x044\x9f6\xca,&gt;!t\x0c\x95\xd7#'</t>
  </si>
  <si>
    <t>b'\x8e\xa7\xb29\xcd\xde\x81\xc1\xd9\x92\xb0\xf6\x0e\xe1\xd2\xbd\x02L\xc1\xbe\xb5\x99\xebF\xfe\x17\xf4\xa2\x1f\xaf\x12\x1f'</t>
  </si>
  <si>
    <t>b'\xf5f\x99uY\xec\x9b\xb2\x04\x12\x00\x94\xa6\xa4w\x84\xe5\x9ae\xd4\xe4i\x8b\x11\xcel~Dz\x1eo#'</t>
  </si>
  <si>
    <t>b'\x97\xe1\x8b\xee\r0\xcf\x10\xe7\xce\xbd\x0e\x1d1\x1b\x10\xdc6\xd3\xea\xe2\xebz\x8bY\xa5Tg\xf8\x86\xea\x17'</t>
  </si>
  <si>
    <t>b'\xf2\x81\r%\r\x04\x91\x04k\x0b\x99\xef\x87\x02*.\xe0\xdf\xdc\xfdk\xbb\xf5\x18\xae(\xc5\xf4\xec\xde$\xe9'</t>
  </si>
  <si>
    <t>b"'\xf4\xd6\x0bs\xfe\xfcHV\x99\r/Z\x83z\x1a\xa6jk4E\xf3\x81\xe4\x014\x8e9\xc4\x90-|"</t>
  </si>
  <si>
    <t>consolidate our debt</t>
  </si>
  <si>
    <t>b"\xd7\x1a`&gt;/j\xf5\xd8\xe1a1\xb5\xceX\xc3QO\xa9\xf2\x1bG\xf7\xbb\xa6K\xb3P\xba\xcb!\x15'"</t>
  </si>
  <si>
    <t>b'+\x87\x08\x96;\xb7\x7fb\x1e/\xc7\xef\x80\x18C\x0e\xb6$\xc8\xf0\xac\xaf\x97\x1eQGrkW\x94y\xac'</t>
  </si>
  <si>
    <t>b'\xfcY\x91.N\xb1P\xaf\x19~lj\xd3j9&lt;\xc9d\x07\xff\x83I2\xceRe\x9c&gt;\x94&amp;s\xe1'</t>
  </si>
  <si>
    <t xml:space="preserve">pay bills now </t>
  </si>
  <si>
    <t>b'"\n\xe0\xceZ!;\xc8\x1f\xc0\x06\x8f,\xa88\x9ey\x99"w^L\xb5Lc\x92\xbe\xc6\xb46\xe8\xa1'</t>
  </si>
  <si>
    <t>b'\x86\x03iN"\xe9![\xc3\x1e`7ZX\t\n\x96\x81\x02\x97\xa9\xb8\xc1\x93\xaf\xfc,\xb6\x17\x9e\xee\xe4'</t>
  </si>
  <si>
    <t>b"\x11\xc1\xebcj\xa9\x1e\xd6\xec&gt;\xd2\xa4\xcb\xba\xaf\x05\x8d\x99\xc7\x11U\x8c\x81\x98\xe8\xdb\xd20'c\xb8\x1f"</t>
  </si>
  <si>
    <t>b'\xf2\xa0\xde\xccW3S\xea\x8d\x00\xb0\x83-\x94\xca\xf4\xef\xd9\xcdm\n\x1bd\xfb\x8e,\xe4\xb7o\\`\xd1'</t>
  </si>
  <si>
    <t>b'\xc5\x83\xc0h\xc6\x92$\xb8\xf2\xc3\xdepJ\xa5&gt;\xef\xb8k_\xeeL\x9fh\xdc\xd5{|\xab\xef\x1b\x1bM'</t>
  </si>
  <si>
    <t>b"\x15+\xda'\x91\x9bc\x8a\x86\xfc\xdbw\xc1\xed_)&lt;\x94\xac\xa3T\xe8\n(\x024T\xd6&lt;N\xa8\xc5"</t>
  </si>
  <si>
    <t>b'\x16*\x14\x12\xba7\x90`\x02(\xb1U\x8e:\xb2\x0f\xbeW \x0f=\x8e\xffL\x8c\xa5e\xd6\x8d\x15\xba\xd7'</t>
  </si>
  <si>
    <t>b"\xd5\xb6\x8e]='\x9c\xfe\x98\xd7\x04i9K$m\x9b\xaf\xb0\xbc\x98 \x04[\xc3\x9e\xa5\xfc\xe4g\xfc\xa5"</t>
  </si>
  <si>
    <t>b'B!L\xb9\xd7\x99\x87!6\xf8\x17t\xaf\xa6\xe2\xfa\x06\x98AE\x11\x01\xc8~\xb1T\x1f\xa1\xedf\x86\x1c'</t>
  </si>
  <si>
    <t>Good Time</t>
  </si>
  <si>
    <t>b'\xaf\xa6\xef2"\x1cMCG\xcf7&gt;\xf9\x9c\x0c\r\xbc:\xee&amp;\xaaQg^\xbc\xdc\x19\xb5&amp;vc\xa9'</t>
  </si>
  <si>
    <t>Help me get back on track</t>
  </si>
  <si>
    <t>b'L-j\xa1\x7f\x16\xa2\xe4&amp;av\x1e\xa6Q9\'*\xe5%\x9d\x85\x80\xb2\xe3\x1c\xb2\xa7\xf5b"\xb5/'</t>
  </si>
  <si>
    <t>b'-\x8b\xdf\x8fo\x18\xd1\xb8\xb9\xd2\x1c;\xe6\xabA\x91&gt;\x12\xa5\xcf\x84\xa0\x9c\xa3\xaa\xaeL2H\x83MR'</t>
  </si>
  <si>
    <t>prep for kid's college loans</t>
  </si>
  <si>
    <t>b'A\x80\xf4\x1a\xc84\xacl\xfe\x86\x9d\x89=\x01\x8a\x9c\xf5\xd30\xfb\xd6\xce\xd4\xf54Zd\xd7-\xfe}\xd1'</t>
  </si>
  <si>
    <t>b'\xe7\xf4\xfb\x9e\x97}5\xbd\x8aD3\xaf\xee\xaadu\x17\xff\xecF\x1f\xdc\x82\x97@r\x83\xb9\xef\xbc\x06\x17'</t>
  </si>
  <si>
    <t>b'*\xa5oenad\x10Qe\xc9QTA\xddSx\xdeX \xd9\xf4/\x8eL+\xa3\xed\x94S\xb8\x1a'</t>
  </si>
  <si>
    <t>b'r\xb0\xed\x8a\xca\x8b\xf4\x12t\xc6\xe7B\xd9\x89G\x89\x1d\xca\xaa\xf3\x0284\xc8\xcb\xf2\x19\xd5\x18\x06\xfb.'</t>
  </si>
  <si>
    <t>b'A/\xb0\x97\xbd\x02\xb8\xe8\xbb\x886\x83m\xfd\x04\xcb\xc8a\xb46=\xe7\xf9\x87\xd5q\xf4\xda\xf7!\x8b&amp;'</t>
  </si>
  <si>
    <t>b'\x8dm\xceW\xf4\xaa\xaf\x85R\xb0\xf1\xa6\xd8x\x94%\x8a\x9d\xe0h\x10\xee:\xe0\xe1u\xd2\x1f5\x9b\x12\xd8'</t>
  </si>
  <si>
    <t>b'5\xe2T\xfe\x07\xe2\x8e\x136\x8a\xcd\xc6\x8f\x85\xf9\xa0\xac"\xd7\xb6*\x10,0\xd60\x1dMTI3\xed'</t>
  </si>
  <si>
    <t>IPAYMYDEBTS</t>
  </si>
  <si>
    <t>b'%&amp;\xe2\xd8\x99\tY5b\xfc\xfe \xbd\xc7O\r\xdek\x1d\xe4\x04\xdb#\xa3g\xf0\xdfO\x08\x9d\xfe\x0c'</t>
  </si>
  <si>
    <t>Title</t>
  </si>
  <si>
    <t>b's|\x08\xb5\xe5\x18\xf6&amp;\x15$\xe7\x11\x18y\xe4\xd9T\xf29\xd4\xca\x89\xae1&amp;\x11\xb3\xe7\xc9\x9a\xb6\xb1'</t>
  </si>
  <si>
    <t>b'\xfb\xc7\xb0\xc5\xb6\x94\xbd\xcb\xe2\x90\x87\xbb\xae\x85\x11w\xbf\x05\xd4\xfe\xbe\xd4_\xe5\xbf\xe6w4\xdd@(\x91'</t>
  </si>
  <si>
    <t>Taking Care of Bills</t>
  </si>
  <si>
    <t>b'r\xd9\x9b8\x07\xde\xb0r\xe8\x04\xaf&amp;\xc8\xdbnK-/6n\xdc\xe1\x1be\xa1\xf7\xa5\x86\x9bU\x8bj'</t>
  </si>
  <si>
    <t>b'Z\xf4\xf3\x9cp )!\xc4\xc9\xef\xe6\xc8/\xac\xaf\x8cKY#4\xd7\x12\xe2p~\xf8\x17y]p\xc4'</t>
  </si>
  <si>
    <t>b'\xfeJT\x99\x1b\xac\xd7\xac\xbe\xc3\xc8\xb5~+n\xfb\x18C\x8a%S.\x08\x9a\x13L\x9a\xc8\xe5\x0fS\xf5'</t>
  </si>
  <si>
    <t>Post University Debt Consolidation</t>
  </si>
  <si>
    <t>b'\x7f\xcc\x7f, \xa2\x16F\xb7\x8c\t\xd4\x97\xa3/\xc2e0\xa8\x05\xe8\xc0I\x06 /]\x85\x9ff\x15P'</t>
  </si>
  <si>
    <t>b'c\x8e\x8bA\x9d\xf4|\xb1 \x0e\x89&gt;\xc4\xf78[\xd3V\x9f\x0ez\xf4\x14&amp;\x89\xa0\xc5}\x98\xf0\xf2a'</t>
  </si>
  <si>
    <t>b'{\xb9\xd8x0j\x90k\x02`1\x1b\x94\xbb2,\x8c\xbc\xbat4\x1e\x10\xa57\xbe\xa6\x8e\xd0\x95u\x16'</t>
  </si>
  <si>
    <t>b'&amp;\x11\x1bN4@{\x0c\xabQ\x85\x15\x85\xbf\x15\x98:9bB\xb9Z}W\xe8\xdb\x9e\xf3r\x8c\x80\x0b'</t>
  </si>
  <si>
    <t>b'\x19\xe9\xa6\xa8\xbf=~\x94A\x1c\xbfOqAv\x08\xd3cd\xed\x08&amp;"&gt;\xbe\x92_\xa9Q\xca\xea*'</t>
  </si>
  <si>
    <t>b'n\x00\xee\xe7\xfe\xbe\xbaN\xfb\xb0&amp;\\\xef\xcc\xeeH\xa6\xd7\xab\x89j\xe2\x13 \x12\xef\x98\xa5\xbd,b\x10'</t>
  </si>
  <si>
    <t>b'$g\xce@\xd7\x9d\x15\x89,u\xa2\xac\xa1\xff-A\xb5\x92\x0e^Iq\x90\xc6\x1c\x0b\x0bS\x0fJ\x15\xfd'</t>
  </si>
  <si>
    <t>b'Is\x98=\xc2\xae\xfa\xac\xa0y\x18\x026\xb8l\x7f\xe3\xeb`"\xe7\xa6\xdc\xf1\xc0\x950\x02\xf3\xb5\xa4t'</t>
  </si>
  <si>
    <t>b'U\xdaf\x04\xd5\x06\xe1G\x04,\r--89"f\x93\xae\x86\xa7\xe284\x99\xbe\xe2\xa1\x10\x1d\\\x97'</t>
  </si>
  <si>
    <t>Consolidate Cred Cards</t>
  </si>
  <si>
    <t>b'\x05\xec\x14[\x94\x19g\xa4p\xc3\x83\xc8\x96\xac\xd2\x04o}\xe3$\x01S\x03\x17\x9b\xe2f\xbf\xd4\x91t4'</t>
  </si>
  <si>
    <t>b'^\xf8\xeb\xceT\x01&gt;4\xdc\x85\xa4+\x88*\x9e\xc0\x8dg\x02c\x10\xd6\xe6\xbf\xb5\xc2\x95\xbd\x95\xa5\xb4\xcf'</t>
  </si>
  <si>
    <t>b'\x9dSS\xd0\x80$\xfc\x1b.\xb9\xa2\n\xeb@!\xdb\xb5\xad5B\xa5#\xab^V\xa4\xf2\xd2x\xeeI\xa6'</t>
  </si>
  <si>
    <t>b'6\xd9j^\t\xbf\x98\xe1\xa9\x0b\\\x15\x8e\xe7G\x00"~\x07\'\x0f\xab\xddd\xcd\xf6\xbd\xe3\xb3C\xcd4'</t>
  </si>
  <si>
    <t>b'P\xb7P0\xd0l\x1f[\xc3.\xac\xe5EQ\xab\xca\xf7I\xa2\xcf\xf3V\xf7\xb7\x85\xa2\xf1\xc0QF\xc8\xcc'</t>
  </si>
  <si>
    <t>Help me consolidate my credit card debt</t>
  </si>
  <si>
    <t>b'5\x12\x80\x9d\xe0(\xa0i\xb8]\xc8\x9bb\xcd8\x88\x01\x8e\xd1\x14f@\x9d\x89\xa5\x8e&gt;\xfa\xcd\xbbn\xe3'</t>
  </si>
  <si>
    <t>Goodbye all credit cards!!!</t>
  </si>
  <si>
    <t>b'\xecs7\xddQ\x1cv\xeb(\x8b\x9f\x97@M&gt;\x1c\x0fN\xe2\x83\x08Ts\'\xbd"\x9f\xf8\xcc\xb6\xe4,'</t>
  </si>
  <si>
    <t>b'\x06\x91)y\xb4-bx\xf4P\x0e\xce}hZq\xbb\x18\xc1\xb6\xc89\xa0&gt;\x9e\x06\xd4wP\x12\x04I'</t>
  </si>
  <si>
    <t>b'-\x7f=\xb9\xe3R\xbbf\x12w_\xd7&lt;\xd3\xf2\x0e\x9ex\x82\xed\xd9\xa2\xbc\x040l\xa8\x7f\x8a\xf5x\xef'</t>
  </si>
  <si>
    <t>b'\x1c/\x9a\xa7&amp; l\xde\x8dC\x9c\xacb$\x99\xe2\xc8\x1c\x86u\x13\xacI\xe6)\xf0/\x15\x84\xa00\x98'</t>
  </si>
  <si>
    <t>b'\x81L\xd7\x9as\x05r\xf3:\xca\x99\x9e{\x00\xa3\x0c\t\x12h\xee\xd9O\xf2\x00\xa8\xf0\xd5e2\x92\xbc\xec'</t>
  </si>
  <si>
    <t>b'\x92\xe5\xba\xc9Fw\x92\xfa&gt;\xf1\xc9\xdf\xe2^\xa5\xdd&gt;^\x7fI\xb7\x82\x04\xf0\xbf\x9a\x1e\xc44j\x0f\r'</t>
  </si>
  <si>
    <t>wisdem teeth</t>
  </si>
  <si>
    <t>b"\x9b\xd5\x17]\x03\x92\x03'/w.\xa9?d\x0b\xd5\xab\xa0\xbf\xe6\xd0\x89\x0e\x1a\x8b\xef\x02,\xc7\x8av\xe5"</t>
  </si>
  <si>
    <t>b'\xb5\x8aH\xac\xe8\xea\x88\'\x9a\xcb/&gt;\xa9\xa7c\xfb\x91\x93"Y\x1eRT\xe3\xf2\x13\xa2\xd3Q@\xc6\x1e'</t>
  </si>
  <si>
    <t>b'\x04\xac\xa3t0\x10\xa9\x7f\x8e\xc7\x08\xdbV\xf77\xd8\xb2\x12~\x82\x84\x7fWu\xc3u\xd2\x90\xb52\xef\t'</t>
  </si>
  <si>
    <t>vaca</t>
  </si>
  <si>
    <t>b'od\xbe\x115\xcd\x81\xff\x02\xf2\xf13\x03\x1b\xf0V7"\xc7N\xa8\x1bn\xfc\xc5\x1e\x01\x84\xc4\xf0J`'</t>
  </si>
  <si>
    <t>b'\xdb^?\xb2\x85\x1d\xaa\x01\x01r.\x98\xab\x9f?\xcc\xa2jpb\x8f\x17F0\xb7\xa3\x05OLZ\xee\x8d'</t>
  </si>
  <si>
    <t>b'\xc6U5%(\xbf\xeb"\x8e\xd8\xb2T\x00\x84j\xfc\xab\xed\xb4\xd9P\xb6Z\xe8\x17p\xe4b\xa87*\xb9'</t>
  </si>
  <si>
    <t>b'\xe0\xa4\x8e&gt;k\xb5\x88\xb5\xb6\xca\xd9\xec\xdf\xb4SZ\xf7\x89\x07l\xd8\xd6\xb9\tZM\x90\xfc3Xj+'</t>
  </si>
  <si>
    <t>b'\xe4Y\x07 \xaeG\xde\xd4m\xa2i\x07)\x1e5\x0f\x01\x18G}\xb0\x98@\n#{=&amp;\xafC\xfcJ'</t>
  </si>
  <si>
    <t>b'\x87\x08\xf7\x88\xf73\xb0\xc0C\xed\x9f\xbe\xf3\xe8O\x117\x97\xf1`\x9a\xaf\x16Y\x8b\nax\xc1\xc4\x9bC'</t>
  </si>
  <si>
    <t>b"a\x8b\x9cdR\x055{R\xaf'\xfb\xf2\x0b\xd2,\xedU\x14\x04\x1e\x05\x9f\xce\x89\xd5l\xbb\x14\xdf\xce\xfa"</t>
  </si>
  <si>
    <t>DiscoverPayoff</t>
  </si>
  <si>
    <t>b"!yFy\x19\xc4\xcf\xa2#\x92\xef\xb8\x9e\xada\xb0\xe8'}\xcd\xddZ\xbb \xf4\x99\xc5\xe5\xbb\x9d0\xbb"</t>
  </si>
  <si>
    <t>Paying off all Credit Cards</t>
  </si>
  <si>
    <t>b'A\xd5\xed\x96;T\x1d\x04\xbc\xc3\xc3\xf2?\xb2\x8bL\xa9\x86\xdf=\xd2U\xe8\xd1s\x8c\xef~\xf7\xa9\x1b\x0b'</t>
  </si>
  <si>
    <t>b'\\\x92k\xa0\x03F\xb8\x86\x802\xd5\xcb\xb2\x82F\xc4\xfb\xed\xe5\xb8.\xdd\\)\xaf\xee\xd6\x98]\xaf\xdd\x83'</t>
  </si>
  <si>
    <t>b'v\xc4\x10\xbe\xdf.\x13\x7fKf\xd8\xa0\x9b[\xf6\xb3\x905\x97\x19`\x014\x04\x1f\x1f#g\xe2b\x7f\xf9'</t>
  </si>
  <si>
    <t>b'\t\xb1|\xdc\xc0\x87\xf8O4\x1d\xf4\x01\xab\xc8\x877\xca\x84-\xa0\x93\xa4zT\xa72\xf0\xd5\xec\x86\xbaV'</t>
  </si>
  <si>
    <t>b'\x1f\x10D%z\x8a\x84\xd3\xb0\x02;g\x80\x91\x02J\xae\xf0{\x1b\xa1\xb1\xdf\xe4\xcf\xbf\xb7tu9\xdf\x9b'</t>
  </si>
  <si>
    <t>b'\x81\x95\xe8\xb1L\xb82\x1c\xcb\x81\\\xb62\xae\x06J\x0b\xc9 p\xafx}-\x8d\xa4\xa4\x81G\xf6c+'</t>
  </si>
  <si>
    <t>b'\x0eB^\x16i\x06\xed\x7f\x010\x91\t\x11=\xe6\x7f\xb4iw\xb8$\x9c0\x18\xb7F\xf2\xd9i\x08+\xde'</t>
  </si>
  <si>
    <t>b'%\x0bX\xefS\xf3\xe1\xaa\xadb\x85\xd9 \x02\xfd\xd0\xc0\xe0\xd9i\xe8[\xe7\xf2\xc3"zn\xcb~W\x95'</t>
  </si>
  <si>
    <t>b'U\x85#R\xc0\x01y\x90\xa2U\xafb\xfc#~\x15\x9a\xc1\x81\x81g2\xce9\xcd\\\xd5\x14\x95=7\x1b'</t>
  </si>
  <si>
    <t>b'v`B\n\xc3r!t?\xf6\xbeN\xee\xc8\x01\xa4\xaf\xcfp\x0b\xf2\x1d\x17TP\xcb\x84\xa1\xc0\xb9\xda\xf5'</t>
  </si>
  <si>
    <t>b'\xe8\xf2\xe7\xde\\\x88\xcf\x89l\xd3J\xd6\xa9\xf2s\xf6\x83\xcd\xde\x14\x1e\xfb\x1f^\xb0\xc8qj\xfd\xd81\x17'</t>
  </si>
  <si>
    <t>b'i\xdckCp#\xac\xa4N\xa67\xc0F\xe8\xf5\x7f\x11\x0c)\xc3\x84f \xa4\xccC\xba\xe8\xe1t\xc8\xaf'</t>
  </si>
  <si>
    <t>b'#&gt;\xb0"\xbd\x8d\xd5\xba\xe6i\xbb\x0f\xf6\xc8\xf3?\xbd\xa0_\x13DV\xaa\xd4\xf3\xdf/\xb6\xa1\xa2j\x11'</t>
  </si>
  <si>
    <t>get my butt out of debt</t>
  </si>
  <si>
    <t>b't\x8dyqn1h\x95\x0ee\xa3h\xba\xd3q\x16\x17\x9bc\xd9\xab\xb7\x9c"\x9b\xdf\xcd\x1c\x15\x9b\x06\x8e'</t>
  </si>
  <si>
    <t>b'\xfc\x16\xff\xf4\xde\x84\xb6;S\xda\x01\t\xed\xcb\xfdo\xba\x01\xa0\x0c9\x06[\x03\ts\xc2\xc1\xfc\xab\x04i'</t>
  </si>
  <si>
    <t>b's,\xabA\xab\x93\xea\xe6/\xd5\x83\xf6\x8b\xf9\n\xbc\xf5\xceq6\x839\x8a\xfb\n\x9b\x94t\xe6\xb8+N'</t>
  </si>
  <si>
    <t>b'\xbas0f\xfa\x16~5\xcd\xd1\xbb\xea\xbe\xe0z?[&amp;&gt;B\x19\xc0\x8d\xd2~\xe3\xb7\x96J\xff2I'</t>
  </si>
  <si>
    <t>consoldate 3 credit cards</t>
  </si>
  <si>
    <t>b'\xfb)\xf7\xdf|\xb51\x06mu\x94c\n\xe8\xdb\xd1c\xe8@\xcb\xf8\xd5\xc7?\xe55\xc9F\x11\xf8\xc6\x06'</t>
  </si>
  <si>
    <t>b'\x8a\xabUux\xd4\xb9\x14\x10\xff\xec\x9d\xb3N@0\x81+Y\xee\xd9\x83\x0f\xa3\xe2\x14\x81h\x19\x87.\xc0'</t>
  </si>
  <si>
    <t>auction property rehab</t>
  </si>
  <si>
    <t>b'\xb5N#\x14R1O\xdd\xa7q\xdaf\xaa\xc9\xe4u\xae_\xb8\xf5#\x10\xfcFW\xb0\t\xd6\xebj\x96\xfb'</t>
  </si>
  <si>
    <t>b'\xcd\x90Oc\th\x04\xbd\n\xe0\x95\x8cs\xc9\xa5\x1de\xb2%\xadYE\xd6\xe7\xe4\xfa@\xce=\xf6\xb4~'</t>
  </si>
  <si>
    <t>b"\x82\xb9i7\xbf\xf2',\x8f\x9b\rL\xa5!\x85\x9eug\t\x16\x89\xf4a\x0b\x85\x95\xaa\xd4[\t`\xb7"</t>
  </si>
  <si>
    <t>b'\x03\xbb\xa7\xf9\x12$?\x10\xda\x06f\x9b\x95\xb6\x02B\xa3\x99\xae\xa0A\x9f\xf1J\xf19pzr!\xd4\x87'</t>
  </si>
  <si>
    <t>Photography Investment</t>
  </si>
  <si>
    <t>b'\xf7SL\x90\xc6\xa0E\xf4gI\xd2\xe8\xbd\x13\x1c\x91\x10\xce\xbaF\x82\x06\xc8\xb3\xf2\x95\x00L\x83\x95\xd4&lt;'</t>
  </si>
  <si>
    <t xml:space="preserve">Loan 1 </t>
  </si>
  <si>
    <t>b'76\xa4\xc3\x8cZ\xb6\xc4y\x16\xcbxQ\xa2\xae\xc3\xaf\xa8;\xe8\xed\xca\x95Xo\xf9*\x9e\xc2\x0eG\xc8'</t>
  </si>
  <si>
    <t>b'{E~K\xcc\x82\x9fV\xb8\x04\xf5\x94\xbc\xf9\xec5F\xdf\xedE\x0f\xaf\xec\t\x10\xcc\x9ak1W$]'</t>
  </si>
  <si>
    <t>Getthingsontrack</t>
  </si>
  <si>
    <t>b' \xa9\x9a\x8d+(\xc6s\xaeIk\x12\x83wR\x95\xe3\xe9!\x89\xef&lt;q\xb1\xb9\xb1\xc2\xd4\x99~\xf6o'</t>
  </si>
  <si>
    <t>b'\xf0f\xfa\xf7\xc2\xc9\xf5\xbe\xd2W\x1f1H\x82k\xb5=\n\xe7\x88]\x17H\xa8O#\xa1p\xd7\x9dK\x0b'</t>
  </si>
  <si>
    <t>Lend Me</t>
  </si>
  <si>
    <t>b'\x8f6\xf3\xf8/\xd1\xbb\xdf\xcdn\x90;f\x8fs\xdb\x87\xd7u=I^\x88!\xacj\x1b\xe3\x07\x04\x1b\xe4'</t>
  </si>
  <si>
    <t>b"@{\x8c\x85\xdb\xe2t\xbf\xd8\x153m\x97\x91%\x15\x1a\x9f\xfe\x9e\x86t#.\xda\xd1'h\x02\xc1/\xd4"</t>
  </si>
  <si>
    <t>b'\xc6\xeaQ\xd3\xfe\xc8\xf6h\x8e\x04\x88\n y\xf7\x17\x87\x88\x9c\xc7\xbb\x01V\xfd\xad\x92\xdf6X\xc7\xa0e'</t>
  </si>
  <si>
    <t>b'\x96L\x7f\xe2\xf6H\xa2\xa3"C\xads\xd43Z\xf1=\xa8:Y{\x1eu,\xee\xf5\'\xdc[-\x03\xc2'</t>
  </si>
  <si>
    <t>Personal Loan for Wedding Expenses</t>
  </si>
  <si>
    <t>b'\x0fD\xe4\xf4\x1d\x18\xe0\xe1\x8aiw\x84\x93\xf4*\xfa\xb1Q\x06\x0et\xc5\x14\xcb\xe1\x91\x83)J~\xefp'</t>
  </si>
  <si>
    <t>b"\x07\xa0\xc8\x92\xb4&amp;'\xb2\x064\xab\x18\x96\xfe?\xb58\rh\x90\xbf\xa2\xbb\x8dE&lt;Y.\x80\xcc\xfb\x82"</t>
  </si>
  <si>
    <t>b'4\xd9\'R\xc9\xda"^\xacu\x00\x05\xf9\t\x8f\xb2\xff\xbe4$J\xc6\xf9\x9f\xdc\x9a}\xf4~[^\xa1'</t>
  </si>
  <si>
    <t>b'c0\t6\x04\x006\x1cs\xb6L\xf7\xb4\x05)\x997\x0c&amp;\x9f\x9d_k6O\xc9&lt;\x7f~\xc5\x8c\x93'</t>
  </si>
  <si>
    <t>b'\x9f\x95F\xb3\xf9\x8f\xf8\x96\r\xcbH\xd4\xc9\x99\x95\xc3\xbf\x8e3%3\x8c\xf8\x8d\xce\xc4\xf6\x92\xd7\xe7\x8d\xa4'</t>
  </si>
  <si>
    <t>b'\x0f\x92\xa4\x1e[L:U"\xb4\x17\x15\x80P\xc6\x08\x0c?\xa2c\xed\x9d\x8d\xef(=|\xb8\x0f\x8d\x98\xd2'</t>
  </si>
  <si>
    <t>b'=\xd4=\xb8\xe7\xfb]Iy\xe6\xadW\xf4\x08\xf4\x01\x85\xebD8\xdd\xa7\r\xb9\xc74sM\xb8\xf4\xc9f'</t>
  </si>
  <si>
    <t>b'\x87Q\xb1\xef\xc5\x92\x07\x9d\x18\xc7\xed\\\xc9_\x86"\xb6oJ\xd5\xf9U\xfe\xc3\xbbN\xba\x96a\xbcF,'</t>
  </si>
  <si>
    <t>Debt pay off $$</t>
  </si>
  <si>
    <t>b'\x81\xe7\xee\x10\xc0y\xf7G\xf1\xf1\x9f\xac\xb4\xfc\x99\x16\xfbm\xe5\xeb\xe2\xd0\xcf\x903\x9f\xe0u\x17\xa0^\x1b'</t>
  </si>
  <si>
    <t>b"\x8e\x16\xb49\x04.\xb7\xd0\xd2}Jr9\x1c\xa0w\x05\xdb'KL\xf9\xabD0\xca\xc9s\xca5\xb9\x86"</t>
  </si>
  <si>
    <t>Taxes</t>
  </si>
  <si>
    <t>b'\xcb\xab\xbd\xa5t\xa5\xfcH+\x8e\x05r\x061\xcdd\x15 \xb9d\xb0\x07;\xffp\xa5_|\x1b\x870*'</t>
  </si>
  <si>
    <t>Debt Console</t>
  </si>
  <si>
    <t>b'zI\x96_\xe0{\x8d&lt;\x86l\xec\xc6\xe1\xfa\x9c\xd5\xf8\x05:\x92\x87\xec\xc1)\xa0M#P\x1aZ\xf6\xa7'</t>
  </si>
  <si>
    <t>b'\xa6\xb6u\xa0\x0f\xeb\xcc\x0e\x84k\xcaJ\xe6O|\xfe\xb7O\x04\xc0\x1d|\xf3\xeb+\xb1U"d\x7f#\x12'</t>
  </si>
  <si>
    <t>b'\x16\x94\xca\x99\n\x97\xf1\'5)&lt;]|W\x96\\\xf1\x13\x0f\xc0\xe9"\x98\xebS\x16\xd8\x1e\x0f\xdb\xbet'</t>
  </si>
  <si>
    <t>b'}\x034\x0e\xc6\x1f\xa5\x8a\xe3&lt;\xcdsX\x11\xa5\xd0\xa0\x8a\xd7\xe8\x9d\xb7]\x00\xd3\xda\x8a\x97\xe2\xd9#y'</t>
  </si>
  <si>
    <t>b'\xe3{\xf2:_\xa1\xff\xf5\xcb\\\xe6H~\xf1\xfa#\x7f\xbb\xad\x1aXM\x83P\x9d\x8a\xc4\x15\xa3\xa0s1'</t>
  </si>
  <si>
    <t>b'\x80\x90{\xffYM\xf5p\xd5\xbf1\xb6\x9e&amp;\xbc\xb7\x84\x8d\xee\x8f\xa6\xbf\xe4\xb5iq\xae\xccMzP\xd9'</t>
  </si>
  <si>
    <t>b'\x9e\x8a\x14C\x12\xb6\xf3B\xfb\x8b\x8c\xe8\x91t\xcb\xad\xafYi\xaa \x1c\xbf\x86\xce\xdaY\xff\xd8|1\x12'</t>
  </si>
  <si>
    <t>Payitoff</t>
  </si>
  <si>
    <t>b"\xd6\x01B\x1ey\x19\xb1\xfe\xcb'\xa9V\xdb\xa9\xc1\xf0\xff\x19\xf2\xdc\xd98\xc2\x93\x12\xbe\xe4(\xc5\xbc5m"</t>
  </si>
  <si>
    <t>b'\x8b\x1a{i\tR\xb9\xb4\xcb\x857\xb4K\xcf\x9c\x9a\x10\xf7\xc5{\xf1\xa0Z*\xf7d\xc3e\xdd\xbc\x08\xe4'</t>
  </si>
  <si>
    <t>b'\xd3\xc4\x83a\x07\xef\x82u9|&lt;@m\xe9\x95\x89J\xa00\xb0\xfb\xcd\xeb\xa1\xb7\xe8&gt;a\xa2\xb5\x89\xbd'</t>
  </si>
  <si>
    <t>b'\xa0_\x9eN\xe8|\x8cY\xd6\x99\xa6T\x02\xe4`G\xd1i\x9e\xaa\x05\x9b\xf6B\xab\xc8G\xe5Woc&lt;'</t>
  </si>
  <si>
    <t>b"\x82\xad+\xfb.\x19u\xaf\x13\n\xc7O\xac:\x90'\xf7\x90\xb3\xdd-#k\xf1\xf3\x99\xecr\xa9\xf1\xa1C"</t>
  </si>
  <si>
    <t>b'\x19l\xcef;\x1e\xeei}\xc3h\xbc\xb0"\x93\xf5r\xbf5\xff\xf6Zp;\x1bM&lt;K\x04\xa6\xacx'</t>
  </si>
  <si>
    <t>b'\xe1\x15"\x16\xb5\x98\xb1\x98\xed\xda\x0f\xcd{\x8ba\xdbRJ\x85\x07or\x85\x8eG\xf4YZ\x06\xefrV'</t>
  </si>
  <si>
    <t>b"\xd1:\x089k\x9c\xa2\xdc\x1d?S\xff\xfa\x0c\x130\xe0^\x0f\x8d\xadL\x050\xdc\x06\x8cX\x8c\xcah'"</t>
  </si>
  <si>
    <t>Credit Card Debt Consolodation</t>
  </si>
  <si>
    <t>b'\x80\x00\x19O\xe1\xfc#\nfpBfR\xb9\xbc\xc3YARF\xba}\xe6\xd6uG\x9c\x13t\x9a.\xe1'</t>
  </si>
  <si>
    <t>b'\x129\x08c\xd7\x8b\xc0\xa9\xd2$\xd4\xbb\xbf\x94\x82Z\xad\x9a\xd8\xe6\xa7\xbf\x82\xa8ds\xebq$.Z\x86'</t>
  </si>
  <si>
    <t>b",\xb4$\xa6\x97\xa4\xb3g\x88d\x83\r\xfd\xe8\xff\x13E\x06\xc4\x06\xf0e\xc6'\xf7\xe0R8(\xb1\xef\xd1"</t>
  </si>
  <si>
    <t>CREDIT CARD PAY OFF LOAN</t>
  </si>
  <si>
    <t>b'\x19n:\x14l\x98\x887UzH\xef\xf3.\xaf\x12\xaaj\xcaR\xbdI7D\xd6\xb3\x9c\x80\x12z\xfb\xda'</t>
  </si>
  <si>
    <t>Essential</t>
  </si>
  <si>
    <t>b'\x83Q\x02a\x0b{\xa8~\xa6\x8c\\\\\x93\x17#Y\xc6\xb4}\x8dT\x92\x17\xcb\xffD\xc2\x0e\xfe_\xb9y'</t>
  </si>
  <si>
    <t>b'yN\xaa\xcf6\x115r(\xd3\xc8\xd7\xeePr\xa3\x85\xc8z\x1f\xb0\x7f\xe2\xf8\n\xc2S\xbe\xb2C\xf4\xb9'</t>
  </si>
  <si>
    <t>b's\xbc\xe2Z\xc0&gt;\xd6\xc9Z\r\x80nOI$\x84&amp;\xf5+\xd0v\x9c\xa8\xacO\x99`\xb7\xdc\xb3\x89\x9e'</t>
  </si>
  <si>
    <t>b'+\xfa@\xcb\x8a\xb4\x8e\xdc\x1dv\x88\x86\xdd\xf5lx\xb9A\xa5H&gt;\xfa\xe8\xf4X\x1c\x96i\xf7\xf4h\x03'</t>
  </si>
  <si>
    <t>advancement1</t>
  </si>
  <si>
    <t>b'\xa2\xc3L]\xcco@i\xaas[%\x9f\x86\xce\xe9z\x08O\xf9\xa6_I\xdd\x91\x7f8=\xff\x00\xcd\x18'</t>
  </si>
  <si>
    <t>b'/\x01\x06[\x8d\x8er\x86\x8d\x8eh\xbe\xf5\x99/:)\xdf^\\/\x85\x9f\xe8^\xe1s\x96\x8aq\xed}'</t>
  </si>
  <si>
    <t>b'\xf6Be\xbb\\\xf2\xbbN\xa0\xbbO\xf0\x9b\xfd]\x9c@\x07Bd\xa9\xda\x9a\x98]\x90Y\x81\xb5\xffu\xe2'</t>
  </si>
  <si>
    <t>b'\x96\xf1\x04\xa5\xc9\nx\x04\x13\\\xbe\xdd\x19\xda\xd2\x08\t\xa2\x86mx\x9b\xa6?\x8aa\xdez\xeb\xb1:\x03'</t>
  </si>
  <si>
    <t>b'A\x19\xb4Y\x98M\xbc\xd2\xba\x84vl\xe7\x05~\xd4~.\xca\xf7\xbd\xd6\x86[\xad\x86\xac1\xa2\x9d\x85L'</t>
  </si>
  <si>
    <t>b'5\xac3^\xab\xdf\xbdUw\x15\xac^Z\xa8\x8f\x8a\xa6\x85\xd5\x82H\xc0\x1e\xbbb\xa2BkA\xe3\x84\xef'</t>
  </si>
  <si>
    <t>b'K\xbd\xd2\x16\xcc\xd9Q\x9c\xc1%\xd1\xe9 \x01\x86m:\xa7i\xbc4\xa2\x00\xbf\xc4\xd6\xed\xd2Y\xac\x85\xf9'</t>
  </si>
  <si>
    <t>b'\x19Inrz~\x9b\t\xf2\xf8\xa8\x8e\xb9\xbc\xfea\x1d\x9e\x1b7\xe8|\x10B\xbe\xb2\xa0Y6!\x0f\xc4'</t>
  </si>
  <si>
    <t>b'q\xdd\xb3\xc8\x07\xb6\xa7-\x9d\x87\xa5^\xd7w\x16\xa5\xc5V\xf0;\x85\xb4\xe3\x8b\xc9\t\xf4\x12W;\xd9x'</t>
  </si>
  <si>
    <t>b'\x18\xee\x92\xe2\x95\x07\xd6\xc1\xe2y\x19\xdc\x15v\\b\x1c\xc1\xf8\xb3\xa2\xc8\xd0fq\xe4\x1c\xba\xea\x8d\x7fq'</t>
  </si>
  <si>
    <t>b' \xc7`X\xcb"{\x0b\xbe\x10pI3[\xae\x94\xdd\x850\xf2\xf3R\x04Fdf\x07AZ\xc4\xf2\xe3'</t>
  </si>
  <si>
    <t>b'\x0f\xffO\xd6L\xcf\xb08\x177\xd84\x17H\xa6;_4\xec;&gt;\xea\xc0\xb7"\xb7\x08\xc7\x04S\x90\x96'</t>
  </si>
  <si>
    <t>b'\x07\x9e\x90\xe9\x0eBQa\xf3J7~\x81\xecJo\x93ZK\xbfp\x06~\x81xT\x10$\xcf\to\x17'</t>
  </si>
  <si>
    <t>b'\x03l\xe2\x90\xbaE\xce\xfb\xc4N\xa2\xfe\x12n\xba\xeb\xb7a\xde\x90&lt;PdD\x95\xa7\x1b=\xf3\x96\x0f\x01'</t>
  </si>
  <si>
    <t>b's\x13\x8b^\xd7.\\8\xf5C\xb4\xaf\xd2*zB\x08\xa2\xa2\xc9r\xc6AY7\x13\xf2\x98\xf7)f\xe6'</t>
  </si>
  <si>
    <t>b'\xccFb\xe5\xae^\xf8y\xeb\x1f\x14\xd1Q \xed\xce\xe4\xacI\xc5\x1f\xc2\x16\xf5\xbb\xc7$$\xb7\x1b9f'</t>
  </si>
  <si>
    <t>b'\xcd\xc1\x06\xe0]\x8dU\xabH\xd3D1\xe2\xab\xe3v-:\xa4M\x11\xfe\x97-\xc8\x8a\x1c\xf6\xbf&lt;\xf3\xbf'</t>
  </si>
  <si>
    <t>b'm\xed\xb1\x0eA\xd0\xccAo\xb6O\xa3\x06,\x89\xd3}y\x81\xcat\xe3\xe4,4*\xce\xab\xf0r\n\x9f'</t>
  </si>
  <si>
    <t>b'\xe6\xa1u\x93\x1b^\xf6\xfd\xdai\xa6\xa7!\xfe\x91.\x8br\x94\x87\xdc\xfe&lt;\rN\xff\x936k\x16 p'</t>
  </si>
  <si>
    <t>b'\xc3\x84`\x99\xferd8\xbc?E\xb2H\x16\xa0B)\x08\xde\xa39,~\x03\x03\xca&lt;\x00\x87\xb8J\x1a'</t>
  </si>
  <si>
    <t>b"\xed~a\xeb\xa2\xcdSmj9\x00\x0eq\x1a'\x17)\x05=\xe5\xcc\x16\x18\x07\x9ab\x85\xa3\x96\xe84'"</t>
  </si>
  <si>
    <t>b'.\xb7\x05]\xa4 6a~1,;\x9c\xc20Hox\xa6\xf9\xa2\xe7\x86\x9b\x87\xcb\x0f9DE\xca\x90'</t>
  </si>
  <si>
    <t>b'\xe4\x03\x12\xf8\xa4\xad\t\x81\x18\x11*W\xa8\x1cm\x0eC\xba\xfc\x83htVb\x91X3\xaa.K\xeb\xd8'</t>
  </si>
  <si>
    <t>b'he&gt;\xfb\x87\x99\xbc\x91,\xef\xb1\xb1K\x9d\xc0\x00\xef2\xdeD\xbb\xd1\x1d:e\xbf\x8e\xcbnM%\x9d'</t>
  </si>
  <si>
    <t>b'a*2\x03\xf0lB\xdb\xa2\x12[\xa7\x8cJ\xdfi\xcc\xc0x[\x14G.6\x8e\x85,\x156R(\xe2'</t>
  </si>
  <si>
    <t>b'\x7f\xb8V\xa6a)\xb4\x01\xc4\xf2 o\x05\xfd\xd1sp7D\xaa\xa6w\x8b\x0f\x1f\x07\xe1\xf1\xf3\xc4\x8c\xa5'</t>
  </si>
  <si>
    <t>b'\x93\xd0\xcbN\x86\n\xef\xa5\x82\x8b\x0c\x1e\xfa\xa3z\n\xca\xd7Y\xe1\x815\x1c\x1e\xb2\x00\x1f\xb2\xe8M\x0c\xa6'</t>
  </si>
  <si>
    <t>b'\x16\xda\x19\xe02_4\x01m\xa8 \x16\xb5\x14yM\xd7X\xb1(=`\xd2\x15nd\x86(\xa9\x9e\x90\xa9'</t>
  </si>
  <si>
    <t>b'/\xcan\x84\xff%\xf1|%\xf9\x11R\x9c\x1d\xb2\x84@\xb0\xf5\xd3\xd3\x19Xz,b\x0e\xc15\xcbU\x88'</t>
  </si>
  <si>
    <t>b"TBp{\xf1\x02\xf3\xb0\xab\xcc\x89\xceke\x86\x06\xca\xc2\xe8\x1c'\x0b\x839\xe6\x9d\xdee\xbd.\xc2\x03"</t>
  </si>
  <si>
    <t>b'&lt;\xd4\xde\xc5\xb7\xd9\x7f\xcf\x14\xc1\xbdy\t\xa0\x17\xb8=\xc6]\x80\xc8\xa02~\xdbV&gt;-\x15b\xb9\x1f'</t>
  </si>
  <si>
    <t>b'S3\xcagU\xe2\xe6*\x9eQ\xbf)\x0e\x97a\xbbX\x8b\xb5N\x1e\x14\xbf/\xf6\xc9\xc6\xb9!h\xbf\x83'</t>
  </si>
  <si>
    <t>b'\x1f\x91\xbf\xbd\xe0\x13\xdf)\xfa`\xc8\x12\xb8a\x1a\xa3]\x0e\xf0]\xdd\x10\xe9\xf6\xf7\xc0\x05\xadi\xb1\x8d;'</t>
  </si>
  <si>
    <t>b'c\xaa\x15\x1c\x9e`S):\xecc\xcfy\xaa\xf0\xbdE\x9bG\x84\xf1\xbcO\xbd\x1a\xfd\r\x9f\xe8\x02\xb2\xd1'</t>
  </si>
  <si>
    <t>b'\xd3P@\xe2j\x81\x11\x0f1ik(\x8b_\x92\x1es\x9d\xf1\xbb{=4\xd7\xcdi\x96\xcc5\xbf\x06W'</t>
  </si>
  <si>
    <t>561xx</t>
  </si>
  <si>
    <t>b'\xaf\x8d\x89\xba\x8b\x7f?-\x84/\xce\x8d\x9e-\x98/\x9e\x9f\x99sx\xfc\x9f/e-\x1c+Aq` '</t>
  </si>
  <si>
    <t>b'\x03\t\xc3\x1b\xa6\xecj\x01Rt\x13\xd6\x8f\xd4\xe7\x15\xff.b\xd8\xd5\x82\x95\xba&amp;:\x07\x84Mr1~'</t>
  </si>
  <si>
    <t>b'\xd5ZA]\x8a0\xe7\xbe\xc4\x10\xac9\xca\x11q\x0c\xc3\x0b\x94q\x081\x17\xe4L4\xda\x07\x87\xb3\x18I'</t>
  </si>
  <si>
    <t>b"\x08w\xd4Z\x06\xc1\xf8j'X\xb9\x85`\x8f\x98z\xfcm\x86Y\xb6\xb3}\x15\xcc\xe8\x98\xcf#\xae\xb9#"</t>
  </si>
  <si>
    <t>b'M\x9cX\x93\xe7\xc6\xfe\xf5\x9d.4O\xd3\x92\xea\x7f\xcf\x08fX0\x93\xa7\x03\xde\xabQ\xfaIw\x99j'</t>
  </si>
  <si>
    <t>b'W\xaa\xac\xaf\x05\x91\x12\x89\xe5\x96U~\x04Sr-\xdc\x9bX\xb2-\xe9\xe3\x01=\xb3\r\xfb\xc0\xad\x17\x9c'</t>
  </si>
  <si>
    <t>b'L\xf8\xc0\xaa\x0f&gt;8j\xb5\xbf\x02y1r\xbcxS\xd3\x8b\xf01^](\'\xc1"\x9b&lt;g\xdd\x0c'</t>
  </si>
  <si>
    <t>b'\x16\xc8\x1e\\h\xbfH\xa4\xba\x04\xd8!\xa0\x91"\xe4P\xf2c\xbcV(\x00o\xbeRI$\xa5\xd1zR'</t>
  </si>
  <si>
    <t>b'\xbe\xf1I\x07\x88\xfd\x87W\rQ\xbf\x17~\xcea\x7fx\x97\x04\xffg&gt;nP\xee\xads\xc90U\x1a\xf4'</t>
  </si>
  <si>
    <t>b'\xc1\xf30\x90\x11\xdc\xcb\x06\x07\xb3pv#\x14c\t\x9c7\xca\xb3\n\xb9I.\x933h$\xfc\xeb\xe1\xd2'</t>
  </si>
  <si>
    <t>b"\x19\xa1\xd6b\xb59\xe8R&lt;\x9aGy\x02\xb9\xb9c\x83y'\xb8\x07q\xf4\x1b\x9d/e\x9b\x8c6n\x15"</t>
  </si>
  <si>
    <t>b"\xf2\xa7\x12\xe4&gt;\n(\x0f81~\x04\xd6\x8e\xa6!\xc2`;2l\x9bc#\xa6\x15f\xc2\xee\xf0\x0c'"</t>
  </si>
  <si>
    <t>b'\x1b\x83\x87\xf4\xdc\x0b\xd6\xb4W\xc0\x9a\xb6\x92\xe4\x98T\xf3\x8d\x17f\xcbi\x00A\x066AM\xba\xdd\xbe\x98'</t>
  </si>
  <si>
    <t>b'\xda\xe0\xb6\x11\xbf\x8dg\xf3\x89\xc0\xa0\xf0\xf7\xdes\x9b\xfe4!\xf3\xb7\xadB3U\x12\x9f\x9a/\xee\x87f'</t>
  </si>
  <si>
    <t>b'\x84\xab\x1fxuG\x80}\x1e\xf5\x12\xeebT\xde\xbe\xff\x99+i\xe2w(\xfcUDn\x06\x98\xc7u\xab'</t>
  </si>
  <si>
    <t>b'\x02\xac\x16hb\x88J&amp;?\xa4\x87S\x17\x94\x8c\xe46\xba\xa4\x10[\xda*~\x8e\x82O\xdd^\xf3\x8f\x01'</t>
  </si>
  <si>
    <t>b'w\xd1\t\xd7\xf4\x08\xbc\x16"Y\x02\x06\xbd\x13\x08\xc4z\x88\n\xfa|%\x0c\xf6\x8dy\xaaAtY\xe4`'</t>
  </si>
  <si>
    <t>b't\x87\xbc/{\x84\x81(\x95\x92F\xc2T\xca~j\xf3\x81\x9fP\xdb\x08\x98\xd3\xb9c\x18f\xb7(\xb3\x9b'</t>
  </si>
  <si>
    <t>b"\xa6\x94\xfd\xdd\xcc\xa5\xc5\xed5\xc9.\x8c\xd1\xf7\x7f\xac\xf3\xef\x92\x08\xda'u\xbep:2\x8eOOb\xc1"</t>
  </si>
  <si>
    <t>b"\x1e\x1bQ*\x9d\xca\x98\xf6\xe9\xa8\xa6\x1a\x9c\x06\x13l\x93\xfd\x9e\xb0H\xdbs\x12m\xe1\x10'\xbd\t#W"</t>
  </si>
  <si>
    <t>b'\xa4\xf11\xe4"\x05\x19\x05\x0f\xdb\xbdq7\x89L/@\x9c_\xb2\xc3y\x94{A\xce\xe3&gt;oP&amp;\xad'</t>
  </si>
  <si>
    <t>b'\x81\xfb\xb1ur\xb5\xec\x10B;\xf4\xf0=MG\x02M[\xc9\xc7\xe7\x04\xfa\xd1\xacI\xb2 \xaba\x87m'</t>
  </si>
  <si>
    <t>b'`\x8f\xc6(`F\xe3\xd7\x8e,\x1c\x03PYp\xe6J\x01\xea}\xd3xd\x9b U\xad!\xe5&lt;\x8c\x9a'</t>
  </si>
  <si>
    <t>b'0\xdd\x07-;\xe6\xfe\xb3j5\x9a\xf4^\xc2\xfc\x18\xce\xaf\xde\xa1\x96\x1cx\x8c\xe4$ME\xcc\x9e\x93\xb8'</t>
  </si>
  <si>
    <t>b"'\x8c\xc9\xd0l\x91)\x18\xa0J\xa1\x06m&lt;\xdb\xd4\xf7rV\xe1\xea\xb8\xe8\x112;2\xf5\xeb+\xd9\x9e"</t>
  </si>
  <si>
    <t>b'\x15\xc6\xe8\x80\x18\xe0\xa4\xcc*/ \x08\x86\x1c\xdb\xbc\xe4\x06#(\xae\xf6&gt;n\x0b\xde\xea\xeb\xc5~\x0fG'</t>
  </si>
  <si>
    <t>b"\x14\xa0g\x9a3N~\x00&amp;\x0e&lt;\xfaZ\x06Q9\x04_xn\x1f8\x8b\x1d\x82\xe1 '\x81\x1eT\xaa"</t>
  </si>
  <si>
    <t>b'\xf0\x02\xb9\x07d\x06\xfe&gt;\x08\x1c$\xc3\xcd@\n\x85Ez\xd4\xdb\xe4\xd7\xa0d\xa2\xe3\xc9M\xd7p\xdbT'</t>
  </si>
  <si>
    <t>b'\xaf\xffu]\xff\xab\xd9:\xaay7\xb4\xea\xd0\x0e\x1e\x9f\xe1]\xfb%\xdc\xea\x8c\x1e\xbd\xf4\xef\x99\x82\x99,'</t>
  </si>
  <si>
    <t>b'\xf1\xe7C\x9f\x8bn\xcb\xdc\xfe\x13\xcf\xfdg\xf4l\x80YK\xb7\xa2+\x13`s\xba\xae\xef\x8d\xd3\x03Ul'</t>
  </si>
  <si>
    <t>b'\xff\x90\xd5\xac\xf0\xee.2\x0fZ\xdeX^\xebd\xe4\x9fGG\xda\xfd\xb2\n\x13W\x8e1\xbbO\r\x17\x8b'</t>
  </si>
  <si>
    <t>b'\x86\x95\x81$\x9a\x90\xde\xf2\xbc\xf4}bU\x82\xbd\xe5X\xfa\xab\x99\xd7Z\x8a\xdd\xa5\xcf\xdc\xcd\xc9\xd5^\xe2'</t>
  </si>
  <si>
    <t>b'\t*M\x04\xd9\n\x1aX\x01\xa6\x05I\xc1\x9e?x\x9bS\x89?\xd8\xe4.RUk\x03\x03\x94\xd9Uc'</t>
  </si>
  <si>
    <t>b'\x87\xc5Y\x89\xf5\xb2\xcb\xdc;b\xd6\t\x80\xaeo\xbe\xf3\xbd#Hd\x04\x02\xfb\xcf&amp;)\x1c&gt;\xd0G&amp;'</t>
  </si>
  <si>
    <t>b'\x15\x1c\xc5\x13\x0c\x85,\xc9(\x9c} \\\xf2h\x0c\xcf\x8aB\x9e\xc87\xbcB\xc8\x07\xa2\x95\x13%W\x18'</t>
  </si>
  <si>
    <t>b'V\xf3\x8d\x9e\x17[\xbb\xa5~z\x99\xc2\xca&amp;0\xd1\xb8\xfd\x1c1~\x93\x10;\xef\xbf\xf6@Ph\xf8\x98'</t>
  </si>
  <si>
    <t>b"\xd0\x85Zz\x9dm2\x90\x10z\x95\xf5\xd1\xe9\x97\x11\x06\x05\xac\x06t\xc2pJ\x07\xd6\x19'\xd7\xe9R\xd8"</t>
  </si>
  <si>
    <t>b'\xda\xef\xdb3\x83.\xd6\xda\x1a\x1b7\xb5p\xefC\x80Vy\xf4\xb2\xf8\x9ehI\xc9\x95\x9a\x86\x9ax\xe2\xfc'</t>
  </si>
  <si>
    <t>b'\xeb\x10e\x97b\x9a\xa6H\xde\xafK\x16\xfd\x03\xfb\xcdL\xf9\x10\xf4W\xba\x07\xa4n\x95\xb3J\x82\x1cT\x95'</t>
  </si>
  <si>
    <t>b'\xea*\xf1m\xa9Z\x99\xf2\xa4l\x0b\x894\xac\xaf\xd66\x7f\xd7\xb4\xbc\xa8\xc5\xb3\x9fq|\xf8\xc8\x88\x05\x88'</t>
  </si>
  <si>
    <t>b"\x1er\x9b\xa1v-\xfa\xef\xf8\x04\x07`\xc6\xda\xb0\x8f\x7fO~\xa8@\nR\xb0'\xc3z\xd7\x89kR\x84"</t>
  </si>
  <si>
    <t>b'1\xfe\xdaY\xbd\xbf\x98\xc9zZ3\xfb\x84d&lt;sz\x9cx\x1d\xe0\x9f\xb34K\x8c\x17 \x7f\x05\xcb='</t>
  </si>
  <si>
    <t>b"8\xa2\xcb\x9eU\xeb\xec+f]\x1dP'\x1c\xbb@\xa4\x04\xc0\x03P\xed\x89\x05\x1b\xbf{\xdb\xfbQP\x1d"</t>
  </si>
  <si>
    <t>b'\x91\xd4s\x04\x86s\x13\xfd\xc1\xa1J\x04\xf8\xd8\xa1\x82\x9cEC\x9f\xca\x13y\x15\x15\x04v-\xf7Z\x0e\x8b'</t>
  </si>
  <si>
    <t>b'B:\xdf\xd2\x1cYL\x90oV\x10s)R&lt;\x16\x8b\x93\xf8\x84\x9d\x99\x88\xdd\xe0\xf9\x17\x82\xb4c\xd0\xa7'</t>
  </si>
  <si>
    <t>b'\x07\xf2\xd8\x95\xdbok1\x82\x9f\xcd\xf1W\x00\xb7\x95v;j\xf5\xe4\xa3\x96(\xe4o\x9e\xe2\xf3\x13&amp;c'</t>
  </si>
  <si>
    <t>b'\x9b\xa2Hm\x07\x19\xad\x14\xa9\x1b\x85\t\x92\xd9\x9bf\xdc\xd9\xeb\x9d\xab\xa5n\xa6\x9d\x14:\x1a#TM\x90'</t>
  </si>
  <si>
    <t>b'#\xfc\xdd\x10\xcb\xd3\xe1W8\xcb\xfc\x19\xd1\x98\xc8\x1dj\x93lop\xa4\x12\xcf\xb8e\xf8?\xfb\xb2\x1b\xcb'</t>
  </si>
  <si>
    <t>b'\x1a\xddbc\xe4L"\x131z5\x83\x99\r\t\\\x812\xcb\xca\xefw\xe4\xdflxU2A\xe1\xf7\xc1'</t>
  </si>
  <si>
    <t>b"\xa7\x1d\x19\x994\xc8&lt;\x07t\x98\xf1\xc9aW- \xaa\xbf\x84\xf3\xbeH\x0f\x91\xa2\x95c-)'\xf3\x1d"</t>
  </si>
  <si>
    <t>b'\xce\xd0\xc7\x7f\xfewP\xaaiA\'\x04\xfe\xfe\xa31\x17\x8d\xea\x17\xf2\x1e8{+\xcb"7\x9b\x83\x9bQ'</t>
  </si>
  <si>
    <t>b'\xae\xc3\xb1O\x05\xe8\xb7Y\xc0\xb3d\xe2\x0f\xb9+=\xb7xy\xac\x00\x9c\xbal\xd4\xeb\xcf\x82\xd7i7\xbc'</t>
  </si>
  <si>
    <t>b'hW\x80\x9c\xd8s\x92\xb5&amp;\xf3\xfc\x1c\xb6\x83\xd5\xdc\x02\x04J\x19\xb5\xe0\x94\x15S\xb2&lt;\xb1\xce8 \xf4'</t>
  </si>
  <si>
    <t>b',\x85\xb4\xe3{vR\xc1[\x19\xde\xe9\xf1\x04\x0b|\xb3\xab\xa2\xc5wh\xfd^\x1c[\xad\xcb\xf5 \x87\xb8'</t>
  </si>
  <si>
    <t>b'\x03\x98JIr\x17\x16%\x83\xcc\x93\xd5\xf5\xfd\xa0)\xc7\xd6\xd0\xb6\xda\x16\x83"fV|Q"\xf7\x86\x89'</t>
  </si>
  <si>
    <t>b'4\xcb\x10\xb4\xdd\xc0\x08\xbd\x9b\x8c\xdfX$\xd1\x08N\xcc\xde!/\xf9\xf3\xa4&lt;\xe0(L\xdd\xa2a\xf2i'</t>
  </si>
  <si>
    <t>b'\xd8T\xe0\xbc\xee9\x03d\xf9\xc4\xa5\x83\x1b\x02\xe38\x8c\xb1\x19\x95\x7f\xa6\xd2\xaf6\x0e\xc6&amp;\xca%\xeb\xf7'</t>
  </si>
  <si>
    <t>b'\xddW\xd7:\xb7\xd5\xa5\xcf\xae\xfc/\xe1\xd0\x17\xa8\x8f@P\x00`\xc1\x03\xe01W"\x0f\xce\xfbK\x8b\xbd'</t>
  </si>
  <si>
    <t>b'2\xb2&gt;b\x91:\xc5fcL\xe9E\x82-\x1d\xb2\x8f\xfc*\xd3"c\xeaP\x01\xfb\xa6\x16\xeaSUZ'</t>
  </si>
  <si>
    <t>b'9N\xaf\xc5K\x96]\xe9\x138\x06\x95\xa8\xd4\x88J\x89\x8a\xf6Z/\xc4\xc2\xbf\x9cB\xfbs\xfa\xbc\xf9\x92'</t>
  </si>
  <si>
    <t>b'~p\xafa4\x0bX1\xe1j\xb8\xb3J\x85}\xf5I`\xd2\t\xf1@\xc3y;U\xb9\xb7\x0b\x86\xefj'</t>
  </si>
  <si>
    <t>b'\xc3i!|\xbf\xaeM\xe0\x81\x9d\x06\x17\xea\xcbi\xcd\x17`\xce\xe0-\xfa\xe8`\xbb\x1d\xe6\xc9\xd8\x89\x9a\x07'</t>
  </si>
  <si>
    <t>b'\xe2}\xa01#{\x19\xf2\xdc\x1a\xfd}E\xbe&amp;\x16Mq4 \x06\xe3,\x8b\x94\xc1\xd9;?~\x1dT'</t>
  </si>
  <si>
    <t>b'\xca\xc0\xd6$\x89\xb0\xacP\xa2\x9f\x80\x00\xce}\xd8g\x8eo\xf2\x9e\xd2\x8a\xae!\xa0+\x83\xe2\xdcGh\xc0'</t>
  </si>
  <si>
    <t>b"I#\x1d\x8f\xa1Q-\xde\x91s\xfe^\x9a}\xd4{\xab\x01\xdf\x11\x1bt\xc2A\x10\xe1.\x1a+\xcd\x9d'"</t>
  </si>
  <si>
    <t>b'\x14b\xbe\x1bAT*\xc9,\x0cj3\xe3T\x884~\x1ad0\x8bb\x1a)\xb5\x989\xcc\xf5&gt;\x97\xb6'</t>
  </si>
  <si>
    <t>b'I\xef\xb1\xd1\xe0\x80\x8d\xd5\xd2\n^\x18}\xae\xda2WJ\xd5r\xbarg\x19\x01\xc39yE\xbas#'</t>
  </si>
  <si>
    <t>b'\x06F\x98\xd0\xd0\x80\xc4\x16\xd4\xe2\x8c\xb2\xf2\x86gV@\x14\xa3\xd3~\x1f\xa3\xae|\xcd\xe72f\r(p'</t>
  </si>
  <si>
    <t>b'\xc2\xc4|;\xe6{\x8f[\xc4f\xf8\xff9x\xeb\xf3?\xc5s\xad\xeeE\xda\xdc\x81\t\xb1\xb1\x943\x8fG'</t>
  </si>
  <si>
    <t>b"rf&lt;\xca\xd27\x814]\xf5\x1e'\x83\xd10\x98=\xc4\x0bv\x15\xd8cn\xd4\xdc\xe4\xff\x88\xc9\xef\xe6"</t>
  </si>
  <si>
    <t>b"\xfb\x8ctCL\x1c\x8b\x90\xb4z\x91\x8f\xde%|\x19\x9b\x07\xab\xbd\x05,Se\x8e\x1d\x915'+\x0f "</t>
  </si>
  <si>
    <t>b'\xe5\x11Ij\xacj\xf8\xecJ\xf2/\xecP@\x88\x1eK\xea\xa0*\x0f\x00\xaak\n\xfd\x9c\xb7\x13\xc2\x80B'</t>
  </si>
  <si>
    <t>b'\xd6\\\xbd_\x0fM\xa9\x15\xb8JR\xb2\xf8\xa2r\x8e\x03\x9b\xaf\xc2U\xcf\x91\x15a\xc6{\x1fYR$\xf0'</t>
  </si>
  <si>
    <t>b'\xcf$\x8b\xa6\x1c7\xe7\xd9\x12\xd3\xcbAi3\xca\xd7\xd6\xa0\x85u7\xde\x9b\x8bmY\xc3\x90\x8c\xe0\x1bF'</t>
  </si>
  <si>
    <t>b"\xf8/\xa1}\xb3H\xa7K\xb3\x06\x89\x0b&lt;\x91\xceb0'ZBj&gt;\x10L3\xa2X\xdb:\x99\xe4t"</t>
  </si>
  <si>
    <t>b'\xf0\x10\xb5\xc9\x1c\xe2\x95;\xa2y\x08q{"\xa2CQ\xb0\xfc\x0e;\xd1f\xaa\xe84\x1d\x9c^j\x1b5'</t>
  </si>
  <si>
    <t>b'\xa0\xa4\x9e\xe4\x15\xb6\xe6G`a&gt;-\x88\xff\xe2\xaf\x82\xbc\xe7\x89\xa5\xa6l\x9c\x10\x18\xc1\xe9\xee\xc3\x9e\x8b'</t>
  </si>
  <si>
    <t>b'\xa9)}\x82)\x08\xc39\x01\xea\xd6}\xe2\x1c\xe8\xf9\x12\xc4\x9b\xdf^@&lt;|\xdd\xd9\xbd\xde\xd5\xd6\x83\xcd'</t>
  </si>
  <si>
    <t>b'GvB\x087&lt;\xf6\x7f\xb6\xd5\x85\x97\xe1\xa5\x9e@\xd9_\x93f@\xf2!y5\x9c&gt;HY\xe6\xc4\xb9'</t>
  </si>
  <si>
    <t>b'gA\x9d@wv5\x9c\x9cO\x00\n\xd9M\xaf\x92\x14\xe3\xbat\x98\xbf\xe6$Zo\xe9\xce{\xc1r\xa7'</t>
  </si>
  <si>
    <t>b'\xbd\xdf\x08Rd$*l\xa2\x92g $\xcffW\x00%P\xa2[\xdb\xa6\x13P\xcdx\xb7g8\xdc*'</t>
  </si>
  <si>
    <t>b'VZ\xc0-1\x11y\xf3P\x01\x03G(I~\x1a\xbc[r\x99\xa1\x0f7\t;&lt;6\x03\xf5\x8d\x00\x96'</t>
  </si>
  <si>
    <t>b"'\xc9\x1e\x0c\xb1\xcc'\x8d{\xe3\xe2\x8fv\xa3V\x03\x8b\x13N\xb6c\x9e\xe0\xdfl\x9a6\xe9l\xbd\xe3A"</t>
  </si>
  <si>
    <t>b'\xbeK\x9fry-\x1c\xfc\x81y\xf4o\x1b\xb6\xe5,N\xe3\xcc\x95\xcf\n\xb1*\xfc\xf0fs\xd6S\x10f'</t>
  </si>
  <si>
    <t>b'Rfc\x12\xd3\x89\x17&amp;i\x1a8\x8a\x8f\x85\xfb\x8f\xd5\xf1\xd0\xc8""\xb9\xf6*iq\xd8\xf65\x91\x9a'</t>
  </si>
  <si>
    <t>b'\x97\x19J\x17r&gt;\xfc\x84\x91\xfe~\x11*x7\x13\x99\xc6\xccI\xfa\x1ca\x87\x99O\xb7\xe46\x02\xb8\xbf'</t>
  </si>
  <si>
    <t>b'Q\xb43\xbfK-tuI\xdaR\xc3\x17I\x9b5\x07\\\xca5\xb0\xa8\x18fj\xbdA\x06\x8d\x04\xdf\xd6'</t>
  </si>
  <si>
    <t>b"E\x02\xc7\x8dM}\x02\x9fU\x83\\&gt;o\x8b&lt;\xb9l\xfe'\x95A\xf7\x18`,*_\x15\x82\xecD["</t>
  </si>
  <si>
    <t>b'\xabW{\xa4\'\xe1\x8fPDqb\xdf;\x1c"\xbbHT\xe1\x1dF\x11\xbb\x12\x0c\x84\x00\x9c\x08\xd4\x88\x0e'</t>
  </si>
  <si>
    <t>b'\x93z\xcfc\xd9\x0b\xc3\xc5\xb9\x9a\x95\x83&amp;cAW\xf2\x9ft\xcbJ\x0f\xb0\x98b+\xe8\x93\xb7\xbc\xdd8'</t>
  </si>
  <si>
    <t>b'\xdb\x18W\xacuy\xbe\xdd\n?\x07t8\xba8\xa7\xee\x125\xfd\xd6\x1b\xbf\xe0zK\x8eu{\x86%\x95'</t>
  </si>
  <si>
    <t>b'\xac\x19KtK\xc8\x14\x81\x9d\xcb\x91&amp;\x10\xc3\xbc}T\xff\xd9\xda\xa3hS\xd1\x91\xb1\xb8\x91I\xe4Zy'</t>
  </si>
  <si>
    <t>b'\xc4\xc9\xa1"U\xc7t\xd3\xc2}\x12e~f&gt;\xf5\x06\x8a\xfa!\xba\xab\xdaa\nY\xf3\x16C$\xe8F'</t>
  </si>
  <si>
    <t>b'Z[YV\x9d{1\x02d\x8c\r\xd8\xb8M9\x8a3\xb0\x13$v\xe2\xe09\xc4\x8e\x90\x9d\xac:\xfa\xd2'</t>
  </si>
  <si>
    <t>b'\x1b\xe16\x14\xa4l\xfd\x81\x03\xdc\xc2\xc8&amp;z\x0f\xfcQ\x91\xa2,AY\x17\x80\xeaQ\r\x9c\xdc\xe3\x0b\xdf'</t>
  </si>
  <si>
    <t>b'WW\xb9+\x81\xad\xa1\x0fG\xd3$\x7fN\x9c\xaf\xe9|\xd5\x82\xc7A\xb3\xf4w\x95)m\x0446V\xdf'</t>
  </si>
  <si>
    <t>b"2}L\x84\xa9\xf1\xc7fP\xe9\x98\xfc\x8b\x89\xc1\x1d\xd6\x94\xf6'\xaa\xcb\x19n\xadX\xcd\xa0\xa3\xaa}\xe8"</t>
  </si>
  <si>
    <t>b'\xb8\x86\xacF\xea\xd6K\x80\x1aP\xc5\x91\xf4p{\xc6\xf2\xbf\xc8d\x00\xd2~uD\xa50\xea\x9d\x00\x07b'</t>
  </si>
  <si>
    <t>b'\n\xa1\x02\xc7\xe1i\xf7\x04E\xb6_+\xab\xd7co7\x1b*\xbbG\xb8)\xc0D\xf3\xece\xd3qIq'</t>
  </si>
  <si>
    <t>b'\xd1Z\xbc\xde \xdd!$ \x88\xb4Tc\xcf\xe4\xd9\x9d`A\x81/\xd42O\x14\x0fMC\xad\x05\xbf\x91'</t>
  </si>
  <si>
    <t>b'\xd3\x85u\x1b\x86\xe4\x16\x143\x1bu\x8dQ\xb8w\x8f\xbd\xaf\xd0\xc8\xad\xcf\xba=\xe7I\x10"\xad\x83\x8b\x1c'</t>
  </si>
  <si>
    <t>b'\xb3\xd6\xa2\xca\xfcAt\xe20\xd5k\xfe^\xe9d\x00CZ\xb2r8\xb5\x1b\x12\xab\x8c\\\xbd\x0c\x17\x8e\x9f'</t>
  </si>
  <si>
    <t>b'\xebX\x80UD\xf9\xa4e1\xc2\xbbf\xaf\xa2C,\xf4P\xc0\xb4\xa8\x12&gt;\x0czD\x82 \x0e\x8e\xf4\t'</t>
  </si>
  <si>
    <t>b'\xde\xf1\xd5\x07\xb9\x0c\x10\xf8.\xe5\x96c\x96]\xda\x0bB9\x17\x10{\x9d\xa9\xc6\x03\xb6\xa5U9J\xfe\xd4'</t>
  </si>
  <si>
    <t>b'\xb9\x012p8}R\xc0N\xc2\xa6\xb78\x88c\xa0{\x0e\xbe\xc8\xd1e-\xb3e\n\xfa3\xa2\xb0\xfa\xf5'</t>
  </si>
  <si>
    <t>b'AG\xaa\xd9t\x11\xbet50\xcct\x84\x1a\xd8\xa7B\xfaD\x0e\xca\xb3D\x1d\x16i\n\x82\x87H#}'</t>
  </si>
  <si>
    <t>b"\x96a\xbf\xa7y\x8a'd\xb6Y\xde\xdd\xc8Dw*\r[&amp;J\xa8\xb3\x19\x16e\xb2\xec\x12$\xe6\xca\x84"</t>
  </si>
  <si>
    <t>b'\x08O\x9c}\xb9\xcf\x08(\xc37s"\'c\x9e\xf3\x16\xd2s\\\n\xc7\x03\xbd\xfa"\x90 E\x03\xb7\x08'</t>
  </si>
  <si>
    <t>b'\xe7d\xcf\xfe\xf2\xd0\xdc\xfd\xef\xe2\xbc\x84(B\xce\xf7l\xdf\xfe\x19\x0b\xc6\xf0\xce;\x9c\xf1\xbb\xdbL\xf3t'</t>
  </si>
  <si>
    <t>b'\x86\xeb\xcc\x92\xdc\x86\x80O\x1fC0l\xdf\xb5\xcb\xa8O:\x04\xf1\xfc-\x1c\xb8N\xef/\x15+\x9a?h'</t>
  </si>
  <si>
    <t>b'Vg\x12\xde\x95\tQ\xdcV\xc1\x11)\xe9\xc7\xe2\xd7(h[)\xbb\xe5~\x8d\xfb\r\xc5Qq\x9b(U'</t>
  </si>
  <si>
    <t>b'-\xab\xe1Pl\xe4-\x13L&amp;p^ph\x14\x82\xdb\xe61^p2(\xbcx}\x82\xd3\xa7\nG5'</t>
  </si>
  <si>
    <t>b'-;F6k\x03R\x10\xee\x90~%x;\xbaq\xa5\x8d\xfdC\xf7\xfdS\xe0V\xfd\xde\xe9\xb0\xf5\x02\x8c'</t>
  </si>
  <si>
    <t>b'%\xac\xdc\x08^P\xa3e\xe3x+$\x10\x8d\xee\x15u^\xea\xb2\xf8JJcQ\xf3\xef\x023\xf1\x0b:'</t>
  </si>
  <si>
    <t>b'\xab\xac_\x8c\x8c\x01?\xed3\xb5\x10\x87\xb2\x10\\P\xfc-\x98\x8fx\xc4ty\xfeX q\xabY\xa9\xcc'</t>
  </si>
  <si>
    <t>b"\x0f\xc8d\xe1\xf5\x0eU@\xd5\xa9\x9c\xa4\x02\xb7\xd9'\xf5\x85\t\xc6p\xaf*_\x89\xe6\x05\x86\x14\x16*\xea"</t>
  </si>
  <si>
    <t>b'=Z\xf2\x94\xf6\r\t+\x0f\x0e\x92\xc1Wr\xf5\xd37x{2\xedC\x08\x11n\x17\x17\xf5\xaff\xf7\x91'</t>
  </si>
  <si>
    <t>b'\x1fsrE\xec\x0e\x068:io&lt;\x00\xc2\xbco\x7f,\xac"\xef\x07Dv\xc2\xc1@mu;\x13\xcc'</t>
  </si>
  <si>
    <t>b"&lt;\xe0v\xb7\x97\xc9\x01\xd6t\xe5\x87\xc8\x9d\xd1;K\xd7[\xbe\xca\xe2\xb7\x0b\x1c\xc1\x85\x16O'\xf0\x9e4"</t>
  </si>
  <si>
    <t>b'\xea\x9ez9$\xf8\xa8&lt;\xaf\xfb5\x8d\xd4\xad\xf4\r\x04\xb4)=\xbe4o\xc3\xe5\\\xe5}\xdc\x0f\x07Z'</t>
  </si>
  <si>
    <t>b'\x02\\\xd7\xfc\xf7\xccB\x9e?T\xc8\xb4&amp;\x91\xa1\x08\xa0\x9bM\x95\xd6 $Zw\x0b\x9fuRfZr'</t>
  </si>
  <si>
    <t>b'\x19\x9f\xc9\x0cN\x11\xbf\xa4W6}\xb6\xd3,y!\x00\xfb\xe5\xe9\t\xd5\x1c\xd7nu{g\x1d\xad\xda\x12'</t>
  </si>
  <si>
    <t>b'\xaf\xe73\xc91\x1a^a\x1a\xdc#WI\x16\xc1\xa7n\xe8\xe7\xd9\x8a\x11@\x94\x16S\xfa\rhN\x1a\xe4'</t>
  </si>
  <si>
    <t>b"\xe8\xcc\x0b\x89\x80S'A\xacO\xcf\x03\xfb\x08\\y,\xec\\]\xeb\xec\xc4&gt;\xa6H\xbcKY\xc8\x08\xa4"</t>
  </si>
  <si>
    <t>b'\xaf\x0c\xb4l\xbbL\xddV6\x0b\xc2\x8b\xd3\xa8W\x86\xc4:\x8a\xd8\xa4\x85\x99Q\xe0\x8au\xc3\xad6\x1d\xa9'</t>
  </si>
  <si>
    <t>b'8\xff\x19\x05\x12\xe7M \xe0\xf6\xcb\xef7\x07\xe2k\x87d\xba\xd4\xbaoB\x97\x83C\xc4Rc\xa6\xf2\xe0'</t>
  </si>
  <si>
    <t>b'\x1d\x95\x03\xc2\x9e\xc3\x80d\xd131\x97\xf8\xe0^\xa5\xcb\x96k"AY|\x88\xae\xe0\x11\xd8\x8f\x1ed\xdb'</t>
  </si>
  <si>
    <t>b'S\xd3\xd1\xe7\x91\x89O\x81"\xf1\xf5\x07ENYI\x96\xc2N:\xb4\xe8w\x12\xe5\xffy\x89\x96\xdf\x1c\xbd'</t>
  </si>
  <si>
    <t>b"\xa3V,7Q\\^W+\x91\\9p\x88\xd7'\x91\xd9U1x3\xba\x88\x9d\xd2\x14\x19\x84\xc9G\xd4"</t>
  </si>
  <si>
    <t>b'\x7f\x08\xb8|\x92*\x18L\x0b|\x96\x8d\xdc\xb3)\xaa\x15\xf8\x83?\xe3\xbc&gt;\xeb\x08\xb5R\xac\x0c\xaa\ty'</t>
  </si>
  <si>
    <t>b'\x8bX8\xfc\xd9O\xbd\xed\x0c\xc8\xc4\x8f\xa7N\x00\xc0r,\xd3\x1c\xba&lt;\nmGz\xef\xd4\x06\x8eN+'</t>
  </si>
  <si>
    <t>b'\xe0\xf4\xba\xe6\xc3\x1b\x99TW\x03\xb2ov\xcbT^R\n\xa74\x05p\x11\xaf1\xc4\xc8]Ac\x16P'</t>
  </si>
  <si>
    <t>b'W\x1f\xd1;W\xff\xff#\xebs\xa5\x17l&amp;:\x84\x1d\xd3\xda\xdc\xf7\x83\x17[^\x15\x87W\xc2sw\xc8'</t>
  </si>
  <si>
    <t>b'\xb8d\x87=\x92\xe6\x15L\x02\xed\xa1\xdbeq\xfe\xde\x93\x01MZr\x8d\x10JUId\x0e\xcc!\xa6\xe3'</t>
  </si>
  <si>
    <t>b'O\xf4\x1f\xa2D*\xcc\xc7-Q%\x12\xec\xb2\x90\x07\xc2\xeb-\x1bh\x1e\xb2\xb0r~\xee\xe4a#\xf5\x81'</t>
  </si>
  <si>
    <t>b'egV\x14}\x9ch\x9e\x95\x1as\x89\x7f\xbe\x13]\xe6\t\xf6\xf6zd\xceA\xb6@\x1c\x03&amp;\xf7\xde\xe5'</t>
  </si>
  <si>
    <t>b't|\x05\x90\x9d3\xf4&gt;Fzz\x1fq\xaf\x82F\x115\xa6xF\x85\xf0++\xd7\xf6yL\xc2\xdav'</t>
  </si>
  <si>
    <t>b'Rk&gt;n\xb2S]\xe8\xf6\x98|\xd7\x8a8\x9a\r\xc0\x9fc\x1e\xe3r9\xaf\xc8Z%\x15\x06\xbc$!'</t>
  </si>
  <si>
    <t>b'\x89g7\x14LX0#_)\x05].`\x07\x00N\x9fh\xd0&lt;\xa3\x92\x91\x98\xa2\xa9\xdc7\xfc\x1b\x99'</t>
  </si>
  <si>
    <t>b'\x03F\x9e\xf2E\xecH\x8b\xfd\xe2\x9d\xc61\xaf\xab\x91\xaa\x16\xea\xef\xc9sO\x7f\xd3\x12\xfbX\xc0D4\xc3'</t>
  </si>
  <si>
    <t>b',\x0b\xc3\x07H\xd8\xa4`#\x15\xc09\xf7\xfa6P\xbdB\x86\x970.x}\x1c\xcfiu\x16Z\x06@'</t>
  </si>
  <si>
    <t>b"\xc8\x9c\xfd\x03\xf3(\xba\x99\xee\x90+\xca/\x86\tZ\xa8'*\x08+\xccv\x11\x80\x05\x83X\xbc\x08\xa3\xad"</t>
  </si>
  <si>
    <t>b'\xcaj\x19N\x04}(X\xd7\xc1\xf9dT\xd4\xbf\xac\x95\xfdL[%\xdfXI ^\x05\xc3L\x96\xd41'</t>
  </si>
  <si>
    <t>b"\x1a\xaa`\xfc\x07\xe3\xe1h\xd7R\x00\x1f\xa1z\xd9\xdbi'\x8e\xfa~\x08\x1c\xa7gVT\xb6\x84\x11\xc7\x17"</t>
  </si>
  <si>
    <t>b'\x02+\x9f\xe4\xcc#\xbe\x84j\xaf\xc7\xe5\xda\xec\xd2*Y_\xb0\x08\xc1\xed\x88\x8a=\x94\x188\xaei\xb5R'</t>
  </si>
  <si>
    <t>b'\xf4\x9a\xb88jN\xf7\xf0\xbe\x00\x1d\xf4\x81{(\x1c`5\xa7\xd0\xaf\xfe\xad\xcaa|{\x9a%8\x06\xc8'</t>
  </si>
  <si>
    <t>b'\xdfS\xd5r_\x93]M]\xbc\xee5\x1c\x8cdP\xc4cM\xe4\xc3\x97\t\xd9\x01w\xb9G,2\xe8S'</t>
  </si>
  <si>
    <t>b'O\x91\n\x07\xcf\x02\x12"\xac\x00\x19k\xd8\x1c\xfd\x90\x822\xed%;h\x14\xc4=;sz\xad\xd9\xc5\x9e'</t>
  </si>
  <si>
    <t>b'\xe2\xb6\xb5\xf1\x9f\xa7\xe1\x93\x92Sw\xbf?\xe9\xf7[\x00\xc2\xde\x8cG\t\xcak\xa4m5\\wns}'</t>
  </si>
  <si>
    <t>b'\xc0d\x03\xecM\xa8]h\x9a\xc0\x05|\xf3\xab\xd38\xfc\x8eX$H\x9c\xa8\x1b\x91\x06\x0c\x1eG"\xb9\x80'</t>
  </si>
  <si>
    <t>b'K\xa1\xc7K\xd3\x86\x0b\xe5\x1b\xe0t`\x98\xb3\x99m7\x168;\x18\xab#\xb0\x7f\xde\x8f\x83\x10\xa1\xd3\xc0'</t>
  </si>
  <si>
    <t>b'\xbc\x80+\xd1\xbe\xa7%\xa5\x9d}\xc6\xcb2\xcc\x83\t57\xeb[h\x12#\xd0\xcf]yWR@\xcbw'</t>
  </si>
  <si>
    <t>b'\t\x92\x0b(\xa0\x0b\xaa6\x19\xba\xc8\x88\x1fI}\x9c\x8c\xe05]M\x15q\xf9\x17\x92&lt;\xbb\x02AM/'</t>
  </si>
  <si>
    <t>b'\x1c\xf0\xe9\xa2\xbeo\xff\xd4\xbc\xa2\x895\x9f\xda\x10\xa1\xb4+\xa8\xe6hZ\xa32q-\t\xa0\xbc$\xc8\xe2'</t>
  </si>
  <si>
    <t>b'\xbf\xfey\x05\xee\x89\xe2\xaa\x0eu\xce+\x91|0\xb8\xcf\x0b\x8fI\xad\xd6\x84\x9b,\x00\xdf\xaeg,\x81h'</t>
  </si>
  <si>
    <t>b'\xc7{\xa7WX|\t\n\x86\x9bz\x81\xe4\xe4aB\x97t\xf6\xdb\xef\xf3\xc2\xdd\xado#\xfa\xcdw\xd0\xd0'</t>
  </si>
  <si>
    <t>b"@[\x14O\x81\xb0\x15b\xa1\xf4\xd9#;\xb8\xd0\xf5\xd4\xaf\xf68\xe7+\xe0&gt;\x0eM\xdf\x8c'u\xa1r"</t>
  </si>
  <si>
    <t>b'\xfa^\x06X\xf5\x8c\xcc\x95\xfd]%\x01&amp;~\xa7I\x8f\n\x98\x1d\xfdE\x8a\xc7J\xf4C\x8b\xd0\xfb\xdb\xf2'</t>
  </si>
  <si>
    <t>b'\xabm2:\xc4\x12\xdaNz1\x9d\xdfSt:I&lt;z\x030\xf8\x9d\xeb;\xabe\xae\x89\x92Z&lt;\xd6'</t>
  </si>
  <si>
    <t>b'@\xe2\x8d\xce\xc8:a\xabR\x94P\xc0\xf4\xed\x03\xc0P\xfa\xdd&amp;\xaf\xcd\x96m\xa695\x07\x9d&amp;\x14\xa8'</t>
  </si>
  <si>
    <t>b'\x87l5\xd1K\x05\xc3\xb1\n=d\xa0\x8c\x0b\x9b\x9e\xe7\xafU\xba[8\xc8\x9b\x9f\x9f\x8c\xa3,4\x96#'</t>
  </si>
  <si>
    <t>b'\xa2\xce\x91D0%\xa8TV-\xa5\xdb\xa2\xfehRj\xaa\xf73\x12\xa8)\xf48\t\xdb"\xfc\xd5\xe3\x1e'</t>
  </si>
  <si>
    <t>b'\xcdk\xdcM]\xa7\x9e\xe9\n\x88\xfcPM86\xcc7\xbb\xbd\xce- Ol\x1a\xaf\xc6\xcc\xd4\x0f\x7f\x08'</t>
  </si>
  <si>
    <t>b'\x1c\xe5\x9a\r\x84\xf4&amp;\xa32~YN\xa0\x1e,0c\xa3h\xca\xf3%\x8aL\x95\x94\xe7\x05\xec\x06\x18B'</t>
  </si>
  <si>
    <t>b'95\xbe\x8b\xe0\x88\xbeF\x95-\xc5%\xc5&amp;b\xf2/\xbfa\xe0G\xa8\xad\xe2\xfc\xd1OaH\xa5;.'</t>
  </si>
  <si>
    <t>b'f\xb61_A\x91\xdb\x89\x98&lt;\x95\xfdO\xce\x9ep\x04d\x96\x89XT\xe6@&gt;\xad\xb3Q\x04\xb5\xa2\xd7'</t>
  </si>
  <si>
    <t>b'~\\\xe1\xa9\xbbfsz)\xdf&amp;\xcf\xb7W\xfc:UX\x80\xd3\xa3\x86+$\xc8\x9f\xf4\x95\xf0.\xd5\xb9'</t>
  </si>
  <si>
    <t>b"\xe5\xca\x8d'\xcc\x8a\xb9\xaa3\xbfAv\\2\xa5q\x1b?\xc6\xf6\xe4#\xd2\xe8\x1a\xfa\x12\x88\xb1\x84)\x84"</t>
  </si>
  <si>
    <t>b'\xc6&lt;`\xb8\xd3\x037t\xa2c\x85\xfe\xdc\xa9\xd3\x81\xfa\x88\xd9`\xc9\x81s\x02\xb7\xdc\x86\x82\xa4\xb5?\xe0'</t>
  </si>
  <si>
    <t>b'#\x05A&lt;w\xdbeH}j\x80\xddQ\x84\x98\x1e\xb6\x85^\xb1}\xbfN9\xb5\xf2\xa2\xcb\xcb\xa5\x9b\xc9'</t>
  </si>
  <si>
    <t>b'\xc6/t\x0e\xcfo\xd9\xc1w\xb9+K\xb95\xe1\xc6\xf9G\xfc4]\x182\xc3\x9b\x82[\x96\xb8O\xa9\xb7'</t>
  </si>
  <si>
    <t>b'\xa6\xf8\xc3\xa4\x94\xf5\x0f\xf7T\xc6*\xa6\xa3\x85\xf7\x06Ze&gt;\x89\xdc\xfeD\xe0/M\xe1\xc4\xe2\xe7h\x08'</t>
  </si>
  <si>
    <t>b'\xae\x83\xec\x02\x13\x10k\xa6\xe5\xcf\x19d\xc4\x96\xb1Bz\x87Y&lt;\xf4\xb0\xab\x16\x18@\xcc\xcd\xab\xf1\x15\xee'</t>
  </si>
  <si>
    <t>b"\\\xd4\xb5\xb2 \x0f$k\xf99kL\x8c'\xc7\x1c\x1b\x010O\xd7\xda\x01\xb5\t\xe6\x89\x04\x0c\x88\x15N"</t>
  </si>
  <si>
    <t>b'\x05bo\xd1\xb4\x98\xea\xddn\xd0\x9e\xd2\x8f\xde\xd0m\xdd\xcct\xd1T\xdf;\xaehW\xa8\x15\x92(\x8f\xe1'</t>
  </si>
  <si>
    <t>b'1iJ\xd1\x9e\x84\x01\x11\xbf\x94\xc7s\x9f\x80\xee\xb7,\xef\xb9\x1e\xbchq\xc1\xa2\x11\xc5Qp\xb0D}'</t>
  </si>
  <si>
    <t>b'\xd9)_d\xf6\xf0\x92,^\x88\x1a\xd6\xc6\x0b\xee\x02\xb8\xbc\xedMn\x1d\xa5Z\xcco\xaaX\x1ad\xde\x7f'</t>
  </si>
  <si>
    <t>b'R\xbbD\xb1S\xde\xd8a`\xe7\x8d34\x96\x8a\xea?\x10A*\x03f\xd6w`R\x17\xcd\xcd\x80}\x17'</t>
  </si>
  <si>
    <t>b'\r\xd3\x9e\x9fq\xcfYSU\x0b\x05\xa9\xd3\xd5$mx\x1a\x19w;`\xea\xdf\xf4T\xf4\xbd\t\r)q'</t>
  </si>
  <si>
    <t>b'\n\xdf\xbe\xea\x1c\xf0d\xcd\xed/\xf6\x93~\x9f\xc9\x1a\xc5\x85\x82\x92!\x1c\x14\x91\xb9Pg\xd7.E\xd4/'</t>
  </si>
  <si>
    <t>b'\x01\x8e\xa5\xfd\x03\x7f\xa7\xa2\x98G\x01\xd8\xaf/\xb0\x905\x03\x00\x17\xe4\xa6\xc4\xd8\xad\x1a\xb8\xb0;RpL'</t>
  </si>
  <si>
    <t>b'\x86\x18\xe8%\x94Hl\xbc9\x95\xc0`\x1eTn\xd1\xb2~f\xfb\x9d\xf6_l\x14\xcf\xfa1t\xd6\xee\x01'</t>
  </si>
  <si>
    <t>b'\xde}\xb5J\x18\xdaC\xbeg-d\x95q\xc5\x03_\x8fj\x05\xd1\xc3c\x87\xf5\x1e\xf6-T=\x99\xfa\x15'</t>
  </si>
  <si>
    <t>b'\xf3\x89\xc7\xfb\\\xd9\xa4\t\xad\x0e\xc47\x12\xfd\x8f\xe4\xfc\x01\x18\x1c\xb6\x0ek\xd0~6q\xf4\xbe\xcf\xb2l'</t>
  </si>
  <si>
    <t>b'\x06\x9c\xfa_-\xcc\xb9\x00\xd4\xf8%\x80e4\xc8\x10:9\xb3,Z\xc6\xde\xc0!te\x88&amp;i\x95V'</t>
  </si>
  <si>
    <t>b'\xc0\xf8\xe7\x99\xd1\x0b(b\xd6\x7f\xf3u\xd6\xe8,\x16\x9f\x15\x05*d\xc9\xabCb`\xfc]w\xbb\x06?'</t>
  </si>
  <si>
    <t>b'\xa8)\xef\xe9\xa1l\x05\x9c,#\xc2\x12\x9bQ" W})\x05:\x83\xbb=h\x99\x8di\x11\xf2P\\'</t>
  </si>
  <si>
    <t>b'\xd4\xc2\x84\x10Q\xcc\xf2{\x9dd\x84su9)\xb2\x18T}\x1fU\xd6A\xb3c"\xf2r:\xc7\x0b\x80'</t>
  </si>
  <si>
    <t>b'Mp\x89\xf4\xb1\xb7p\x1d\xfd[\xe2\xfd\x82N\xe2Q\xa9O\x0f\xc6z\xe3-9\xdd\xcb\x0fdP\xf3\x9d`'</t>
  </si>
  <si>
    <t>b'\xd7^{\xc68o0\xb8W"u\xeb\xffq\xfbY\x80\x1b\x94\xf8*2\x9a\x98\xb3,\xdf: ]\xac\x94'</t>
  </si>
  <si>
    <t>b'\x17\xff\xd6t_\x03PYg\xef\x18\xfb\xfdx\x8d\x13\xc6\xf5\xf1;@\x93\x19i\xee\xa5\x97\\s\x9d\xc8\xd0'</t>
  </si>
  <si>
    <t>b'\x1d\xb1\x01\x0b\xc9\x01\x00\x92\xbe\x06\xa8\xc4\x02\xac\xb6\xe3\xc83\xb9\xe5\xd3h(\xa8\xfd\x852\x91b\xd48n'</t>
  </si>
  <si>
    <t>b'd\x04\xb3\xe1\x0c\xe8q\xb0\x00\x9b8\xae4\xbf\xb1&lt;\xef\xab\xb1S\xd9c\x92S\x1b\xe4MsG\x08?\xf2'</t>
  </si>
  <si>
    <t>b"\xc9{\x9a'!#\x88\x8d\n]M*\x7f\xbd\xd3.\xb04'\x96\x1e\x89f\xbf=\xaa\xab\xccV\xa1\xcc\xbf"</t>
  </si>
  <si>
    <t>b'*\x07@\x7f\xeb\n\x9f\x82Z\x90K^\x8d\x07\x86\xbe\xc4\x1ap\x08\xe4f5\x867\xbbD\xdb2\xd1\x17\xa0'</t>
  </si>
  <si>
    <t>b"\xc9($o\x90\xd2\xf7\x02\xb0\x07Z+\xa0\x00\xd4\t]\x0b\x0c\xb6`^'\x9e=\xae\xa0\xd13?\xce\xe5"</t>
  </si>
  <si>
    <t>b'~?\x96nu&amp;hL5q\xc6\x02\xb8~r\x18\xbc"[\x1a.\xf6\xb76(s`\x10\x7f\x99\xaf&lt;'</t>
  </si>
  <si>
    <t>b'H\x05\xf9\xe9\t\x15\x7f0n\x0f\x85\x81&gt;\x0b\xff.&amp;G\xb9 (\xde\x01V\x1f\xcc7\x11n\xaa\xf5\xff'</t>
  </si>
  <si>
    <t>b"\x85\r\xdd\xcf\x96\x8en\x86\xb4R\x1c\xce\xb8\xbe\x02\xbe\x89\xc13'\xec\xa7\xac\xf21\xcbbT\x80'\xd5`"</t>
  </si>
  <si>
    <t>b'\xcd\xe9\x0e&amp;\xe4!\x98\xac\xc3\x98l\xb69\xa6\x18j\xf5RO~ei\x1f\x12LV\xac\xd9\\M\x8bF'</t>
  </si>
  <si>
    <t>b"\xdf@\xe5'\x0c\x0c\xf0\xc1\xbd?\xf7N\xbd2\x1a\xd8h\xeb@U\x9fO\xcf\xfc\xeeE\xd0\x08x\x10\x1b\xc2"</t>
  </si>
  <si>
    <t>b"\x10\xe0\xdc'*/\xdc\x91V},\xa6\x8dq\xa4?\x87#\x82\x08\xed\x1b\x98W\x98\x1b\x04\xe7\xfd\x1c\xc0)"</t>
  </si>
  <si>
    <t>b'\xb7,\xe9}\xa1@?MD^\xeb\xe8\x0c\n\xc1\xb5{k\xed8k\xc7n\xb2\x88j\xfdO\xc0\xad\x82\xfe'</t>
  </si>
  <si>
    <t>b'Z}\xf6\xb2\xe7\xed\x96\x12\x87\xe8l\x9d\xb1l1\xd1\xfc\x05\xddP\x8c(\x93@\x13f\x91\x80r\x18C\x04'</t>
  </si>
  <si>
    <t>b'*\x07\x8f\x17\xd7\xfc\x8e\xd2\xd5\x04\x81\x90\xaaN\x85\xbe\xe0\x88*\xae=\xa2\xbe\x13\xa5\xf8=\x17\x04\xa2\xe0I'</t>
  </si>
  <si>
    <t>b',\xdf\xf1\x81j\xfc3a\x92\xe2\xec\x89\x95\xe3)\x9a\xf0\xc08.\xfe\xb1\x0fc\xbbg\xe4\xa9\x00)\x84&amp;'</t>
  </si>
  <si>
    <t>b'\x9bz&amp;\xa5\xa5=\x8f\xfe\xe44h\xdc\x9dT\x0fS{\xc4;\xb1M\xa9\x05Yiz\x96\x84.\xb6\xd8\xd7'</t>
  </si>
  <si>
    <t>b'|\xbe\xf7\xba\x05\x8d\x9coO0mB\xa9\x8cQ\xe0\x7f\xbd\xa0\xd8\x15\x04/NW\xbaX\xb0\x04\xa53`'</t>
  </si>
  <si>
    <t>b'\xc4\xf7\x94iQFv\x96Da|v\xf6,\x97Has[\xcd\xea\x96? \xe2\xc7\xe7\n\x9d\x92\x04\xbc'</t>
  </si>
  <si>
    <t>b'\xd4\xfa\x0ffk\x99c\xc1\xd1\xa4\x92^T\xfeV\xd6\xd2\xe1\xff\x9e}/\xd0\x89\x9aw\xfa\xdb\xd6ztp'</t>
  </si>
  <si>
    <t>b'\xb8\xdc\xe7&lt;f\xc1\x1d\xf5\xe6`\xee\xf6d\xa7KQ\xbb\xbf\xba\xad\x9c\xfcw\xf3\xc3*,}(\xf4/\x87'</t>
  </si>
  <si>
    <t>b' \xc9\xf8;W\xeemV\xa0,\xe8M\xed!\xc1w\xcds\xb0n\xcde\xa4(X\x9c8\xa9\xdd\xfb\x9e2'</t>
  </si>
  <si>
    <t>b'v\xf6nf\xdb-\x9d\xd5 \xf8\x9c1\xc3\xc9\x1cK2\xe6\xe2\xe6\x00z\x84\x7fW\xf1CI&amp;\xe2;\xa2'</t>
  </si>
  <si>
    <t>b'\xba\x9eRR\x189\x1c\x14\xde}\xa5\xaa\x1cX\x11]\xe5k\xc1Y%\xbe\x87\xf4h\xbb\xe5\r"\x07\x90\xaa'</t>
  </si>
  <si>
    <t>b'\xa1h\xadJ5\xe6\xe6\x04g\xcaR\r;AkH\xcd/\x9f\x1e\x894\xb0F\xd8G\x04\xf8+\x8f\x909'</t>
  </si>
  <si>
    <t>b'\xe6\x14\xad\xec\xe9_;J2S,\x80\xe4\xc4\x8cM\xd3\xdf4\xb2\x86\x86SLr\xfe\x05\x15\xb1Hq\t'</t>
  </si>
  <si>
    <t>b"*q\x02=\xdc!\xd8C#8=A\xd7'\xb0\x10\x00b\x9d=\xcc\xe0\xff\xe5i\xadb\xdc\x8e\xa8\x9f\xd7"</t>
  </si>
  <si>
    <t>b"\xf2\xec\xc7o&amp;L\xa5\xf9\xb4\x84\x8b\xb4\xe1B;\x8f\x85\xef\x97'@\xd2\x85]\xd3\x9b\x17\xe1( \xa5)"</t>
  </si>
  <si>
    <t>b'},\x84Hs\xe5be\xc4gp\xce\x15\x8dfS\xa0,\xc0p\xba\x88\xd5\xd6\xdf\xdaG\xe9MQ\x13\xf5'</t>
  </si>
  <si>
    <t>b'\xccl\x951_\xa2\x1e\xc5\x8f\xdaP\xad\x02\xc5_^\xb4\xc8-\xa1\xf0\xe0\x92\xb0\xf3;@K\xbf\xbb\xed\xe5'</t>
  </si>
  <si>
    <t>b"\x1aL\x85\x12\x17\x9d\xdc|AR\xf8~{DH\xb5\x11\xb3'-f\xdbk?\x9b=B\x17i\x85zU"</t>
  </si>
  <si>
    <t>b's\xe7\xe1\xc6\xed\xe4\x84\x8c|v\rdx\\h\xe5\xff\xa8M\x13\x00\xe3\xdbNB\xe8\xc4mx4\x9a\xef'</t>
  </si>
  <si>
    <t>b'\xc0jK\xefs!X\xecX\x95\xfam\xcb\x1d\xaf\x12\xa1\xd0 \xc7k.\xa0u3\x85\xc0\xfe7\x97p\xac'</t>
  </si>
  <si>
    <t>b'\xe7n\x99[\xbf\xee\x11em\xe8\x83L\xbe\x94\x8b\xb0\xe3\xf2\xa8[AK{\xbf.\xb5&gt;B_\xef\xc92'</t>
  </si>
  <si>
    <t>b'\xd8\xb2*n\x83fc0\x1f\xa7&amp;\xbf\xb2(4\x07+\x12\x96b\xfa0\x9bk\xaf\xdad\x9f\x03\xb3IM'</t>
  </si>
  <si>
    <t>b'\x12\xf0\xd60\x8e\xf0U\xe9\x1ez\x98\x95\xbaP\x0b\x1e\x04\xd7\xe4\xd7\xeaF\x02\xe1\xc21\xeb\x94\xb5\x11k\x9e'</t>
  </si>
  <si>
    <t>b'\xef\x7f\x03}\xf7\\O\x9e\xbc\x10*Ht:\xa8\xc70W\x17\xb4\x9e\x03G\x03A\xf2\xd5u\xb3\xa4L\x0c'</t>
  </si>
  <si>
    <t>b'\xac(\xd9\xf7Fy\xce\xf07\x19F\xd6zI\xb7\xffK\xc1\xe3\xb7\x04/e48\x85\x8e\xc0+\ri\x0e'</t>
  </si>
  <si>
    <t>b"\xcb7\xaa\x14\xdfT&gt;\x1e\xf7\x81'\xe6\x8d\x19\x14\x98\xf5l\x8e\xc3\x9b\xfa'\x04:\xb0\xf1L\x86\x80\x16\x8d"</t>
  </si>
  <si>
    <t>b'2\x7f\xafO\x7f\xe1\\\x19\xdct\x18\x81\xa5\xd3\xc2\xa4\xbeI\xa03\x94\xc0%\\\xf7\x19\x98hO\xd2\x04\x04'</t>
  </si>
  <si>
    <t>b'\xe5"\x16(s\xed\xe4\x1e\xe3\x9f\xfa\xaf\x9d\xda\xcf_\x9cS\x0f\xf4\xa2\t\xc5w\xe0)y\xb6\x8b\xeb]\x9d'</t>
  </si>
  <si>
    <t>b'\xf6\xc8\xcf\xdf9\xe19\xceg\xe4cz!\xceN\xfaf\xd2\xc0\x1f\x8dK\x92\x8cUJ\xfa\x08_\x07\xc5j'</t>
  </si>
  <si>
    <t>b'/4\xf5\x83\x9bL\x9f\xf8\xd3\xf0\x19|\xb6/&gt;\xb2\x1a\x9a\xee\x93\xf5\xac\xa9G\xddDP\x99kK^t'</t>
  </si>
  <si>
    <t>b'\xa35\xf9j\xf3\x86k\n6s\xc8\xa6\x14E+PI)\x96\x7f\xc1\xcb&lt;\x17\xe3g\xdc\xea\xb9\xe1\xd7C'</t>
  </si>
  <si>
    <t>b'\xb1\xa4g\x9f\x88\xe3\xe7r\x02\xbb\xfc\xaeu\xf2Z\xd5\xd0\xc5\xb5\x0b\xe3\xe3\xa7\x98vH\x88\x00|\xa4\x9d\xa3'</t>
  </si>
  <si>
    <t>b'L\xea\xe3\xaf\xfe\x7f\xef\x96s\x98Qe\xd2@\xe4\xf5\xf0\x91\x9dW\x003\x9d)+\xb5&amp;\xd3\xd8%\xd8\xf0'</t>
  </si>
  <si>
    <t>b'{\x12\x96Vnzh\xc7SI3x\xee\x8c\x14\xdd\x04\xab\xdf\x11\xf9\xbf\xc43z\x0f\x9cQ\xd3\xa2\xae\x12'</t>
  </si>
  <si>
    <t>b'\x8c\x11\xf5m\x8f\xb4\x88YE\xe2\t\x9f&gt;\xc6\xa8\xac\xa6\x0e7\xa2\xa4\xf9&amp;To\x0fu\xd2l\xe56\x1d'</t>
  </si>
  <si>
    <t>b"XU\x97\xb7\x16\xfes \x94\xd0\xcdu\x0b`w3\xbd\xb8\xb7'B\x13\xf2\x9e*8I\x10Z\x0c\xb5\xb0"</t>
  </si>
  <si>
    <t>b'i\xa0\xbbe\x80z\x04\xe0~\xa5m\xdc4R\xcb\xb8m\xd2mA\x8e\xd9\xediC\xd0\x95\xefS\xbb\x1b\xdc'</t>
  </si>
  <si>
    <t>b'\tS\xcdv\xa8\xf4$\xc8c\xaa\xecy\x04\xaf\x95\r|\x11JI\xc4\xbb\xcey\xc5\xad\xe8P \xa3+\xb5'</t>
  </si>
  <si>
    <t>b'\xa0\x8b\xd6\xbd\x10hw\xc4\x97\x9f\\\n!\xf9x\xce\x9c\xab\x80\x0b\xd4\x8dt\xb6[\xbe\xe9(\xc6fp\xcd'</t>
  </si>
  <si>
    <t>b'\xf7YY\xab/+\xc0\xb3q#\xd8\xd8s&lt;/\x8ez\xd6\xd3\xca{\xe9\xa0\xa2\xa3\x12\x1a\x82\xba\x07\xdc\x82'</t>
  </si>
  <si>
    <t>b'%q\xab\xd4k\xd5\xef\xe7\x928\xd4\x94\xd5\x89\x1a\x97\xa2p\xba\x01+4c{\x92\xf7\xfc\xc6\x12P\x018'</t>
  </si>
  <si>
    <t>b'5#v\xed\x8a\xb9\xf7\xa2 j\xab\x91\xc8\xca\x8e\xc7\xa1\x8b\xd8\xa2\x1b0k\x93sFr\x1eF\xac\xa3\x0c'</t>
  </si>
  <si>
    <t>b'\x1e\x94\x8a\xf7z\x84\xbb\x85\x82E3\xfcdp\xe3\x828wnrH\x82\x85yE\x85\x834\xeb_\x9d\xca'</t>
  </si>
  <si>
    <t>b'\x00\x83\xd6\x97X\xce\x8c\xcf\xdb\xe4\xf9`\xf3\x0e\xc4.\x15\xad\x04\xf3XY\xe4\xf3\x7f0\xd6\xe1\x91\x88g\x90'</t>
  </si>
  <si>
    <t>b'\xb4\x00^/\xb9\xfd\x80;hj\xde\xa6i\xfb\xe0\x94\x91\xc6t-\xebi\x9e\x7f\xae\xb9).\xde\xbc \x8b'</t>
  </si>
  <si>
    <t>b'\xee\x12\xff\x9an\xdaA\xdac,\xe1\xa0\x12(\xe6v\xf6Bn\xa1_\xec\xaeE\xdc`\xc6\x96\xcaT\xbf\xb4'</t>
  </si>
  <si>
    <t>b'\xd0\x7f\x8f\x9b\xd6\x9f\xf7\xf0\xc5\x14T\xea\x0b}c.d%_\x81\x80\xf8\x19\xc9_\xb3\xd7h\xea\xb8\xe6\x0f'</t>
  </si>
  <si>
    <t>b"\xee\xcc\xb6\xba|\x0c\x7fP\x8b\xcd\x90\x16\xdd\xb0\x86\xd3\xaa\x14\xc2\xaf\xf0\xa6\xa8\x06\x1c'\xb2\xba\xe6\xdd\xb1\xe8"</t>
  </si>
  <si>
    <t>b'\x8c\x1f\xe18\x95\xfe@\x7f\xe2\xe7.\xf2\x1dA\xe2\xc8=\x84&amp;\xa2\x06\x80B\xe0Q@\x92$\xa7\x9e\xb4&amp;'</t>
  </si>
  <si>
    <t>b'\xbd\xa3b\x81\xc2W\x89F\xa4.!\xd02~\xb6XJP\xa0\x82\xc7;\xfd\x9c\xffnRFW\x06\x03\xe9'</t>
  </si>
  <si>
    <t>b'\x88\x17\xe4c\x18\x15\xc3\xbe\x99\x00\xc0k\x9d*=Ii\xf1\x8b\xff\xbb(\x92p\xda\x8f\xe2~o\xa4\\\x9d'</t>
  </si>
  <si>
    <t>b'/\xa7\x04\xeb)\x7f\xf00h\xf6\xa1xu\x85\xbc-\xcbU\xdd\x9d\xdb\x07\xa6T\x95I\x14\x0c\x1f\x87\xd8\xd7'</t>
  </si>
  <si>
    <t>b'j\xa8\xce\xf7\x10sxD\x1dJ\x1c\x04\x8c\r\xac\x15\x88e\xdd\xfdh\xb24\xb3\xa0[\xc0v4\xa1\x19\xdf'</t>
  </si>
  <si>
    <t>b'B\x0b\xeeF\xc4\x11\x949\x04\xc6\x10U\x95e\x02Dqn\xa5\t\xee=\xfb\x91\xb0\xe1\xf1,\x19\xa2\xf0\xb7'</t>
  </si>
  <si>
    <t>b'Y\x15P\xf1\xf3\xbf\x9bd\xfd\xfd/a7mu\x0bl\x87\xf7\x9c%\x19\xd0\xba\xe5\x87\xf9\xc8\x1f\x97\\M'</t>
  </si>
  <si>
    <t>b'D\xe9}M\xeb\xc3\xd9\x14`\x80\xadb\xddO\xe0Y4\x1d\x97\x01&amp;^\xf6\xe0Z\xfc\xa8P&lt;\x8e\x8e\xdf'</t>
  </si>
  <si>
    <t>b'\xfb}\x16\xdb+\x00\xb2P?5\x95\xf6F\xfe\xda\x1a\x03\xe3\xc7\xbd\xfc\x12\xa9\xe0/\x80\xc1\xabnJ=r'</t>
  </si>
  <si>
    <t>b'\xbc-\xb1\xa9\xab\x1c\x82\xdeh\xbf\xf9]\xe0\xc3\xeb\x9eD\xb0Q(=-\xcf\xf9\xb6cv(t\xfe\x10\xf6'</t>
  </si>
  <si>
    <t>b'\x9b\xf6b\x03q\xfc\x0c3\xa6\xbe\x01\x1b\x0b\xd3\xf5\x04\xd2}\xf9\xf9E\xd5\x85\xb1\x7fQN+0}\x12k'</t>
  </si>
  <si>
    <t>b'\xca8 \x16\xdf8\xd1p\xfa\x83R\x1e\xeb\xdcJ;\x92\x9e3\xa1JH\xab\xa9H\x96ns\xcam\x91\x84'</t>
  </si>
  <si>
    <t>b'\xae\xa97\xefl\xc7\xaf\x04\xbb:zfta\xd7\x8bFgOeO~\xe3n&lt;C\xd2\x8d\x9e\x91\xe2a'</t>
  </si>
  <si>
    <t>b'\xa6\x8fU\xd4ck\xa6PV\x88\x10\x8d\x16\x95\x98LQ7\xa2\x8f\xc8\xd8\x10\x80\xe8\xbe\x95\xbd\x081aw'</t>
  </si>
  <si>
    <t>b'\x02\xec\x11\x9bBj\xa4\xcb\xf5x\xe8\x88F/9\x84{\x821\x95Q\xf7,L\x06/(V\xf9+\xf4\xe7'</t>
  </si>
  <si>
    <t>b'\xfe\x84\xd4\x8f\x84Y\xa7\x19\x13s1\x07@l\x1d\x8c\x10\xee\xab\x17\x08\xecHU\xc3\xe6\xbc$\x8dYv#'</t>
  </si>
  <si>
    <t>b'g\x9f\xe6~1g\xa8@6D\xd4\xfd\x89\xc0\xe4\x91\xe9\x8a+H\x8b\xf8\xf4\x05\xd3\\\x83\xbc!\xfc&lt;#'</t>
  </si>
  <si>
    <t>b'\x93\x8b\xaf\xc3\x8c\xec\x1c\xaa\xbbJ\x9c\xc6KD~\x1f\xfb\xc1\xddD\x99\xc1\x1a\xec\xa7\x16\xa4+\x08+\xbfe'</t>
  </si>
  <si>
    <t>b'\x1ey\xf0\x9e\xb5\xe5\xb2ia\x16_]\x1b\x1c[z\xd7\xf8++\x91\x88W\x0e\x06\xbb\xe2\x99\xca~e6'</t>
  </si>
  <si>
    <t>b'q;\x17\xa1$+\xfc$\r\x83\xaa\x81\xe5\xe0\xa7\x00h/\xd9V\x16\x11\x14\xbd\xee\xda\xbev3\xda\t\xc8'</t>
  </si>
  <si>
    <t>b'\x84\x9e$v\x98O\xba\x1e\x10\x93U\x81*l\xb8\xc2?Rb\xd1\x06\x88\xf8O\n\x80S\xa8\xff|\x9e\xe7'</t>
  </si>
  <si>
    <t>b'\xb5\xdd\xbf\xfat`&gt;M]#\xc5\xd0L\x00\x19\xcfvvp\xb2J\x04\x1b/j\xbch{}\x12\xfe\xd7'</t>
  </si>
  <si>
    <t>b'\x92.\xd01\xe5\xed\xa9C\xa22\x08\xde\xdd\xf2\x92\x07b/\xfb\xfa\xb8\xd5\x1b\xb5@\xdc\xf0\x11\xc1\x0cR\xca'</t>
  </si>
  <si>
    <t>b'&gt;\xfcv\x99\xb4\xbe\xd9\xcb\xdc\r\xd3\xb0\xc9\x9f\xccv\xe5\xf1\x93\x10\xb5\xdf\xd3\xd3\xee\x85\xf3\x1b\xa6{g\xd3'</t>
  </si>
  <si>
    <t>b"0\x17\xaf\xd9\x88}\xd5]\xd1\x96ig'\x9ce!-\x03\xe88\x98j\xb3\xef\xab\x1d\xe0\xcf\x92\xcc\xc3J"</t>
  </si>
  <si>
    <t>b'1\x92+8\x01\x0b\x142.\xaeC\xfd\n#+k\xef\x9fQ\xb5\x91\xd1Cdk\xdf(\xffb{\x04\x0e'</t>
  </si>
  <si>
    <t>b'\xfd\xe8\x9a,\xf5\x9e\x96\xe2\xdce\x99[\xe3\xc9t\xd2\x19R\xda\xa9\xa7\xe6\x1a\x9e5b\xf5\xc4\x8d\xaf#\xff'</t>
  </si>
  <si>
    <t>b'\x1d\xcc\xf5$r\x1da .\x13\xdd\xeaB\x99\xdd\x02\xe5&gt;i\x16\x81\xba\xe6\x9b\xebZ-&gt;\xd0K\x86\x1c'</t>
  </si>
  <si>
    <t>b'P\xeeB\xb7h\xab\xf5\t\x934\xa1]\xdf\xa6d~\x86A\xd8t\x81\r\x81\xaebe\xa8\x1d\xdd\x14\\C'</t>
  </si>
  <si>
    <t>b'\xc7]\xb4\x06\xbd\xbf\xf7\xdf\xe4\xd2\x8c|\x0fR\x97t\x19\xda\xcf\xc8\xf4\xfe\x13\xee\x9e\xc7h\x10qBER'</t>
  </si>
  <si>
    <t>b'dRP\x00VTbs\x85\xb1\x9a\xee\xfd\xf6\x17\\\x1f\xe6\t\xe5\xf8v+\xe3\x05S\xc1@\x9a\xaa\xab\xba'</t>
  </si>
  <si>
    <t>b'c\xca\xff\xd7\xd6\x1fY\x90XU\x9fK\xe2%3\x88V\xf2\xa4\xe0\xc1A\xb1\x90\xe3;\xa7\x8aP\x01I\xaf'</t>
  </si>
  <si>
    <t>b'\xaf}U(\xe8\xca8pE\x9e\x92=\x1fa\x15\xe1\x99\xf4\x88Yc4\x92*\xa8\x90\x9d^\x1e\xf0.$'</t>
  </si>
  <si>
    <t>b'&lt;\x8bl/\x8f\x02\xcf\x81\xc0O\x04\xdc\xd9#\x9b,\xc7\xc12\\\xf03\xde\xd9\xfdoz\x9c\xcd7\x9f\xb9'</t>
  </si>
  <si>
    <t>b'\x96\xe1\x85\xa90\xfc=\xeb\x0e\xf5\xa2\xd3D\x9c\xaef\x11\xfc\x8dA\x96\xb5t\r\xae{p\xa8&lt;|\xef\x9f'</t>
  </si>
  <si>
    <t>b'\xfe8:\x91&lt;\x98\x06\xb6\xaa\xff-\xcd\x1b\xbb\x8b\xc8\x7f\xad\x18a)\x87\xb1\xa1E\x1f\x034\x83\xec\xb8\n'</t>
  </si>
  <si>
    <t>b'\r"\xdf\xa1Vw\x17\xee\xa1X\xa6{7\x05\xa6\xbc\xab8\xeb\xa3\xdbm?&lt;\x94U\x1d\xd6^\x16\xc7\xa3'</t>
  </si>
  <si>
    <t>b'az3t\xb8p\xd1l\r\xe2&gt;x[\xdaa\x17n]J\x94p\xc7\xb9\x0c\xff\x88\xb3\xd9\xb6\xcc_\xd4'</t>
  </si>
  <si>
    <t>b"\x02U\xbd\xa3\xf9\xe5\xb6\xa4\x93\x85\xcc\x95\xda\x1c\xd2\xde\xbb\x1b\xab'\x08H\xaf.\x91\xd7\x13\xeb\xef\xd0\x16a"</t>
  </si>
  <si>
    <t>b'f\xf8\x1cq\x9a\xd7j$\x8b\x05\xdcT\x9c\r\x02D\xa4\xe4\xda\xc5/\x92\x1f\xb8\xfc\xd4\xee+d\x9dM\xdb'</t>
  </si>
  <si>
    <t>b'\xdb&gt;\t&amp;\xe2\x02\x94j=\x87%\xef\x82\x0c1\xe0\x1b.\x8d\xc8G\xc2L\xeeZXU\xffylH\xb0'</t>
  </si>
  <si>
    <t>b'\xd7&gt;\x1e" o\x7f\xdc\x1b~D2\xaf\xfb4n\x9f\xa2\xee\x060\xe5\xb7\x96\xffWY\xc2s\xe6DO'</t>
  </si>
  <si>
    <t>b'\xee\x03\x03\xca\xf8/R\x9d\xd8\xd6\xec.)\xaf\xbf\xe3\x8eY\x8a\x18\xb4\x9ct\xf1:\xc0K\xbd\x87\xb3m\xf0'</t>
  </si>
  <si>
    <t>b'\x11t5\xd3\x8fZN$\xe2nd\xd0\xaa\xfe\xd0ye\xbd\x83\xe6\xa9\xc5\xae\xc4z\x18\x8d-\xc5\xb4N\x9d'</t>
  </si>
  <si>
    <t>b'\x90&amp;\xc3\xc2\x04\xcc\xcc\xc3\x91\x93\x8d\xa2\xff\x82\x8b\xbdN=\xd6\xf7m\xfe\x90N\xfe\xc0\xa4\xce!\xdb\x10)'</t>
  </si>
  <si>
    <t>b'\xff\xf2\x0c8;\xde\xae2\xdc\x96L\x99\x7f\xa2r\xe7\x15\x82;\x19M\xa4e\xdd\xae\x96\x90\xe8\x13\xcb\xa2#'</t>
  </si>
  <si>
    <t>b"\x8bd\x1a&gt;\xcf\x0c5\xe5\xd0\x89\xfc\xcd\xa1'\xbb\xcc\x13\x08\xa3Vct\xc9\xb2\xd3\xf0\x7f\xd7.\x01&amp;n"</t>
  </si>
  <si>
    <t>b'j\xa1\xe4\xd8o\x8cQ\x92\xa2\x8a\xce\xd0\x15\x1d|\xa0T\x15\xe6\xd7]\xd8+5Qt\xb8|\x8e\x9d%%'</t>
  </si>
  <si>
    <t>b'\xbd\x93\xa8\xe6$h\xe5\xaeA.\x97\x9b\xf8\xa7zp%KF\xc9C\xc1\xa0\xd9\x05p\xad[\xadQ\x8aR'</t>
  </si>
  <si>
    <t>b'#&amp;\x00a\x13\xf1\x83\xc4\xd8\x9dy\x9aN\x04~\xe9K\xb7\x14\t%90O\xa9\x02\xd2a\x95,&gt;\x9a'</t>
  </si>
  <si>
    <t>b'\xbe\xacyF/7\xcb3\xe6,\xb3\xea\xd8\xeaa\xda\x832\xc7{;\xa0Q\x07b4\x8a\x1b`\xb7\x8e&lt;'</t>
  </si>
  <si>
    <t>b'\xac\xe6\xdf\x9c\xb9)\x15\x1a\xc1i\x99\xc6X\x94\x88S\xb3d\xe9\xb5k\x80\x06#\xfbj\x18\xa2\x1d\x87\xf4\x17'</t>
  </si>
  <si>
    <t>b'\x0eQ\xf0\x9cdQ \xb6\x1bj\xcc\xbbLV\xb7\x0c\xc4\xf5Q\x82t\x8b\xf00\xea_ \xfa\x1f\x07\x8a\x95'</t>
  </si>
  <si>
    <t>b'\xb9j\xd8\xd3\x90~W\xcc\x82\xc9\x88\x14\xde\x91o\x19\xe7\x0f-\xc7-w\x07\xbd\xa5\xe2\xb4\xf0\xd6B`V'</t>
  </si>
  <si>
    <t>b'\x19\x8a\xc8\xff\xc1[\'i\x85\x12\xde\x05\xfc\xe2\xc5\x87\x85\xdf\xdcO"\x81\xa5\xadv\x86\xb7m!=\xa5\xc5'</t>
  </si>
  <si>
    <t>b'\x01N\x9d\x10|A5hj\xd3p\xd4\x0c\xf4\x13\xd7^KY\xc6\x8910+5\x9c\xb6\x9c\xaf}\x04\x9a'</t>
  </si>
  <si>
    <t>b'\rM\xea.\xdb8\x9br\xb6\x1f\xe6\x18\xf3.\xc8\xb8\xec\xe7\x19wA\xac\x8a\xd6\xd5\xda\xbaIZLq8'</t>
  </si>
  <si>
    <t>b'\x8ay\xf7\xfan\x0c-\xe1\xbd\x93\x99\xa2\x93\xdb!\x15\xe3v\xe3\xcd\xa0\x1d\x9ba\x99\\\x0e\xf0)T\xd2z'</t>
  </si>
  <si>
    <t>b'\xe5\xf3e\x04\x1e\x82\xa5\xe6\xcc\x07\x077\x03\x18a\xf4\xfc\xbbV[\x1d\x00i\xf06-i\xfa\x96\xc8\x17\x15'</t>
  </si>
  <si>
    <t>b'3!M\x01Q\xb6\xe2"\xed82\xea\x81\r\x8d\xe1\xbe\xecT|\x96/\xe4\xd2O&gt;\xf5\xd3\x9d\xbc\xab\x7f'</t>
  </si>
  <si>
    <t>b'[\x8e\xe5\xd1\xff#\x83rt\x06J\xde*\xd3\x08\xf8\x1a=\xc9\x81\xaf\x18\x96\x1e\xbf)\x13M6N\x99\xdd'</t>
  </si>
  <si>
    <t>b'\x93v\xd8\xdc:\xaa\x03\xf8*\xe0\t\\o\x910\x1c\x89\xd5:G \xd9\x1f\xb4\xa4\x16\xd2\xc6;\x8bw&lt;'</t>
  </si>
  <si>
    <t>b'\x03\x877D?;\x89,\x16M\xfd\xcbD\xecxD\x19\xac\x8f\x89\xc2\t\x14\xd3:\xc9"\\\x14\x94\xea-'</t>
  </si>
  <si>
    <t>b"(\xf4j\x1a\xda\xef\xfb\xc6|`\xf3\x1bA\x17\xa3uY'\xab\x86\xd5\x9f\xb9\x1b7\xa3\x81`\x9d7_\x94"</t>
  </si>
  <si>
    <t>b'\xa9\xf0_\x8f\xffzO\xda\xa6\x1b\xc2y\x85\xe4\xae\xb43\x87\xa9\xddX2\xc8\x8cGP\xa9\xb1\xc8\xb6\xa6/'</t>
  </si>
  <si>
    <t>b'\t=\xb8\xc3&lt;\xaf4\x11&amp;\xb1~\x1f@\xfd\xcb\xe9-\xbd\xe9\x94\xb83\xb4\xef\xcb\xfb\xf5\x87\xc3\x99g\xd7'</t>
  </si>
  <si>
    <t>b'K&amp;\xf4j*%$\x03\x81\xa9T7\x91L\xc5\xbd\xc2\xb4\x87\xe6\xda\x82F\x91\xbas\xe1\x18F\xac\x9b^'</t>
  </si>
  <si>
    <t>b'\x86\xa0\xda\x10\x8a\x0c\xf3g\xd9C\xf1^mF+S\xf4&lt;D\x19\x08\r\x95\xe3\x15s\xe2FG\xabi/'</t>
  </si>
  <si>
    <t>b'\xfa|G\n\xe4\xb7\xc8j\\\xb2\xcfQ\xd6_\xeb\xa8QN\x9d,l\xdbJ\xd1\x9a\xb1\xbf\xcc\x07\r\x1fx'</t>
  </si>
  <si>
    <t>b'\x7f\x8fnqi\x93\xc3*\xcd\xe0`\xaal\x92\xb5\xaf\x9f|\x07\xdc\xbe\x0c\x00\x10\x13\xaa\xc2\xb0\xe5\x89\xf9\\'</t>
  </si>
  <si>
    <t>b'\x8d\xec\x057}]\xc4\xdf\xb8\xd4P\x80M\x9b\x8b/t\xdfm\xc0\nO\xf20z&amp;\t;\xdc\xf4x;'</t>
  </si>
  <si>
    <t>b'\xabI\x176\xf0\xaa\xe5\x89\x81\xcfG,\x01W0\\R\xa0A_`\x1dM,\x94\xbd\xb7\xc8\x8c\x83U&gt;'</t>
  </si>
  <si>
    <t>b'\x13\x84\x19s\xaa\xd7\xd4\xd9\x9a\x02\xfc_\xc4\xc8\xf7\x8c\xbc\x97\x10P\xa7_^\xe1@\x19\xf2\x1f\x0c\x97\x16\xfd'</t>
  </si>
  <si>
    <t>b'\xca@\xc7\x82\x96\xa4\x00\xfb;_Q\x02S\x05\xd7\n3n\x8cx^\xac\xc0\x11c\x9d\xe2\xbb\xe6K\x85\xc5'</t>
  </si>
  <si>
    <t>b'_\x88\xff\xdcG\x19\xee6&lt;\r\x0c6\xde\x89?\x03\xe6s\xf1\xd6\x87\x99\x18\xa6\xf43\xde7\xf1\xcb\xfe\xad'</t>
  </si>
  <si>
    <t>b".\xa7S\xfc\xce\xf81\xea\x91cRW'\x11?\xaff\x8f\x17C\xb6\xfdp\xd5&gt;+\xfc\xafgF\x82\xa7"</t>
  </si>
  <si>
    <t>b'\xf7\xaa\x8b\xb3&lt;\xe1\xfeF\xe0O&lt;\x96\x19\xd9\xba\x85\x9aD\xd3p\xe1\xf3\x8f_,~\xdb\xc5s\xdbe\x81'</t>
  </si>
  <si>
    <t>b'\xe1&lt;4\xed\xefE;-\xf0\x0e\xdd\x9e|\x021&lt;j\x92*\x8e!i\xf6\x19\xf7\xf3\x0c&amp;\xdd\x8ae\x80'</t>
  </si>
  <si>
    <t>b'F\x8d8\x86U\xcbm\xeb\x15\x03g\xe7\x11\xd8\xb00\xe7+\xa5h\xc1\\\xac\xaa\x92\x14\x90|\xf5d\x14\x17'</t>
  </si>
  <si>
    <t>b'\xa4j\xcf\xd6Zs\x91R\xf0\xc4R\x95\x7f\xe2WA\xa5\xb7e\xd6\x92\xff`\xed\xf1\t\xb1b\xd7\xb9\x0c7'</t>
  </si>
  <si>
    <t>b'A\xce\xa9}\xcc`\x93u#-\x00\x9c\xe77\x88\xe7\xdb8Z\xf6g\x8c\xd4\x00\x0e\xe5\xa7\x1e!k\x01\xa0'</t>
  </si>
  <si>
    <t>b'2a\xba\x0b\x8f\xed\xe1\xa1~1\xfd-\x84\xed\xb8\x9d \xda\xab3|\x8a\x95\x86\x8dy\xddh\xdd\xaf\x1e\x10'</t>
  </si>
  <si>
    <t>b'\x9a\x82\xb66G\x81\xd9\xc2\xa7\xaf8&lt;IY~\xdc\xd0\xd3W\xa9W\xea\x07\xcb\x7f\x88\xf2q\x04\x97v\xa4'</t>
  </si>
  <si>
    <t>b'PJA\xf7\x96/\x01{u\x16\xb3\xf3q\xc5\x17\xc9\x81\xe0=\x0e\xe8\xa7\xe3\xad\x80m_\x81\xce\xd0\x1fc'</t>
  </si>
  <si>
    <t>b'\x0e\x07\x91k\x1b\xdf\xfa\x12*\xde(]\xc8qW\x10p\x95\x1f\xb4\xec\xdf}\x82\xd2\xe6\xf1Y\xaf\xb0n\xa9'</t>
  </si>
  <si>
    <t>b'\x0b\xe7\x99\xaf\x00xu\x16}\xe6\xc4\xb9\xc4\x8fO\x97y\x90\x9cR\xa4x\x00\xaa\xd4)V1\x0es\xa4\x02'</t>
  </si>
  <si>
    <t>b'\xd4\x81\x823\x13\xfdC\x1a\x991\x18\xe2j\xc86\xc5h\xa0L\xed\x12\x03\x98\x0f\xc5\xc6\x14\xf1\x99\x1f\xaf\xb7'</t>
  </si>
  <si>
    <t>b'\xc7H]\xe4^M~D\xe4\xf8\xe5\xcb\xadGT\x94uX\xb9\xd5(Y|\x0cIe#\xc9\xaeB\x03\xc0'</t>
  </si>
  <si>
    <t>b'\x0c\xc4\xa3\x00\x8c&gt;\x96pNw\x8c\xe2d\xdc\x95\x9dvc"!\xacM\xef\x1e\x8d\xa7\xd2=(\x8dN\xa4'</t>
  </si>
  <si>
    <t>b'\xfe\xc6\x82\xfd\x9df|\xe5\x1b\xdf}Z\x94\xcc\xf7\xf8\x9fy\x85\xddbq\x13\xbd\x15\x1c\xf5&lt;\xaca\r\xe3'</t>
  </si>
  <si>
    <t>b'\xb2V3+\x0c\xed\x8f\xef\x9e\xe5\xf9\xdf\xf3\x9d\xcct\xc4&lt;hb\x10K;\x96\x96\x8dN\xcae:\xa66'</t>
  </si>
  <si>
    <t>b'g\x81\xd0\xa3*\xda\xfe@\xf3\xe30\x92\x00Q\xda\x84_\xf2/u\x8b\x9b\x80\x80#\x14\xd2F\xb0\x83\xe9\x1c'</t>
  </si>
  <si>
    <t>048xx</t>
  </si>
  <si>
    <t>b'\xd5\x88\xc4$\xe1h\xe5\x13!\xa9_U\x9b\xc6\xe8)\x835P\x97\xe5\xd0\x8aoR\xf2\x9c\xad\x13)\x96\xfc'</t>
  </si>
  <si>
    <t>b'[\x05g\x01z\x07:\xa8+\xde\xbbD\x00\x17\xcf\x8e\xbc\xfe\xcbM\xaa\x98\xe0P\xe1G\xb5w\xf1\\&lt;\xf6'</t>
  </si>
  <si>
    <t>b'\x1c\xc5\x8a\xd3\x02N4p\xd7\x08\xdc\t\x9e(I*d\xf4\x95C(\xca\x10\\3\x83\x9f6\xaf\xb7c.'</t>
  </si>
  <si>
    <t>b'\xcb"_\xc8\x1a\x99\xdah\xab\xe4i\xea\xf4?\x06\x9c\x08\xde~N\x16\x12Z\xddH\xd7P\x97\xafV\xc5('</t>
  </si>
  <si>
    <t>b'Uu\xe58\x195=V\xcdO\xe7\xfe\xb10\x99\xb7\xfba\x11\xc2\xc5\xba"\xe9\x9c,\x19:\x1b\xc9\x1e\xa7'</t>
  </si>
  <si>
    <t>b'\xe3\xc8\x1c\xc6D\x8b\xed\x80\xb6\x81U\xd6ac\xb0\x88\x90\xe1\x8c\xf2gb\x99\x88F\xf5\xc7\x03\x92\xab\x15\xb7'</t>
  </si>
  <si>
    <t>b'\x8b\xe0\xb1\x8dt8\x9b u\x9dn\x8f\x16\xfb\xfc\xae\x87\x137\x85@e\x11\x17\xe3\xad\x04\x1f\xb6\xcd\xf7\x06'</t>
  </si>
  <si>
    <t>b'\xfbA\x93r\x9e\n\xc8\xb0ZGr\x02\x8d_\x07{\xa0\x13\x94/\x96":?\x00\x14\x1b13j\xc0\xc7'</t>
  </si>
  <si>
    <t>b'\xc17\x1d\xc0\xf2Bm\xfc\x82\x94\x05\xbc;\xc9D\xf6*\xdb\xe4T\x81\x07\x00UA\x8bW\xd3\x12\x9f\x9a\xb4'</t>
  </si>
  <si>
    <t>b'\xc0@-+@K\x01\xc5\x141\xe3\t\xd9O\xa6\x06f\xe7\x15"\xfe\x17\xa1\xcd\xb0\x9d\xb0\xdb\x85P\xd7\xa8'</t>
  </si>
  <si>
    <t>b'U\xf4cP\xca\xde\xe6\x91~\x86\x8d\xa1\x02\x1cl.\\d\x1f\x15\xe6S^\xf0\xe9w\x04b\xcfd\x00U'</t>
  </si>
  <si>
    <t>b'\xf3\x00\x86\xa9\x97\x00:\x8f\xb2s\x18\xbcPq\x08\xb1\xd8%\xc7\x1a\xd7\x99\xc5D\x97\xaa\x9699\xeb\xfa*'</t>
  </si>
  <si>
    <t>b'\x96\x81\xf5ie\xd9\x01\x95T\x11\xd3J\xbac\x9a\xc1\xc4\x82v\xe4\x97\x87\x10\xed\xce=\x03\xe4\xdb\xffS\xe5'</t>
  </si>
  <si>
    <t>b'\x9e\xc1\\\x00\xb2\x88\x83\xdb\xf9\xd6\xcc\xb8`\xec\xed\x97\xb6\x842\n$\x0c\xf8\x9f\xf9\xeeQe!\x11T\xdf'</t>
  </si>
  <si>
    <t>b"\x87b\x18\xbc\xf6\xefG\xba&amp;\xa1\x1bC\xb6\xcdo\xcc\xd1a\x81K\x8aGX\xb1\x95f\xbb\n\xf7\x06'\xb0"</t>
  </si>
  <si>
    <t>b'\x91\x8a\xd7\x9b\xe6P\x0bCIH\x8e\x83\x81\xa3\x83\xda\xc7t\x8b\x8e\xa2\xb0\xfdx\x8b\xa3?\x08f\xef\xb5\x83'</t>
  </si>
  <si>
    <t>b'Q&lt;\xfd\xfeVr\xaf\xc6\xcc\xaa\xeb\x1b\xf4Ev\x87\xc2O\xa7^v\x17\xe2\xd7\x8c\xae4%\xa1\xf2\xc2l'</t>
  </si>
  <si>
    <t>b'\x040\x00\xb8\xa06\x07*\xff\xa5x\xae\x82\xce\x10\x92gE\x9e$\x11{\xd8\xe6\x90\xff\x15\x99;\xee\x0f_'</t>
  </si>
  <si>
    <t>b'\x1eS*\xab;\x19\xaf\xd7\xcf\xda\x87\xd8\x07\x91\xb37\x8c\xc5\x0c\xe3f\xe5\xe9\xcd\xf7Lm\xc9\x8f\xce\xa5\xb8'</t>
  </si>
  <si>
    <t>b'\xf1\x94\xce\xf2\x1ee\xb7{{j\xa5\xd6G\xf5\xc2X\xd6\xf7\xd774Y\x1fr~\x08\xea\x8b\x9c.\xc1\x81'</t>
  </si>
  <si>
    <t>b'\xeaT:U\x07\x99\xb1\xcf\xe23\xd2\xa6\xe6u\x9e7T\xa8zwX\x16\x0587oQ:\xdd\x9e\xfc\xef'</t>
  </si>
  <si>
    <t>b's9du(\x97\xde}\xbc\x9a\xbe"\xd2\xe3+%P\xbe\xe9f\xaa\x8f\xca\xc4e\xbfp]U\rk\xb0'</t>
  </si>
  <si>
    <t>b'\xe0\xf1\x87JS\xf9z\xde\x98gp\x169\x8b\xc5\xe1\x1b\x89\xd6j\xdf\xb4\xd84\x9b&lt;.b\xbfw%\x1b'</t>
  </si>
  <si>
    <t>b'\xba\xbc\x95\xd0\xd8q\xfa\xad3\xe0p\x10b\xee\x87\x17\xb9b\xe9T\xc0x\xdb\xf8{fB\x08\xf8q\x19\xa3'</t>
  </si>
  <si>
    <t>b'e3qmkO\xb1B\x17\xd4\x8fu\xec\xb4\xc6\x9e\x96\xf1\xa5\xd7+p\x8a\xea\x0b\x02G\x96\x98\xd5E\x08'</t>
  </si>
  <si>
    <t>b'F\x13\xf2\xac&gt;\xe2\xb5\x12{Y\xd3\xe9&gt;\xa1\xec\xe6\x98\x07\xf7\x88~1\xb9gjz+\x02\xccgMM'</t>
  </si>
  <si>
    <t>b'\xdf\xd1\x963\xea\x0b\xa6\x0e\xa2\t\xb9h6\x9e\xc9\xa1\xdf\xbd\x16\x1f\xe0\xdf\xff\x00\x8b\xb2MJ=\x1bc\\'</t>
  </si>
  <si>
    <t>b'\xb5\xb7\xb5\xc0\xbf_\xf9\xcb\xe3\x0b\x95[\xf9*\x9d\x1d\xcb\x92\x90Q\xbco\x9dK\x95\xc4\xc7\x08O\xacH\x8c'</t>
  </si>
  <si>
    <t>b'^Y\x1eX\xa5AX\x89\xbb\xd5l\x96T\xb71\xd5\x9bf\xff\xd7&amp;\xc6\xe5\xc5\xd4\xb9"\xca*\x15\xc2\xeb'</t>
  </si>
  <si>
    <t>b'\xde\xf9\x9b#\xd5L\xcb\xc6v\xc7\x85\x9f\xc1\xc8\xad\xb0\xd8J7\x8f\xce\x83\xd24\xf5\xd1\xa5\xb5\x0f\x1d\xf3\x86'</t>
  </si>
  <si>
    <t>b'\x1b\x83\xc5G\x8f4\xf5C&amp;\x8f\x1b\xd4w\x0b\xdf{\xcd\x0e\xf9w;\xc1K\xa7\x1do7\x88`w\x1e\xc7'</t>
  </si>
  <si>
    <t>b'\x92}W\x14m\xb5#[\x90\xf6f\x8au\xbf1\x94\xbc:g&amp;\x0bo\x05L\xf5\x17\xb2\x0b\xaf\xf0&gt;\x88'</t>
  </si>
  <si>
    <t>b'\x10~\x88\xf3i\xdcw\x9f\x89Gx=k\xe5\xc1\x8ap\xf4\xc8\x832A=\xe5.sF\xbb\xc1\xaf\xf0\x9e'</t>
  </si>
  <si>
    <t>b'\x92\x15*\xbd\xcds\x896"\x17\xb6ow\xb1\xd3\xe7\xd5~\xe0\xa7\x1c\x90\t\\\xcf\xd4\x82\xb3\xf8\xf8\xc4\xa3'</t>
  </si>
  <si>
    <t>b'\x15F]e\xe4m\xbf7=\xb7{\xe1\x95\x02\x072/\x81\xf4\xc3\x0e \xb6\xbd\\\xdb\x9fq\x034"p'</t>
  </si>
  <si>
    <t>b'4\xb8B"4B\xc4\xa7\xf4\xdbE\xba\x1cW\xf4Fs.\x14\xb6\x11\x81&lt;\xa3\xfe\r\xef.\xa4#\xcfC'</t>
  </si>
  <si>
    <t>b"h6\x82D\xa9:]\\\xd9\x85(AZ\xdb\xa4@\xcb=`;\xd2'5?\xb9\x89v\xd41\xa9z*"</t>
  </si>
  <si>
    <t>b'\x8c\xa9J\xa5\xc6|{W\xb6\xec&gt;;\x17\x05\x98\xc2\xb8\x1d\xc4\xc5\xab\xf9\xec\xd3\xb3\xc5\xaez\xb9\x1c\x8d\x06'</t>
  </si>
  <si>
    <t>b'$\xca.}\xd9\xde\xa9\xe4\x8bT.\xe1Qx\x88;i\xf0\x14\x8e\x9c\xfa\xdeZJ\x95\xcaF\xe7/\x06\xc2'</t>
  </si>
  <si>
    <t>b'\x87a\x1cC\x8d\xd2\xf2&gt;M\x01\x14B\x8cxv\xa0=\xe0\xd1\xb7J)i\xe0@\xaf\x98\xe3\xdf\xc3\x89\xac'</t>
  </si>
  <si>
    <t>b'\xf1XaX\xf1(v\xafi\x99\xe5\x87\xfae\xc0W\xaf\xbe\x7f\xd5\xb8/MF:Z\x93\xcb\xc98\xa9\x7f'</t>
  </si>
  <si>
    <t>b'\x159(&amp;13\xdd\xa8\x991)\x1c{\x94\x1d\xc0\xa8\xb1\xc5\x9fF\xab\x92\x02\xa2`\x86\xc9F\x99\x17\xb8'</t>
  </si>
  <si>
    <t>b'j\x87\xbe[\x08\x9f] \xc5\x95\xbe4\xf5j{\xc3-&amp;\xd9\xf8\xd5\xad\\\x923\x01\xca\xd4\xd8\xd4p\xc3'</t>
  </si>
  <si>
    <t>b'\x90\x12\\\xfeI\xcbM\x8c\xcf&lt;\xa6\xecbPF\xab \xdbN\x1d;BN\x9e\x96scY`mH\xc4'</t>
  </si>
  <si>
    <t>b'\x18\x07\xaa\xff4\xa4\x04\x01(\x98\xc0z2\xa8I9N`\x17\x978\x0b\xcb\xab\xff+"\xcd@\xa1\x98K'</t>
  </si>
  <si>
    <t>b'\xa8^\x04fH~?:\x1a\x84\x85\xb8\xe3\xca\xc9\xd0\xfc\x07-\x8c\x83$\x8eT\x92\x9f$_\x07k\x9co'</t>
  </si>
  <si>
    <t>b'\xdfe\xbe\x8b\x84\xf2\xac\x18\x88\xda|\xce\xe3\x1b\xf7\xb5\x84\xe5\xcd\xccc\xc1+\x90(\x19yW\xfb\xb7\x01\xb2'</t>
  </si>
  <si>
    <t>b'\xb5Bi\xa9\nH`\xc1-\xc8\tW\x02\x00\xc2ow\x92\xabH\xbd2\xd3\x13\xb5\xe8?\x9al\xa0\xf9\xe7'</t>
  </si>
  <si>
    <t>b'\xc3\xd8\xb0x9\xa4gclk}OYj\xd9-\xff\x1e\x82(}\xbb\xa7q\xca\x88\x10\x1b\x92\x86\x82\xf0'</t>
  </si>
  <si>
    <t>b"8\x0cc\x0fTJ\\z7\xfc\xd7\x8ex\x84\xf0\xd4\xc41+'\x91\xa9\xda\x15\xf9[\xe8\xea\x1dh\x82\xc3"</t>
  </si>
  <si>
    <t>b'\x9f^\x01\x9en\xf5\x9f\xa6\xa1K\xddl\xe2\x8e+\xb5\xb5\xdd5p\xbc\x84o\xa7\xe8\xe3\xfb\xe9\xf2\xf2C '</t>
  </si>
  <si>
    <t>b'BY6\x1c\xf9\xade\xf6\xf1T\x08v\xa6\x16\x04\xa7\xfe\x93c\x16\x10X`DU$\xf0\x1e\xbd\x9f\xf9\x1f'</t>
  </si>
  <si>
    <t>b"\r(\xf1\x8c-\xaf4\x84\xc5\xaf{3\x9f\x08]M\x11'\xad\xd5\xc1\x9a-\xd2MJ\x18\xe5R\x9bg\xba"</t>
  </si>
  <si>
    <t>b'\xe0\x11H\x1c\xf0\x1b\x80L\xd65\x8b\xbf\xf6\xe9\x87\xb6\x8dY?\xeez]\xfa\xc8a\xb6%\x0f\xa7\xa3n{'</t>
  </si>
  <si>
    <t>b"\x90u1\xe4N\xbb0\x01;\x81$\x195\xd3\xf9\x88\x99\xeb_\xdc\xa9\x8a6\xff\x7f\xabl\x92'\x97W\x0c"</t>
  </si>
  <si>
    <t>b':\xd0\x94\x19\xc8\xd0n\xbbyBo@N@\xbe\x14%B\xee\xa9\xbd\xd5\xfb_\xacY\xfcE\xc2^L\x1c'</t>
  </si>
  <si>
    <t>b'\x99\xa3}\xc3\xf8;n\xbe\x93!\x0c\x9f\xd1\xf4\xa7\xe0\x10\xb2R\xe3@)\x93\xc9[I]@\xb1Eh\x9d'</t>
  </si>
  <si>
    <t>b"LP\x8f\xd2'\x9a\xf7\xa7\x05\xef\x7f\xa3z\xc0M|\xb7j\xfdG\xd3\xf5\x02\xa1\xec\xd1\xd4N\xc3\xf8\xfd["</t>
  </si>
  <si>
    <t>b'q\xae\xb2\x83\xaam\x0e\xb7\x06\x00\xa5\x84\xcaM\xe7}\xcf\x90\xf5\x9f\x8cX\xd0\x08,i&gt;\xe8\xfb\xd5\xc8\xb5'</t>
  </si>
  <si>
    <t>b'\xa1\x111)/z\xbf0\xd4\x9ap\xbe\xdch\x02\xfa\x84G\x93\xba\x91%\n5/xr\x175|\xf9@'</t>
  </si>
  <si>
    <t>b'\x88ms\xef\xc4\x92\xf33\xefP\x0c\xc0l\x1f\xc6DD\xbf\x95\x9ee\xce\xadw@\x94~\x02\x1c\x1a\xde\x07'</t>
  </si>
  <si>
    <t>b'\xcb&gt;\xa5\xde\x13#\xf0\xd9\xa2\\\xa9\x88\x90i \xdb\x81T\x03&gt;f\x893\xc3-&gt;\xae\t`\xf4C\x9a'</t>
  </si>
  <si>
    <t>b'\xf3\xe8\x01\xe1/{F\x11v\xc9\xca\x8a/&lt;\x9e\x9f\xb9[\xb2\x05\x9dM\x14h\x84NP\xf0I\x1e)\x93'</t>
  </si>
  <si>
    <t>b'\\\xe3a\xcb\xfb\xea\x8ans\xd1\xac/\xcf\x89\xa8^\x8f1_P\xffY\x16\xe5H+S\xa3\x83\x12Ii'</t>
  </si>
  <si>
    <t>b'\xe94\x19\x9d\x193\xed\xda\x82\xa8\xf0\x8e\xf8\x8b\x82LL\xdf\x16\x83\xe7n\xe7l\xc4\x10\xf4N7\x07W\x88'</t>
  </si>
  <si>
    <t>b'\x9b\x8be\xa3u\xb0\xc6Ngn!\x17Z\xad\x9b\xb0\x1f\x96\xd3;\xa7{\xeb\xd4w\x0e\xe1\xe3\x81vTW'</t>
  </si>
  <si>
    <t>b"C\x0b!\xd4a\x92\xbe\xe1\xfe\xa2\xaas\xed/\xb1\x08\x00\xe1\x04iDS:\xff\x82W\xd33\xbf\xf8&gt;'"</t>
  </si>
  <si>
    <t>b'\x96\x86\x92\x14B0W\xc5\x14g|S}s-?\xd6j\xdc\x83\xadk\x0f&lt;\xb8P\x15\xc2\x1b\xca\xde\x02'</t>
  </si>
  <si>
    <t>b"\x98|\xbe\xd1\xfb\xe3sr\xd6'\x1f\x90\xbc\x9c.\x96k\xcb\x922hLV\xca\xb8Q\xa0\x05\x07\xb4\xf7\xe5"</t>
  </si>
  <si>
    <t>b"\xa60L8\xed\x98\x8c\x96\xe2k\x01\xb5\xe0\x98\xf5\x1a\xb3\x04\x17\xbdf9\xa0'DT\xf5,\x81\xd8\x04z"</t>
  </si>
  <si>
    <t>b'F\xb7\xfa\x00\xcd\xfe\x96\xae\xb5\x81"\xaf\x82e\xae\xc2}\x8f\x95\xa2tSj\xdbH\xe4\x96\x93K\x02q,'</t>
  </si>
  <si>
    <t>b'\xeaY\xe3\x9f;a\xe0\xbfL{@\xa9=Z\xde\xc8f\x8d\x80d\xfb\x8e\xb0d\xd1T\xdd5^\xb6\x9fB'</t>
  </si>
  <si>
    <t>b'\x0c\x06\x8e\xeaWW&gt;\xd8\xf6\x94\xa2\xb93\x9a\x18\xa6\xa3\xa1\x0fs\xbc\xb0G\xc61\x84\xef:\xddd\xb4\xe3'</t>
  </si>
  <si>
    <t>b"\xec1?\x8a^a\xef\x83\x8f\xe6\x05\xfb\xcd\x08\x91@W]\x04\xaa8\xf6\xf2\x02'Eu]\xc8U\xfb\xce"</t>
  </si>
  <si>
    <t>b'\x1c\x1d\x1a\xac\xafJ\x14\x0fuy\xe2\x8a;\x86\xce\xe3f\xdf\x1f\x0f\xd1w\xa94,\xd7!9w\x17\xfe\xa5'</t>
  </si>
  <si>
    <t>b' \xf8*\xa8=q\x07\xe2\xbe|v\xb9\xe7\xdf\x17\x7f/\xe5n\xac\xf9\xa4\x04\xfao\xeb\xb4\xb54_\x96\xe7'</t>
  </si>
  <si>
    <t>b'\xf1\xa1D\\!o\xed\xfb\xc5\xfed\xfc\xe0\xde\x0f^\xf6\xb4\xb1U\xc8!\xae0Z\xac\x9cn&lt;j\xbb\x9e'</t>
  </si>
  <si>
    <t>b"\x0fd\xa0\xa0w\x0f'A\xa8^\x918\x1b\xa1b&gt;\x8b\x07\xfbHg\x9d\xfa#\x04)9I\xb3/\xff\xed"</t>
  </si>
  <si>
    <t>b'\x94_\x93\xd3&gt;9\xec\x8a\x1f\xcb$\x16m\x9a\x01\x15\x1c"\xed-B=(W\xd6\xcc+\x17M\xa85\xc1'</t>
  </si>
  <si>
    <t>b'\xf7JWv{R\x18\x9fr\x938\x97\x06\x80\x9b\xdb;\x8e6EM\xe9\x07\xf7\xd8\xa2t\x02\xd8\xfc4\x07'</t>
  </si>
  <si>
    <t>b'C\xb3\xb9K\xeePT\x86\xdf\xfd]\xdb\x93i\xc6\xcdu\xb2+\xb4V\xa1\x06\xb0ln\xbf\xaa\x00\xa1\xc7\x1f'</t>
  </si>
  <si>
    <t>b'\x15\xbb;t\x8eb\xe3J\xd2\x91\x1b?\x9fo\xa2[\xcf\x03WD\xc1#\x1c&gt;@\xdeG\xd8*\xaf\xce\x12'</t>
  </si>
  <si>
    <t>b'\xfd\xc67lNV\xf3\x16_\x08\x14\xb2\xc8\x89\r\x90\x8c\xbe\xed\x0c\x9d\x7f\xefE\xdd\x1a\xa0\x97\x96\xa5\x105'</t>
  </si>
  <si>
    <t>b'\x1b8\x80vQ\xc7\xbd\xb2\x03\xd2\x9eN7T\x08M\x8bG\t\xb5d\xa9&amp;\xdd\xf0\xc5uE\t\xbb13'</t>
  </si>
  <si>
    <t>b'*\x16H\xd7&amp;9M\xc8d\x83\xec\r\x8f^\xe8\xa1Q\x98\x1f\x8f|\x00\x16)\xd33\xbdK\xd5\x8c\x8dP'</t>
  </si>
  <si>
    <t>b'\xe1\x1f\x97*b+&lt;\xd9\xf0./+T\x84jzg2Df\x95\x1fsE?k\xb5\xa2P\x1b\xb1\xe3'</t>
  </si>
  <si>
    <t>b'\xdc\xb1\xb6\xd3\x88\xe5\xf84\x00\xb8K\xbf\xff\xa4=z\xe8&amp;\x8c\xb2\\t\xca\xa2|\xc5\x9dR\x807\xd8\x87'</t>
  </si>
  <si>
    <t>b'\xb5\xf6F\xbeT\xccC\xa3\r{\n\x128\x9a/\xf9z\xf2\xda\xf1O~\x1a\x8fQ%\xc4-\x07\xfe\xd5\xd9'</t>
  </si>
  <si>
    <t>b'\xcca$O\xc8\x11\xe9\x96\xc6\xfc\x0c\xb3\xa5\xd7 \xe7@\xf1\xd2X\xc1\xca\xec\x99R\x8a\x19\xd5\xad\x9e\xd6\x89'</t>
  </si>
  <si>
    <t>b'W\xc5\x9fV\xdd\x9d\x1b\x7f\xed\x19\xb9\x92\x06\xd1\x1a\xb7\xf5Q\xbb\xf9A\xb7\r\xc7\xc4\xf5\xc8\xaf4\xaa\x87\x10'</t>
  </si>
  <si>
    <t>b'\x98\x03\xf4\xed\x06\xc4S5\x9c\xe4I4\xbdf\x19\x15!H\xa6L@d\x00\xcb\xc3\xa9\x93\xe4h\xf9y\xaa'</t>
  </si>
  <si>
    <t>b'i\x13\x82\x97\xfaah\x95&lt;\x01*2\xad\xb5t\x91&lt;j\xba\x1a\xd6\x93\xa5\x03L\x0b\x8f\x83\x87\\g['</t>
  </si>
  <si>
    <t>b'\xef[\xdf\x85\x8co\x13r"\x97!\x9e\xd4\xa5\xb5\xf1\xce*:\xe4\xa3\xd7\x04\xb7Y/\x81\x9d\xd8\x8c\x9c\x0c'</t>
  </si>
  <si>
    <t>b'\xc0\xa6\x88\xdf\r\xa0c\xea\x16\x03A-\xd4\xbf\x9f\xe6h\x0c\xe1\xfe\x98Y\x1f&amp;\x7f\xa5\xd1\x1a\xdc n\x87'</t>
  </si>
  <si>
    <t>b'a!\x81\xce\xb6+=\xb9\xb0&lt;\x18\x07\xfa\x90K8n\xdd\xa2\xa5\x1a\x8a\xcd\xc6\x1d\x9f\x17$\x85\x8a\xc2&gt;'</t>
  </si>
  <si>
    <t>b'"{/\x04&amp;\xe9\x1b[\x8b\xac\x8c\xd5\xb2\x94\xeaM[\x0c\xb5\x89B\xda&gt;v\xe0\xa3\t\xf1yeAo'</t>
  </si>
  <si>
    <t>b'\xf9\x1c\xdb\t\xff\xac\x94\x07C\xb5"\xa5\x7f\x89\xfd\x12\'\x089\r*;P\xa8\xe6\x15\xcf\xfa\xc8\xdeB\xfa'</t>
  </si>
  <si>
    <t>b'4O\xff\xe6\x1f\xe7\xa5R\xc9\x959T*`\x00q\xde\xa7^\xb6S\xe5\xe8R\n\x10G\x90\xad\xbbc\xf0'</t>
  </si>
  <si>
    <t>b'\xc8l\x9a\xb3\x1e\xeb\x12&lt;hH\x80\xad\xf7\xb4,N\xd2\xb3X|=\x17m\x0c*/,\t\xa4\xf9\xe0\x8d'</t>
  </si>
  <si>
    <t>b'H\xa3\xa9\x80\x19h=C\x03\xfc"6\xee9\x88\xe5\xa3\xccf\x97Iq\xe0\xd9\x8e\xb2\xd1\\\x82y\x8f\x86'</t>
  </si>
  <si>
    <t>b'\x19\xe3\xb1,\x8b1\x95\xf0\xd45\xd6\n\xa0C8.\x8c2\xa8\x9e\x18)\x02\x88I\xea2\xa3\x13\xff\xa8*'</t>
  </si>
  <si>
    <t>b'\xd4\x9f\xc8\x90\x8f\xa4/\x91\x03/\xcbc+T1IZ\xb3\xb8)\xba\xa4w\x0f\xa7L8\xa2f\xca\x14\xd2'</t>
  </si>
  <si>
    <t>b'@u\xd2c+zr\xa1\xbb\xe2x\xfdb\x00\xbe_\x97\xfe\xfe\xef\x17&amp;\xf1\xaa\xafi{\xda\xfdi\xc0\xbd'</t>
  </si>
  <si>
    <t>b'l\x9f\xb2%m8\xd4\xdaw\xbc\x9d\x94\xf95\xb0er\x02\xbe[=\x9b\xa3\xf4\xdd"\xe6\x9b\xca1\x02X'</t>
  </si>
  <si>
    <t>b'oy\x8a\x0e\xd3\xdd\x16\x86\x8f\xcfu\xe2\xdak\xfc[pP\xc3\x00\x01:\x07jo\xfc@Y\xca\x07\xa6{'</t>
  </si>
  <si>
    <t>b'\xdfF\x80\x14K\xba&amp;\xbe\xc9\x82\xc5c\xe1PcyI\x03\xed\xe2\xf1\x0c~?\xe3\xd5\xb4\xf3\\\xae&lt;\x00'</t>
  </si>
  <si>
    <t>b'\xfb\xe1\x84\xb2\xaa\xd4\x90\xa9\\\x93\xbb\xfd\xdd{\xd6\xe6\x03\x07!\t9\xd6\x1c\x99\xee\xf4%\xc7v\xc3\x9e\x1a'</t>
  </si>
  <si>
    <t>b')L\xa3\xf7yl\xe73\xb2\xc3\xe1\xe2~M\xad[0\x1b\xf7\x99\x8d\x14\x8dP\xc7sR\xd5p\xf5\x18\xa3'</t>
  </si>
  <si>
    <t>b'?\xf7g\xe6\xf0\xc7\x8a\x08!\x018\x0f\x1c\xb4\x9b\x8b\x87\x8c$\x154\xd6\xa1\x19\xef\xfc\x12yHdg`'</t>
  </si>
  <si>
    <t>b'\x15\xf0\x819\xbb\x93\x1b\x80\'\xd1\xd9\xc2q\x84;\x1f\x98V\x9a\x0c\x18\xd8}\xfd\x01G\x0c"\xb3\xd9A\xc4'</t>
  </si>
  <si>
    <t>b'\x01\x15\xc0\xab\x8b\xab\xa1\xaf\xfb\x10\xea\xdb2\xb6]j\xa6@&lt;|F\x92\x08\x0f\x99\xd3\x84\xc3!\xd6\xff\xce'</t>
  </si>
  <si>
    <t>b'\x14D[\xee\xd8F 7\xac\xe0\xe4P\x06p\xac\x0c\x08Dl\xa5\x16\xc8\xfb$\x06\xb3\xdc\xaf\xf8\xfe\x8a|'</t>
  </si>
  <si>
    <t>b'\xa9\xb3\xbb\x0b\x87\x82_\xbfS\x85\xec\xa2\x84\x06\xfb=f\x1b\x06\x89z$\xae\x8f\xaa\xa9\xa0\xaa\x06\x04NE'</t>
  </si>
  <si>
    <t>b'\tx\x8d\x06\xa1\x8c\x14,\x9cu&amp;L\xe4\x0el(\xf0\x80\xf8\x8c\x97:^)\xfe|?\x19j\x9b^\x01'</t>
  </si>
  <si>
    <t>b'@\xa1\x9e\x98\x9c|b\xde\x0f.D\x11\xf5\x11\xc0:\xaa\x97K\xa00\xd1\x07\xe3\r\xe0\x0eY.\xed\x8b8'</t>
  </si>
  <si>
    <t>b'c\xcd\xb6\xf9b\x844\xd7\x0f3=\xdat\x9ci\xd8O\xac\xee\xaa\xbb;SF\xcb\x98\xd3\x03\xa1\x11\x92\t'</t>
  </si>
  <si>
    <t>b'+]\xc6J\xaf\xc4{rc\xaf7\x1f*\x95)\xcfo5I\x0cF\x1b*\x8a\xa7Y?\xf1\x86^\xc4\xb6'</t>
  </si>
  <si>
    <t>b'K\xe4w1w\xb4\xc3gAS\x96a\xa4\xb5\xb6Bm\x0327|[L9j\xcf\xb7\xfcEK\xdc_'</t>
  </si>
  <si>
    <t>b':,\xf0)\x14\x03\xd3qy\x92\xa5\x17\x82\xf1$\xfd\xea\xd3\xed]\xe6\x82\xb1\xbcJ\x92\x16\xf8\xcd\xec\xc6:'</t>
  </si>
  <si>
    <t>b"\x89\x83'\x1c\xf0\x90\xed=\xeb6\xc2x\xa2\xf2\xe4rp\xc6\x07\x00\x8c\xc1c\xda\x90%\x1e\x17J\x8b\n\x16"</t>
  </si>
  <si>
    <t>b'\x84"\xc1g\xdd\x7f\x86j\x1eU8;v}:\xdeA\x95\x04\x92\xb9\xcdrX\x83\x04\x1b\xe0\'1l%'</t>
  </si>
  <si>
    <t>b"\x1cE\xc9\xb2\xc6?9\xbcc\x8dM\xb0\xdf\xd9\xd1\xd4!\xe8B|\xdfs' \xb4\xb4h\x02\x1a\xfb\r\xd0"</t>
  </si>
  <si>
    <t>b'\xd41\xf6-\x83\xdc\x98I\xf7|\x0e\x97\xd7\xa6^\xea\x061uh\xdc\x9c\xef4\xfd\xdb\x80\xdfk&lt;\xdc\xe1'</t>
  </si>
  <si>
    <t>b'\x81r\xfb\xfd\x0cn\xc8\xa3\xf29\xf5\x18\xaa\x00p\xacu\x8d\xc1\x84,\xa2\xe6hKL\xe1\xe6\xb2\xab\x04$'</t>
  </si>
  <si>
    <t>b'\xe9.\xe4aWd$\x82@\x10K\xc4\x87k\xb0\x99\xe9\xe5\x8a\xb0\xdf4a\xcb^\x11\xd0\x8b7\x03k\xae'</t>
  </si>
  <si>
    <t>b'\xe8\x17"\xe2N\xb6\xa5\xc0_\xb6~2\xfb\x19\x1e\xb9\x9b\xb01\x99\xbc\x83|\x9f\xdbA\xdf\xfcY\x11\xdeb'</t>
  </si>
  <si>
    <t>b'\xa4\xff\x1e\xd8\x81`\x1d\xfc\xcd\xe4\xa5^\xe2\x1c\x03\xac\xa5\x99\xfd\xc1\xf1G\xcd\x9c\xf4\xc2\nw?!i\xd4'</t>
  </si>
  <si>
    <t>b"\x1d\xba\x1d\xa4\xcbj\xdf\x14\xd6\xf5\xd4\xed\x9a\xa2rLO'\n\xf4\x88M\x0f\x05\x94\xb0\xcdwJ&amp;\t`"</t>
  </si>
  <si>
    <t>b'M%\xde\xc8\x19\x84\x1aQ\x17\x03[E\xcd\x92\x81\xe0\x19\xf1~\xda\x9a"\x9ey6"W`\xca\x02\x8a\xf6'</t>
  </si>
  <si>
    <t>b'\xd0\x00\xa3g\x10\xce\t\xecS6\x84\x19Q\x1e&lt;z\xb8w\x0f\xdf1\x1b\xb0&gt;\x86+~\xf1\x9duo)'</t>
  </si>
  <si>
    <t>b"\x82\x07\x13\x9c\xf6\x91FCD#'Bg\xa4\xee\xc5L\x04\xbc\x16\xaa\xc7\x8e\xe0\x9b3\xc8\x11\xda2\xa3\xa0"</t>
  </si>
  <si>
    <t>b'\x12\x99\xe6\xd6\x8e\x16]\x150t=\x86\xf6]\xf4\xb0dGVZ\xec\xfd\xad\x00\xd8F\x83\x1e\x9c\x16?m'</t>
  </si>
  <si>
    <t>b'\xef\xdd\xa2+\xd4\xdb+\xa9@\x1b\xd1\xde\x96\xb1\xf4\xael!\x00\xfd\x8e\x81\xcd\x17Y\xb0\xad\xc7\x81\x1dmC'</t>
  </si>
  <si>
    <t>b'\x13\xc3\x10;\x0b\r^#~B\x13V\xbb\xbew\x01\xde\x14\x1e\xc0\x17\x95\x0f.\x97\x1f\xe7!+\xe0\xd7\x86'</t>
  </si>
  <si>
    <t>b'Q\x85!\xa7xw\xa7\xefOW\xef\x7f\x90&amp;\xfc\xd0\xd5\x94\xf1\xaa\xa2\xbc\nW\x83\x1f$9\x1c\xd2\xf8\x82'</t>
  </si>
  <si>
    <t>b'U?\xbe\x97\xfb\x149\x13\xbc\xd7\xae\x01\nw\x0c\x7fA\x14\x00.\xa9\x90\x14YP\xedL\x99)1j\xf4'</t>
  </si>
  <si>
    <t>b"y\x89\xd9K}\x1a\xbeKbT'\x8c-:\xb6F\xd7S\xd6\x00\x99\x8fh\xdbv\xfb\x97\x0b\x97\xa7=\xc3"</t>
  </si>
  <si>
    <t>b'\xd2\x9b\x16\xaa\xec\x00\xd2\x16\x0b\x90\x1b/\xda\xc1\xf0Kq\xb3\x81s\xa8\x11i?\x97SH\x0cd\xc8\x9aH'</t>
  </si>
  <si>
    <t>b'\xa2\x89\xec\xc5`\xe7"\xe3E\xba@\xbf\x95\x10\xadr\xa5JA|\x87\xe0}\xab\xf5\xacN\xf0\x02\xb6s\x9c'</t>
  </si>
  <si>
    <t>b"=k'\xe5\xe4:B\\\xfc\xda\x06\xc5!\x15{\x87=M/\xbfm\n;\x16\x8c\x01\xa2\x95\xac\x0fP\xf8"</t>
  </si>
  <si>
    <t>b'\xebm\rN\xb2\xd3\xbfHb\x7f\xbf\x96;\xee\x00\xda\x1e\xf3K\xbf\x8c\xd5\xac"\xf6\xe0\x01T\xc6u\xe5|'</t>
  </si>
  <si>
    <t>b'\xa9\xbb]X\x8donA\xe6\x87\xd9{r\x00\x05\xb4\xceR\x17eD\xa8\xa6\xab\xc4\x08RS\xb2\xef\x95e'</t>
  </si>
  <si>
    <t>b'&gt;\x03\xbd\x16RkXt&gt;\xf4\x11\x8b\x94v\x9f\xde\xae\nK\xf4k\xb1\xa98l\xa1\x10\xe9!%9\x12'</t>
  </si>
  <si>
    <t>b'\xfah\x9433\xfd\x83\x82\xd7\xfe6$\x93-\x00\xf0,\xf4!\x9c\xaf\xac\xb5\x03\xb67\xfdpd\xa4&amp;\x99'</t>
  </si>
  <si>
    <t>b'\xe2\x88\xd3\x89E\xea\xd7\x03\x07\x11\xa9\xca\xe1q\xa9\x84\xfc|w\xf3H\xc7\xc31\xff\x9d\xca\xab\xcd\x9f\x9b.'</t>
  </si>
  <si>
    <t>b'\x07\x95\xdf?\xc7\x7f-\x98\x9e\x1d\xda\xdc\xeep^\x93i#0\xea\x9e~\x03\xa1\x1d{\x1e\xc9-0\x8fr'</t>
  </si>
  <si>
    <t>b'/\xe1\x08\x08\xe5\x9fg\x99\x8e\xbb\xa0"\xe1\xb3}$da\xbe\x0f\xa1\xfc3\nY\x9fQ\xd5\xa3\x8fY\xe5'</t>
  </si>
  <si>
    <t>b'1\xaa\xceio\xc9\xeb\xd0\x07\x88\xde\x08\xf0\xb7{z\xe2\x9fA\xd5\xf4w\xcd\xfd\xb7\xb5\xb3J?#a\xdd'</t>
  </si>
  <si>
    <t>b'\xadq#K\xbd\xed\xb1\xfeG\xa1\x9c\xcb\xc4\xb9\xa0\xce\xf83\xe2\xde\x08\x13wO\x8b\x8f\x9f\x95\xfa\xc2D&amp;'</t>
  </si>
  <si>
    <t>b'\x85\xd7\x0b\xe7}\x14\xfb\xae\xec\x12\xa5#\x82\xc3&gt;e\xbf%=;\xb7\x074\xcf\x10\x1c\x1e1\xd7\xf4\xd4\xf1'</t>
  </si>
  <si>
    <t>b'\x8at\xf2wF\xe4!lI\xcd\xe8\x06\xea7\x17\xe2\xe2*F\x9b$9BQ\x04b\x17 Vz]\xcb'</t>
  </si>
  <si>
    <t>b'B\xf0\x8b\xd7l\x95\x1c\xfb\x80\rZv\x82\xf4\x07s\xd9\xa6:\x10DK\x9dj:\x89\xffI}\xa2=\x85'</t>
  </si>
  <si>
    <t>b'\xe1\x12\xda`\x05\x9f\xba\xdf\xdan\xab\x1d\x97\x1dQD|\xa4\x85\xb7\x83\x07\x0b7\xac\x17\xe1\xaa\x89#\x11\x06'</t>
  </si>
  <si>
    <t>b'Hh\xc4\x95\xd1GF\xf4\x08y\x8a\xd4g\xec\x06^\xb9|U%\xaf\xfe\x04\xd1\x1c\xd0-m\xf0\xa2\xa6.'</t>
  </si>
  <si>
    <t>b'J\xbc\x9b\xbd\xb0r\x02\xa1\xd7\xe7i\xe4\x04\xbb\xf1\x83\xe0\\\x14\x9b\xbd\x9b\xce\xd9\x1e\xefg|\x85\x8ens'</t>
  </si>
  <si>
    <t>b'\x14N\xed\x82]\x8a\xd6\x01\xff\x08\xb2\x18\xf9^\xd8\x98\xac\xc6]\xada\xb3\x95Fi\xac\x19O\xa7\xe90E'</t>
  </si>
  <si>
    <t>b'}]\rh\x88\xb4\xf5\xf12$\xa1#\x03_\x13\xf2\xe3\xe0d\xdd\x98\x1a\xdc\x85\x18\xc1P\xa5\xd8\r\xa5\x88'</t>
  </si>
  <si>
    <t>b'\xa0\xe6Z`\xf1\xb9\rMf\x1b\xaf\xe0\xe8\xd0\x04\xba\x96\x9bQ2\xcf\xf1d^\xa7@bmM\x0f\xdcd'</t>
  </si>
  <si>
    <t>b"}\x17\x83\xeav\x1e\x9fgo\xefa)'\xf2_\xad\x1c\xc8-\xf6\xfa\xacvD\x90\xadS\x952n\x1e\x82"</t>
  </si>
  <si>
    <t>b'9-\xf1\xeb\xa1\xca\x83\xa62+\xf3U%\xc7v8{*3\x10\x81\x00\x8f\xb96\x91&gt;\xa9\xb5\xfd\xaeh'</t>
  </si>
  <si>
    <t>b'\xf69|\xfa_\xa4\xe5\xd7\xcd\xc9.\xecs\xbd\xe8m\x13\xa4\xb9\t:\x9b\xe6\x9f\xf3\xf4\x8b\x8dS\xe6\x0f\xd7'</t>
  </si>
  <si>
    <t>b"\xe2\xea\x9a_\xda\xefX\xc6Gf\xc0\xf3\xb3\xbd\xae\x0b\x9b'\xcar\xba9wY\x1ax#j\xbf\x0c\x9d\x87"</t>
  </si>
  <si>
    <t>b'\xfd\x1b7\xba3\xaer\x89\x9eQ\x96\xa2!\xdf9\x91!y\xd8O\xda\xc2/0\xeb\x7f\xa2-4K\xb5\xe4'</t>
  </si>
  <si>
    <t>b'\xe9\xb2\xf6?\xaa)\x8c+\x0e\xf9\x81\xe4\xa7:\x0cW\xbe\xd3+%J\x06\xd5TQ`Mp9\xf6\x8df'</t>
  </si>
  <si>
    <t>b'$\x9a6\xfd\xd5\xe3\x00\xc1C\xc7k\xf3\xaa\xd87\x08\xcaz8\x91\xbf\x13\x00\xcf\x8f\x9b\x0c\xa8Z\xea\xdd\xe9'</t>
  </si>
  <si>
    <t>b'-\x031\xfe\xae\xb4\xc2V]^\\H\x1c\xd3\x95\xae\\\xfd\xdb\x8c\xa8\x88g6s0\xe4\xaa\xa0\xa7\xa5\xb7'</t>
  </si>
  <si>
    <t>b'{}\xc1\x8cT\xf9j2?\x84\x13\xd2\xbc-\x89Zb\xc3\x1dH\x05M~pdT\xed\x9d\xac\xe8d\x8f'</t>
  </si>
  <si>
    <t>b'SK\x16\x04\xa5*\xec\x0c\xea\xf0\xf8\x89\x92\xff\xcf0\x8e\x92\xc4Z 1\x94\xc7\xdd\xc4\x9c^\x85\xce\xe9\xb8'</t>
  </si>
  <si>
    <t>b'\x0b\xc3\n\x98\xe9\x81*\x01\xe7\xe6\x84=\xe9q\xba\x0c\xa3# \x17Z\x8a\xc9!MT\x02P\xcf\xe8u\x8b'</t>
  </si>
  <si>
    <t>b'\xa0\x9b;%\t4\x16re\x12=l7\x06e\x9b\x07h{\xcc&gt;\x99\xef\xa8\xd3\xd1LO\x9a\xe5m\xa3'</t>
  </si>
  <si>
    <t>b'\xac\x13\x8b\xa9\xe4\x90\xe2\xb3\x063 \xce"\xcc\xbd\xa3{\xf9^\x8e+u\n:\xc7]Q\x86\xf3\xab\xa6\xde'</t>
  </si>
  <si>
    <t>b':\xfc\x91\xb7l\xff\xe2%\xf1\xf6\xab\xa6E\x88v\xeak\xd7\xd1L\xa1\x17am\x7f\x80\xa0\xfb\x8f&lt;Eb'</t>
  </si>
  <si>
    <t>b'\xedI\xd0\xcds6\xa6\xae\x07\xaf\xb9c\x19\xab\xb8\xbc\xa1\x15\xcd\xf3\xdf\x95\x8f\xbc\xd3 ~\xeb\xd4\xd0\xdc\xc1'</t>
  </si>
  <si>
    <t>b'\xa2\xe9\xe0\x8a\x1f\xf5T-\x89\xb16Af\xf5^\x9cV\x90\x0c\x9d\x13\xed\x82\xf5\xe2\xb8\xc05\xa8\xbf\xe5\xa6'</t>
  </si>
  <si>
    <t>b'\xa7(\x10\xf0/\x8e\xe3\xfc\xa4\xa1\x14\xb2\xca\xac$j\x0em\xff\xfc\x0cc\x1b\xa1%\x1b\xd3\xd8\x98\xa9\x8f\xe7'</t>
  </si>
  <si>
    <t>b'_Z\x00\xa1\xdbn\xfa\x90\xe45+\x17\xb8p&amp;\xa7H\xb2&lt;\xe5=\xa9}\x1b\x19\x8d\x05\xda\xcb\x18\x11\xff'</t>
  </si>
  <si>
    <t>b'e4\xa7WD\x89\xb2\x14 W\x83-yT\xce3\x853v\xad\xdd\x81i\xee\xa5\n5\xf2\xd5X\xce\x07'</t>
  </si>
  <si>
    <t>b'\xc7G}\x07\xd8\xdc\x8c\xfd\xdb%V(\xf2%\xcfos\xbe\xbc\xe4\xf9\xe4\xe5\xfd\xfd\x8ek\x07\xa7Nf\xb3'</t>
  </si>
  <si>
    <t>b'm\xdf\x14..\x91,\xac4\xe3\xf5\xfa;\x19M\x11\x07\xa6\xb0\xd4&amp;\xda\x1dV\t\xeb\x032\xf4\x82\x8b@'</t>
  </si>
  <si>
    <t>b'W\xf4M*\xe3\x8a\xef\x93\xc3\xfd\xbf\xaa\xf8\n6\xb3\xf3\x0e\xaf(\x86\x8b\xa0\x886\\\xb9\xeb\x8b\xf0+\xdb'</t>
  </si>
  <si>
    <t>b'`\xc2\xd7\xf9LO\x9b\xd0GXX&amp;\xe25\xaev\x8f\xd3\xfa\xba|\xb0$\xb6u\x91\xbf\r\x0f8\xc4\x13'</t>
  </si>
  <si>
    <t>b'[%VHh[\x19\x92\x0co\xaa\xa5\xc9\xb2$\x1b\xe3\x8ehZ\xe2ih\x95\xcc\xf3\xe3\xeb\x198\x83\xb1'</t>
  </si>
  <si>
    <t>b'\xe1gtc=S\xf3\x05\xdc\x87\xa6\x9d\x7f\xc8&lt;6\x00\xbd\x95\x86\x0f]e\xe1\xcd\x88R\xc9\xf87B\x9c'</t>
  </si>
  <si>
    <t>b'\x89zB\xdc\x06\xbf\x0b\xe8\xf7Lk\xb2\x9f{&gt;\xdb\xf6%XN\x1e\xd1\xf65\xb6d\x9a\x97\xe6hGK'</t>
  </si>
  <si>
    <t>b'I\xc1\x82\x8c\xe2B.K\x1ce9\xd1}\x0b\x82\r\x84\xa2\xe1\x8b\x87\xec\xe1\xa6\xf7\xd8\xe7\xe6\x9c0\x15\x85'</t>
  </si>
  <si>
    <t>b'3z\x97sk\xf5\xe7\x89\xffB\x00\xca\x87\xc7\x10\xc1\x01A\xa8\xea\xc2\xb7\xd8\xb2\xbaj-\xfc\xa5f\xe9\xe5'</t>
  </si>
  <si>
    <t>b'\xfe\x0eF"u\x9f\xe1\xe1-]}\xa2]\xff\xefIYQ\x81\xc8\xef\x03\x02C~F\xe1\x84Lu\xe0\x01'</t>
  </si>
  <si>
    <t>b'\xech\x19\xf6%\xfb\xcd\xe6\xb8\xd8bO\xf6\x1a9%\xc6\xee\xd7N\xfe7\xc8\x99=\x82\xa5U\xcc\x98\xfa\x0f'</t>
  </si>
  <si>
    <t>b'@,\xfe\xa6J\xd4\xca\xb9.\xcb\xca7\x8f&gt;\xaaLWA\x06\xb3\xd4q\x1b\xdf\x97\xa0\x9b\x92jT=\x9c'</t>
  </si>
  <si>
    <t>b'L\xf2z\xa1_=\x1f\xfc\x1e\xb2\xa2\xd4`\xe4\xbf\x0c,\xe6\xcb\x04\xf0h\xbe\x9c1hL\x06EC@}'</t>
  </si>
  <si>
    <t>b'\xd3\xcbvK.\xad\x11\x03\x0f\x94\xc4\xd2(\n\xbe.\x16\xab\x8e\xbd\x8b\r\x8eU\xddaV\x1f\x94\xb97\x83'</t>
  </si>
  <si>
    <t>b'a\x87o\x01\x7fp\xb96\x8d\x17\xde\x92\x9f\xdb\xbe\xaf\x8bX\x9a\x10\x0cS\xfd\xdd\x81.\xa2a\xac\xa6\r\x1b'</t>
  </si>
  <si>
    <t>b'\xbf\xacca\x86\xa1\xeb\x84\x11\x00\xfeqR\x15N\xb2\x91\x08\x8a\xd4\x83&lt;\x89\x8e\xb51\xcb\xbbf\xc6\xc7\xf0'</t>
  </si>
  <si>
    <t>b'\x93d\xed&gt;4^\xaa\xff\x0c\xb1\xc4\x1af\xadU\xb4\xe8\xea \xd2\x95\xf3IQ#Q\x81\x82\x02\xad\xb1$'</t>
  </si>
  <si>
    <t>b'\xa6\xbb^%\x8dtI\xe1j\xe9y\xa0\xbc0\xee:\xba\xe3\xb2\xaf=\\6\xc7\x9e\xd7cW\xddnB\xc6'</t>
  </si>
  <si>
    <t>b"\xec\xb4\xc4\xf3\xc5 miH'\x82\x8a[&gt;c!2\x08\x80D\x156\x0c\xca\xef\xab\x03n\x83N\x81\xb8"</t>
  </si>
  <si>
    <t>b'}_,\xd5\x02\x11(\x9fo\xd3\xa6\n\xea\xb2\xa3`T\xe3/\xb4$\xb5\x14\xf3m\x87\xe6A\x87\xc3@\xc7'</t>
  </si>
  <si>
    <t>b'\x178I\xef\xc6\xa1\xe1\xbd\x89B\xfd\xce\x9a,4\x82\xc5?\xca\x01\x1c\x17\xc3\xe6\xc0\x96\xb7g\xac\xf4\x97\x02'</t>
  </si>
  <si>
    <t>b'\xef\x943C\r\x9e\xb2\xf0\x08\xa1\x93\x0cFb\xf1\x9b\x0b&amp;2W\xd2*E}\xff\xbf)h\xaa\xb3\xa0\x98'</t>
  </si>
  <si>
    <t>b'hg\xa3\xc8g\xa4I\xb8o\xd3\xf6\xe4\xec_\x04\x85\xe7\xb2\x93\xd0\x86d\x1fa\xb3V\x8f$-D\x08j'</t>
  </si>
  <si>
    <t>b'\xb4z\xfc-\x89;\xe2\xbc\xf7&gt;"lfu\xd1\x9b\xf7\x03\x9e\x87H\x1am\x03\x94\xc4 XN=\x19\xc8'</t>
  </si>
  <si>
    <t>b'\x8fm\x02,_\xde\x14x^\xdf \x17\xd2I\x92\x85\xfb\xfa\xbf\x81\xcc\xc6\x113\xcb\x80rk\xd3\xa0a\xd4'</t>
  </si>
  <si>
    <t>b'\xa5\xd5\xd9.\x86\xd9&lt;\xe8\x96\xf6\xc5\xb5\xfa\xa5\xa1\xe5\x19i\xcb\x8dv\x96pw\xa0\x13\xe5\x7fb\xf5Hl'</t>
  </si>
  <si>
    <t>b'fc\x80\x03\x9eO7\xf6\xbf\xf8e,\xb3\x906\xcbS\x96\xb08\x04p0\xd5\xd7E\x0f\xa7\xc7IX\xa9'</t>
  </si>
  <si>
    <t>b'\xcf\x1c\xa1v\xcc\x82\x0fa\xb6k\xdf\xb2)\xd8w&amp;\xb1\xda\x80R|\xf01-6*\x94?\xaf\x1d\xdc\xbd'</t>
  </si>
  <si>
    <t>b'\xbbW\x17lt\x8eTXX\x96\x9bx\x1f&lt;k7\xc9\xcdO\xd6\xb2\xae\xf2\xc1\x1e\xa8\xae\xbfy"2\xcc'</t>
  </si>
  <si>
    <t>b'\xc0\x00`\xf3\xd7\xab\x08\xa7P\x1f?\xef75\xf1es\xdc\xb3\xfc\x08\x0c\x81\xb9\xee\xce6\x8f\x11\x10\xfe\xb8'</t>
  </si>
  <si>
    <t>b'\xf0\xc1\x88\x99\x15\x03%f\xb4\xec\xe1\xad\xf1MX\xcf\xf1\xec}\xbd\xc3\x8f\xff\xf7`\x1c(\x08\x19gn\xee'</t>
  </si>
  <si>
    <t>b'\xae\xf4\xbb\xc6@\xd7;.g\xa8\x1d*p\xa8C\xa9&gt;\xcd\xb1\xc0u\x89\x01+\xad\xc6G\x88\xa0\xd0=m'</t>
  </si>
  <si>
    <t>b'\xce\xe6\xc3|hR\xd6}C\xf8\xe0\x84"\xfa\t\x19-a7\\P,\x8a\xf9\xb5\xf5\x1f\x18\xbc\xa7a\xb4'</t>
  </si>
  <si>
    <t>b'&lt;5S\xb6`\x04S\x01\xea\x02\xe2\xbe\xf1\x13\xc6\xe3\x85^\xf0\x80\x01C\x14;u\xda\xbb\xe9\x98iA\xab'</t>
  </si>
  <si>
    <t>b'\x8e\x015\x88\xf2V\xbf2\xd7\x9aAq\x9b\xd7\xaaB\x16\x9c\x07o\x83\xda\x06\xf5|R\x1f\xd7\xf3\n/\xef'</t>
  </si>
  <si>
    <t>b"]\xe07\xfc&amp;\xf5-h\xb4\x89.'C\xe5\x11\x89\xaf\xe6v`\x0c\xb5V\xaf\xe8E;\x1d\x7f\xc2\xa3\x8c"</t>
  </si>
  <si>
    <t>b'\xc6J_\xf2\x1cHo\xc4&amp;\xb4u\x87!\xa5\xa2\x1aBaI\xbc\x91\x94\x11\x93V\xba\xcb\xb8\xcc^\xef\x87'</t>
  </si>
  <si>
    <t>b'\x07/\xa3\xe1\xdf\xc2\xceY\x96\x11H\x97\xa8\xbf\x87/\xd1,6jC\x18@zij\xc8r\xd8\xc0F@'</t>
  </si>
  <si>
    <t>b'\xfdX\xaceZV\x91\x94\x17\x9d&gt;Ec.\xe6\xaa\xa7\xec\x15\xe3\xce\xd8\xf05W\xbal\xf2\x08_\xc3\x1e'</t>
  </si>
  <si>
    <t>b'I\xb6\xd8\xec\xcd=j\x86\x8f\xd8f\xcf\x9f\xae\x82\xa9\xb0\xb1\xb7\xad\xee\xb7/\x83\xfbG\xdf\x0b\xf8BQ\xe0'</t>
  </si>
  <si>
    <t>b'\xc3\xf3\x1fG\xab\xc1\x1c\x1f\xb3\xecx8\xa4\x13\x9f\xd8p\xe3\x7f%\xe6\x1e\x1e\x93\xb8x$\xae\xcc\x1b\x908'</t>
  </si>
  <si>
    <t>b'x4|M\x06[\x85\xca8\xca\xff\x14\x9a\x11\xd4\x03\x93\x15{@\xb9N\x83B\xe3\x06\xe6a54l\xde'</t>
  </si>
  <si>
    <t>b'#\x00\x8c\x8e\xc9\xd5\x0c\xa5Lv\xda\x9b+6\xda\xfc\x9c\xf8W\xad\r\x9d]\xd0\x87\xcd/\xc8O\xbc\x85\x90'</t>
  </si>
  <si>
    <t>b'\xa04\xbc\x96\xa1\xce\xe4&gt;\xcd\xc2\xeea3a\x0f\xd4\x10\x9a\xc1\x06\x97\xc3M\xc28\tgT\xc9d\x93\xb9'</t>
  </si>
  <si>
    <t>b"\xe6=\xbc\xf75p\x1d\xeb\x16\x0eS!\xc1S\x05\x1c\xfa\xc4~\x0f\xbe\xeb\xb0f\xf5\xdb\xbf\x8f'\x92\xab\xce"</t>
  </si>
  <si>
    <t>b'S\xf5\xfc.\xd4l\xddC\xd1\x8d%\x1d\x9c\xc6.B\xa5\x0c$B\x15\x8d2q\xc1\x0b&amp;m\xfc\xc8\xb8`'</t>
  </si>
  <si>
    <t>b'\xb2\xc1\x08\xc4\xd2\xcb\x03\xea\xafU\xc6&lt;{V\xec\x97[\xc8\\R\xd29\x13\xf4\x89\x07M\xcd\xc5\xc3GO'</t>
  </si>
  <si>
    <t>b'.P\xe3\x0b$UFe\xc47B?\x87\x7f/\x9f\xd2[s\xceC\xa1\x0e\xd1-\xbbY\xca\xaeJ\xaf\xc6'</t>
  </si>
  <si>
    <t>b'Nf\xf7\xdb\x12Y\xa9\xb7\xd4F\x10\xe0\xb0h\xfe\r\xc9\\o8\xe8\x17\x11\x06v\xec!\x98c\x90\xd8\xa6'</t>
  </si>
  <si>
    <t>b'\xf4Y\xc1c&gt;\xd9\xc7\xbc\x96\x8d\xa7\x82\xe0d\xb15 U\xc30\x14|k4\xebqR\x8f \xd2W\x95'</t>
  </si>
  <si>
    <t>b'\xd8t\xef\xd1\x0b2\xdbz\xa7ixe\xf3\xc5\xcf\xb7\xccR\xccZ\xa8\xf5\xbe\xaa\xe8\xc0\x89\x19\xd3\xdc\x9d:'</t>
  </si>
  <si>
    <t>b'\xe3~\x1c\x95\xea\xd0\x1fr\xd0\x05\x19nn)Ix\x98\x84O;\xe6\xfe\x84\xf1\x05\x9d\xe7\xf7\x938\x83\xce'</t>
  </si>
  <si>
    <t>b'\xab8O{\xfd\xc2d\xfe\xb6\xc6\x8d\xbe\xb5\x9b\xafc\xd9\xe7\x0f\xf5\x19\xbf\xa5\xfc\xe2%V\x1f\x1dS+\x98'</t>
  </si>
  <si>
    <t>b"=fu\x15n\xdc\xa2{J\xfd=,\x95\xfd\xc0'0\xedo\xc4\x9dCd\x8aU\x16S@CM#\xfc"</t>
  </si>
  <si>
    <t>b'\xf4\x0cG\xd3\x9fq\xfa[\xf6\xa8\x15\xbe_\x8b\x0c\xae&amp;\xd9\xfd\x139i7\xca\x97\x10L\xc3&lt;y\x9f\xf2'</t>
  </si>
  <si>
    <t>b'\x9cS\xc9[\xe2\xbe\xeeP\x11\xd1\xa1\x8b\xcc\x19"\x1f\xf6\xd1\r\x94me\xa0\x9b\x84\xae\xaf&gt;\xf6\x93\x01\xe3'</t>
  </si>
  <si>
    <t>b'w2\xac\xba\xbd0Ds\xc2uk\xc7\xe3T\xd6\xc1M\xe2\xfc\x00q*\xac7o\xbd\xe5\xef\xabBU\r'</t>
  </si>
  <si>
    <t>b'!\xa5\x97\xeaE\xe8i\xc3\x9dI\x12+P!\x85\xee\xbf\x86\x95\xe2\xd3\x96\xf3\x03\xcc|\xf6\x89\xcb\xd1\xd6\xcd'</t>
  </si>
  <si>
    <t>b'\xf6|\x89w_aWY\xd8\x12\xd9\xc4\xc2\x1a\xea\xcf\x91\xba\xa7G^\xcd\xdf{\x97\x08\x10 \x8f\x8f\x82\xc5'</t>
  </si>
  <si>
    <t>b"\xea\xed\xa0G\xe1[`\xbc\x81\xcfV'9\xc2\xfc\x9b9\x9a!\xaa\xe7\xd0\xdf\t\xd8\xd2\\-f\x83v\xfb"</t>
  </si>
  <si>
    <t>b'\x7fgx\xce\xdb\xf2:\xee\xacY}\xd28v\xd1G\x07\xcb=\\x\xb9\x9c\xc4m+Z\x95\xc5\xd2Hx'</t>
  </si>
  <si>
    <t>b'N\xd0\xb5\xe9\xca{x}\x8d\x90\x97\xf2\xdc\xa7\xe0\xb3\x03\xc3(\x8f\x8b\x1b\x7f\xa2v\x91"\xf1\xb0\xbf\x9a&gt;'</t>
  </si>
  <si>
    <t>b'U\x92\\q\x9c\x15\x9a\xa2kt\xd32\x1eP6\xbb|VM\xccj&gt;F\x9d*\x9b\xb8\xdcSx!\x96'</t>
  </si>
  <si>
    <t>b'\xf5\xfd\xdc\x10\x96+1\xe9C\x13\xaa\x08\x8e\x030,\xbc\xb0\xd46\xeb\x9f\xa8I\x0e\xdb\x80Z,\xce\xcfH'</t>
  </si>
  <si>
    <t>b'\x95^\xb6[\xfeG\xb9\xceP\xbaqN\xc23&amp;N\xd5\x8e\xa9e\x0e\\\xb7y\x84Ev\xf34Ur\x02'</t>
  </si>
  <si>
    <t>b'\x9e\x02C\xbdp\x8119;8\xe4S\x86\xdd}\xb6\xae^4\x99H\\_\xae\x1aW\x8e\xe4\xcad\xddw'</t>
  </si>
  <si>
    <t>b'jPI\x1a\xf3\x15\xdd$\xc0\x16\x0bx\xeb3|\x95\xb4\xda\x1d\x19\x82;\x18\xe6\xb3$\x18\x95\xfc\xea&gt;\xcb'</t>
  </si>
  <si>
    <t>b'g\xca\xf9\xd1\xff\xb3sW\x0e\xdd\xddV\x9c\xc7\x94S\xa8\xa9\xeb\xb6\xe2&lt;\xdf2\x96\xbc,\xab\xd4wv\xd4'</t>
  </si>
  <si>
    <t>b'\tJ\x08]`#\x96V\xdd\xd1\x0b\x14(\xe2\xa7\xe5\x82Bk\x91\xee+\n\x8dL\xf0-#|\xfd\x8aa'</t>
  </si>
  <si>
    <t>b'\xbaF\x10\xda\x0e\xc0\x16\x1f\xad\xac\xfa\xc0\x9e\x18G\xbe\x86\x10^\x94W\xac`3@x\xda\x0f3\x83z-'</t>
  </si>
  <si>
    <t>b"'\xbd\xf4e\x9ff\xb9^\xe9!H{\xf8\xc6M\x18DE\x17F\x93\xd1\xbb\x9a\x88\x935${/)\xfd"</t>
  </si>
  <si>
    <t>b'\xee\x1e\xe0\r\xdd\xa8GX=\x81\xb0\x82\xd9\xce\r\x81(Z\xf9\x8fi\xbc\xa0\x12dA\xc9\x9f\x10x\xda\xdf'</t>
  </si>
  <si>
    <t>b'&amp;\xa6\xad\xbf\xc2~]4h\x9e\x07\x8b\xff?-\x94&gt;\xd2;\xa7&lt;t\xf3\xd6\xe0*\xeb\x07\xc8\x01\xae\xb1'</t>
  </si>
  <si>
    <t>b'\x15\xa7\xc5%\xcc\xa8\xffE0{\x01\xb8\x1d\x808m9\xecU*\xf0\xdf\xd3\xf41\xe6\xfb"\xa7\xd91\xa6'</t>
  </si>
  <si>
    <t>b"\xc0\xb8{\xfbV=f\x01\x87\x99\x8f5\x0b\x8b\xad\x0f\xe2\xee\xf9\x9b\xd3\xe71E\xaf'\xf3RiH\xf27"</t>
  </si>
  <si>
    <t>b'\xa0\xd6\x0ee9\xccc\xc7\xcd}\xc09\xc1\xde\xda_\xf9\x93%\xd2\x86\xd3\x04\xdaF\xfe4\x92\x06\x87\x16.'</t>
  </si>
  <si>
    <t>b'\xbcO|\xc4\x08\x0c\x8b\x90\xd3\x0c!\xd2\x92\xd7\xb6\xc8 8U\xee"\xb94D\xcaH\xd5j\xefrK\xdf'</t>
  </si>
  <si>
    <t>b'\xf9jk\x91\x0bT,&amp;z\xd3\rB\xd4\xc8\xb4\xb2\x1c\xd5\x16\xe8\xbfu)\xdd\xdc\xa9s\r\xc1O\xc2\x0b'</t>
  </si>
  <si>
    <t>b'u\xfc#ou\xd9\xc5\x01V\xd0J\x1f\x03\xeb\xeaXJk\xb0c\x99e\x99\xcf5\xc1\xaa\\\x0f\xc8,\x10'</t>
  </si>
  <si>
    <t>b'\xfb\xb0\xd1\xfe\xe0\xf3e\xeaX\xaa\x10\x99R|\x04\x99\x8c\xe7@\xf2x\x03L#A\x86\xedV]\x90\x90\x94'</t>
  </si>
  <si>
    <t>b"\xb8\x90L@%\xc9\xbd\xfa\xd0\r\xe3zR\x84U\xb3\xdf]\xb3\xd0\x89 \x01\x0b\x07'\x98\x93k\x82\xa1/"</t>
  </si>
  <si>
    <t>b'O\x8f\xb7\xe2^\x9a\x9f\xfc\xd0\xac\xc3\x7f\x830\xa9\x18K\xfb\x852A\xf4\xa9\xdcMOI\x92\x83\xba!\xc8'</t>
  </si>
  <si>
    <t>b'?\x99&lt;D\xdcv4\xe2\x82k\x98KPr\xd6\x88\x92\xea\x7f\x14\xd3\xee\xb1FbJ\xfel~_u\xa2'</t>
  </si>
  <si>
    <t>b"M\x7fb\x18\xaa\xd9\xdbr\xd7\xd2w'\x0c\xd8\xe4w\x86\xec\x8c\xd1\xfe\xd9y\x04k\x86&lt;\xeb\\\xb9\x08\x8c"</t>
  </si>
  <si>
    <t>b'5\xe9\x17\x9b\x1d\x88l\xef\x18W\x9e\xb8\x85 ~\xc5\xb0A\x85\xd4F[9\xba\xac\te*\xc2\x0c\xcfL'</t>
  </si>
  <si>
    <t>b'\x8b\xa8v\x94k\x97[\x8a\xb9\x02\xc6\xbap\xc3\xff\xaf\xff\xd5\x96\xccK\xf9Ql\xb0}j2\xc6\xe8\x80\x17'</t>
  </si>
  <si>
    <t>b'y~\xe4\xb07e\x10Ittw\x82\x83\x93.\xe7\x1eUb\x1f\x1e@b\xa8L\n\xacH\xda\x81\xb5\x83'</t>
  </si>
  <si>
    <t>b'#\x85s\x8a\xb3Nx\xc9\x118\x91\x93\x9e\xe9\x01o\x90$,\xaa\x90\xca|\xa7\x05$\xe1\xad\xdf\x91\xec\x85'</t>
  </si>
  <si>
    <t>b'\xd7V\x06\xfd\x03\x87\xda\xeb"\xe0\xf2\xa7\xe1\xc45%\xa5\xc1/\xac\x8c\xcd\x00 2JVnG)D)'</t>
  </si>
  <si>
    <t>b"c[\x84\x04\xe3\x04'\x86J\x15J\xe4\xee\x04\x16\xf7|YE&lt;d-C\xda\x9b\x13\xda\x01@R\x8b\x8a"</t>
  </si>
  <si>
    <t>b'\x04\x88q\xa4a\xb4&lt;*\xa7\x98\xf3\xd50\xaf\x8a\x89.H\x80U\x91\x9b\xe7(B\x1fF\xc1!\xe3]\x80'</t>
  </si>
  <si>
    <t>b',U\xa8\x12E\x11i\xba\xbb\xa6\x8e\xe2,\xeb\xf9\xcf\x12\x7f\x97G7\xf3\xa8\xc0\xb9T,\xb7+\x11\xc1b'</t>
  </si>
  <si>
    <t>b'\xa8(\x07xG\xfc\xff\x1ec\xb9\x10\x92c2\xee\xa7\x9e\xb4\x9f2\xe7\x88o4&gt;\x0c\xd3\x92\x02\x04\x1b\xaa'</t>
  </si>
  <si>
    <t>b'\xccG\x91\x0b\xc0\xed\x8c\x97\xf4\xf1%\xaf5?\x10iI\x0egY\x8brj\xe5W,}\xa7UA{\x9b'</t>
  </si>
  <si>
    <t>b"wS\x8d7\xdb\xd4\xf0}\xec\xe5a\xcaN\x9b\x13\x9a\xf5_#/\xcb\x92\xc3\xbc\xec\xf4\xd3 '\xa7\xf9\xbe"</t>
  </si>
  <si>
    <t>b'\\p#\xef\xd1\xc4\x8b\xfa\xb3V\x98\xc5l\x18\x95:\xc2s\x16\xdc\x89\x18\xea\x1c13t;\x9e1@\x14'</t>
  </si>
  <si>
    <t>b'\xfa\xb07_\xd2\xda#\xcc\x95\x81z\xef^\xd5\x18\x8d\x97\xe4\x82a\x85w?\xcbu\xf29oS\xdf\xc2Q'</t>
  </si>
  <si>
    <t>b'\xcf\x9a\x8d\xae\xca\x11\x8a\xba\xc7d\xd1H\xa9E\x1c\x03\xbe\x85\x9d\x17\x8d\x06\x11\x9cY~GOw\xaa\x07\xa3'</t>
  </si>
  <si>
    <t>b'\xd8\x9a\x12\xa0Ew\xf3\xd9K\x18\xb7\x10\xa2P\x02p\xbb\xc1x\x12\x91\xa9x\x82\x87\x04\x10\x0bgK\\o'</t>
  </si>
  <si>
    <t>b'\xd9\xe8-\x80\xe6q\x04k\xb4\xe27\x0c\xa0\x13;\xb0&lt;\x01\xebo\x94Y\xc98_\x04#\xad\x98"\xa0\xe3'</t>
  </si>
  <si>
    <t>b'\xf9\x0b\x18\xaf~\xacJ\xf62\x92T\xf7\xf6\x16\xcf\xf0T\xf9*\x85\x11\x8aL_\xde=\xc1\x05\x0c0\x0e\x87'</t>
  </si>
  <si>
    <t>b'\xb1\x89c\x0e\xf7-d\xb7\xaa\xd1\x16\x86Fd\x0f\x81\xb7\xdag9\xca\xcf\xd5\xa0\x16\xc6\xf8\t\xea\xfd\xc5\x1e'</t>
  </si>
  <si>
    <t>b'\x9a\x8aW\x9fM\xfd-\x97\xe3\x1c\x97\xa0^\xb7\xb8\x84\xb7\xb5\nk\x00\xd2\x9f\x85\xee\xe4\xdbA\xc8\rS\xb5'</t>
  </si>
  <si>
    <t>b'\xd0JE\x80\xbc\xaa\r\xa8\xb2\x1e~\xf8F\xda\xdbA\x0c\xe2\x81\xf3\x15\xdb)Y\x1b\x89\xec\x89\x14\xb3 \xc3'</t>
  </si>
  <si>
    <t>b'\xf8D&amp;\x92DPJ\xf3:\x9f\xe0\x06\xbb\x9c\xb1\xd9o\xb1\x95O\xdae\x99+\x85\xf3\x8f\xef\xf6g\n#'</t>
  </si>
  <si>
    <t>b'\x7fWw+\x9c\xb9\xc2\x16\x1eu\xdd\xb6\x18\x19#\xc3\x90\x07\xbc3%\x84\xe5\xeew/\xdf\x8fO@\x99T'</t>
  </si>
  <si>
    <t>b'\x95$c\xf5f\xda.\xb9\x04\xcd@\xcc\x06\x9c\x9b\xe7\x1d\xa6=\x88\x90\xe3t\x9c\x8fR\xa1\x19\x08!\x82\xfc'</t>
  </si>
  <si>
    <t>b'.!\xd3 \xeb\xf0\xf3\x1c\xcc7\xcfgZ\xee\x86O\xbd\xe0\xc1\xef\xd3\xea\x92\xf8\xd13\xfe&lt;}\x98{W'</t>
  </si>
  <si>
    <t>b'`\x1d\x0csy\xfa\\h\xb4\x00H\x05NB\xa1&amp;3\xac\xcdu\x85]\xf2bK\xc4\x02\x86\xfd\xbb\x95\xd7'</t>
  </si>
  <si>
    <t>b'\xd8\x07\x15,s]?8\xe5\xb6+\xff`\xb0\x18+\xa75\xca\x163?lW\xa3`\xf9#\x82\xac\xb9T'</t>
  </si>
  <si>
    <t>b'\xb5\x8c~(\x06Q*\xc8 \n\xc41P\xec \x01\xa6\xe2\x92\x98\xbf\xf0qa\x8b\xb1f\x99\xfdw\xa0\xbe'</t>
  </si>
  <si>
    <t>b'\xc3\xb2\xec\x99\x9d)$5\x9b\xe4\xe9#o\x1c\xaes\x8f\xa2\x85\xaf\xed#kAk\xc7+yY\xc4\xe0\xf5'</t>
  </si>
  <si>
    <t>b'\xdd}\x9e\x1f\x1b\x08\x05\xc3\x83\xc8\xd5\xeb\xa0\x98\x82Qh\xe1E\x11\x8c\xd58\x14!\xe28\x98#,}M'</t>
  </si>
  <si>
    <t>b'O\xfe\xf1\x1e$\xa8s\x01\xb9\x9d\x02W\xd2\x8f?\x8901)B=#\xbaTV\xb4\x93\x8f[\r\xa7%'</t>
  </si>
  <si>
    <t>b'\xbe\xff\x00o\xedy\xd1\x18\xa0?\xc0ImG 2\xa1\x9cWI\xef.\xc7{\xa6\x11Hf\xa8,3\xcd'</t>
  </si>
  <si>
    <t>b'\xc34ua\xd3\x03\xd4;\x99|Y\x91V\x8ex8\x15\xe1\xa3\xda\xc5C\xe7\xa6\xad\xba\xb5\xed$\xfbo\x0b'</t>
  </si>
  <si>
    <t>b'\xeb\xd0\x94\r2\xee\x1b\x11{D-O\x9b\x02\xbc\r\xf4NJ\xef\x9b\x18Jo\xd3\xfe\xd6\x02\xbd\xa6cB'</t>
  </si>
  <si>
    <t>b'\x99\x1e$\xb0\x03@\xb5\xfa\xb9&lt;J\x7f\xeb\x9e\xe7\x8a\xf9\xfc.4&lt;\xea\x1c\xdd\x07{=\xea\x05\xdf\x18\xc4'</t>
  </si>
  <si>
    <t>b'\xdc\xfaK\xef\xe8?\x91z\xc0\n\xfa\xb6|\xdah\xdc\xc7\x83Pqq\x96\x82?\x1f \xe6i\xcdy\x93\xfa'</t>
  </si>
  <si>
    <t>b'\xd6*\xfa2ZY\xec\xe7\xbc\x87}\xf7F\xbf?&lt;6\xf9\xf1\x809\xceC\x9e\x03\x08\x19\xae=\x98\xd1D'</t>
  </si>
  <si>
    <t>b'\x11\xc2Q\xa3\xf022d"\xfd&amp;\x1e\xd1\xf5/|V]\xc2\xf6G&amp;\xdc+@\xe5\x10\xf8i\x8f\x9d&lt;'</t>
  </si>
  <si>
    <t>b'\x01B\xe0\xb2\xf8\x9df\xb8%\xda\x9f+\tp\xbeO.@\x9b\x97\x12X\xe2\x07\x17\x92h}\xb5.\x87\xca'</t>
  </si>
  <si>
    <t>b'bBeR\xd9\xf9\xf9c\xb6\xd0l\xf8\x0b\x9b@\x1f\x862?\xbeYI\x05\xf9\x00T\x1d\xdb\x08Z\x07\xa1'</t>
  </si>
  <si>
    <t>b'\xb9\x00\x8e=\xbaK\t\x1aA\x97\xde|\xc0\xb9,\xaf\xdev\x05\xf5\xb1\xab\xe3\xd7-Qnv\xb7\xd7\xeej'</t>
  </si>
  <si>
    <t>b'\xd7w\xfb8\xf6\x16\xad\x8f4\x9b\xd3\x8a\xfaX\x1c\xb0\xe1\nW\xc1\xc8aGD|\xc0\xba\x07f\xbd\xd2\x9c'</t>
  </si>
  <si>
    <t>b'\x99\xf8\x88C;\x0c\xa1j\xe5\x856[SA\x81;\xcc`\xc7\x14H79x\xf8\x823\xf1\xe7V\x8d\\'</t>
  </si>
  <si>
    <t>b"3\x97\x8aQ\x8aA\x10T\xfdv\xdc\x0f\xee'\xac\xa9\xdeL\xcc?\xb6t\xd9\xaa:m\x1f\xbd\x90jh\xaa"</t>
  </si>
  <si>
    <t>b'\xecI\xaa5\x9bG@\xfe&gt;\xbf\xa3ea\xab\x08+\x0br\xf8\xeb+\xa8\xc82K\xf7\xcd\x17j\x87\xa8W'</t>
  </si>
  <si>
    <t>b'\xca\xd9\xb6\xfcKJ\x86\nN\x04\x05m\xde\xfcI}\xe7\xd9\xdfhd[l%\xd8\x8cSh_\x891\xe1'</t>
  </si>
  <si>
    <t>b'b\x94\xed\xd2\xe4@\x97|\xb9\xbc}\xda7:7\xb1C\x8e\xb8\xfbu2\x13n\x15\xab1\x83\x1f\x10\x93\x1b'</t>
  </si>
  <si>
    <t>b'\xa5\xf0\x1fL\x89\xceL\x0eB\x079(4^)\xf8\r]\x17\x945\x0e\x0f\x90p\xf7c\xc6m\xc9\n\xee'</t>
  </si>
  <si>
    <t>b'\x17\xb8\x8c\r\x92P\x11\xbb,\x83Ody\x10\x1e\xdaI\x7f\xee?P\xb8\x88\x0bDp\x90\x96\xc8\xd67\xd1'</t>
  </si>
  <si>
    <t>b'@\xe2,G\x8f\x8e\xf8h\xe8?\xb3\x15]\xfd\x85\xd7\xbe\xc9\xeb\xed\x0ceSI\x04c\xa7\x0ept\x96\xe1'</t>
  </si>
  <si>
    <t>b'\xa2\x8fd\xed\x02g\xb6\xbbz\xee\x8f\x00\xda\xe2\xc0\xc7hG\xec\x1e\xc3\xab\xc30\xf1\xe4f\xae\xf4\x96\r\x86'</t>
  </si>
  <si>
    <t>b'\xad\xf8\x84\xae+\xf0\xf5*\xf5\x19(\xbai\xac\x08\x96\xfdL\xfa\x85\xfe\xa1\xe7\x05\xce@\xbf6\xf1\xf1\x859'</t>
  </si>
  <si>
    <t>b'\x8bUb\xf3\'\xdb"+3\x83\xe8\x18M\xc0w\xc1\x04@}u\x8e\xdaXxs,\x05\r\xd7Y\xf6{'</t>
  </si>
  <si>
    <t>b"\x12\xb4;\xfaf\xe6?\xe9F\xe5\x19'\x8e\x88j\xcc[Jt\xa2d\x9f[\xb0\xb1\xe2\xd1\xe9\xc01\xb0\xfa"</t>
  </si>
  <si>
    <t>b'%a)\xd7j\x85\xcb\xcd\xf3\xd6\xc9tF\xf3\x88\xa7F\xf6\x1c\x9e\xa0\x02+\x04\x98\x00d7\xd8&amp;\xcaw'</t>
  </si>
  <si>
    <t>b'\x02\x84Q\x91r\xddc\x91H\x02\xf6\xc1\x7f\x1d\xa1\xba\xa1\xf3\xe2n\x18\xbf1\x0ch\x8e\x8a\x06W_\x13X'</t>
  </si>
  <si>
    <t>b'\xe9@\x00\x9aj\x1a \xcaKW\xf3\xd7X\xbe\xc2\r\x88D\x1f\xe9\xc2"E\x1c\x0e\n\'\xae\xce\xa8\xb7\xb0'</t>
  </si>
  <si>
    <t>b'&gt;6m\x0b\x97\xe01\xedE\x84s\x18\xe4T\xfc\xf2o\x1a%\xc6\xa6`j\x18i\x01\xa6aW\x9b\x0f\n'</t>
  </si>
  <si>
    <t>b'\xf6\x00\t\xba\xbfF\x87O82o\x86{pqxE\xda\xf28\x1e@\xa1\xa2\xb9\x8e(\x1a\xce\xbb+.'</t>
  </si>
  <si>
    <t>b'\x9c\xa6\xca}\xf2\xaam\r\xbb\xf2P\x8b=\xb5\xfb ?\xc5Wu\x17\n^\x00\xfb1\x8b-]\xdfmO'</t>
  </si>
  <si>
    <t>b'\xdf\x82\xa9\x9bB\xfe$\x8c`\xfc\xe5zI\x11&amp;\xf8\xf3\xa1\x9e\x8f\x9a\xb7NK8\xf9\\S\x12i\x87\x88'</t>
  </si>
  <si>
    <t>b'[\x03\x9e\xd0h\x18\xad\xde\x13\x11\x10\xa4\x96\xc2\xa1\xa1F\x98|\xf3o\xa0%\xe1\x02\x1b\xd1\x8c\xd8\xc2\xc9\x9e'</t>
  </si>
  <si>
    <t>b'\xf0\xc2\x89t\x0e7LX\xd2L\xf1\x0f,\xeb\xe0h\xce*\xcb\xf7vnz4@9&amp;\x98\xd4\xd6\x12"'</t>
  </si>
  <si>
    <t>b'\xd0\x80\xedR\xbf\x96x8}\xaf\xf8\x99%\xa9f|q`\xeb\x1b\x13o1\xc1\xb8\xe4\xfdx\xc2\xa2\x17\x05'</t>
  </si>
  <si>
    <t>b't\xaa\xbb\xa1Gn\xd0L\xce\x19\x97 \x89\xf6\x17+\n&amp;hg.R\xa2\x13_\xce\xf2\x0e\xea\x04\xf8u'</t>
  </si>
  <si>
    <t>b'\xe0\xd8\xc1\x89\r;\xda\xa8\xc6\xe1\x1d&gt;\xe8\xfbN\xc9\x1e~+O\xa6{\x07\x86ry\x10\xb5@&amp;\x9cp'</t>
  </si>
  <si>
    <t>b'\t\xd1\xcc\xcey\x9e\xf0KEA\xadX(\xdc\xfb\xfa\x83:\xae`\x96@\x0c\xf8\xce\xd8\x8e\x96\xadq\x13-'</t>
  </si>
  <si>
    <t>b'\xbdg\xea\xcf\xac\xb8\xc6\xd8\xeb\xbe%\xdf\xc5\xe8dM\x00\xc9\xdaX\x9a$d\xfa\x85\xd3\xcc\xa5\xed\xb3\x01\xf5'</t>
  </si>
  <si>
    <t>b'\xf2\xda\xfa\x84\xee\x18.R\xb6\xbd~\xdf\x97\xb7&lt;\x8e\xa0|\xf4\x1b*\xa5\x88Mg\xe9\x0b\xbe\xacm+\xe1'</t>
  </si>
  <si>
    <t>b'&lt;&lt;lQ\xa0\x86\x889\x804\x94\x10\x82\xe85f.\xf1\x95/JW\x03ak\xebJ\\sDS\x0e'</t>
  </si>
  <si>
    <t>b'\xba6\xe3\x11t\x1d\xbfkm\x0bdJ\x04\x9c\x9a\xe7W\x8bd\x13K\x90\xcd\xd7\xe5Kfg\x86\xf30\x10'</t>
  </si>
  <si>
    <t>b'\xab\x82\x83\xda0\x02B\x98OP\xebQe\xeba\x80?\xf4\x1a:\x0c\x98\xaa\x1c6\xd8m\xad\t\xbf\x0c7'</t>
  </si>
  <si>
    <t>b'\xeb\x8b\xb4c\x8e\x07}\xa2$4@\xa0\x88\x12\x06\xa4}\xf9{7\xea\xb0Z\xb4\x1a\xef\xbf:o\xde\xa8('</t>
  </si>
  <si>
    <t>b"\x10\x94\xe4;\x89\n\xbd\xcen\xcfb\xb3\xa0\x82\x87\x8f\xdf\x91\r\x17\x8c\xe3\xf8\xe7\xe6\x0e\xf4b\x07'\n\xab"</t>
  </si>
  <si>
    <t>b'2\\\xf0\xb9#\xb1Ao\xe1&amp;\x94\xb2Rd\x84&gt;tP`\x1d\x19nOV\x9a\x11\x07\x88i\xdczO'</t>
  </si>
  <si>
    <t>b'@\xaa&gt;gY]\xe8\x1d\x18\x16+2\xaa?n,\x1aj0H\xbfM\x1a\x0f\xf9}\x00y\xf3\\z\x14'</t>
  </si>
  <si>
    <t>b'I~0\x94\xc6I\xe93@\x1dN%+\x04\x01&gt;Mm\xaaq,\x05J\xd1\x85\x9f\x14\xff\xbb@4h'</t>
  </si>
  <si>
    <t>b'\xc3\xb3\xa7\xb3\xd8\xb7\xc4\x0e\xc6\xdc\x18\xb69~n\xce\x1cP;\xbe\xccW\x10\xb4\xad\x10\xbe\xb9\x14\x0c\x8d\t'</t>
  </si>
  <si>
    <t>b"'7\x8b%.\r\x16\x8f\xe1\xc0\xe3T'AC\xcb\xe9\xa5\xd3\xbaU\x9e\x94\x05\x1c\x1d\xc9\xd1r\xb9\xd5'"</t>
  </si>
  <si>
    <t>b"\xe2\x95\xf3|WG@\x08,\xc5%\\\x8a\xf6\x83\xa4\x82\xfbH\xfah'\xecp\x8c\x93!\xe3\x8d\x9b\x8b\x10"</t>
  </si>
  <si>
    <t>b"5\x1e+\x01E\xce\\^\xf0~\xd6\xca\xc8C\xe7\xec\xcab2\x8a\xf4\xef\x0b'\x10GZ}=3k|"</t>
  </si>
  <si>
    <t>b'c%\n\xd5\xb8\xd9\xf6\x17=\xde\xf6\xba\x86\xd4~Gl\x0b\xbd\x95\xf2P\x1b\x9a/{\xec\x1a\xc9&amp;v\xb7'</t>
  </si>
  <si>
    <t>b"\x1c\xe4\xf0_y\xfa\xf8\x10l.\x87U)'\xc7m3\n\x05D\xce\tUi\xc8\xf7h\xce\xbf\x13\xb3\xda"</t>
  </si>
  <si>
    <t>b'\xf6`\xd9o\x99\x8f\x0c\xbe\xf3\xd0L"\xff3\xb5\xceM\xae,\xc97\xd2X\xaa9\xa1m\xed\xd5\x02\x82\x01'</t>
  </si>
  <si>
    <t>b's\x9f\xd9[\xe8\xab\xfcD\x8a\x8d"\x99\xfe\x1br\x93\x0f\xc7\x86\xbc\xcf5\x97\x06\x07T\xbal\xc0|(W'</t>
  </si>
  <si>
    <t>b'\x9d\xcbn:&gt;\x89\xed\xe4\xc2\x19\x03\x831\xe4J\xe8\xd8\x1f\xe4\xf9\x96\xf3\x01!\xab\xdb\xf2\x00,]:\x85'</t>
  </si>
  <si>
    <t>b'\xccR\x89\xa6"y\xefL\x12\x0f*x\x13?nKC`W\x9ab6;\x1a\x91\x7f\xa4\x05\x12\xe4\xeb_'</t>
  </si>
  <si>
    <t>b'w\xdf^-\xd3\tof\xa6\xba\x16 \x97\x90(\xb3\xa6\x9aL\x0e/\xfa\xadz\xce\x13\xa35X\xf9\xda\xee'</t>
  </si>
  <si>
    <t>b'\xfd\x9b\xd4PD)C\x9a\xd9,\x8d\x876\xd9-{\xec\x1ev\xd8\xea\xb3c\xf6\x02\x10\x93_\xea\x03\x88\xf5'</t>
  </si>
  <si>
    <t>b'\xde\x99\xa4\x7f\x1f]\xb21\xd8\x03\x7f\xda\xaf\xc5\xc67*\xc2\xfd\xd5{J\x10;y\xe3A\xa1\x886\x1fu'</t>
  </si>
  <si>
    <t>b'\xe5\x8f\x90\x0c\xb2!v\x8a\x05\xfcW\xd6\x14\x17e\xbdo\x02\xd9\xc0}\xcb\xd9\x8a\x8d\xbd\xa0\x83\xccR\xdc\xc0'</t>
  </si>
  <si>
    <t>b'\xc4}\xef\xae0\x04\x87U\x17\xcf\nl/\x08+\xb1\xe6\x02\x14h\xe1\x04\x1cr\xac&gt;\xc8\xfb\xb8u\x98\xda'</t>
  </si>
  <si>
    <t>b'd\x95\xacX\xe2\xe7\xb8\x1ea\x98\xaey\x8a\x97\xb1\xce\xc6\x03\xcc\x98\x02\xde\x0bR\xab\xbc\xf60KCQu'</t>
  </si>
  <si>
    <t>b'{&lt; =\xe0\xdd_7[F.wQ3y 7\xf3Oa\x0f\x18\xfahL\x15X\x87\n\x16x\xae'</t>
  </si>
  <si>
    <t>b"\xb6\x98|\xc5j\xe0\xc2k\xd4\xb4\xdb4\x9dq\x96\x86\xd5\xfeD$u\x10\x14]yo\xcf5\xddA'O"</t>
  </si>
  <si>
    <t>b'\xe2W\x0cwQx\x02\xb3J\x07\xdf~\xe2\xf0\xe1RuE\x99\xbd\xeaBv\xfd\x0c\xbc\xe9z\x858\x01H'</t>
  </si>
  <si>
    <t>b'(\xa4\xe2t\xa8!i\x18@\x90\xb6\xa3n\xb1M\xbeL\xbat\xdf5\x1dp\x1eN)\xea\x17\xc4S@W'</t>
  </si>
  <si>
    <t>b'L\x17\xe0\x0e\xd8[=\xf3\xc6\x914\xab\xef\xed\xab\xd1\xf0R\x11\xb7\x9e\x03\xd5G\xf7\xf1#\xdbY\x01\x05u'</t>
  </si>
  <si>
    <t>b']\xc7\x1a\xca \xdd?Q\xf89\x87\xabC\x11^\x11\xee\x8b\xf1&amp;\xad\xd2\xb3\x9cg\xcc\xe7\xec\x8b\x08\x8a@'</t>
  </si>
  <si>
    <t>b'\xef\xaeB\x168;\x93\xa7\x89jgC\x89\x9b\xf2H\xb9Kv\xf3\xc0\x7f\xf3\x94dV1\x90\x95\xf1\x9e\x89'</t>
  </si>
  <si>
    <t>b'*\x02\x1a\x8c\xf1;\x83\xaf\x04P\xe9i\x7f\x99\x11aZ\xf8\xb9\xe2\x19\xb4\x99n\xacv!\xd6\xd6J\xc8Y'</t>
  </si>
  <si>
    <t>b'W\xdbp\x86\x91\x04c\xe8\n\xbd\xc0\xa2*\\x:\xe5\xc8L\x99`\xa08p\xfdB\xe6?\x02\x17+P'</t>
  </si>
  <si>
    <t>b'\x1a\xa6\xb4g.!\xd1\xeb\x93Y\x04/\xe5\x92\xb94\x8b\x85(z \xfa\x9f\x9a\xda\xbc~^\xad\x07\xe7\xf7'</t>
  </si>
  <si>
    <t>b'\x1b7\x8f\xe6J\xb2\xd2\xf6\x06-_\xa1m\xfe\xc8\xce;\x19Mt\xe4PQt5e\xa0F\xf9l\xa1C'</t>
  </si>
  <si>
    <t>b"d]\xaa\xc51\xd5\x97\x90\xf7uQ\x96\xea\xb0\xb0'%\xea[\xda\xe1\x96rt\xfa+\xfe\x13\x84N\xb8K"</t>
  </si>
  <si>
    <t>b'cJ\xd5TPf\x00\xb9\x13\x8bd\xef\xf7\xa21\x11h\x1c\xb2\x9e\x1c;\x98\x0b\xa4sm\xed\xa4!\xcc\x05'</t>
  </si>
  <si>
    <t>b'\xab\xb1\xb7)\xbe\xd8\x13r\xb0\x12\x1e\x1e\x9eW\xf9\x14$*^ 3\x9ft\xa3w\xe8\xbat\x81\xed\x1a\xd6'</t>
  </si>
  <si>
    <t>b'^\x18E\xe0\x99.\xeaX#\xb4\xce\t&gt;\x15\xc4.\x85\xb1\xd3b\xd4\x84t\x04\xc5\xc9mc\x19"\x82\x8b'</t>
  </si>
  <si>
    <t>b'\x05\xf3\x18\x1b\xaa[Kj%\xf5\x17\xc8\xd5\x81\xe2N\x8fB\xf5\x00\x97fk\xc7lE\x06\xc2\xc8\xbf\x8f\xd2'</t>
  </si>
  <si>
    <t>b'P\xd4\xd8\x96Y\xf2\xf2\xf4\x9f\x02\xd8\x91RZ\t@\xfd\xbc\xaa\xcf\xe3\xdf\x16.N\x9ct\x99\xc6$\xfbY'</t>
  </si>
  <si>
    <t>b'\x88\xb6\x96&gt;\x11\r&gt;B\xc5\xee\xa6N[\xf7xb}U*\x9f\xc8cFk\xe9g\xe0\xad)MZ\x08'</t>
  </si>
  <si>
    <t>b'A#=\xc2\xc0\x8e6c\xd5\x17m?2Y\xe2q\x98\x17\xfa\x1e\x98Q`\x9e+{\x04A:\xedw\xc7'</t>
  </si>
  <si>
    <t>b'FRkcL5X\x8d\xd5D\xa5\xca]W\xe5\x14:\xf1\xf3\x805\xe6\xe3c\x830\x18\xcb0\xea\xfd\x08'</t>
  </si>
  <si>
    <t>b'\xdd\xa10\xcf\xc2\x12\x80\x13\x96\xaf\xb50\x8e\xd1\xa0\x9e\xb98\xff\xdb\x88\x15\xc5\xb3\xb9\x7f\xe4"\xc6sKT'</t>
  </si>
  <si>
    <t>b"5\xeePSj=M\x08\xbb3\xbc\x9cT\x9a\x06\x9c\x0f\x83\xfd=]Z\x80\xb6\x84\n\xe1sH'\x83$"</t>
  </si>
  <si>
    <t>b'\xfct\t\xb5\x881\x83\xd9s\x01\x84C\x1aBG\xe8iX\xbb\xbc[vA\x116\x9b\x87!\x81\xf7\xd2\xfa'</t>
  </si>
  <si>
    <t>b'\xde\xff\xd1\x080\xa5\x98a"&lt;\x94\xa6\x99\xe4\xed\x90\xaf\x110o\xfc\xb9\xd9\xd6\xca\x9fY\xf0\xb5]}N'</t>
  </si>
  <si>
    <t>b'\\\x8d\xf3\xed\xbc=\xb4\xad&gt;\x17\xf1\x16\x92\x8e\x1f\xddac\xc1,\x9b*\xd8P"A\x85\xd7\xd1=\x8f\x16'</t>
  </si>
  <si>
    <t>b'\xafcm(;\xf8\xd5S2\x14\x1ff.@Z\x17\x1c\xae\xfa\xa2\xdf+\x04`H\xf9\xd7\x95\xdc\xd8\xd7S'</t>
  </si>
  <si>
    <t>b'.\xdf\xb1\xdc\xf7\xa0\xa2\xfd5\x10\x0291t\xf8\x88g\xa7\x10\xc2\xf0\x00\xeb\xbe\xff\x99A\xf0N\x13\x89r'</t>
  </si>
  <si>
    <t>b'M\xb8\xc2\x8f}\r\xb3(]\xd4WS\x1f2\xcd=\x94\xa8\xaf\x07"\x0e\x9f)k\xfdK\xf5,\x12\xc8\xed'</t>
  </si>
  <si>
    <t>b'h~\xb9\x86A\x9a\x04\x03\x0f\x9d6\xccUi\x8f\xd2q\xa8\x0f\xa2\x892\x0e\x1b\xa5\x00\xb6+\xc7m_\xbb'</t>
  </si>
  <si>
    <t>b'\x94w=\x15{\xafy\x83\xaf\x00\x1f\xa4&gt;*\x01\xa1Y\xcfM\xac$B\x9b\x83\xc2\x8cK&gt;\xa8x\x88\xf2'</t>
  </si>
  <si>
    <t>b'"\xce\xff\x89\x17\xd1\xf0\xf0\xb0\xd8\xd2\xf1\x03K\x06\x86\x8a\xd1#\xd8;4\x9a\xd8\xa5\x9bg)\x98\xbd\xcf\x89'</t>
  </si>
  <si>
    <t>b'\x1c\xa1\t\xc3X&amp;,\x98p\x0b%\xd3T\x1b\xa842;\xec/4x\x94\xeeM\xac\xff \x0ci-#'</t>
  </si>
  <si>
    <t>b'\x8fzgN\xf3\xa5x\xf8\xd6n\xed\xde\x13Lk\x1e\xac\x91\xfc42\xb6\x85\xbcw?\x9dh\xba\xf7\x9b\xfe'</t>
  </si>
  <si>
    <t>b'\x03Z*\xc5\xde\x07P\xb2z@\n&gt;\xe3\xa1\x17Ae\xff\xe0]Q\xfc\x06\x07\xd5\x94d&amp;\xd9\xde\xd9\x91'</t>
  </si>
  <si>
    <t>b'\x83\x16\x80X:\x19\x7f\xe3A\x1c\xe2\xe2\x03\xce\xd7\xba\xc9Y\xbb\xaa\xcb\x96\x90\xcd\xcfh\x9d[\x13\xddcs'</t>
  </si>
  <si>
    <t>b'#\x03Q:\x14\xf6\xa3\\R\x18s\xa5\x16# \xea\xed\ni3P\xbd\x83.\x9e?E\x14\xcdivc'</t>
  </si>
  <si>
    <t>b'\xcf\x1e6h\n\xdc{\xf0\x97\xed\x92\x1b\xf9\x05\x8e\xb7\xc9\xd1\xcd\xf6\xc86H\xf9X\xc2\xe9\xd9\x8aG\xed\xf4'</t>
  </si>
  <si>
    <t>b'\xce\xecq\xb2L7\xec\xa87 \xbe\xfap\xfb\x8e)}\x86t9z_\xbf:\xd9\x93\xb4\x1f`S2\x88'</t>
  </si>
  <si>
    <t>b'\x12ffR\x90\x08\xb6g\x8aH\x1b\xef\x1dR\xa79*Y\xca\xe5\xd5\xebh\x06\xce\x1c\xe3@Cz\x04\x00'</t>
  </si>
  <si>
    <t>b'\xd6\xaav\xa6\x9f\x83\x06t\xee\x0e:\xe4MDw\xdd\xcc8\x1a\x92\x1d\xce\\z:\xae}\x0fD\xe0\xcd\x81'</t>
  </si>
  <si>
    <t>b'\xf4\x91&amp;\xb3E\x98c\xfaR\xf3]\xa7\x95\xb0\x91v\x1d\x13Z\xaf\xdd[\xd5\x9b\xbc\xc1\xf9\xc2\xd6\x14V\xd0'</t>
  </si>
  <si>
    <t>b"\x18\xfd\xcc\xecR?\xd8dk\x95&amp;\xa0\x02c\xd5\xed\x9f\x96\x1d\xebS;\x87\x0bq\xd6\x1c\xa5'r\x17'"</t>
  </si>
  <si>
    <t>b'\xa4\xa2\x94\xa0\xda\tU\x16\xf1r\x1f\x1a\xe1"\xe8\xb2\xa36l\xe0,\xca\xb9\x1b\x12\x8b\xda\x18\x1fu5o'</t>
  </si>
  <si>
    <t>b'\xae$\xcc_\x1fn\x1a\x17\xf61|9\x83\x06j\x14\x90\x1d\xfb+\xdc\x9ekz=R\xc9|\xf2%\x04\xa6'</t>
  </si>
  <si>
    <t>b'\x14)zn\xfd~^\x03]}1am\xba\xe7\xd1\xd7\xfd\x1e\xfc\x03\x92\xd4\xf0\x9eI$\xc4\xa9\xc7\x88\x13'</t>
  </si>
  <si>
    <t>b'n\x01uP{R\n\xcc*\xff\xd5\xbc\x89\xfc\x02\xa4\x92\xf0\xffv\xb7\xfe\x99;S&lt;i\x83\xaf\x07\xee4'</t>
  </si>
  <si>
    <t>b'\x9e\x00)\xef\xdcx\xb6Q87\x19\xf8\x1d~\xe9\xff}\x0bp\xcb\x07\xb9\xad#\xc4\xc9\xcd\xc8=V\xb6\x88'</t>
  </si>
  <si>
    <t>b'i\x10X\xc8nj_\xaf-\xd78D\xc3\xce\xaf\xe2\xc0\xf0\xbe\xe2\x1e\x17+\xf4\x98u2\xba\x040\xaa\xc2'</t>
  </si>
  <si>
    <t>b"\xe5\x9a\xaf\xaa\xbf\x0cI\xa1\xbe5'H\xb5k\x1d\xa8m\xb5\x95\x1b\x08\xec&gt;X\xb0\xd6\x15G\xe7r\x02\xaf"</t>
  </si>
  <si>
    <t>b"\r\\\xf7\xa8v\xd0(\xd8\xc7Ua\xba^\x88\xed\xfa\x11S\xd1\xd9\xbc\xd2'\xb4T\x16\xc9\x91y)U\x94"</t>
  </si>
  <si>
    <t>b'\xc0gT-*\xf1"]D\xbfv\xf7"W\x97\xf6\xb8\x81\xd7\xde\xae\xe0\x876\xa9\x95\xfcU\x96\x9b\x1d\xa8'</t>
  </si>
  <si>
    <t>b"\xba9.#\t\x93'S\\V\xb5#=\x82e\xca\xd1\xae\xf9X\xc2\nPM\x80#\x04\x0b$W\xb8r"</t>
  </si>
  <si>
    <t>b'.fIX\x9e\xd9\xa3\xab\x0fO\x85\x10;\xfa~\x11\\\x99\x97TQD\x841\xea\x03\x163\xdd`W\xdc'</t>
  </si>
  <si>
    <t>b'\xbd\xe0\x05\xa3\xcf\xe9h\x8f\x83O\x91.\xd8YDI\xf1\xbeENR=\xf8\x1a\xca\x1a\x859p\xa4\x9aI'</t>
  </si>
  <si>
    <t>b'\xdf\xc0\xff+\xd3\xedT\x80R\x80\xaf\x0f\xf2`VsW\xd4\n2\xad\xa9Ze]\xf4\xba\x93\xad\x99\xa9\xac'</t>
  </si>
  <si>
    <t>b'?\xeai\x8c\x8b?4\x87d\x9a\xa92w\xc9\x15\x11u[\xf0\x0c\xbe\xd71\x8f\x8e-\x18\xa2s\x87\xd2\xe0'</t>
  </si>
  <si>
    <t>b"Z:\x9fR\xe9\x90\xe7DB\x1b9'\xbcA9B\xfe\x06\xa4\x85\x15\x9doE\xb9\xe4\xd9\x02\xe1\x17z\xd1"</t>
  </si>
  <si>
    <t>b"\xc9\x83v\xf6\xe0\xbdIhG\x84zx!\x12\x91\xdc\xe9'\x1e\x0b4-\x8b\x08\xc7\xa5|\xaeo\xaeRC"</t>
  </si>
  <si>
    <t>b'\x87\x17$d\xec\x01\xf7-\xa8N\xac\xd7J\xee-E}v\x1dedg\x12\x08\xa5\x10\x014\x12\xa3*\x12'</t>
  </si>
  <si>
    <t>b'\x93h\r\xcf\xae\xea\xbca\x15\xd3\xe2\xbdl]\x93\xd6\xa9KC\x0efn\x9f5\x8c\x99L`3\xf9\xa3v'</t>
  </si>
  <si>
    <t>b'\x84Q\xb3^uD%\xdcP\x0f\xf6\x98\xed\x8eO\xfdY\xf1\xa4\xdb\xd7$?E\xfa\xb94\x7fJ\xc5\x85M'</t>
  </si>
  <si>
    <t>b'Y\xd6\xaa\\M\x86\xf1\xc2\xdf\xf1\x9d^4~\xa8sA\x1eL\xd3\xf4s\x7f\xff\xddG\x86R\x17\x1b\x18\x92'</t>
  </si>
  <si>
    <t>b'\xe8R\xb3\x0b\x0fn\x8c\xd0-w\xdfq\xa4\xab\xac*"}\xa1;n\xcfP\xd4s\xe2\x03^\xe9\xf6\x194'</t>
  </si>
  <si>
    <t>b'\xfd\xa2\xfbp\xee\x86\xe0\xd9@*\xad\xf4\x8a\x89\xb4\x08\xa6\x9f\xbd\x16\xa8\x17\xa6\x00\xa8\x90(\xee\xb5@2\xbc'</t>
  </si>
  <si>
    <t>b'O\xe4\xe7e\xa7\xc65\x81\x82\xf1\x82\x8fk\xf8\x0e\xf9\xfe-\xdc\xd5\xd9\x89v\x01E\xf1\t\xba\xa8\xfdJ\xc0'</t>
  </si>
  <si>
    <t>b'\xcf\xf13Y\x982\x90\xb7X?\xea\xceC\xfe\xcd^;1\xd7\x1c\x80\xed2\xe2@\xb2\x18\xdf\xb3\x19\x8d\xdd'</t>
  </si>
  <si>
    <t>b'R[@\r\xc02=\xccg\xc3\xb5\xf9+\x9a\xd5\xf6\x1a\xe9\xb5\x15\xc4\x1dc\x06\x8dwQ\x8c\x11\xf2\xcf\x8a'</t>
  </si>
  <si>
    <t>b'x0\xaaW\xe4\x80\xca\xe5\xe1N\xbcS\x9e\xc5\xf3\x17l\xd3\xfd\xd1.\xda\x1f!\xdb\x84\x0b\xb4B\x117\xc7'</t>
  </si>
  <si>
    <t>b'\xde\xd1ZtL\x90\x8a\xb3e\x0f`\xba4[\x9d\xaa[\x07\xdb\xc2\xee\x1f\x1a\xc1\xfe!\xd2E_\xef\x9f\x19'</t>
  </si>
  <si>
    <t>b'\xcd\xc8\x19r\xf1\xd1\xd7x\xfd\x97\xb5\x82\x99\xfd\xc7F\xaa\x90\x00\xa4\xb7\x95\x16\xbb\xb5\xc8\x83\x1b\t\xb9\xfd\x16'</t>
  </si>
  <si>
    <t>b'y\xc9\xe8J&gt;\xef[\xf6B\x12,\xd7\x91\xd5\x19\xc6\x8a\xc9\x89\xeev\xb2\xe7\xabbG\xbcn:G\xf8\x8d'</t>
  </si>
  <si>
    <t>b"\x03\xe7f\xe0\x1d_\xad\x87\x19Hl\xf5\x8a\x88\x9a\xfd\x98\x8fx\xcc.n\xfd\xf8[\xed\x13'\x81\xa7\x05\x8f"</t>
  </si>
  <si>
    <t>b'\x86\xfdQ\xdeu\x16\xf4^\xc8\xdd\xff9\xa94\xd4"|A\x91VK?\x19\x88\x1a%i\x88\x14\xd1?\x06'</t>
  </si>
  <si>
    <t>b'\x16\x0c\xd9R\xf2\xba\xb0\x01?\x16\x14m\x19;\xbd\xbaW\x8d\xde\x15bT\xc9\x8d){\xa2tV\xff\xc7\x18'</t>
  </si>
  <si>
    <t>b'\xa8\xdd\xa1\x7f\x9e\x1fHCW\x13\xb5\xa7\xc1\x9c\x89\x82\x1f\x8bMB_bM\x06\xac\x87\xb8U\xdb\x88\x9e\xa6'</t>
  </si>
  <si>
    <t>b'\xfbQ\xbbw\xa1\x89\x96\x0c\xa1\x9e\x99{s\xfb\x16\xbc\xcc\x9f\xe7\xfb\xb5\xf4\xd6\x05\xe77\xcd@\x9d\x06X\xa7'</t>
  </si>
  <si>
    <t>b'o\xc9^\xe5M(e\xd80*%\xb6\x81\x8d\xb5\xd2\xa0b\x98\xd2\xec\\_\x05\xdf\xee\xbc\xbc\xd7\x1e\xe2\x06'</t>
  </si>
  <si>
    <t>b'\xb8#\\T\x19(6\xceO3\x17q\x03\x1f\xa8\x8a!@\xbb\xe8Sh,\xe9\x98\x85\x91{\x96Pb\x9c'</t>
  </si>
  <si>
    <t>b'\x93\xe1ed\x9c{\x119^\x03\x8fi\xbc&lt;fr=iB\x93y\x86\x93\xc5\xb2\xd9\xef\x1b?\x11\xd6\x99'</t>
  </si>
  <si>
    <t>b'\xf1{{\xbc\xb4\xd6\xebQ\xc0\xfa&lt;\xc0\x16J}\x1f)\x9e2\xcdd/5\xcb\xb7_\xa2\x99\xa6h\x170'</t>
  </si>
  <si>
    <t>b'\xee\xfa\xa2\x8e\xa1\xb4\xeb9\x98-\xa3\x1c\xb5\xf0|%\x02\x19\x94\xac[\x81\xb5\xe9\xd4 y\xeck\x0f\xae\xef'</t>
  </si>
  <si>
    <t>b'\x0c\x8f\x18S\xf1C\xa6\xdc\xaa\xd9\xad]b#y\xbc(\x18\x1d\xc4\x14\xfes\xae\x92\xa1\xf2\x027\xe1N\xf5'</t>
  </si>
  <si>
    <t>b'\xef \xc4k\x86TZ\xb8\x88\xd1\xba\xed8\xda~])3\xe0\xee&amp;\x06F\xc5\x83\xbc8\x83\xcf\xaf\xe7\xef'</t>
  </si>
  <si>
    <t>b'\xcfuer\xd5Fo\x18+\xb6\x01!\xc4\x1c\xd2\x02\x14\xd4:\x10*0\x1f\xfd\xb7\xff\xfa\xe5\x06\x15\xd4\x88'</t>
  </si>
  <si>
    <t>b'a\xd7\x7fJ\xbd7\xe2G\xc4(Z\xf2\x0b[\x1e;\x15&amp;p\xa5\x922\xd1wi\xf6d\xfe\xb2\x15\xd4\xd9'</t>
  </si>
  <si>
    <t>b'\xb6\x817\xf8\xe9\xac\xe7hV+9{8\xa6I\xbc\x1e\xb3\xfcxt\x8e\xf7\x81w\x08\x9cM\xbf\xc0\xc2\x9b'</t>
  </si>
  <si>
    <t>b'\xde\xe8[\x99\xb8[\xd1\xf4\xcd\x14\x96\xee\xf8\xe0\xa1\x0b\x16\xd7\x95\xbf\x9b3\x8972SmQp\x10L\xbf'</t>
  </si>
  <si>
    <t>b',z\xa1e\x08\xd8# \xbet1!\xf0\x14Zv\xd5( *o\x03\xafJ\xa4*\xe2\x15\xf5\x19\x8d\xe6'</t>
  </si>
  <si>
    <t>b'p\xc8\xf8+\xbb\xd7\xbc)\xce\x96\xc2\x17w\x1e\x86I\xccc=\x8em\xf5\xccJ\x01\xa6;{\x9d\x9f\xf6 '</t>
  </si>
  <si>
    <t>b'\xd3\xbcS\x16;\x1b\xaaj\x86\x8a\x91\xb4\x1d\xa9\x9d\xfa\x81\xc8\x80\xa2\x8e\x089\n\xb4\xe82z_\x08P\xb3'</t>
  </si>
  <si>
    <t>b'@pd\xe8m%\x82[\x9b\xce\xec\x03\xdf&gt;v:_\xbam\x13\x08\xd9\x8d\x90\x965\xd1\xb5~\x90MP'</t>
  </si>
  <si>
    <t>b'\xe1\xf3\xc7\xcf\x90\x86?M\xa0\xf2\x83\xf5\xcc\x19\xe3xr&lt;\xd4i\x1c\xb0K\xcf\xf0j\x9c\xc5\xe0\x12\xec\xc5'</t>
  </si>
  <si>
    <t>b'\xe0\xb4\xec_N\x02\xbe\x8a\x95\x7fJ\xedA&lt;\xf7K1\x1c.25%\xf2\xb9\xe3\xd1\x16\xaf\xdf{f6'</t>
  </si>
  <si>
    <t>b"r\tm}Jj'Sw\x98r~\xb2\xbf\x8dZ\x81\x84\x0e\x96\xf4\xfa2\x08Wl\x86\t\xd3**\xee"</t>
  </si>
  <si>
    <t>b'J9;\xb1\xc2\x9cfW\x9e\xa4DVh(\xef\xe0\xda\x0e\xe7a&gt;A`\xf5\xd9iu\xf9\xa7\xa6\x84\x01'</t>
  </si>
  <si>
    <t>b'\xebS&gt;\xef\xb8\xec\xe4\xe7F\xf30B\xe0\x9d\xff\xeb\xa0\x97\xd7_\xdfPlw\xd1m\x8b-\xf3\xecE\x19'</t>
  </si>
  <si>
    <t>b'\x93f\x04\xe1\x87\xdf\xbb\xc9\x7f\xbeo\xd6#\x8d\x88\\J\x90\xa00\x88\x9c/\xd2,~\xd7\x01\x1a\xa2\xe9\xe6'</t>
  </si>
  <si>
    <t>b'\xfa(d\xbcfM\x9d{\x9c\xf1\xf2\xae\xa2+C:\xd5\xde\xc2\xbf\xca\xc9\xff\x11\x03\x1c\xbd+\xf6\xaa\x80\xf6'</t>
  </si>
  <si>
    <t>b'\xb9\x92\xf7\xec\x0e\xf1\xbe\xa7\xf3\xdb\xaew\x88y\x14\xeal\xbb{\xcc\x83\xdfz\x07\xfb\xf1K\x0b\xe2v\xb8\x10'</t>
  </si>
  <si>
    <t>b'~\x8d\xa7\x05&amp;E\x1b\xabC\x80\x84\xebB\xef[\x0f\xc6c#\xca\x1e\xd4\x9bm_7\x10w\xd5(\xc3\xbd'</t>
  </si>
  <si>
    <t>b'\xa7~\x18 \xbe1\xf2\x04^\xcb\x1d\xf6\x1c%\xac\x06}\xab\xfd\xe3\xbd@\xdc\x9b\xf7\xeb\x04\x19\xc4yE\xcc'</t>
  </si>
  <si>
    <t>b'\x07h\xa0\xf8\xd3\x97M\xfe\xe0\xbc\xb3\xc8M|\xba\x14\nsy\xac\xb8\x87\x10\x19.\xba\x06\xfd\xfa\t8K'</t>
  </si>
  <si>
    <t>b'%M\xbcx\x7fxTRZu\xa6d\xeb\x05,\xa1\xc1\xef\x06\xae\xa9\x90[\xaf\x86j^\xb6\x18$c\x94'</t>
  </si>
  <si>
    <t>b',#\x05\xfe\x94\xe9\x13s\x8a\x05F\xad\x03@\x0b\xd3D\xbc\xb8\xc8\xdc\x9ak=\xb0\xd0\x8a\xca\xac7_\x90'</t>
  </si>
  <si>
    <t>b'$S\x1e\x98\x19\x84\xdcxJ\xf9O\xffK`&gt;="@t1\x12\xbfW\xca\xe3\xaf\xfaD\x96\x8cf,'</t>
  </si>
  <si>
    <t>b'Y\xb6\xb5I\x80\x1b\x06}c\x17A}\xf7\x06\x96\x14\xef\xb5\xb0\xc5\x15&amp;\xdf\x1f#3\x86\xd6\x90]H8'</t>
  </si>
  <si>
    <t>b'\xbfw\x0bhh\x98\x05-\x06Qm\x97\xd2\x171\xb5\x98\xfd)\xb5\xa4*\xfb\xae\x14g[\xccaYn9'</t>
  </si>
  <si>
    <t>b'\xbd\xb3=%\xfd8\xcdHo,\xc9\x83:\x1e\xe0\xb6\xb8\xad\x85\n\x14\x1f\xdd6a*\x89|X\xf35P'</t>
  </si>
  <si>
    <t>b'\x15h\xc8Z\x1a)\xa8\xe2\x01;\x87u\xc1z3\x1e\xa6Z/\x18\xba\x1c\xae\x0c\x93\xb7\x00a2\xb6\xfaC'</t>
  </si>
  <si>
    <t>b'\xa3\x1a\x9f\xac\xcb=\xc2\x9eJ\xb4\x10}\x04i\xf8|\x96+#?J\xba\xfe\n\xa5\xdey\x01\x05\xce\x87\xd5'</t>
  </si>
  <si>
    <t>b'a\x02v\xad\x9eB\xd7\xf3F\x8bq\xba\x13\xd2!&lt;"\x86\x1f@}k\x14\x94\xe65\x8b\x80\x1f\xa3\x18f'</t>
  </si>
  <si>
    <t>b'\xa9\x9b\x17s\xf3t\x1b\x1e\xec\x13Y\x9a\x98\x87\x15\x97x\x15b\x90W\x96A\x1a\xd3\x04\x02&amp;\x13G\x19W'</t>
  </si>
  <si>
    <t>b'\x8855\x0b\x1d\xc9\xac\xfa\xec\xc9}-\xc61\x0fyY\xe6,\xa7\xd3\x83\x0e \x9e\xc47\xe0X4(\xcb'</t>
  </si>
  <si>
    <t>b'&lt;\x97\x81&lt;\xff\xbb\x97\xcc\x1f\x0c\x0e.]\xb8\xcb\xfb9L\x80\xb7\xee53)P\x94\x82\xb4{\x1d\x19j'</t>
  </si>
  <si>
    <t>b'\xa2\xe56\xbc\x01\xa2\xe6\xb4~\n\xb46\xa8\xea\x84\x01\xfd\xf6\x16v\xb3\x03&amp;5\xcft-\xc5\xc3\x88\xdch'</t>
  </si>
  <si>
    <t>b'\xd52:j\x9d\xf7\x99\xba\x0fBT\xf0\x8bV\x85w\xad\xb7\xa6\xf6\x8e\xf1\xc9s\xd5\xc1\xd0*\xc5\x87\x1f\xdd'</t>
  </si>
  <si>
    <t>b']\xb8\xa5\x91\x10k\x96B\xc0(*\x82l\xb8_|\xf9\x16!\xd1o Q0\x03\x06$\xf2\x1c\x91\xaf\xe3'</t>
  </si>
  <si>
    <t>b'\x8e\xe5\t\x97ce41d\xb6\x85\xec{\xb9P\xc6\x14k\x1c\xa9\xaa\xfa\xbf\xc11\x81\xb3\n.\x03wV'</t>
  </si>
  <si>
    <t>b"L\xdf\xd7\x94~S\xf1|i\x9f\xec'*\x12\xf1\x99\xdfi\x0bS\xb2\xcdG\xee\xd8\xb8C\xf1t\xf2\xa8\xd1"</t>
  </si>
  <si>
    <t>b',9`\x8b\x16\x16W\xe1\xe7\xddH\xcfU+C[E.6\xff\x9d\xbbiz`\x99\xbc$\xd7\xfe\x93\x0f'</t>
  </si>
  <si>
    <t>b'\xd0\x8e_A-\xc3V\x8b\x988\x12\xc6\xc0\xcd5Dw\xfc{\xc7q\xc9\\\x8e\xa9\x10eR\x92k9r'</t>
  </si>
  <si>
    <t>b'5\x1b\xb1\x14x\x0eHV\x8c\xb6\x81\xcb\xd1\n\xf6\xe3\xa2=\xdf\xd0\xaa2b}53P\xb4}\xa2\xb7\xb7'</t>
  </si>
  <si>
    <t>b',\xbc\x852E\xfd(\xd0X}\x02\xc75bh\xd6a\x8e\xc8L0DE\xa0KK\x8a\xf1\xcf\xc8\xb0c'</t>
  </si>
  <si>
    <t>b'hB_\x16\xdf\x05\xc5\x0cN*\x05\xb6C\x05\x19d\xb1\xd0\x98y\x8dC\xb5K\xf2\xb7\xe1\xbf\xd1\xb5\xd2\xaa'</t>
  </si>
  <si>
    <t>b'\xe3\x15\xa2\x01i\\\xf1\x19\xc0:|\xbe\x93\xa3\\\xad\xc6#\xb9\x10\x85\xdfl\x076D\x92\x96\xab\x9a\xeeW'</t>
  </si>
  <si>
    <t>b',3*\x90zZ\xb6\xcdE\xd0\xa3G1\xd8$\xdf\x1c\x95f\xd2o\x13\xd05\xd7\xfac\xec\xe5\xa8\x8b8'</t>
  </si>
  <si>
    <t>b"\x03i\xa0\xd6\xca\x0co-\x13\x93\xbf@U\x03\xbc\xbc\xde'\xde\x85nq\x8f\x10\xe4\xb7?d9\xee\x11{"</t>
  </si>
  <si>
    <t>b'n\xf0\x80\xee(\xcd\n-\xa2\xe6\x0et\x95?\xa5,\x9a3\x97\xc5\x9c/\x8f"\xe6\x83\xf1\xba\x03&lt;\xb32'</t>
  </si>
  <si>
    <t>b'c!\x01\xb4`\xc8d\r\xb8W\x122\xaa\xf6vN&amp;%$\xfd\xb4\xd4\xf3@F\x90\x00l\xf6\xfc\xa0\xf2'</t>
  </si>
  <si>
    <t>b'\xda\xa0G\x84{\xa4\xd6\xec{\xf3\xe1z^\x04\x87\xa3\xc3),\xf2\x9b\x90(\xacg\xc6\x99\xbb\xc6\x8d\xab\xf1'</t>
  </si>
  <si>
    <t>b'\x84A\xf82-\xe8)\xc8z\xe6\x86`\xcf\x87\xb9X\x969R\xec\xc6\xeax\x9b\xa8D"K\xb6!\xa5\xb1'</t>
  </si>
  <si>
    <t>b'L\xa6\xe4\x90C\xfc\xe4y\xc8\x8c\x16\xbc}\x8e}\xe7\xba\x18\xa2/\xe5\x0bJN\xe1\xd8\xe5\x06\x94\x80v\xd5'</t>
  </si>
  <si>
    <t>b'\xd0\xf4*\x9b\xa3\x97\xd1\xa1Trf\xf5.l&lt;\xffz\x17s\x05\x07w\xa2\xe0\xcd\xd7s\xffd&lt;\x91g'</t>
  </si>
  <si>
    <t>b'\x1aucbC\xdd\x8a\x8aZQt\xa4\x94\x86^\xd5\x01\xab\xd3\xfe-\xe5\xb1\n\xb2y\x91\x9e\xd7\x9e\xa8z'</t>
  </si>
  <si>
    <t>b'\xb0Yh\x15\xa6\xa5]N!\xa6(\xb2\xdfda\xcf7\xbcT\x89_\xf9\xcb#\xfb9\x1a\xfc)EG\xab'</t>
  </si>
  <si>
    <t>b"\x15\x82_\x88Hl\xceW+\x94\x94\x05\x84\xf4O\\\xdb\xf79i$[\x84'\xc5\xd5\xe1L;\x8f\xb7\xa9"</t>
  </si>
  <si>
    <t>b'P\xec\xeay\x0e\xb9%\xf2&lt;\xce\xfb\xef\tF\x98C\x19\xc6EH\xf3\xd0\x9c\x1ff8\x85\xee\xa5\x9f43'</t>
  </si>
  <si>
    <t>b"\x075RF\xbb'\xa0~{\x88\x8b\x8dVu)\xd9\n\x9e\x85\xb4W\\\xcf\x8e\xb0\xd5Q_~\xdc?."</t>
  </si>
  <si>
    <t>b"\x8d\x85\xe860Kt\t\x08!\x0f\x85\xfb:\xca\x05\xc4\xfa'(\x98WU;\x93x\xbe\x89\xbc#\xa4*"</t>
  </si>
  <si>
    <t>b'!\x87\xb8\x85@\xecm\x96=)r\\\xa7\xfb\xe5\xfcv#\x89\xce\xaf\xd1\x81Y\xc7\xe5U\xf5r\x17\xa4t'</t>
  </si>
  <si>
    <t>b'*\xf8\xe0o\xa1\xabi&amp;\xbe&lt;&gt;uXa\x0e@\x03?\xbf\xbe\xd6S\xba9\xf7\xc7X5\xc6\t\x0e\xe4'</t>
  </si>
  <si>
    <t>b'\xbe\xc7S\x9e\xa0\xf7Z\xf4\x9d\xac\xd6&lt;HU(\xcbL\xc5\x98\xef\x00D\xe0\xac\x92\x13i\xb3,\xb6\xf2+'</t>
  </si>
  <si>
    <t>b'yU\x1d\x90I\x93\r&gt;\xec\x8eT\xcb\xeb\xd9\xaf\x10\xc2\xb9\xc3o\x8bx\xb6\xf5\xdbXL%\x86#\xc5\xa4'</t>
  </si>
  <si>
    <t>b'\xed\x1b\x9d\x18O34P\xfd\x90\xe5\n"$\xe5\xe0\xc3\xc6\xa9\xb5)\xe9\xde\xd9\x03\x9e[\x81d\xe4t\xb6'</t>
  </si>
  <si>
    <t>b'\xf8\x8f\xef.\x9e3}\xc3\xcb\xb4\x95`\x01\xb2\xac]\xabn8\xf7s\xe7\xcb]\xab\xb6\xfcq\xa9\x0f\xc6d'</t>
  </si>
  <si>
    <t>b'\xaf\xcfkS%q\xde\xaf\xa3\xd6\xbd\xf1f\xc5\t5\x8dn\xd3\xc9I\x0c\x0cC\r\x1e\x0b\x98\xf3\xdd\x84\xdf'</t>
  </si>
  <si>
    <t>b"KA\xdcj\xe9\x0fF\x81-G\xca\xb9\xfb\xde#\x08\xd7\xa7\xc6\x94\xc8Kj\xbe\xfb'N^\xe7\xff\xf6/"</t>
  </si>
  <si>
    <t>b'\xf1\xa0&gt;+N\xac\x9e\x0b\xed\x89\xe9O\xe9\xfb?\\2\x93\x9b\x85$\x14Y\x1d\xdd\xbff\x88\x1b\xe6\xc0g'</t>
  </si>
  <si>
    <t>b'\xd5\xf0\x00\xcc\xc2\x17\x89\xe1\xec&gt;\xd3\xd6\xc8d\x1e\xc9??\xfa\x12Hs}\x13:W\r\xb6:\x7fy\xe0'</t>
  </si>
  <si>
    <t>b'+\x084\x90!\xb9\x8c}\x85\xafP\xfb\x1b\xf8S\x94\x97a\x9eJ&gt;!\xa5\x1f1\xf9Ac\xa1\xf7XP'</t>
  </si>
  <si>
    <t>b'\xf0\xb3\xac\xea\x0c\xc7)\xba0\x80\tT\x1b\xe4v\x19\xfe5\xe95b\x99\xb1\xd5j\xd1\xfd\xe4\xe99d\x10'</t>
  </si>
  <si>
    <t>b'^\xc3\x95\xc18l"pG\xe2\x9e\x98L\xa9I\xf5`\xdf\xd9\x83h\xf8\xa8\xe1\x18\xc92\x97\xb5i\xc80'</t>
  </si>
  <si>
    <t>b'\xd8C&gt;\x86N"\xf0\xb2\xd55R\x97\xfe\xae\x8dV\x91\x03\xf7\x9e\x87oU\xff(=\x14\t\x1c8\ra'</t>
  </si>
  <si>
    <t>b'\xf2\x1b\xfa,\x15&gt;?Gd\xd3p;\x07\x12hf\xdd\x9co\xc0"\x98b1U\xfe\x08L\x05\x05z&lt;'</t>
  </si>
  <si>
    <t>b'\x0b:\xa8E1\xfe\xe8SEw\x1d\x1e\xf4\xa0\x14\x8f\xd1\xffC\xac\tS\x81\xc4\xd1\xd7q\xe2\xb4e\x13a'</t>
  </si>
  <si>
    <t>b'\x0e\x86\xa4\x8bC\xc9T\x80n\x1f\xd9\x9d\x80\xb1\xc6\\\x9bGd\x115\xa8"o\x92\x8d\xce\xe1h\xc1\xefX'</t>
  </si>
  <si>
    <t>b'$LX\x88\xba#\xa0\xc2*m\xd5\xfbb=\x87e\xef.%\x0e`\xebp\xc4\xa2B\xa1\x9aY\x80x\xfd'</t>
  </si>
  <si>
    <t>b'\xc9f\x0cu\xc2\x9f\xa9\xca&amp;)\xf2\xe2\xc82\xad\xcdC+~\xf3\x07\xe4\xe2\xd4\xc3a\xe7\xce\xe9\x15p\xfa'</t>
  </si>
  <si>
    <t>b'\xcc\xbe\x9eP\xcff\x0b\x9f\x93&amp;:\x93\x1e\x99\x80&gt;I\x8f\x10\x00"\xaew\xd0\x95\xe7\x11R\x99\xa5\x11t'</t>
  </si>
  <si>
    <t>b'\xb4\xf7D\xfe&lt;w9&amp;h\x86\xbf\n\x1e}W\xdc}\xa3C\xa3\xf0\xef\xd12\xf8:&lt;\xda\xdb-\xcc\xcc'</t>
  </si>
  <si>
    <t>b'\xa3}\xec\xcc\x90|-;\x8f\x94\xfb\xc5\xd1\x96\x97\xab \x0b5\x81`\x05\xef"\xc3\xa9\x12m\x07\xa6\xa3\xa1'</t>
  </si>
  <si>
    <t>b'\xf3\xde\xebN\x7fch\x14\xba:J\xabP\x85[\xbb\xc5\xd3\xa1\xc4-\xb7\xcd\xcb\xfbjr\xb83\xb9\xeb$'</t>
  </si>
  <si>
    <t>b'\xf2%\xdae\xac\x91\x91D\x99\rdqK\xf9\xe6\xef\xd1\x04\xf9l\x82\x06\xed\x8e\xd2(2\xa4Eb\x8eC'</t>
  </si>
  <si>
    <t>b'&lt;\x18h\x90&lt;\x0c\x82 \x00d\xa6\xc5\x7f\xba\xb0Y\xf6y\x83\xa5\x1c\xcf\\Q\x97[\xddp;\xc9D)'</t>
  </si>
  <si>
    <t>b'd\x14\x80\xd2Y\xdd\xee\x95\xe0d\xc8\x88\xc6\x84\x87\xee\r\xf4\xddva0y\xc4{\x15\xc0\xef,G\x0fM'</t>
  </si>
  <si>
    <t>b'\x93\xa1\xe3\x94\x9a\xf7h\x89\xc6\xfa\rO\x92\x11\x89~\xf1\xc5\xfd#L\x0c\x04\xa5\x8c\xe34 q\x95\x99\x1e'</t>
  </si>
  <si>
    <t>b'\x80\xc9\x10\x11\xb9]\x8b\xca\x1e\x8c\x9e\x99E6cg\x99\x83\xda2\xd4\xe5^\x0cZ\x106c\x08\xb1\x0e\x06'</t>
  </si>
  <si>
    <t>b'5\xd7\x97!t\xc4\x14]\xc5\xba?\xec?\xab\x9b\xd9W0`r\xd0\x0bP7(\xaa$/#\xfa\xe5\xec'</t>
  </si>
  <si>
    <t>b"\xbdxE\x8b\x1a\xbb=\xec+\x84\x19r\xdeRo*\x01G\xc5@\xfe\xcf\xf2\xb1'\x1eo\x96|q\xc3\xa4"</t>
  </si>
  <si>
    <t>b'6\x97\xa5\xd6 \xa5\xc9\xdd\x99\xed\xa6.0$E\x91\xe6\x16\xbbi(\x19\x1fX\xce\x9e\xb9\xdb\xc8\x8a\x95\xe2'</t>
  </si>
  <si>
    <t>b'j\t\x02&lt;l\x02\xc2\x8d\xd9\xc1\xf2\xe6i\xadR\xa5#\x85\xe3z\x99\xf7P}\x18\xccA\xdf\xf7FL\xc4'</t>
  </si>
  <si>
    <t>b'\x92\x95r\x8a\xe4\xa5[}\xa2!\xa1EY\x940\x950\x00\xe7}??\xea\xac\xc5\xa6\xcc\xc9\x8cxaO'</t>
  </si>
  <si>
    <t>b'\xd9\xb0\xf1\xc6i|\xf0H\xc2`V\x99\x01\x17b\x96\xb0E\xf8A\xe5^a\xdc;\xfb\xaa\x06\xa5V\xd5\x01'</t>
  </si>
  <si>
    <t>b'\x9c\x04\xabe\xb2\x1a\x0cT\x88f\xf0k\x1c\xcb\xc8k\xd4|=h\xcb\x03\x96[?h\x18_\xfb\x90x\x98'</t>
  </si>
  <si>
    <t>b'\x96\x82\xce\x92\xf6b#\xdee\x8e\xb5\x81\xfa\xfc_\xbd_\x1b\xf0fA\x89vU\x9f\xba&amp;\xb9R\x89\xdc\x81'</t>
  </si>
  <si>
    <t>b'\xec}\x19\x06m\xd4\x1e\x07\x16w\xf0\xf4YTKF\xd4\xc0"\x9f7&lt;\xc5\xc0\xaa\x10\xd3\x9cZ\xf4j\x11'</t>
  </si>
  <si>
    <t>b'\xb1\xd4\xcf\n!\xc9\xeeO\rtU}i\x98\xc2\xb8R\xda\xa3\x86\xb8\x16\xd6/"\xb4N\xf8\xeek\x05~'</t>
  </si>
  <si>
    <t>b'\x97\xa2\xcb{\xe9\xaeI\xa6i-;l\xa3r\xa5\xe7\xcf\xd8\x1b\x97&lt;\xf1#\x83\xbfB\x016ErH\xb0'</t>
  </si>
  <si>
    <t>b'E\x95U\xef\xbf\x19\xbb\xc7\xef\x85\x02\xde\x1fQ=\x01n\x8b\x1cT\x159\xa9\xba\xd9\xce\x88\xdf35\x9c\x80'</t>
  </si>
  <si>
    <t>b"|\x1f\xd6\x86\xb6\xdb@ \x0bc\x02'\x15k^\xb5\x8bt\xa1\xf9\x9bt\x00\xb9[\x80!\x19^\xf6\x01w"</t>
  </si>
  <si>
    <t>b'&amp;\xa1\x1bmd\xfcr\xf8O3\xab\xcab%\x94\x03|y\x1b\x11\xbb\x7f\x1d\xf9X\xc8\r\x86\xcfo\xad\x87'</t>
  </si>
  <si>
    <t>b'J\xd2\xda\xe4=\xac\x98FWj[\\\x00\xcf\xd5\xce\xcd\xb9\x99b+zc:\xde\x82~3|\xbdA\x8e'</t>
  </si>
  <si>
    <t>b'\xab\xcd\x0ez\xa1\xcaq\xe1\xd5\r\xc4a;$\xe2\x8a\x0c\x03\xb3,t\x9f\x12\xfbu\xf1qc\xa7\x82\x92z'</t>
  </si>
  <si>
    <t>b'\x89c\xa0\x02m\x86*\x8b{\xa5U\xe1\xeb\xea\xd2\x11\xa3+\xafF\x1f\xc6\x85\xde\xb9\xf7.\x15\xaf2\xd2\xbd'</t>
  </si>
  <si>
    <t>b"w'\x13\x86,\x99\x88\xe5\xb9\xceO\xb4\xa3\xe3\xc2\xa8\xcf\xbd7\x00\x0c\xd6\xab\xdc\x88\x8c\t#\\}Y\t"</t>
  </si>
  <si>
    <t>b'v\x12\xb6\xc50\xd7\xb4\xf72\\\xe2\x1a\xf7\xb9\xeb&amp;\x8d\xaf\xa6\x807f"0\xdcr\x9d\x01[\xa1\xc6\xed'</t>
  </si>
  <si>
    <t>b'\xc4Bx\xec\xc4\x0b\xbb&gt;\x8b\xdc\r\xb0\xa3\x9d\xb1\xc1\xab\x93\x0b\x88$\x81\xfb\xa7\xee\x81+\x0fz\xc7\x03&lt;'</t>
  </si>
  <si>
    <t>b'x\xc8\xb1\xab\xf9\x80\x1f\xf0QL\x9f,o]\x1cW5\xdf\x02m(\x99\n\xb92\xf6n\xfep\xc0:\xbc'</t>
  </si>
  <si>
    <t>b'u\xfeD\xbb\xec\xe7\xfdE9DP\x1e\xa2\xc3\x0c\xf1\xca\x9b\xd4&gt;\xf9s\xa68~e\xe8\x17\x90Ob\xac'</t>
  </si>
  <si>
    <t>b'\x08\xd8\xd5itI`\x8c\xe24\x98\x06\x89\xde\xb1\xb0\x89\xe7\xc8\x94\x83W\xd8\x972\x0f\x03\x88\xd90\xdcV'</t>
  </si>
  <si>
    <t>b'\x86\xc0G\xe0\x87C\xaf\xc6\xa1Kb[&amp;\xf5\xc5\xcb\xed\xba\x9c\x86N\xf3\x81j\x08\x12\x11\xef1,G\xdf'</t>
  </si>
  <si>
    <t>b'\toj\x86\x14C^e\x8b_\x88\x11\x18!0\x05\\\xbb3\xa3\x0c\xed\x8f@\xb2m\xea\xb7\xe4\xe1s\x85'</t>
  </si>
  <si>
    <t>b'\x9c\xa2\x84\x83@\xed\xe9x&amp;D\xf9@gW|&lt;\xd7\x87\xba\x06\xe9\xc7\xb4\xc7\xe1\x0fj\x81\xcai\xbbE'</t>
  </si>
  <si>
    <t>b'\x92_\x00\xc6\x9e\xa6\'t\xb7\x86:\xb1\xce=\xefxf\x9c\xe8\x12\xc4c_\xcf!\xc8"C\xecS\xa8\x84'</t>
  </si>
  <si>
    <t>b"\x91\xcc\xc2\xd6J\xc2\xf8/\x9fb\xa5\x8dO\xf4'\x1c\r%/\xff\x1a#\xe5\x87\x15Q\x0e\xa7\x05\x8f\xfd\x96"</t>
  </si>
  <si>
    <t>b'\xcd\xc0p4\x13\xe0IF{N\x1c:\x90C\xcb\xeb\xa6\xcf\xd6D\x87\xc3K\xa6\x8c\x06\xdb\xe4\xe1#\x7f\xff'</t>
  </si>
  <si>
    <t>b'Vq\xaf\xba6\xa7\xdb\x1d\xf0\x0f\x89\xc3\x04\xa1 W\xbf\xef\xe8\x8an\xbd\x90J\xd6PIc\xe5\xc8\x13\xa8'</t>
  </si>
  <si>
    <t>b'8\x15\x19v$\x82\xce\x8e\x08W\xae\xa4\xd6U,Z?OO\xc3\xbb\x95\xa4Q\x11|\xb6\x04\x9ciW\xc9'</t>
  </si>
  <si>
    <t>b'\x83\xcbrK\xb2\x93\x87q\x0bi\x19J\xd1|\x04\xdcm\xd4\xaa\x07\xd9\x01\xb4FI\xda\x8by\x86\xd0=\xe7'</t>
  </si>
  <si>
    <t>b'G\xbd\x08\xad2\x0f\x85\xdb\x90\xd3\xdb\x91\xd0\x00#\xca\x0e\x9b\xc1\x87\xcc\x19\x83j2~\xa5\xfak\x17\x9a\x84'</t>
  </si>
  <si>
    <t>b'\x8a\xdch\xdbKH\xe4\xf8\xb5\xc4\xa0tE\xcajhu\xa0\x03\xa8\xdd\xcc\xdf\xd4\x91v\xf5`\xd4p\xdd7'</t>
  </si>
  <si>
    <t>b'p\x83\xd5\x99\xe0\x01&gt;\xbe\xe1\xbdBBN8\x99\x95\n,g\x18\x9b#\xf5\xbb\xd7[T\x9f\n&amp;\xc6\xbc'</t>
  </si>
  <si>
    <t>b'C\xfeP\xd6\xb8\xde-Sb!\xdb\xe8\x16\x1f\xfbR\xb3\xb5\xe0\x87\xbc@^q\x99\x18\x7f4\x0b\x1b\xc8\xd1'</t>
  </si>
  <si>
    <t>b'\xdd\xc9&amp;M\x83V\x9a\x89 \xb3P\x0b]\t\x83\xcd\x82\xfc\t\tO6++\x90\xe0\xe9\xe2\x8a\xa6\xe4\xb9'</t>
  </si>
  <si>
    <t>b'k$\x98C\x99\x9c6\xdbI*\x85X\xb4\x83\xab\xe4\xc5\xb3\t\xf0[\x0b\x92\xe2\x93\x1fDN\xcb\xde\x17#'</t>
  </si>
  <si>
    <t>b'g2\xfe\xe6\xf8\x10\xe4\xa0u\xe1p5\x1cJv;.0\x0e\x1a8\xb7\x0fd\xb2-\x9d)\x00\x03\xcc\x7f'</t>
  </si>
  <si>
    <t>b'\x95\x9d\xf5\xc2\xbd*\xf9d&gt;\x95\x8f[F\x96\xa4\xa8\x11Y\xb2\x99m\xf2\xa3\xe8ESZ\xd8\x91\xdeH\x01'</t>
  </si>
  <si>
    <t>b'\x95K\x85\x0e\xba\xf5\xcc\xfa\xee\x1fK\x94+\xa6\xe1fp\xa8\xee\xb4H]\xb7\xa3\xc3\x1e\x18\xfe\x07\xb1-\xc6'</t>
  </si>
  <si>
    <t>b'\x13;`\xd2B\x9f"\xaeG8\xf4n9\xe2\x82\xdf\x1aX\xbd\xaaP\x18_\x86!\xd3\xa18\xdf\xa7\x030'</t>
  </si>
  <si>
    <t>b'\xeeS5\xab\xab\xbdH\xfe!\x17_\x90pe\x88\xef\xb9;\x8a0_bE\xcc`[\x0f\xe3\xde\x8e\x89Q'</t>
  </si>
  <si>
    <t>b'\xd8"\xda\xfc\xbfC\x1bh\x0e9f\xd5\xba\xee)\xc7\xe0\xd9\xdd\x98WL\xc8\x02\x11\x98p+\xdc\x10M$'</t>
  </si>
  <si>
    <t>b'|jk\xeb\xe1JU\xe4\xcd\x0bI0\xfd\xe4\x13\x17E\xa77\xd0^\x03\xf4\xd6A!\xa8\xac*9X\x0b'</t>
  </si>
  <si>
    <t>b'\xa5\xfa\x8c\x89\xbb\x82\x92k\x0f\xaa\xedQ\xe3/\x89\xfb\xef2\x12\xd4\x17G\x8d(\xea\x10\xb6n1&gt;\x81\xac'</t>
  </si>
  <si>
    <t>b'\x06\xbb\t\x98\xc2\xf5\x0e\x9a\x9f\x97\x8c,\xafJ\x88r2,\x9c\x0066&amp;\x7f\xd2\x15\xff{E\x83A~'</t>
  </si>
  <si>
    <t>b'\xc8\xb7\xcd?\xff\x99n#\xa8\x17\x97\xd2\xfd;\x1d\xd5\xb684!\xc1\x0e\xa1D\xd9\xd4\xf31\xd3\xdazM'</t>
  </si>
  <si>
    <t>b"\xd1w\xda[\x8bf)\x80&lt;\\^\xbb4\xb5\xee\xdf\xa6~e\x06\xd3\xcc6'\xdd\x8dbY=\x1fmh"</t>
  </si>
  <si>
    <t>b'\xacE#uF\xd3R\xdc\xacr\xfe\x90\xdah\xe8\xecT\x93\x97\xd3\xb3\xa1!\x1e\xba@,\x0b@\xf7\x17\xb8'</t>
  </si>
  <si>
    <t>b'\x07\xb5\xe6#\xa6\xcf\x17\xb7\xa3H}\xd1\xc0_\x10S\x90\xca\xc7\xbf\x0c\x11\xd7\x19\xe0\xd5\xab\x89\x87\x9d\xb3\xea'</t>
  </si>
  <si>
    <t>b"_\x11\xff\xdeB`'VI\xf6\xaa\xffD\xb7\xd1\x96E\x19\xd2\x16S-\x1e\x80s=\xa3\xf5q\x0c73"</t>
  </si>
  <si>
    <t>b'\xa6PG\xcb\x925\x1f\xe0\x04\xda\xaa\xf5\xee\x89M\xa0\x03@\x00\x0c\xbe\x92\x8e]E\xf8\x18{\x11L\xbd\x03'</t>
  </si>
  <si>
    <t>b'\xa6\x15\xac\xaa\x9c\x9e\x1c\xfc\x13:\xf9H\xbd(\xf5!\x85\xba\xab\xd11\xd0\xdf@\x14\x9e\xde\x00rN-\xb9'</t>
  </si>
  <si>
    <t>b'\xf3\xa2D\xfa6\x8f\xaf\xb4\x04\xa8\x8b\x82\r\xaf12G\xe9\x06\xc5\x9c\xd4-\x89\x84\xae^K{B\xb6\x97'</t>
  </si>
  <si>
    <t>b'H\xc4\xa4N\xb1\xc0\xc9t\x84\x82\xc5\xad\xfb\xca\xc4AA\x8c\xac4\x00}\x90i6I+\xffPU\x83x'</t>
  </si>
  <si>
    <t>b'.q\xbd\t\xb6|\xb0\x07\xf3\x92\xa9z\xa9(\xb1#\xb3\x19\xab\x16\x11\xb8\xf1\xf4\x9a\xe8:\xb9\xb8\xffx\xda'</t>
  </si>
  <si>
    <t>b'l^\xe0\xea\x87\xe7\x08\xad\xa1\x1b\xe0\xbe\x9b\xfc\xdf:\xd5\x9e\x1b\x99\x7f\xd1\x06W\xb8\xa2\xbaIN\xfc\x97\x8d'</t>
  </si>
  <si>
    <t>b'\xdcs\xa4\xcd\x1a\xa1\xbe\xd8\x85R\xfcG\x87\x1c\x89\xde\xb0\x12\x82\x13\xf6\x8e\xb8{\xe6\x07_k,e\xf5/'</t>
  </si>
  <si>
    <t>b'\xc6u\x9a\xf4\xcc\xa7\xa5\xef\xc9M9\x05\xde4\x074\\@\x0f\x0fAP\x1e\xc6\xe3/\x9d\xe4\x95\xb2\x8b\xef'</t>
  </si>
  <si>
    <t>b'8\x0e\xba\x1a4\x9aKf\xee\xd0\\|\xe9\xc4z\xbey\xb6\xad\x01%$_\xee\x1axCl/\xde\xc7\x07'</t>
  </si>
  <si>
    <t>b'h\x9eBUZL\x7f&amp;\x02\x01\xdc\x18a\xe6\x86\xa4\xe0K\xe9\xeb\xa9W\xa9A\xaf\xfdT\x03\xf4\x1c\x00%'</t>
  </si>
  <si>
    <t>b'\xaf,0a\xef,E\xdb\x91\x9f\xed\xf0;\x06_\x82\x8dQ\xa7\x9dF\xda7\xca\xc2N\x03~N4\x0b|'</t>
  </si>
  <si>
    <t>b"\r\x1cU|\xebXV]\x0e\x8au\x7f{\xa4\xdd\x1a\xe9\xd7\xb1]\xffYT\x17\xf3\xbf5\xac}\xfd\xff'"</t>
  </si>
  <si>
    <t>b'\xf8\x9a\x04pX\x0e\xe1\x12W\x15\xf6\xf7=\x15\xb8t\t\xea$Ko\r\x03K\xb7\xd9\xc4\xb5m\x14F\xd2'</t>
  </si>
  <si>
    <t>b'\r\x12\xde\xb4N\xde\x0f\x00\xd5X\xd1\x12$#\xf6g\xfe\xea\xd5\xb8\x93\x82\x13\x0f\xb6\x81\x0b\xdd\x0eH\x14\x1e'</t>
  </si>
  <si>
    <t>b'J4\x8c\x9a"\x8e\xfd\xea\xd6\x97!\xff\xb5\xff\x99\x9c\xa9\xa8VI\xf2^\x89&gt;\xd6\x95\x94\x92\x82s.\xff'</t>
  </si>
  <si>
    <t>b'\x8d\xbc&lt;\x85\xe5\xc4\x97\xa9\xd2.\x14\x9d\xfd\x1cH1\xd4t\x80\xe5L\xb9\xd1\xba::O\xf3[\x83\xa6\x80'</t>
  </si>
  <si>
    <t>b'\xf9Q\xf8\xe5\xc22\xde9Km|\x02\x04\xa5\xe7\xf6\x03.-Q\x92\xaez\xb0d\x93$i\xdf\x96H7'</t>
  </si>
  <si>
    <t>b'3!\xf4\x9f\x01\xdb\xb0\x19QD\xda\x14\xf4qq\xbcT\xc88\xffR\xce\r\xd1G\xcf\xec`\x03\xdf\xab\xca'</t>
  </si>
  <si>
    <t>b'v\xde\xe6\xf8\xbd\x0f{\xf3\xce\x9d\xfdiC\xbd\xc4\xa1&lt;\xa5T\x1a\x17_N\xf0\x8a\xdf\xc7W\x82\xdf\xcf\xe0'</t>
  </si>
  <si>
    <t>b'\x18\xd7:\xc6\\\xe6\x88\xdb\x90m\xa6..\xbd/Mbo\x0c\xd1\x07r\xdd\xaf\x1a\x9c\xda\x1c&gt;\x06\xa3\x9d'</t>
  </si>
  <si>
    <t>b'\xa0_Y0v!\xf3w\x8dV&amp;\xfb\x19\xdf\xec\xd4\xa7\x8e=*\xf4\x9cW~&gt;\x10\xb3%\xbeEc`'</t>
  </si>
  <si>
    <t>b'q3@\xd88z\xe0:\x8cQU9\x9e\x88\x85\x80\x0bZ\xd3@\xaa\x8f\xe5\x11\xbe\xbc\xed3\x12!i\xc5'</t>
  </si>
  <si>
    <t>b'!(\xc9@\x1b\xcf\x16\xc902H\x82\xd9\x91Q\xcd\xe2\xe5P\xe9A\xd7\xca\xfc@+!\x12 \xa4\xf2\xbf'</t>
  </si>
  <si>
    <t>b'\xa9\t\xcbs2\xbb\xddc\xe0\xa4\xe5\x0c}\x1dp\xc0\x99&lt;\x00\x94\xf1\xed\x98\xd3\x83\xd2H\x06n\xb0\xdc\xd8'</t>
  </si>
  <si>
    <t>b'\xc6}S\x01\x99I\x16\x8e) \xd1\x86\xd8\xef\xbe8\x89\xd7B\xb6\x9c\xbe\xc8\x1al\xf3\xde\xbd\x901:\x93'</t>
  </si>
  <si>
    <t>b"\xeb\xdaG7;Ug\xfe\x12\x1f\xa5'[P\x8a}\x1c\xde\x94n\xf9\x92\xf1\xd9p\x0c\xde\x8a\x9f\xf3\xe1&lt;"</t>
  </si>
  <si>
    <t>b'\xeeg\xfc[\x13\x06N\xbd$$\x08}=^\x81\xa5{=F\xcf\xf1\xd8\xa9\xec\xed[\xbf\xc6\x92b\xb3\xa1'</t>
  </si>
  <si>
    <t>b"\x95V\x8e\x07vQ\xf6\xcf\n\xce\x18'\xe1\xa4\xe7v\x80*\x8a\xda\x9c\xab\x14\xc6\x0c\x92\xdc\xa2\x8e\xc2\x84\x91"</t>
  </si>
  <si>
    <t>b"\xec\xfa2\xb0\x94)\x05\x9f\xf1\xb9\x1e\xad\xb7'\x1b\x1e\x14\x9cf\xfd\x02\x91\xdc\x18\xb3nE\x00\xfa\x80\xa5/"</t>
  </si>
  <si>
    <t>b'\xa4\x8ab\xae\xf8\xde\xf7&gt;\x055\xbd\xb1\x85\xa3\x7f)\xfb\xe0\xb2\xdc\xfc\xc1\xb1\xb0\x8f\xac\xf0\x89\x0b$\tt'</t>
  </si>
  <si>
    <t>b'\xa4}\xe3\x12\x1a\xd9\x16\x06\x9f\x14~s\x0e\x00K\x8b\xbf&amp;=\x89\xd3\x05\x0bu\xcf_:\xfcXA0\x12'</t>
  </si>
  <si>
    <t>b'\xbf\xa1\xa0\xbfL\x12i\xbc]4\x8ab\x16~v\x8a\xd6\t\x82\x92M\xf6X\x15&lt;,G9\x94\xe1\x94\xff'</t>
  </si>
  <si>
    <t>b'\xdd\'*\xf3\x04\x0fh3\x12W \x7f\x96\xe5\xb1"\x13[\x8d\x9b\xba\xb3O\\\x8d?\x82\x04\xd4\xa9\x7f^'</t>
  </si>
  <si>
    <t>b'\xc4\xe5\x8a?\xb9F\r\xa2F\xba\xbb1\x9c=\x10\x19\xff\x16lt\xcd\xeb#Hl\x1e^\xdf\x00\xbc\xd4\x1c'</t>
  </si>
  <si>
    <t>b"\xcf\x82kv\x14\x1a\x8c\x17j\x15\x1a\xbdb'\xe1\x085\x97\x06\xdb\xa3Kx\x19|\xad\xa3\xac\xe1\xda\xbf|"</t>
  </si>
  <si>
    <t>b'l\\\\\xc08(\xb9\x1a\x07\x0b\xcfk@\xa7\xeeg\x85\xa3\x14\xf0\xb1\xa1[\x9e\xaey\x03\x13\xe8\xf5y\x9e'</t>
  </si>
  <si>
    <t>b'\xc4\xd9\xda\xb8\xec5\xd0)=\xf1\x10M.\xc9\x8f\x81\r\x08-\xc5H\xa7*-\xef7\xdf\x06H\xe6)b'</t>
  </si>
  <si>
    <t>b'\xe5\xd7\xa8Q\x11\xb2(\x80S E\xe2\xf0GY\xf0\x96\x92\xea:I\xb9\xear\x12\xb3Y\x01\x7f\x1b\x9e\x1e'</t>
  </si>
  <si>
    <t>b'\x11\x8d\x9e&gt;!Y\x18*\x9b\x04|\xa1 +Og\x95~$\xfd\x86\xcaC\x91_B\xfc\x18`2E.'</t>
  </si>
  <si>
    <t>b'\xd2\xca\xcfLOz/\xe5vxW6@l\xb6q\x17\x130\xdd\xfe\xd6`6\xaf\xf8r\xceeJ\xb3)'</t>
  </si>
  <si>
    <t>b'K\x1f&gt;\xea\xbd\xc2\x81\x92F\xe1\xee\x18\x14\xfe\xb2L\x1b\x93+U8\xd1{\x84\x1f\xb1\x13\xdd\xbc\xf3\x87%'</t>
  </si>
  <si>
    <t>b'j\xe8*\xc0\xf6\x86\x1b\x8c@\x13\x83\xdb\xec7u4\r\x8cG\xc3\xf0\x1cj\xccx\x0e\xd4C\xbb\xfc\xd6\xfb'</t>
  </si>
  <si>
    <t>b'\x7f\x85~cZ\xd8p\x0b\x89\x04\xfaY\x99\xc4\xc2\xaf*O\xc2\x10\x94\xef\x19\xdcB\xe9\xf9\xc8\x10\xd4\x07\xc8'</t>
  </si>
  <si>
    <t>b'\xd2\xab\xd5\x97I\xa0\xb3\xe0*\x98\xe2o\xf1Z\xae\xab\xca\xda\xc46\xa1\xe6\xd0\xf9\xad(\xffG\x1a\xceZ\xdf'</t>
  </si>
  <si>
    <t>b'\x17T\xa4J5\xed\xa1\xb0r\xba\xe4\xbb\xe1\x11\xf7@\x80Dw\x7f\xd6\x9b\xcbdm\x87}H\xde\x17\x82\xd8'</t>
  </si>
  <si>
    <t>b'Q\xdb_\xc7\xc3\xd6\x89\xc6\x97\xe4o\xf3\x85v\x86N\x8d\x19&gt;\x0e\xdcSB\x13\x1e\x8cM-\xf7&gt;\xed\xca'</t>
  </si>
  <si>
    <t>b'\xb2\x03\xc5\xd9\xfe{\x1c\xd8\x88\x1dW\xd3\xd83\xe9\x80\x13\x84\x03:\xc1\x95&gt;\x14R-\xa1\x8e\xbb2v\xa5'</t>
  </si>
  <si>
    <t>b'e\xd1a\x98\xa1\x8cjI\x18\x01\xbd\x7f\n\x86\xe1\xad\x8a\xe5_\n(\xf3\x11\x10\x1e?\xe2\xf8\x18\x9a\xb2\xb3'</t>
  </si>
  <si>
    <t>b']P\xf98G\xfb5\xec\xb2J\xe8\xa5\xee\xac\xc8\x057\x8a\x82\x8b\x07p\xbf&amp;\x0c,\xbcV"U\t\xfc'</t>
  </si>
  <si>
    <t>b'\x1cO\x08\x98o\xff\x19\x8en\x83\xb5\xb8(.\x7f\x86\xf7Es \x87\x19R\x00~okIm\x07f\x1c'</t>
  </si>
  <si>
    <t>b'\xc8\x15\x16\xbc\xec\x1d\xaeP)\xb0$\xca\xc46\x88g\xcd8N\x12o\xf5\xff\xb111\n\x0b\x129\x92\xb8'</t>
  </si>
  <si>
    <t>b'd\xfb\xca\xab\xcc\xcf\x96\xf7z\x16\xe0hz^\x817\x83\xf5A\x99\xc7Z\r\xe9\x8b\x16x\xfbX\x86J\x93'</t>
  </si>
  <si>
    <t>b'T\xb1K&lt;\xa7\xac\xf5I\xf3\xf4U\xbb\xcb\xe8uQ\xa3\xc0E\xd8:r"&gt;\xb76\x8b\x15Y\xc2.\x1b'</t>
  </si>
  <si>
    <t>b'\x940{ME\x92\xa3\xe5\x87\x9c\x07\xc7\x15\x8e\xf5r\x90\x19\xa2\x8f\xadO\xa5:f/\x1d\x02I\xc8H\xbf'</t>
  </si>
  <si>
    <t>b'bs\x84`\x1d\xa3kw\xf4\n\xd8\xcaw#Z\xb0\xc9\x8b\x8bZ\xe6t`\xc4\x85\x119S&lt;e\x03\xd4'</t>
  </si>
  <si>
    <t>b'vc\xa6\x1e\xf4\x96\xbc\x13}\xc4\r\x91\xc2L\x8fI!_\x7f\xd3\x85\xacb.\xc1\x1e\x1f/R\xe0\xd2\x99'</t>
  </si>
  <si>
    <t>b'\xba\xb02\xe5\xdc\xe1\x02\x82\xe1\x03\x1a^\x1f\xc0G^y\xf4\xa4\xe0\xe2\x9a1\x0b\x07r\xc5x\r\xcb\x13"'</t>
  </si>
  <si>
    <t>b'/\xe5\xc6\xea\x14\xc7\xbe\xbe\x99 Z\xdb\x08i\xd4$\x0b\xf8\xa1\xb5\xee\xb4Y\xfc\r\x19\xc6Xy$\x19\x8b'</t>
  </si>
  <si>
    <t>b'\x84\x1c\x07\xa7\x13\xae\n\xadG\x1cO&gt;R\x0e/+\xd3\xe4?\xf6\xc6_\x89,\x95\x9b\x16\xcc\xdd\xd6\x8c\xc9'</t>
  </si>
  <si>
    <t>b'\xc5\x8e\x12\xd9\x80\xcb\x83\xad\x91\xacz\xec\xabS\x0bC\xaf1\xbe\x98\x06g8\x0c\x1c\xab&lt;e\xb0\x14\xa3&lt;'</t>
  </si>
  <si>
    <t>b'k\x84\xf6\xcb\xc6y\xd5\xd0|\x03&lt;6\x89fJG\x10!C\x8a\xd6\xc0,\xd4i\xd73th\xeb"9'</t>
  </si>
  <si>
    <t>b'_\x0ep\x9f\x16/7d\xc8H\x01\r\xbc{\x9d\xf4\xbe"\xa7m\x02\xa7\x88\x17\xdd\xc8@T\n-\xdf\xaa'</t>
  </si>
  <si>
    <t>b"\x0e\xa6=\x8d; \x86\x9b\x84\x95\r\x83\xc7\xba\xec\xf1\xd3/\xdb\xea'j\xdd\xd2R}\x86\xca\x96\x8d\x00&amp;"</t>
  </si>
  <si>
    <t>b")R?\xf5\x11\xdc|eY\x1f\xbd'\x96\xe0hF\x8eg\x1f\xc0?=\xa1)\x89\xf7\xea\x9b\nu\x02g"</t>
  </si>
  <si>
    <t>b'\xda\x17\xb0\x08i\xdaHCT\x8aD\xa8\x19&lt;\x07(\xc6\t\xd4-\x83\xa4=\x97\x81U\x13w5e\x11\x04'</t>
  </si>
  <si>
    <t>b'\x174\x10\x980^\xf8kd3\x8a\xeaJ\xef\xcb/A\x06\x8aXz\xdf\xcc+$$\xa6O\xf9\xb87\x9d'</t>
  </si>
  <si>
    <t>b'\x91\x94\xdcs\x85\xb9~H\xcf\x19\xe8\xd0dT\xb2\t?\x9a&gt;R\xf4\x9fa3\xecf\xcc\xa9-L\xf6\x90'</t>
  </si>
  <si>
    <t>b'wM\xdfa\xd5;o\x1c\x08\x83\x9c$e\xc5\xc0\xa45!Dv4Qyc\x89\xc2\x9cm\x8a\xe2y\x1d'</t>
  </si>
  <si>
    <t>b'1Z\xff\x94`&gt;\xf8\xccL\x01\xab\xeaY\xd1\x030\xfd!\xcf\x13\x13-\x18L\xa8t\x92\xec7-N\xc6'</t>
  </si>
  <si>
    <t>b'\xdf\xc6\xa9\x10\xa53\x99&amp;\xbc!\xe9\x92\x1f\xe2\x94\xbd\xe6R\x1d\x19*\xbe\xff\x91(\xa1j\x15\xae\xfd\xf0 '</t>
  </si>
  <si>
    <t>b'P/\x8a\x94\x9fe=\x147\xa9=-\xa7\xf0\x1a8\x1dd\xa3\xce\x15`\x8f\xe9\x88/\xf9\xe1\x94A\xf2\xff'</t>
  </si>
  <si>
    <t>b'D\xa8X\xa0\x1c\xf1E\xc8\x1a\xa1\xc72\x13F\xd2\xd0\xd1\xf2\xf4M\xad\x1f n\x86\x1b\xfc\x05e\x80\xca\x99'</t>
  </si>
  <si>
    <t>b'\xcd\xde\xeb\x006V=\xd2\xc4~\xa7kC\x92pH\x9e%9\x12\xd4\xdf\xadc\xcf\x9eT)\xca\nz\xe2'</t>
  </si>
  <si>
    <t>b'\xf6w\xadce|\xaa\xe0\xce\xf2\x7f\xf9\x84Z\xb5B\x94\xd9\x9aW7\x18\xcd\x11)\x11\x8bX7\x9e\xac\xf8'</t>
  </si>
  <si>
    <t>b'\xe7\x8c\x97\xc9\x18\x87\x9bNh\x96z\x9a\x90\xd5&gt;;\x00HC\xf4]\x18p2\xf8p\x9e\x0f\xe9/m9'</t>
  </si>
  <si>
    <t>b'\xdc}\xae\x96\x8c\x93\xda\x97\xd1\xbe\xf3E\x86O\x11\r!\xd8&lt;\x90\xc7\x1e\xa3.\xba\xde_{\xc1\x1a\xf0\xac'</t>
  </si>
  <si>
    <t>b'3\xb8\xa0v\xe0\xba90NF\xa5\xefR\x853\\\xa6\xcd\xae\x1f\xf6j#\x1fG\xc6\xf2_\xd9S\xc6G'</t>
  </si>
  <si>
    <t>b'\xd4\xe8r\x03\xe8`x\xeb\xe2\x1de;\xe0\x846\x03};=\x8a\xa3\xce\xe8\xd7F\x81\xb5\xcc\xd7k\xbf\xf9'</t>
  </si>
  <si>
    <t>b'\x87\x89\xe0\xae\xd6\x13p\xb3\xdd\x9c\xea\xb7\x95\x10&lt;\x98Z\xaa\x85Js`\xbbN\x02\xba\xe2\xaf\xbc\xc8\xf3i'</t>
  </si>
  <si>
    <t>b'\xb7\xe3\xe7\xe9\x8a\xf2\xe8&lt;*\x84\xe3\xb2\x97\xc5A\xb1\xca\xce\x8cn\x00{\x85Q\xd0m\xbe\xb4\xce\xd2\x83I'</t>
  </si>
  <si>
    <t>b"\xba\xb8$\x8c\x01\x04'q\xfe@\xcf\xdd|\xbbn(\xc3\x04\xaf\x8d\x94\xce.D[\xb1\xce\xab\xed+\xe0="</t>
  </si>
  <si>
    <t>b"\x1d\xa0P+h\xd5\x8a\xdd\x81\xec\x1e\xaaq\x06\xfc\xddL:(C\xaf,\x7f\x14\xf3\xed\xc6u'a+\xd8"</t>
  </si>
  <si>
    <t>b'\x10\xcf\xa9\xdfo:i\xfd)\xb6\n\xb6\xc9\xa4&gt;\xe7\x9fI\xe23\xe6\xbd\x1b\x84\x00x\xc8\xf8\x04q\xb9i'</t>
  </si>
  <si>
    <t>b'9aI&amp;f\x89\xb74\x1e\x91\x80\x9a\xa7\xd14\x9f&amp;\x87d\xa9nP\xf6\xa4\xc8\xc2@\xea\xfa\x91\xdc4'</t>
  </si>
  <si>
    <t>b'\x81\xb1p&lt;\x1a&gt;JV2\xe1\x88\xc0\xea\xa9\x0bT\x0f\xb2\xdd\xdeD\x98\xeb-\x01z`09g\xf1\xf1'</t>
  </si>
  <si>
    <t>b'\xe9\xda\xeb\xcfGq+\xb3\xed\x82c\xa6\xb5\x90T!\x87\x0cEs\xf4LO\x17&gt;^b\x93\x91\xfe[e'</t>
  </si>
  <si>
    <t>b'\xb2:&amp;\xf4g\x06\xee\xecy\xf7^\xaa\x8f/\xa3\x1fy-\x99\x01^\xa5JK;7\xb7\x0c\x1d\xf1\x07f'</t>
  </si>
  <si>
    <t>b'\xfdI\xefAW7Ow\x9b\xca\xa2\x08\x1b\x07;oq\xab\xb3\xcc*8\x8bj\x8a\xb9\xbb]\xf6["\x92'</t>
  </si>
  <si>
    <t>b'1\xb2N\xfbm\x88\x97\x1bg\x9d\xaa\xd5\x19\x80\xa7\xee\x1e\x13\x97\xe1\x1aQM\xf0i\xd2\x18\x184\x9d&gt;\xb9'</t>
  </si>
  <si>
    <t>b'\x94^\xf2\xc1i\xc9\xb0\x14\x94\xaeyh?\x197\xffC51\xdaL\x83\xe7\xb4\xbe&lt;%\xbc\xda\xb7A\x9e'</t>
  </si>
  <si>
    <t>b'\x07G\xd72\xaf6\xdc\xb4#\xe6s\x92;:\x86\xaa,vSF\xc5z:\x9e\xbe\x97\x90\xe7R\xd3\xf4~'</t>
  </si>
  <si>
    <t>b'\xaaZB\xc1\xe9Ld\x84l\xef\xf6\xbf+\x9f\x12l\x02m\x07\x153\x06D\x8e\x83\xab\xfau\xdd\xfdO\xb0'</t>
  </si>
  <si>
    <t>b'\x11f\xe2\xde\xd2\x14J\x95\xb2\t0\xf43\xa8\x00-\xc7k\xad\x007\xbe\xd3}aw$i\xcb\x18t\xdb'</t>
  </si>
  <si>
    <t>b'\t\x10c\xfe\xbfa\xd7\x9fb\xdaF2\xec\xbdh\xff\xd3\x16\x94\x10+VV\x90\xaf\xa6M\xf2\xd9=\xa0\xe1'</t>
  </si>
  <si>
    <t>b' \xbf\x01\x8bf\xaf\x12\xb8\x18\xcf\x05\xccw\xe3iO\x96\x15\x9eo\xd1)Hn\xef[^\\J\xed\x94\xbf'</t>
  </si>
  <si>
    <t>b'f\xb0\xbd\x06$\x0e)\xf1*\xd3\x9f\xe0\xdcl\\}|\xb9Z\xfd\x14\x19o\xf7\x0c\x1a\xbf!\xae\xb7\xd8m'</t>
  </si>
  <si>
    <t>b'\xba\xb3bz\xfd\x9f\xc1\xc9\x1ex\x8f\xe2\xfaX\xed\xd6P\xd7\x89=\x05\x0e\x95\x7f~\xf3V\xdd\x1f\xf3\x88a'</t>
  </si>
  <si>
    <t>b'm\xf3J\x7f\xc2\x9cv0\x19\x83\x9d\xa6\xbf&amp;\xecW\xcf\xbe\xc2\x98\xc5\x81$\xac\xca\x17\x8c-C\xfd\t\xf7'</t>
  </si>
  <si>
    <t>b'Z\x8e6skh\x899\xbe\xb48\x9bl\x86\xc3V\xfb\x07\xea\x08\xc4\xcbkV\x110\x98^\xfa\xa788'</t>
  </si>
  <si>
    <t>b'S\x18\xdbe\xb2\xd3\x0bC\x17\xb1J(\xaei\xad\xce=\xd4{\x95\xf1\x85h\xcb6\xfd\x8c\xb6\xcd\xad\xff4'</t>
  </si>
  <si>
    <t>b"+4m\xbbXM\x85\xc6\xd5\xb2\xee\xdc\xd5x\xc9\xff\xa5VC\xc3\xa8\xbe~#B1'\xb1\x11H=D"</t>
  </si>
  <si>
    <t>b'A;_\xb9\xc2]\x8d\x04\xf3\xfe\xba\x142\xfd\xae\xdeK\xbd\xc1\x90X\x1c8\x88\x02\rnt\x89\x87/\xc6'</t>
  </si>
  <si>
    <t>b"\x9dc\xaa\xd9+\xca\x1a\xbd#yM&gt;?\xed\x13\xfb\xd5vvK\t\x90\x980'\x93H\xf7zn\xc7U"</t>
  </si>
  <si>
    <t>b'\xd8s\xc4\x80\xaf_\xf2\x90\xbe`KO\xf6\x82\xed\xefSs\xe1YaXDC\x92\xd7\x97/\\\xe4hO'</t>
  </si>
  <si>
    <t>b'l?\x8b=hD\x1b\xf8&amp;\x93\xd4")go\xa7N\xe4\xd1R+\x7f\x17\xcaK$\x98\x8a\xf3\xa7\x19\x16'</t>
  </si>
  <si>
    <t>b'\x18\xd0\xa9qF\x86o.U\x88\xb8)J\x1fM\x18N\x10\xda-\xcf\xd8;\xd7\xa6\xec\x91v\x94\xba\xbe\xda'</t>
  </si>
  <si>
    <t>b'\x89\xc99Z\x14\xb1\\1\x10\xec\tk`\xd0\x0eDrc\xbd\xb8$Q\xc8iB\xe5\x11\xf3*\x13$J'</t>
  </si>
  <si>
    <t>b'\x8b\xc7\x98[\x12\xab\xc7\x97\x01\xe8\xe1\xeb\xd8\xed\xb7\x92\xd4j\xc6\x07\xbd\xc4\xcc{\\P\xac\x9c\xdf\xe5\xe0\x87'</t>
  </si>
  <si>
    <t>b'1v\x91Ei\x7f\xedD\n\xef\xe0 \xc5\x1c\xbe\x80\xda\x82\xe0\r\xe6kh\xe7\xaa\x9e|\xbc\xd4\x10"\x11'</t>
  </si>
  <si>
    <t>b"\xde\xde\x91\x14]\xe1E\x13\x9eF5\xde\xaf\xb5\x91\x8bs\x1d\xb5w\xcd\xd5z\xa2\x0et\x92\xe9'\xef/\xca"</t>
  </si>
  <si>
    <t>b'f\xbf\xe7\x1a\xca\xea\xc4\x97\x91Q\xa4\xc8D\xc6\x1e\x9a\x17zDb2{\x97\x12\xad\xcc+\x92\x12M\xd2}'</t>
  </si>
  <si>
    <t>b'\x10\xe4\xb7\xf7\xedW\xce\xd5\x9aA\xaat\xadY\xd8\xff\xcd\xd6/\xab\x10N\xf6t5\xae\xc6l\xdb\x84j\xed'</t>
  </si>
  <si>
    <t>b'\x06#\x04J\x88\x03\x94\xe5\x9b\x0b,e\xac^\xfcw\xe0x\xd4\xb5\x1e\x8c\x11\xa4\xdc\xb7\x8e\x99m\x075l'</t>
  </si>
  <si>
    <t>b'\xe5.\xd8\x9f\xb6\x02)\xad\xa6Z\xcd\x03\x80Y\x9e=n&gt;\x05\xf7,\xc3n\x1d2\xdc\xfc\xa5\x98\xe20\x1b'</t>
  </si>
  <si>
    <t>b'\x83\xc6d\x8bn\xe9MN\xcf\x00\x18w\x8a\x88l\x1e\x9e\xd4\xe6\xf9:y\x03\xe68\x8d\xee%\xa1\xe7\x8b\xaf'</t>
  </si>
  <si>
    <t>b'C\xb5Z\xd9E\xe4m+&amp;i\xb5O\x9a\xa8\x91\x07\xc1(\xafu\xbc\x9f\xfb?\xce\xb1\xae\x91\x88|\x12!'</t>
  </si>
  <si>
    <t>b'\x83\xd8T1u1\xec@Wm\xb5\x9b&gt;\xff\x1c\xbd~\x11M\xfc\x8cN\x91q\xf6\xaae*H\x00\xe2\xb6'</t>
  </si>
  <si>
    <t>b'\x0f\xa1\x84\x90\x07Fz\xe9\x14\xc3_\x91\xd5\xd1z\xa4b\x95\x87\xfb`ok\n\xb1\xe7\xf4k\x98&lt;;\x8e'</t>
  </si>
  <si>
    <t>b'\xc13\x9b\xce\xd5}\xea\x9ayJ\xebj\xe6\x08x\xf0\xe8\xbb%U6o\xd4\xe6\xf8\xf6f\x8d\xa0\xd0\xa9\x13'</t>
  </si>
  <si>
    <t>b'H\x83\xa5\xc5\x15Jt\xdb\xf7\x02\x00j7\xc3\xcd\xe6\x05\xe3\xbe+\x83\xdevJ\xea\xd2\xadt\xbd[\xf8\xf5'</t>
  </si>
  <si>
    <t>b'\xc8!8\x17\xcewPt0\xbf\xe2\xc8\xc7\xa0\xf4\xd5\xc2K\xb3\xa46R\x06x}\xdb\xaf\x0c8!=\xf5'</t>
  </si>
  <si>
    <t>b'\x93J\xc8\xac\xc0\xf4\xf7\x89B\x1fP2\x82\x88\xc2\xdf\x07\x96\xf2;\xef\xc5\xbd&amp;\xf0&gt;\xe9\xcc\xe1#\xb1\x87'</t>
  </si>
  <si>
    <t>b'\x19\x99\xb73\xc1\xe9\xd2\xb1\xee\x851\x8f\xea\xb5\xe2\xa2\xf0\xe1\x1cT\x10\xa7c\xc0\xe0#\xb7\xfek;N\x9e'</t>
  </si>
  <si>
    <t>b'\xf6\xfc\x90\xb1\x9f."\xa0\x8bd{\xf8\x81\xdf\xc7\xf5\xa9\xca\xe0UU\xd9\xc2\x84\xdf\xc3\xe6\x13\xffzQ\x14'</t>
  </si>
  <si>
    <t>b'\x84\x15\xa9\xcfz\xff/\x8d\xfb\xed\x93&gt;\xe9\x91\x8c\x96\xcd`\xac\xc1\xc4\xee\xa0\xc6\xce\xb7h\xd8\xcc\x07\x96\xd4'</t>
  </si>
  <si>
    <t>b'Ye\x9a\xf0r&lt;\xbb\ti])\x86\x02\xe9\xb0\x10\nbz\x12\x0bk&amp;\x10\x10-\xc8(\xc8\x14\x18\x85'</t>
  </si>
  <si>
    <t>b"\x03\x84\xc2\x95\x81\xa3\xb9\x95?5\x15\xf9O4\x00^\x95'\xf8W\x85\x94\xe4C\xf3s6;\x18\xc0\xb0\xa3"</t>
  </si>
  <si>
    <t>b'\xfcN!\x89|E\x85\xa09\x99\x99g\xe6Z\x0c\xa3\xcd\xb9mA\x08f\x12\x9c\xf1\xd4\x9e\x83\x92\x807\x82'</t>
  </si>
  <si>
    <t>b'\x9b\xe7\x02\x9d\x8f\x0bC\xb6Z\xa5M\x87O\xf9\x8e\xd2\xaf\x03\x8f5(\xac\x9a\x06eV\xa1 8\xac\xdd\x02'</t>
  </si>
  <si>
    <t>b'\x13J\xf2D\xa8MVo\xe44i/\xff\xab\xa0\x80T\x96\x94M\x81x\xa3B\xbb\xc3\xfe\x07\xe4~\x92\x85'</t>
  </si>
  <si>
    <t>b'\xe4\xa3\xcfM\xb7\x93T\x0e\x87+Kw%g\x1e}\x00\xdd\xe8b^w\x9d\x81\xcc\x06\x94\xabG(9\xe5'</t>
  </si>
  <si>
    <t>b'} \xcf\xaev\xcc\xe0\xa2\xb9\xcc\xfa\xba\xbd\xce\x8cEL\x02\xd1Q\xba\xb9\x05\r\x8et\x1e\xdaC\xda\xe9\r'</t>
  </si>
  <si>
    <t>b'*\xed\xc0|\xb2\xa4.\x01\xbb\x1f\xa6-\xe81t&gt;,\xf2\xffq\xfc\x91R\xe8\r/So\x03\x8a\x94z'</t>
  </si>
  <si>
    <t>b'\x1c\xd1tc\xa5\xf7(\xe3;r\xc3\x07\x06X\x9f;\x0b\x1ax8\xddU\x8f\x85\x85\xda\x95\xaaj\xbe\\r'</t>
  </si>
  <si>
    <t>b'\xa6\x95\x07\x9f\x03\xb2\xa6\x01!\xa9\xee\xea\xf3\xda\xc1&amp;#[l{\xce&gt;\xcd9\x0b:s\xf4\xf2\x9dv\xea'</t>
  </si>
  <si>
    <t>b'$\xd4\x1ey\xb1\xb8\xa8\xab\xf5\xd6g\xf3\x15\xf3\xa9\x9d\xebN=\x9f\xfd\xfa\x14=\xda\x1e\xc7\xbe\xceM\xc4h'</t>
  </si>
  <si>
    <t>b'YK\xe5\x1c\xa7P\x00\xbc\x9a\xbd[@Mb\xbdH|K\x06\xceYc\xc3\xf8tp]l\x16r\x1f\xab'</t>
  </si>
  <si>
    <t>b'\x17\xcd\xf8\xd1gm\xcbO\xd7\x83\xf7F\n\x1e\x0e\x16\xde\xda\x0e}\x9c\xa5\xcdG\xdd\xa645&gt;\xda\xb6\xe6'</t>
  </si>
  <si>
    <t>b"\x97P\xdf9\xac\xe0A\x16\x02\x84!{\x8e'\xed\xdb\xc2\xde5\x8e5=~\xfeW\xb8\x08:i\x1f\xc4\xbc"</t>
  </si>
  <si>
    <t>b"\tNkk\xe4\x15&gt;\x84W(P7\x95\xd5\xfe\x7f/\xe9\xaeG\xc3m6\xf0\x17\x1c'U&amp;\xc1\xf5F"</t>
  </si>
  <si>
    <t>b'\x0c\xc6\xcd+\xf5\x96\xc0~\x83\x92t\xe6\x1c7NQ\xd6\xb0\xee\xc3\xd1\xeeN\xa7Feh\xb4#\xbd\xb3\xa0'</t>
  </si>
  <si>
    <t>b'"k\xcb\xcab\xda\xe6\x12\x17]?\xcf\xfb(\xc7\x85\x1e\xa1\xd8\x9a\x99\xc0i@\xe0\xcd\xd3\xde\x0b\xa7\x85\x91'</t>
  </si>
  <si>
    <t>b'-\xabUe\x16?D\x9d\xed\xf1\xb9\xbc\x88i\xa5\xa0W.\xc9e\xabn1\xd3\xa7\x80\x8a\xef\xcf\xc0\x0c$'</t>
  </si>
  <si>
    <t>b'\xe8\xb0\x1fN|q\xe0\x0e-T\x04\x16[\x83\xe9u\xcar\xe6\t\x92\x82EJ2\x8e\x97\x84xC\xfb\x05'</t>
  </si>
  <si>
    <t>b'\xd3\xe7 jj\x9etB(\xed \x17\x7f\xb7\xa5q\xc0\x06xn\xdejb\xd4&gt;\x0f\xfc\xf3R\xd8\xdc\xb6'</t>
  </si>
  <si>
    <t>b'\x13\xe2\x01\xd0p(\x80ae\xec*p\xf1\xe3\x13\xe9\xb5\xd7D\x92M&lt;vr\xcc\xe87|y\xa1\xa7&amp;'</t>
  </si>
  <si>
    <t>b'R%\t\xec_J\t\xbds\xa1\xb2Ii\x99[\x89mq\x03\xd4#@g\xf3\x1f\x97h\x9e\xbd\x94=n'</t>
  </si>
  <si>
    <t>b'\x89\xc5\x0f!yu\xd6\x86\x93\x8c\x99M\xa3\x18G\x8c-\xd6\x82#0\x14\x03\x8eG;n\xd8\xec\xc4A\x8a'</t>
  </si>
  <si>
    <t>b'\rS\x9f\xfb\x8d\xb8\x98w\xf2Mu,*\x0f#?\x88\xf3g\x08$\xa1k\x1b\x9f\xc1\xca\xdcq\xca\x0e\xec'</t>
  </si>
  <si>
    <t>b'\x0e\x84\xcd\x86\x06\x16V\xc5AO1+\xbe] \x92@QJ\x98\xd0\x80\xce\x16Ul\xe1$\x13\xb1\xc2\xf7'</t>
  </si>
  <si>
    <t>b"\xa8[\x15\xf7\x1d\xbc\xac5\xe3*\x1b\xe7\x83\x18\xa3&amp;\xc0as\xfc\xae2\xff\x1e@\x00J\x13'\x80\xdd0"</t>
  </si>
  <si>
    <t>b"{N\xb2\x01\xf2\x12\xeaa\x1c\xb5\x0b\x93\xc00\xaa\xd5\xb2\xc4|E\xa0@\x81\x0cu=\x83|-'UE"</t>
  </si>
  <si>
    <t>b'\xd1\xddG\\\x85\xae\xbd\xc4\xb6$\xbe\xc0;\rbG\xb2\xeb\x8fa\x1b\x11\xdd\x93\xfe\x11v\xae\x10\xb1v\xa9'</t>
  </si>
  <si>
    <t>b'\x1f[\xdb\x86\xb0\x01{H!\xde\xb5=\xa69\x16\xc95\xa7\x90n\xee\xd4\x0ec\xc1\xe8u+\xc9$f\xcb'</t>
  </si>
  <si>
    <t>b'\x87p&amp;\x8d7AR\x06_&gt;wYp5\x8d\xa5\xf1\xeaG\xd4R\xef\x9c\xda+\r\xaakB\xf8\xb1\xf1'</t>
  </si>
  <si>
    <t>b"a\xad\x95\xeb&gt;\xf9\x89&amp;\x99\xf7\x80\xc6#\x8d'F\x13\xce\x98yr\x15\x11\x1d\x80\xca\xbeF\x0f\xf7\x02l"</t>
  </si>
  <si>
    <t>b'\x80I\xd3Zw\xb0\x98 S\xad\x89\xe5{MQ9\x9fi\xb1-\x92i\xc2.\xeeA\xedUc\xd0\xfaH'</t>
  </si>
  <si>
    <t>b'et@\x0e\x00\xf0\x9c9\xa3L\x91\xe4\xe3\xe7\x02d\x1a&amp;.Z\x1a.\xc1&amp;\x17\x87\xf3C\x97\xb4\xbe\n'</t>
  </si>
  <si>
    <t>b"\x05\xf9Tv\xb1PX\xc6\x88\x9dd'\xee\xe9o\xa3\xdc.}@*\xb4\x98_\x7f\x8c\xf1J\x9cS\x86\x0c"</t>
  </si>
  <si>
    <t>b"\x05\xc9\x85h*\xba\\.\x06\x19LHu7\xaf&amp;\\l\x8bdr'\x15\xfa\x9b\xc1\xa2\xd95\xe4;X"</t>
  </si>
  <si>
    <t>b"\x982D*\xb3\x98\xec\xdc\xfdX\x95d\xd8\xdc\x04\xb6\xef[\xda\x12-o^|gN\x0e'y\xbd\xf1\xfd"</t>
  </si>
  <si>
    <t>b'z\x03w3|\xd9O\x94n\xe1\xee\xdd\x11{U;\xa7\xd6^q\xa9\xe3\x04\xc1\x0bC\t1\xf4\xda\xf1\xcf'</t>
  </si>
  <si>
    <t>b'\x15\xb6\x1d\x16\x1f&lt;56\x0c1\xb6\xf4\x80\xc8\x94\xc2\x16\xdb\th\xf3\x88]\xa1x\x0e@\xf6\xd9$Dm'</t>
  </si>
  <si>
    <t>b'\x02X\xa4\x89\xdd\xc0L\x96\x0b\x8fg\xc2\x1d\xe6w_\t\x03\x00\xf0d\xc5\xa3A\xc2\x12^\xb6\x0b\xec?\xed'</t>
  </si>
  <si>
    <t>b'})\x94t\n\x9d\x16^1l\xe5@\t=\x16\x02\xc2\xce\x82\xd9\xfb\xd5E\xdbc\x8c\xe2enn\x96\x13'</t>
  </si>
  <si>
    <t>b'n\x94\x8e\x0eztT\\\x10\xc7\x06\x8d\xe7\x10\xef\xcdZ&lt;\x1a\xab\xe9\xeb9\xba\x02\xe9\xfd\xeb\xb8i[['</t>
  </si>
  <si>
    <t>b'\xa8\x8e\x10\x00\xbd/\xb8\xf3\x87\xda\xa3\x9e\x92\x082N\xf6@`\x92\xb9\x95\xa9\xeep\x07\x14\xc7\xffkk9'</t>
  </si>
  <si>
    <t>b'=\xe4\x1ez\xfd\xd7R\xf8TD\xf0\x02\xf5\x01\x8e\x9e\xe1p\xf6LxtX\xf3\xd4\x83\xa6-\xb2\xae;\xbb'</t>
  </si>
  <si>
    <t>b'\xad\xaa\x95!\xbd\x87m\xb53\xde\xe4\x8c$\xf9M\x08\x18\xda\x14\x8c\xbfHG\x0c\xe2:9n\x86\xba\xbd\xc5'</t>
  </si>
  <si>
    <t>b'h\x1e\x02rF\xef\x04\xbdU\x88\xd5\xe7\xc1\xda\x0c\xbabn\x90. \x1a.\x8d\xf2\xcc\x84 \xb6z\xea1'</t>
  </si>
  <si>
    <t>b'\xcb\xba&lt;\xfe\xb6\xcaZ\x00K\x9e%n\x06*\xeb(\x18\xa9&lt;X\xbb\xbde\xea\xb9\xec\xc4XCW\xd2\x04'</t>
  </si>
  <si>
    <t>b'\x1c\xd4\xfeo:\xf4 \x01\xa67\x05\xd2`~\xde\xb8\xf8(\xcc\xc3/\x0e0^\xa10^5\xb5\x89\x08\xb1'</t>
  </si>
  <si>
    <t>b'\x81&amp;\xc8)\x0f\xd1\x04&lt;\x0c\xcfe\xfe\x1d\x95G\xae\x96\x11y\xc9\xfb\xbc\x8c\xa4\r{\xf1\xa7 &lt;-\xb8'</t>
  </si>
  <si>
    <t>b'K\xbb\x10\xb4\tw\xb0\xf2v\xd9\xbe\x85\x1e\x1c\xe6\xfe\x96\xe0j\xea\x82MF)f]V\xa1H\x0c\xff\\'</t>
  </si>
  <si>
    <t>b'\x9b\xbc\x12\x17\xf3Ls\xa9\xbc\x8a\x87cx\xeb\x92\xf3\x802\x84\x91\xf7\xdd\xb5\xc9\xbb\xbb9F{\xd1\xed\xe5'</t>
  </si>
  <si>
    <t>b'\xf7gSY\xc3\xc7k6\x17\xcd\xc7\xc9*\xaf\xd2"q\xfaJ\xea\xe7\xaf\xb6\xa12E&lt;\x1e\x94\xbb\x88\x1d'</t>
  </si>
  <si>
    <t>b'\x05\x01\xea}3\xc3;\xf6@\xcd\xfb`y\xb4\xeb_&gt;.\x06&amp;\xcc&lt;?hsW8\xb3\x9b\xb0?n'</t>
  </si>
  <si>
    <t>b'\xf3\x0e#\xa2\xf4\xe26\xf4\xac\x95\xf6*5#\xd0A\xea\xbb^\xee&gt;\x9f\xbf;\x9flF\xdcw\xb1\x04\x81'</t>
  </si>
  <si>
    <t>b':~\xf3\xef\x14\x8c\xf3\x1e1\xb7\xd1\xfeP\xd1\x0c\xe9u\xd7\xc7\x92\x9d\xe6\xc4f\xf1\x82\x97\x92_,\x14\xe5'</t>
  </si>
  <si>
    <t>b'q\x80\xc4\x9f\xfb\xa9\xf0\xa6\xf8spOi\xd8&lt;\xd9\xe1\xd3\x051d.\x17+d\xe4F\xf1K?\xc8\r'</t>
  </si>
  <si>
    <t>b'J\x14l\xecHS!\xaeWT\xe6R\x1c\x9b9\\\xd2M\x95\xf3\xd8\xab\xf6\xc9\x8cf*\xb7\x18\xa1\xbc\xbb'</t>
  </si>
  <si>
    <t>b'2\x8c\x11\xb8G\x15\x91\xa3\x98\t\xa6\xcf\x7f\xa0\x9c\xa4I\xc5_q{2\x12\x9a7\x99\xb3N\xd8;g\xf7'</t>
  </si>
  <si>
    <t>b"bC\x0b|\x05\xbc\xb8\x8a\xab\x95\xe3M\xb5\x07\x1f$\x13\x83\x03\xf6qK\x90\x00'[\xb2z\x9c];\xc5"</t>
  </si>
  <si>
    <t>b'\x9a\xc8P+Jrv|\xcb\xbcZ)\x12IZ\x04\xae\x03\xdb[z\xbd\x95\xd0^\x18\xf5\n\xb2A\\i'</t>
  </si>
  <si>
    <t>b'\x8cl\xfd\\x\n\xd0\xf2j\xf4\\\xc4\n\x08\xc7k\x7fH\xc9\x95Rn\xf9\x7f\xcb\x84\xaf\xc9K\x8d\x05\xb3'</t>
  </si>
  <si>
    <t>b'\xfd}\x8c\xa1\xfd\xc8\xff\x1d\x89~g:\xf2\xf3N\x10\xdf\xc1\xdcKX\xd5\x13\x94\xb3v\xc2"\xd9\xa4\xbcZ'</t>
  </si>
  <si>
    <t>b'\xba\xb5b\xd3p\xabN\xfay\xf5LfL=x\xc2\xcf\x95\x91\x1d\x8e\x9b\xc3\xff#\x07g]I@\xe6\x1a'</t>
  </si>
  <si>
    <t>b'\x05\x9e:\x82\xcd\xe6\x0b\x1d\xc9\xd0\xd9?\x8c\x96\x0e\x80\xa2&gt;\xdc\x14mj\x18\xcdQ^\xe6\xf1\x00U\x8ft'</t>
  </si>
  <si>
    <t>b'\xf7\xcdW\tBVa\x85\xda\xcb9\xc04\x1a\xa0\xd5\xeb\xfb\xc8\xc8\xcb\xa4\xff\x08\x98\x86]\xc2\xd9==\x08'</t>
  </si>
  <si>
    <t>b'&lt;Cm\x08E.\xf1\xda\xedM\x1fHb\x91\xf5\xbf.\x8c{\x08\xa7\xf9\xfa\xd1\xe0\x81\xc6\xcb\xede\xe0\x10'</t>
  </si>
  <si>
    <t>b'\x9d\xed\x99vXR\xe2X\x82hnSH\x08\x81\xe8\x04\xc5\xe1\x94b\x9e\xde\x07Pi\xbb\x8f\xe4\xaeq\xfa'</t>
  </si>
  <si>
    <t>b'\x170\xdb\x07\r\x91,9W\x87\xcaAg\xdf\x1e\xb1m&lt;\xb50Jon\x8f\x11J\xd7\xa7\xc8\xe4\xee\xe3'</t>
  </si>
  <si>
    <t>b'\x1c\x14\xda\xce\x08\xea07\x91"\\\xd3I\xc6\x81\t\xe6\x15\x04\xe1\xf0s\x94\xfb\xedBLg\x14\xfc\x10}'</t>
  </si>
  <si>
    <t>b'\xc9\xd6\x82\xb3\x18e\x1d@k\xd7y\xaa\x1c0)A\xf0\x00r"\xdf\xd4j\xdc.\xc9\xb8=\x12\x1e9\xf1'</t>
  </si>
  <si>
    <t>b'\x166\xa7\xf8\xfc/\x8f\xb4\x12*\x9f.@\xd8\xb9\xd1\x97\x9e\x14\xf0\x86W\xd3\xf5z]\xdc\xf9\xe4gHC'</t>
  </si>
  <si>
    <t>b';\xd8\x06T\xcf\xec\xf36rVs\xca\xa4\x07&amp;\x03O\xba\x98U\xf3\x86\xfd\x15\xd5\xec\x9d\xb0\xf6F#\n'</t>
  </si>
  <si>
    <t>b'\x9c\xc3\x81\xd1j!\x07\x83\xcd\xd2\x01\xca5\xdeu\xfd\x8b\xebP\x80\xecZ\xbd\xe4\x06G+2\x84q\xb7\x1b'</t>
  </si>
  <si>
    <t>b'\x184\xbc\xda\xc4/Jxd\xc6\xb0f3\xbd\x06\xe3\x8f\xe1u\x15A\xd3\x8e\x1a\xc6\xc3\x8eh\xa0\xf3E\xe6'</t>
  </si>
  <si>
    <t>b'\xf5?\x9d\x9c\x84E\xf7\xe9\xba\xba\xd3X\xc2\xe7\xe4\x01*\xd0\xf71RA\x82\xe5?\x17\xc45\x92\r~\xd9'</t>
  </si>
  <si>
    <t>b'\r\x0e\x03\x85\xc0?$GY\t\x10\xa9\xfc\n\x9dv\r\x05\xc5\x92\x92\xdf$M\xde\xb7\x97\x19\x12\n\xf0\xe2'</t>
  </si>
  <si>
    <t>b'@\xd3p\x18\xbe\xa9K\xc9x\xd1\xc6%\x16\x82f+,v\x98`+\xf4\xf8\x94pnP\xbf\xa6H\xe7\xd0'</t>
  </si>
  <si>
    <t>b'9\n\x8e^\xbd\xfa\x89G!\xf1\xee\x0c{\x93\x9bE\x84\xc5@)\xfb\xcd\x82Jm\x0e\xbe\x04\x1e/\xa7\x96'</t>
  </si>
  <si>
    <t>b'\xc8\xc9\x177\xdb\xd5\xd1\x18\xd8\xdd}\xeb\xc4s\xdf\xc5\xe3z\xf4\xe7s\x99-\xf6\xb5,\xaaZyw\x9e;'</t>
  </si>
  <si>
    <t>b'b~\xa7\x06X\xc1\xf1\x16\x9c\xea\x9age\xfa\x96\xe5\xd8a\x1b\xbc\xe9\xe5\xd9\xb0\xd7\xd2\xb0\xc7,\xdcjN'</t>
  </si>
  <si>
    <t>b'\x13;\x9a\xefR\xe2;\x84\xbc2\xb67;\xcdI\xd6\x97\xb4s\xf2;5\x0fI&amp;\x19\xf0b\xa8\xcc\xdbD'</t>
  </si>
  <si>
    <t>b'\x8f\x89W^\x00\x83\xf7\xfax\xe0\x1f\x1e\xb0\xe0\x95\xbfk\xa1\xa3n\xd7d\x1e\xf19\xc5v\x89: \xe6\xbe'</t>
  </si>
  <si>
    <t>b'\xf1\xbd\xf9#\x1d\xc9\xb6\x966\x07F\xf4%\xd2\xda\x03\xe3:.\xe0*w\x0ej\xfe\x9a\\\xeb\xc3\x84\t\x9d'</t>
  </si>
  <si>
    <t>b'\xfec(e\xd9\xd7\xc2\xf9\x08\\\xf6\xdd\x1e\xb72%\x04\xf9l[\x02\xeaz\x05Z\xc77\xc9S\x1b\xc2\x10'</t>
  </si>
  <si>
    <t>b'"O\xc97r\x19z\x02\xb4\xc6*p\xab\xe8\xe4b\x01)\xe7[)\xec\xfbx}u\xd7\xadQ\xd6\xd7K'</t>
  </si>
  <si>
    <t>b'\xe4\x8e,\x96\xfe\x1dE26\xcb\xf2\x8d\x18\r\xfe8\xb0\xfcE;|\x0fl\x05\xca\x12\x84\x1c\xb0\xce\x8a\x9d'</t>
  </si>
  <si>
    <t>b'\x7fCX\xc1RD\xb1%\xd8\x8f\xbe&gt;\xb9\xdd2A\xbf\xed\xe7\xf6\xf7r\x88?\x92m\xbc\xc8\xcaw\xe4O'</t>
  </si>
  <si>
    <t>b'\xd8\xd0r\xb0p%\x8e##\n\x9eO\xbf|\x08\xaa\x08.\xa1E&amp;\xcf\xe3n\x99\x15\xd9b\tLE\xc3'</t>
  </si>
  <si>
    <t>b'mTBz\xa3{d@\x98\xc2\xdb&amp;.\xbe\xca2\xe0\xc9\xffYr\x87\x9a\xd5\xb1{]\xf2\xd8\xa1\x88\xaa'</t>
  </si>
  <si>
    <t>b'\x98&lt;\xbaz\x18\xfe;^\xed\x84\xa2g\x80\xe8aA*a\x9b\xcd\xd5{\xaa\x93"\xf0\xf5\x17\xbce\x16\xc9'</t>
  </si>
  <si>
    <t>b'l\x82\xdf\x8fU\xcf\xeb\xb8:p\xc1\xd5\xdb\xf1X\\\xe4gXj\x83\xc9\x88\xd3\xa5IR\x9d\x93\xe2)\xb0'</t>
  </si>
  <si>
    <t>b'M\xc113O]\x9da\xf9\xcb \xa3\xb8S\xc0\xf06\xfa\xa6\xd4\xa6&gt;\xc7=x\xd8\xa3\xc5\xbbe\xba\x16'</t>
  </si>
  <si>
    <t>b'\xd9\x0b}#\xa5DT\x92\xf9\xbb9G8^x\xf7\x10\x94*\xc7k\xdd\xbb\xe0\xb1\xc6\x94`b\x95-{'</t>
  </si>
  <si>
    <t>b"\xbf&lt;\xc9\x14\xdd\x88&amp;\x92\xb2)('\x19\xd6\x05RY\xe8\xc8\xf3\xd7}K\t\xea\x19B\xa8\x87Sn\x18"</t>
  </si>
  <si>
    <t>b'\xae\r\xae\xdb\xa1\x0c5\xe7\x06(\xd6\xfa\xee\x8axR\xab\xf3\x99\xbb\xc5Pt\x1bC\xa9~*\xbde\x82\xb9'</t>
  </si>
  <si>
    <t>b'\x87\xfc\xb6zX\x8e#s\x17\x04\x85\x98\xe2t\xa7b:\\@\x0c?\xd1\\\xb2&lt;T\xda\xe1\xb7C\xdd4'</t>
  </si>
  <si>
    <t>b'bo\xcd\xf4\xad\x0c\x9a\xc2\xee\xd4 \xf2\xb4T\x8d\xc6\xbe/\x8e\x99\xf0V\xe1\x9e\x8a\x92\xeb\xee\xaa\xf1\xd6\x8c'</t>
  </si>
  <si>
    <t>b'\xd6J\x97![\x99\x1e\xb8u?r"\x92\x8d\x96Y\xb02Wp\x98\xa1\xdb\x1a\xd2\xc7\xbd\x95tv&lt;\x19'</t>
  </si>
  <si>
    <t>b'\xa6y\xee\xc4\x1f,\xf0\x04d0?\xfam_\x91g8m\x14\x91\x93k\xa338\xd5\xf6f\xdb\x18H\xec'</t>
  </si>
  <si>
    <t>b'\xa5\xe7\xb1\xf0\xc8\xf3;S\x1f\xa9\xf3\xd2v\xb5\x87QV\xfd\x10V=\xfa\xfc\xdd\x12\xb3\xe1\xd1\x06\xf9y{'</t>
  </si>
  <si>
    <t>b'e\x9fk&lt;\xa2\x10M-\x1bF\x05\xd2v\xaa{[\x95\x98\xfb\xeem\xc9\xbbaZKq\xcd\x05\xb5\xac\xb2'</t>
  </si>
  <si>
    <t>b'\x17\xa7\x06\xa4\x80\x0f\x0e\xc7/AI\xea\xc2&lt;\xde\n~\x88\x85LK\xe0\x10\xcb_\x1b\xa2\xbbZ\x8aP\\'</t>
  </si>
  <si>
    <t>b'\xdf\x0f\xf9\x0c+m\x0f J\x83H\xdd\xb3\xa1\xb5x$\xf7\xda,\xac\x10\x87]\xf5\xde\x9bj\xb0.L\x0f'</t>
  </si>
  <si>
    <t>b'\xea&gt;K*\xc8u\t\xb5\xba\x04\x87\x17^\xae\x8d\xaa\x8a\x7f\xd0\xf3\xd5\x8c\xc6\xca\x94$N\xbaM\r{\xc4'</t>
  </si>
  <si>
    <t>b'-\xad^\xf3\xca.\xd8 \xdd\xa7\x88\x9f\xe8\xb8\xefG\x81\xb8S\xcd\xa4\xaa\x95"\x85wxUY\xf60\r'</t>
  </si>
  <si>
    <t>b'v\x91\x16n&amp;XW\x96\xb2\x9ab\xc1l\tUT\x81\xf9\x16\x8f\xe1 \xfao\x85W\x1a\xaa\x9eG\xeb\xed'</t>
  </si>
  <si>
    <t>b'\xe6R\xa8?8W\xf0\xf6#\x10\xb2^5\xa4\xef}\x8e&gt;e\xc0\xfe\xeb\xd7C\xeb\xd0\xe8\xf1\xd5G\x16I'</t>
  </si>
  <si>
    <t>b'\xff\x8a\x8f\xe6\xf7\xcf\x80\xd2J\xca\xb4p`xN\x8c\xde\xb61\x97\xfa@\x9c%\x10\x93:X\ra\x7f '</t>
  </si>
  <si>
    <t>b'\xa4\xbd\xa9\x05w\xc0\xa1\xf29&gt;\t\xe0\xc2&gt;\x86*\xc7\x1f\x8f\xdd\\\xc0Re_\xe2Y\x98L\x1cW{'</t>
  </si>
  <si>
    <t>b"^-\x84C\xe9\xdb'\xfa\xce'\x19\x1c{Qm\xcc\xa3\xa9\x16N1l\xe5\x81\n\x9c\x96\xb2\xea\xce\xf4&gt;"</t>
  </si>
  <si>
    <t>b"V\xde\x0bSQK'(\xa9\x01Y\xf2\xa0\xba\xb5\xfd}\xc0\xdch(\xbd\xc4\xc9`\xa8\xdf\xa0|&amp;\xc7\xcb"</t>
  </si>
  <si>
    <t>b'\x02\xd5E\xcc\x94\x7fNE\x9e\xe2T\x99\x1d`F]}\xdf\x96\x93d\x15Mg?\x8eQ\xa5\ty\x8b\xc7'</t>
  </si>
  <si>
    <t>b'\xcd\xe0\xd6ki&lt;\x89\x19\x1f\x08\x1c\xaa\xda\x80\xba\xd1\xb4\x8c\x1dp\x83+\xb6\x1aj\xdcX[^u~d'</t>
  </si>
  <si>
    <t>b'\xcfvC\xba_\xd6\x10=\x9f!\xb5\xbe/\x89+\xc4}\xe8&amp;\x13\xd2\xd5\xbaZv\x9e\x0e4\xdcK\rZ'</t>
  </si>
  <si>
    <t>b'T"\xa6O\x85Y\x02\xd8#3\xc2\xfdIP\xc9\xf55\rt-\xf9\x186\xa1E\xce\xab\xfc\xb4\x1a\xe4#'</t>
  </si>
  <si>
    <t>b'd\xf2\xda\x98x\xe1\x11\xc4T\x1a\x12\xe3}\xf1F%%\xaa..WG\xa0\xd9\x92t\xe5!\xa4\x8e\xd3G'</t>
  </si>
  <si>
    <t>b'X\x85\xae\xa9Z\xbc\xcdM\x13[\xe7\xfcA\x96q\xf2~\r\xa2l\xdb\x960/\xa5J\xad\x12\xdc\x7f\xbe\xcc'</t>
  </si>
  <si>
    <t>b'\xce\xac\x94\x02\xa8\xa2\xc3\x1a\xd7}\x83\x04wb\xaf\xf8A\xcf.R=\xcb\x1c\xd8\xddX\xa3\xec\x1clbO'</t>
  </si>
  <si>
    <t>b'\x14\x166\xd6\x9c4E\x1f\x8d,`\x1f\x99_q\x05\x9b\xce\n\x11\xee}\xaa\xc7\x14@!L6\x16T\xf2'</t>
  </si>
  <si>
    <t>b"\xbe\x16\xabM\xc4I\n\xd0\xc1q\x13g\x1e\x00\xa3\xd5\xdd\xec\x12\xcf\xdd\xe4\xf0'p\x9a\x03\xd5\x0ck\xb7*"</t>
  </si>
  <si>
    <t>b'\x1e\x0e\xa0\x1cqk\xc5v8;\xfaH/r\x0e\x92\xe3\x94\xd2uR\xfd\xfd\x03\xbe\xa0\xae\x0e\x01T.['</t>
  </si>
  <si>
    <t>b'y\x83\x80\x86\xfc%b\x9d\xce\xfb\xccI\xdec5\x83\xfa\xae\xa8&gt;\x92\xed\xb6hedZ\xf8\xa9\xd1\xca\xc7'</t>
  </si>
  <si>
    <t>b'6\x9da\xbf\x91\xf3\xe4\x85-,\x9e\x9bDr\x0c\x81Rsg*\x89\xf3LO\xbc\x8f\\Nz\x08\xad\xcc'</t>
  </si>
  <si>
    <t>b'\xa4=V\xf9J\xb1\xf8\xf5\xcfz0\xd9M{\xf5\xfbGy\x19\xf1\x1eD\xeb-\x07\x89AF\xa5\xec\xae6'</t>
  </si>
  <si>
    <t>b'\x02\xa2$\x86^\x91F4\xfc\xf1\xa9B\x8c2\xff\xbe\xbfv~\xe9\xc5\x8f\xff\x17\x0f_\xde\xbad\xfcx\xe4'</t>
  </si>
  <si>
    <t>b'\x86\xba\xa9\xabv\xec\xffs \x93\xb1\xd9&lt;\xcee\xdf\xa9on\xb2\xa2X\x9a\xe8\xda\xebG?\x05\x14\xdd\xa1'</t>
  </si>
  <si>
    <t>b'f\xacN\x98\x8bAx\x1cH\xb1\x1eO\x0f\xe9\x87BI\x94\x86h\xf5\x84w)l\xeeX\xc8W#R\xfa'</t>
  </si>
  <si>
    <t>b'\x94w\xf1\xf0\xc0\xf3\x8f\xfe\xbcHL\xca`\xdfi2\t\n\x9c\xee\xeb)\x073R\xec\x81\xb6)\xdf\xf6\xc7'</t>
  </si>
  <si>
    <t>b'\xd5v\x179U\xd3Ks,\xce\x94{zyZ\xe6\xe1\xdeD\xc5\xa7\x13 NF\x88!/\xdam\xedI'</t>
  </si>
  <si>
    <t>b'\xf9\xea\xb7\x89Wn\x9a\x0ec*\x9b\xfb\x1f\xa4X&lt;\x8c\xb3\x0bn\xdc\x8e\xf3\xf6\xabg\xfa\xab\xdbXg\xe2'</t>
  </si>
  <si>
    <t>b'\x11\x03e\x06\x9eRm7=\xa3\xd1&lt;\x0c\x9aI\x83\x81\xbco\x88\x8fb\xca:\x97\xc8\x84\xecW\xe5\xbeY'</t>
  </si>
  <si>
    <t>b'\xd2\x89\xce\x94"b\x1e\xbb\xf6lg\xe2D%_\x80\x18\xf7\xa8}\xa1y1\x12\xbe\xcc\x81\xa61\xe7O\xe0'</t>
  </si>
  <si>
    <t>b'\xf2\xc0Au\x9b)\xeal\xbb\xaaD\xcb\x0e\x8d\xa4t\x14\x99\xa7\t\x02r.l\x94\x02\x13\xe2\x8e\x1c\x066'</t>
  </si>
  <si>
    <t>b'Q\xdf\xa9F\xfa\xc0\xc7\x1eLG\x1a\x01\xc5FLB3C\x00\xb6+Nd\x94\xd6&gt;&lt;bW\xe3\xe1\x00'</t>
  </si>
  <si>
    <t>b'&amp;8\x83\x90\\\x1b\x87\xea\x91\xa8(q\x11a\x89\x92[\x9e\xbf\xd7\x8e[g\xf2\x95\xd6\xa0~H\xfb\x0fJ'</t>
  </si>
  <si>
    <t>b'%\xb0\xe6\xa0h&lt;L\xbe.\x86\xee\xab\x9a!\xac\xc67\xc7X\x96\x8f\x84X\xa3\xc5\x88\x05\x08\\\xf3\xa1!'</t>
  </si>
  <si>
    <t>b'\x13\xeb\x8d\xc2\xb5\xbc\xf0\x93i@\xff\xad\x8a\xba\xe3\xc6\xafa\xe4MCkG\xfe\xe8[\xcaQ)\x85V\xeb'</t>
  </si>
  <si>
    <t>b'ahN\xb9\xc2\xb5M\xd2\x19\xc4\xcbI\xce\x81|\xd9\xe1\xf4\x15\x1c\xe0G\xab\xa5\xe4\x13{\x13\xc0!i\xde'</t>
  </si>
  <si>
    <t>b'\xfa\xbf\xbdQ7\xd0\xe1l\x04\xf7k\xc0\x02\x1f\xba[\xeaPhK\xcc\xb6\xc3\xfeG_\xe8O\xafay\x1f'</t>
  </si>
  <si>
    <t>b'"\xde\x05\xfcR\xf3(+\xa2\r4\xee_\xcd\xef\xa2Q\x07\xc7L\x07\x06rH\x98\xf9\x0fL\x12\x18\x99\x89'</t>
  </si>
  <si>
    <t>b'1\x83\xfa\xa7\xbe\x18\xfe\xe0R\x97Qf7\x80\xc3\xc0\xfc\x11\xff\xbfLYv\xe5%\x98\x1d\x99"\xb0\xb6\\'</t>
  </si>
  <si>
    <t>b'U\xae\x8ad\xe8L1&gt;g$\xbf)\xa8\xc3\x88\xb6L\xba\x14\xd3\x96\x94\xe08\x18\xcf\x9bT\x9d\xa4:\xd5'</t>
  </si>
  <si>
    <t>b'\n\x144o\xd2\x0f\xc8t\x8c\x9c^1(\x8fl|\xa9\xea\xbbY\x1fK\xa7\xebM\xc9\n\xb3\x8dp\xbf\xc5'</t>
  </si>
  <si>
    <t>b'\x13\x7f\x942\xa26\xbb\xf1d\xf8a\xb7\x82\xf9\xf2\xe7e$d\xb8\xdb\x1e;\xac\x07\x9f\xd3N\xee\x1c}"'</t>
  </si>
  <si>
    <t>b'\x0c\xb9\x80[\xf0\xf2z\x9c6\\\xba\xdd5\xfa\xa2\x8840\xc1\xac\xe1\xe7\x816\xb6\xfc\x8eB\x82o\xed\xdb'</t>
  </si>
  <si>
    <t>b'\x94\xa1\xdb\xca(\x8dS\x83D\xc3\xfb\xd9|\x04\xf5\x91q&amp;\xf7)Icx}\xf4+\xf2H\xe8\xf4 \x00'</t>
  </si>
  <si>
    <t>b'\xe68\xbb\xe8mh\xb1aNe\x9c\x91\x95{^\x9c\xe8\xbe&amp;\x19\x81\x05h\xc4}B\xc9\xac\xc7k]\xa1'</t>
  </si>
  <si>
    <t>b'n\xd5\x19\x8f!\x1c\x84\x01\x904\x94:/\x8bu\xd38\xc44\xcaW\x18\xbb\xb27\xa4M\x00\xdc\xeb\xbb\xff'</t>
  </si>
  <si>
    <t>b"a_\xa5\xa5t\x8d\x18\xdb\xfa:#\x13\xd4'\xe6\xc4Q\\n\x91?\xdf\xa7:\xff^hN\x91\xabR\xbe"</t>
  </si>
  <si>
    <t>b'c}\xad\xf5S\x93t\xcc\xd1"\xdc\x12mEE`8\xe9\x1f\x9c=\x16q\xce\x9d\xc9\xcaB}V\xba`'</t>
  </si>
  <si>
    <t>b'\x87\xcf\xe1\xd6\xd0\xf0\xc1\xb3&amp;\xb0\xd5@\xb9\xd2HM}g\x0c\xae%R\xb8\xa4\x8e\xbf\xc1o\x07V)\x9d'</t>
  </si>
  <si>
    <t>b"\x93\xc8a\xbd\xf4\xe2\x19\xfd\xb0`\xf6\xc0*'\xe2(Z\xd7\x87\x19j\xfe\x11`s\xab\x14\x08@\xef\xdd\xbb"</t>
  </si>
  <si>
    <t>b'\x98~u\x13T\xd5\xa1M\xe2\xba\xd2\xa6,\xb0\xb9\x99Rt\x9a8a\x14\xb3\xa7%t\xe2\x9b\xbcR\xd2\xff'</t>
  </si>
  <si>
    <t>b'\xec^\x0b(\x10CIM\xc6\xf4\x89l\x13q\x16k\x13\xaaqH\x88\xb2\x8e\x08,\x07Q\xae\xe5\xcd&lt;\xe0'</t>
  </si>
  <si>
    <t>b'\xac\x8a`\xa7\x18\x04\xd6H\xa2\x03\x9c\xe5\xf4\xe9\xa6\x9e\xb0\xdbZ(\x14\n\xd5\xddM\x8f\x9c\x8e\x0c\x05\xfd\x1a'</t>
  </si>
  <si>
    <t>b'\xf0\xc4\x03\x00S\xf4\x14Bl\x1e5-\xa3\x90\xf9\xec\xa9[\x84\x11\x1e\x82f\xdf\x8bw\x9b\x10d[x\xc1'</t>
  </si>
  <si>
    <t>b'\xd9\xebcs\x19\x81\xd41T\xf7\xccQ\xef\xd8s\xee\x17\xfc\xff\xa1\xda\x1bc\x0b\x03\x13\xd9\xa1\x8c\xeb=\xb1'</t>
  </si>
  <si>
    <t>b'+\x17\xab}\xa5\x1e\x81\xf43v\x92G\x00\xf8\x14\xe4\xe7\xa1\xc6|0\xc0\xe7\xa4Y\xf7\x1b\xb8m{\x1f\xef'</t>
  </si>
  <si>
    <t>b'\xcd\x8c\xe8G\x9e\xd6\x9c\x8b\x8a\x9d\xcd\xbd\xbff\xe6\xf6#W\x8b\xe0Z\x14K}kmts=\xa2\xc2\x8b'</t>
  </si>
  <si>
    <t>b"6\xed\xb8\xbe?\xb7&amp;\x02`\xc8\xc8\x9c\xa7\xd9\xfc'\xb9\x88\xd9\x1bR\x9f\xceU\xbf\xec\x1e\xdf%\xfbF\xd3"</t>
  </si>
  <si>
    <t>b"\xe5x]/\xb9\xf9\x80w\xecE\x9e\x11*P\xd2!\xec\xc8'5^\x05h\xa2\xd7\xa7\x98\xde\x8e\x9b\xe0U"</t>
  </si>
  <si>
    <t>b'\x80\x01\x0eSH\xfd*HLW\x84\x1d\xc1\xf2\xa3\x0b79\xa6K_+l\xf1\x9d7d3%b\xb7\xdd'</t>
  </si>
  <si>
    <t>b'~\x170!\x03M0E\x83\x12m\x86\xab\x92Sa\xac*\x98}\xda\xe6\xba\xd3\xf3\xa3x\x873:\xb8\xa7'</t>
  </si>
  <si>
    <t>b'\x85\xf6\x1b\xd4\x96\xe8\xec\x98\xad\x84\xd25h\x8ax\xf4\xdbe\xda\xd3~{\x8a\xa1\x7f\xa4]\x1d\x91\x14\xfe\x98'</t>
  </si>
  <si>
    <t>b'\x96\xf9eqR\xf9j\x83\xee\x07{ma\xa8\xc6\xf7\xe0\x19w\xe3\xda\x06_\xc36%\xc9\x9c\xbe:\xc62'</t>
  </si>
  <si>
    <t>b'\xef:\x8cQx\xaem\xed\x87\xa1\xeeS\x10\xda\xabu4\x8a\x14\xd7\xfd4y_"\x82\xecz\xca\'[\xbc'</t>
  </si>
  <si>
    <t>b'I\x86\x86\xf2\xd0\xef\xed\t=\x83p\xa5.D)}I\x83\xcb\xdb\r]=_\x9c\xfd\xcb\x97\xa6i2\xa8'</t>
  </si>
  <si>
    <t>b'\xddE\x83\xc9[0&gt;\xc9\x80\rs\x940\xd4\xf8n\xd9\x8d\x00\x07\xc5!\x8f1\xd1ZyX\x02m\xe5['</t>
  </si>
  <si>
    <t>b'7\xc0\x9b\xa5\xccKE\x9a\xe7\x93|z\x00u\xfe\xe6\xa27\xb9\x86\x16\xc2\x08\x89(#\xe8-\x90m\xd5\x04'</t>
  </si>
  <si>
    <t>b'3\x82\x81#\xba!\xce\xad,\xa7\xd2\xedH{7\xd1\xbc\x8e\x1c\xef=\xefR\xfdZ\xaa\xea\xf5)&lt;\x81\x8d'</t>
  </si>
  <si>
    <t>b'ZJ|\x80Kw\rxF!\xb6\xd4|\xdd\xf8D\x01&lt;&gt;(\x0f0AZ\xf6D\xe8\r\xf2\r\xb1\x14'</t>
  </si>
  <si>
    <t>b'&gt;\x8e\x17\x07F\xeb\x9f\x7f\xa2\x93\x12\xc8\xcc\x8e\x06\xa1g#\x8f\x7fO\xba\x1a\xe1\xdd\xdf\xc07\xd9h\x15\xe1'</t>
  </si>
  <si>
    <t>b'\x1e\xff/\x10\xc3-1\xca\xc8HA\x13\t\xc9\x07\x87h\x02\xcb\xd1\x9e{\x9bk\xb78\xb5\x1e\x0fF#\x91'</t>
  </si>
  <si>
    <t>b'&amp;\xa3|f\xce\xe9Y{\x88\xaf{\xb7\xf0\xcf5y0P\x1e\x17\xf3\xdc\xf4w\xc6\x9f%\xdc\x12\x0b\x19\xb5'</t>
  </si>
  <si>
    <t>b'\xa9i\xc9\xfa\t\xde;\xf3\xf7\xdfy@\x84\\\xde\x17\xdb\x80]\x9aq\xd8\xe1\x8f:\xe3l\xc1\xab\x1c3q'</t>
  </si>
  <si>
    <t>b'\xa9\xfd\xfb\x80\x18\x95\x81\xfa\x95\x1f]\x80qc)O\xd1w\x15\xde\xcd\x12\x8d\x87\xb5%s\x84\xd2\x05z\xe0'</t>
  </si>
  <si>
    <t>b'\xc3\x00\xbe\xb7fL\x10/\xb3\xbd\x8e\xf0\xb9(&amp;\xd2\xe8\x9ab\x97_yPt\xcb&amp;\x84\xc3\xb6\x7f[f'</t>
  </si>
  <si>
    <t>b'_Gxu`D\xa2\xf5\x87*\xf9\xe5,x \x8e}2\xd7~\x87\xc3S\xaa3\xd2\x12\xaaCW\xc1}'</t>
  </si>
  <si>
    <t>b'$\x94\xd8C;\xf6\x1b\xd9,\xb6\xa7\xe3\x86T\xb1\xf6\x8c\xbf\xcb\x00)\xea*\x9a9#t\xe9\t\xbf@\xed'</t>
  </si>
  <si>
    <t>b'\x02\xc1\xe6\xe0\x03"\xe1n\x0e&amp;\x0fRfsY\\\xd8\xfeM\x0ejWvs\xa2CC\xc8\x0f\x0bU\xe4'</t>
  </si>
  <si>
    <t>b'-\xb2\')A7\xe9\x8e\xa8\xc9"\xa8G4\xd5l\t\xfc(MX_\xd09T}\xe0\xf3\r!\xcb\xb7'</t>
  </si>
  <si>
    <t>b'\xf8&lt;NNy\xad\x8f\xcd\xbb\x16\x959x\xa4R{\x89\xf7\xce\xfa\xc5\xac#G\xf1UE@e\x01\x1e\xe5'</t>
  </si>
  <si>
    <t>b'%\x9f\x8b\xcf\x04\xe9\x88B\xcen\xe4\x1c&lt;V\x05\xff\x94Qt&amp;\x9acw4{h\xc0\xc7\x1bK\xed\x9f'</t>
  </si>
  <si>
    <t>b'\xe1b\x86\xc8\xb8\xd4&lt;\x0fw\xa53\xea~/\xf4\xd3\xfe\xbd\xf2\xb7\xca\xf9+\x89\xb8\xe6\xc6LI\xbf\x07\xb4'</t>
  </si>
  <si>
    <t>b'\xcd\xf6\x18\'p\xbd\x886\xbd\xe2\xe2\x18\xaa\xc6j\xcfzR_\x1c\xfe\xecK*\x11\x0b\x86"j\xc2\x8f~'</t>
  </si>
  <si>
    <t>b'r\xeb\x8a\xc5\xf5`\x8a\xaf\xed-\x83\x99\xf5i\x83\xde\\\x96k\x03ck\xa3\x849W\xb6\x85\x06\r\xfc\xc9'</t>
  </si>
  <si>
    <t>b'L\xb4O\xa3\xcdKG\x1d\xb1\xda\x10\xca\xd3\xa1v\xc6\xc3\xd5\xab\xe6Z\xd1;\xbe\x1f`7{\xd6\xa8T]'</t>
  </si>
  <si>
    <t>b'\x8c\xdf\x14\xd6l\x14A\x0fbM\x0b\xc3\x1b\x18qglNy\xbe\xbbJ J\xe3\xb4\xd3$\xb1U\xd3\xb3'</t>
  </si>
  <si>
    <t>b'\xc4\x82O\x83\xa2\x89\r\xcds\x88\xb4\xd1|\xb0\xbcD\x9d\x0b\xa8F\x10\x11\xeb\xe8\xcc\x86\xc2\xb4)[\x91\x13'</t>
  </si>
  <si>
    <t>b'\x9b\xe8\xc6~-Z\xea\x03@\xa3\xb92\\\x1f\x08{(-\xd0:dI\xde\x14{\xd0\xbe?\xfem\x84y'</t>
  </si>
  <si>
    <t>b'\x18\xab\xb4w\x03\x98\x18pk\x8e\xf4\xa5\xf8\xc7\x1f\x067\x16\xc9u\x19`\xd0\xf3.\xca\xb8\x8b\xbb\xd0V\xc0'</t>
  </si>
  <si>
    <t>b"\xc5\xa2$\x0f\x83\xe2\xe7\xb5r\xa3\\\x9b\xa8-='\xd12\xe0\xcc\xbe\xaa\x870\x17\xeb\xb8\xfa\x15\xd1\x1c\x12"</t>
  </si>
  <si>
    <t>b'\xf3+\x95J1\x1d&amp;\x05/6\xb9\xc5\xe1\xeb\xd1\x9e\x9d\xab)\x8fG\xf3\xe4\x14\xb9\xac;A)\x05\xe0\xd3'</t>
  </si>
  <si>
    <t>b"\xe6N8$\xa5\xf6\x88'\x80\x8aX~d\xd0k\xe6\xeaX8\xc7\xb3\xab\xc9#V\x84\xd7Z\x89\x065\xca"</t>
  </si>
  <si>
    <t>b'W[D\xb7\xc1\x0c\xec\x82r\x907\x0f\xf0ga\x82\xba\xd5\x92\xca\xd4$\x98\xb9\xc4\xad\xc0Ib\xfd\xfa\x1d'</t>
  </si>
  <si>
    <t>b'S\xbc\x8e\x15\x91\xe6\xe5a\xab\xd0\xabB\x1eNR\x1f\xef\xbb\xe7\xb0Q\x96`\x18\x1f;\xf4\xc5\xe8\xf0\x1b\xf7'</t>
  </si>
  <si>
    <t>b'T\xf6\xe2\x81\xa5\xa2\xc3&amp;\x915M\xb5#\xc2\xf5\x17\xda[\xf2}\xf64\x00\xbe\xe6#+!\xea\xc3\x838'</t>
  </si>
  <si>
    <t>b'\xf8\xc1\x1a\xc3\xa1)\x91G\x8c\xc9\xc7\xfbai\x16-E\x08\x95I\xca\x0c\x00\x85}\xa1d6H\xb0w\xdf'</t>
  </si>
  <si>
    <t>b"'~j\x9a\xb0L\x9a\x8d\x15z\xcfu)\xee\x16FJ\xc11\xc0\\$S\x10)\xf7&gt;d\x96a\x01\x99"</t>
  </si>
  <si>
    <t>b'\xf7j\xad\xf9\x97\x9b\xfcn\xa9aI\xcb`f*?\t\x1f\x06\xce\x16~t\xab\x93\x19RE\xe2\xf7,\xcb'</t>
  </si>
  <si>
    <t>b'\xb4\x9e8%\xa1l\x8e\xda\xd0p\x89&gt;\xb5U\xf0%#\x0b\x81\xd2\xd4m\xa6"\x9c8y\xacWH\x0c\xf7'</t>
  </si>
  <si>
    <t>b'cg\\\xffI}\x88\x8e\x8c\xc5\xf1\xbdP\x16]\xfc\xe2\xb5\xb6\x17\xb6\x01:07\x91R\xaeN\xd6\x16r'</t>
  </si>
  <si>
    <t>b'pi\xc0z\x8e\xeb3Ug\x03\x005\xf1\nJ\xeb\x19V\x97\x05\x92\xd9\xde\xd1\x18\xa0,\xd3\x1dV\xd9\xea'</t>
  </si>
  <si>
    <t>b'&amp;d\xa9\tei\xe5Q\xf9\x89\x96\xc6{UA_f\xd1\x13t\xf1\xedi]20\xbb\x87i\xc3f\x1f'</t>
  </si>
  <si>
    <t>b'7j\xba\x84\x92fr\x8fM\xcaV\x03KV{\x12\xbcC\x93\x11_K\xcb\xa4\n\xbe\x9bdFO\xc6\xed'</t>
  </si>
  <si>
    <t>b"\xd1\x96\x9cgR\xab\xfe\x05\x1a\x98'\x0f\xc5\x1e\xe3\x1ag\xfc\x89x\xee+F&gt;2\xc4rE\xbf\x02\x16e"</t>
  </si>
  <si>
    <t>b'\x8f\xa3\x87\x00\x9c1\x18\x8a\xf9\x95\xeb\x0cuR\xdb\xed\xe2\x1b\x082\xd2\xee\x17\x13\\\x9a\xc8\xf7k\xfe\x92u'</t>
  </si>
  <si>
    <t>b'O\xb1^\x12\xdf!H\xf3#\x1e\x18\x85\xf8=p\xff\xda\xfb%\xee\nn\xa6\x04J\x938j\x91\x1e\x17\xc5'</t>
  </si>
  <si>
    <t>b"D\xc7\\\t\x90\x0b\x18\xf6L9\xfe'(\xe7\x15\xe1+=$]|f\xf4\xf36\x92Yi\xbd+\xb1\xfa"</t>
  </si>
  <si>
    <t>b'@`N\xd1\xf8\x03L\xf8\nD\x0evIq\xa1_\xdbC6\x13q\xf9\xbf\xba\x89\x89\xf3\xc7\xad&gt;\xc3!'</t>
  </si>
  <si>
    <t>b'\xbb\x05\xce\xd8V\x0b\xe8;\xc7h\x8e\x98G~\x15\xef\x94\x97N\x8d\x08\xa4\x17\xa8\xc2n\nN%\xc1OI'</t>
  </si>
  <si>
    <t>b'\xd3k\x83\x17\xf2\xa9\x14(T\xc0A^P\xe8\xcf8\xb5`\x9at`F\xe7\xd5\xc6\xa6\xe0\x94)\xcd+\xa8'</t>
  </si>
  <si>
    <t>b'\xc4K\x97\x12\xed\xd2\xfc\x93\x03\x9f\xcc\x1fEn[R\x1d\xa1zr|?\xcd\x97\x89\xd0\x0b\x9c\xf6\x18\xc1B'</t>
  </si>
  <si>
    <t>b'\xb4Y\x91}\xe4UgD\xa87s\x1f]!\x93\x8b\xa3\x1b\xe5\xf4\xb10\x07\x92(\x14\xf1\x13K\x0f\xb2\x1a'</t>
  </si>
  <si>
    <t>b'\xf1/\xacl\x97\xba\xf9\x7f\x98\xf0~\xa9\x9e\xad\xaa)\xe1"\xab\xab\xa3\xa7l[\xc3\x8d-i\xa2\xef.Q'</t>
  </si>
  <si>
    <t>b'\xb3w\xe9\x19\xd4Zc\xaa\x00\x91\xfc\x06\xbbj\x12}\x81\x12\xc4\x92\xfc\x1a\x87\x98\xf9&gt;\xd4\xee\xe0\xce\xb5\x0c'</t>
  </si>
  <si>
    <t>b'\xb1\xd9&lt;\x82\x98r\x94$&gt;o\xc6~\xac#\x8bI\xab\xa85\xd0b,\xcakT%\xf5kJf@\xb8'</t>
  </si>
  <si>
    <t>b'3\xaf\rB\x83&gt;\xde\xb4\xa4q`\x00\xbd\xb7\xaa\xdb\xfd.\xd9X\xba\x89\xe7\xbf\x96\xf1xd\xa9\x1d\x9eQ'</t>
  </si>
  <si>
    <t>b'\xb6\xc9-\xe5H\xed\xdb0\xf9o4Y\xb0@\x0eP\xdf@\x1d?\xc2^Kd\xbdw_q\xdc$T\x01'</t>
  </si>
  <si>
    <t>b'\xcb\xd3\xe1U\xd3\x94\x97\xed\xf8\xcad\x98\x17Z\x88BA\x96\xa7.\xe0\x9c\x9b}\xdc\x8a\xa0`~0B7'</t>
  </si>
  <si>
    <t>b'\x86\xf4[\xbdK\xeb\xd7E\xc3u\xa7\x1e\x95&lt;&lt;\x8c"3\x84%D\xc7&lt;\xa3\xd4l\xa7\xbb\xbcxr\xa1'</t>
  </si>
  <si>
    <t>b'\xa24Si)\xd3y\xb3\xde\x05\xdf]\xaeq\xf9\xef\x8f\xb5M\x0b\xbez\xa3\x14+\x9c\x8bx\x1e\xce\xa5\x87'</t>
  </si>
  <si>
    <t>b"\xab\xefX'\xdc\xca\xce\xf1\x86\xae_A\xe3\xbd\xfbw(7\x9f\xbd\x15GM\xc7N\xce\x9b8\xc2\x11G\xb2"</t>
  </si>
  <si>
    <t>b'\x7f\x05K\x8bH\xbc\x81\x9a1H %\xcc\xafq&amp;\x0b&amp;J\x05\xc8*\x8d\xa0\xe8V\xb6\x7f9\xf2\x17P'</t>
  </si>
  <si>
    <t>b'\xd1\\@\x7f\xb4\x1bw\xe4\xd2\x12\xf6aY\xc3\xc8? %p\x06\xb6{&amp;z\xf4\xa6\xf1il\x9e=r'</t>
  </si>
  <si>
    <t>b'\xb0\xbc\xef\xba\xf71\xd8\x89\x04\xf9\x02\xf7E\x8c\xf2$y\x84\xba\xf1\xdc\xbf\xb8N\x9b\xe7\x9b\x15\xf01\xe5\x06'</t>
  </si>
  <si>
    <t>b"\x17\xe9\xb5'qS\xd1\xba\xd4&gt;\x12\xc8\xd8\xab#\xfc\x0e\xd5Ff\x9eE\xf5;\xde\n\xc7z\x99+\x02\xcc"</t>
  </si>
  <si>
    <t>b'E\xd8^\xf8\xcd\xcf\xb1{\x844D\xdbx\xe0\xdf%\xe9\xaf\\0\x18\x929\xfc\x052,z?(\xb1\x13'</t>
  </si>
  <si>
    <t>b'\x95\x84\t\xc4\xdf\x97+\xe44q\xf7dp\x806\xdc&amp;\xc8\xbaY\x93\x15N\xd4\xe7\xe1\xdf\xc3\xb6d\xbc]'</t>
  </si>
  <si>
    <t>b'\xde\x8c\xef\x98`\xa7\x90\xdb\x9eN\xed\x8b\xa8\x94\xaf\xfc\x87g|j~ZM\x1c\xeby%\x03\\\xa2\xea\xa1'</t>
  </si>
  <si>
    <t>b'\x9d\xaf\xdcT\x81\xa4\xbe\x80\xf4|\xce\x9ao\x9a\x11f\x8e/\xd1\xbd\xae\xb3\x07=\x8d\xf7Unt\xcd&lt;\xe1'</t>
  </si>
  <si>
    <t>b'\xabX\xc4R\xcc[\t\xcd\x90\x022\xbc\x14\x12\xdd\x1c\x8a\x16e\x07E\xc9\xe3\xac\xca(,\xc8\x98\x1ai\xd0'</t>
  </si>
  <si>
    <t>b'O\xbbf\x9f\xdf3\x92\xda\x88\x18\x17\xee\xd7\x1f\x9b\xf9\xf1&gt;\xb1B\xce\xea\xa4l\xf8\xdb\xaa\xcb\xf1\xa8\xe6g'</t>
  </si>
  <si>
    <t>b"np&gt;S\xe3\x86z\xee/\xce\xcd\xd8 [\xbf\xb6\xe6\xda\x01.\xfc\xe2&lt;\xa4\xba\x88'o8V7%"</t>
  </si>
  <si>
    <t>b'I\xfd\x05\x197\x13VH\x06*%\xeb\xf2\xc7\x03\x97\xb9\xb6\xed\x05\x8b\xa5\t\x0c\x96\x0b\xa8\x08\x8aFnM'</t>
  </si>
  <si>
    <t>b'H\\\x99\xb4\x87\xd6u\x94\xae\xfe\xdc\x19\xb5\x9e\x0f\xa8W~Z\x83\x19\xe8\x0c\xbf?1S\xe0-\xb6BV'</t>
  </si>
  <si>
    <t>b'.&amp;\x9d\x02\xd1\xec\xc6\xeaP\x86\xc1-D\\\xc5R0nx\xe4\xfa1\xdf\xc1:\xc2!\x90\x99N(\xaf'</t>
  </si>
  <si>
    <t>b'\x95\xb3\'\xc1\x03\x8ck&amp;\xb3\xaf4\x0c\x84\x13y\xe6g\xe9\xa9\t\x8c}WUE"/i@\xb2&gt;\n'</t>
  </si>
  <si>
    <t>b'\xf9\x1b\xfc\xc6#\x88Xy9\x85\xf2H\xbf\xdd\x0eX\x0cL)\x11\xd65\x84VEG\xb9\x00\xa7R\xe1\xf5'</t>
  </si>
  <si>
    <t>b'\xb0\xd3v\xf0|"\xdd\x8e,.\x1c\xf0:\x97\x99\xb31\xee\x05\x94"j\xa3P\x8c\x9b\xdaCo\xd9\xce\xc2'</t>
  </si>
  <si>
    <t>b'\xad\xfc\xa8?\x17\x14\x10\xcf\xcff\x81\x86\x9b\xea`\x165\x89\xc0mQ\x9f\xb5\x03\xb8\x83\x89\x95\x8di4\x98'</t>
  </si>
  <si>
    <t>b'-\xdb\x8a\xb8\x0f\x10KJIRwRc\x00\x9dg\xa0\x04\xb2\xec\xe2\x18\xbeU\x9d@!_E\xcc\xcd_'</t>
  </si>
  <si>
    <t>b'\x17Z\xd6&gt;8n\xf8\x95\xe2\xac\xcf\xc9&amp;\xdc\x88kt\xb59)\x12\xb1r\xe6X\xad\xbd\x0b\xecE(a'</t>
  </si>
  <si>
    <t>b"i\xd5\xa5\xbcs\x00\xb3N.\xdc\x89'\x08}{\xd1sT\x15\x14\x13\xc2\x02A\rV\x1f\x06c\xdaPk"</t>
  </si>
  <si>
    <t>b'\xc3\x835\xf9\x9f\x92\xc3n\xd5\x08\x8a\xce\x1a\xa1!\x12\xb7\xdd\x9fK\x00\x80W\xd3\xe4\xd4\x06\xe7\xac\xb7\xf4\x07'</t>
  </si>
  <si>
    <t>b'w\xdc\x1a\x05\xa6\x0b\xbd\t\xedJg\xd4\xf5m\x7f\xcd\xdb\xcf*\xf5\xca~\xe0\x8f\xf3\x9brz\xcb\x1b^\xa0'</t>
  </si>
  <si>
    <t>b'\x1d\x1a\xbd\x92r\x06W-\xc0\xc7z#\x0b\x99\xb9\xe9\x92\xb0\xee\xfa&amp;#]?j\xa0\xcf\x1c\xe8\xc3\xa8\xf6'</t>
  </si>
  <si>
    <t>b'[\xc1\x89K\x1e\x94\xfb(\x06u}\xbbh\x0f\xce\x1c\x04xL\xce\xca\x9d\xc8\xd8c\xcc\xdf\xeb\x83\xd3\x1b\x1d'</t>
  </si>
  <si>
    <t>b'\xe7hs\xb5@{\xfc\xd3\x1f;\x11\xcd/\xb0vrF\x1a\xee\x9c\x01\xff\x0e\xa7Q\xac\xe4\xae\xf1be2'</t>
  </si>
  <si>
    <t>b'R\xfa\x8bS\xbcR\xd3\xf4\x7fR\x8f|Q,A^\x04\xa3\xb4\xf0\xb1\xee\x08\x06v\xc1\xda\x0c5HHo'</t>
  </si>
  <si>
    <t>b'f\x1et \xdc\x98\xc4\xa9\xeb\xef3\x83\xa3\xa7J\x81\x95\xc8\xb8)\xae\xba\xce\xc7iPk\xbch\xe1\x9d\xd0'</t>
  </si>
  <si>
    <t>b'\x96\x00\xfc\xe2w\xf1\xde}\xa4T\xeb\xd7\x8fS\x16\x83\xca\xab\x9bK}\xd5h\x95(o:\xa6\xec*\xcf\xbf'</t>
  </si>
  <si>
    <t>b')\xa6\x8e\xff9\xcc\xab\xebj\x9a\x1cw\x13\xb7\xf7\xbe\x14Lk_\x9b \xd4\xad\x1f\r\x1cx\x93H\xedf'</t>
  </si>
  <si>
    <t>b'\x13[7D\x1bm\xfe\xba\xb8\n\xb2R\xd6?\xdaa\x1c\xd73\xcbx\x0c\xc0p\xa6\xa6\x97h/\x16d\xc3'</t>
  </si>
  <si>
    <t>b'4%y\xb6\xe2\xb5\xd0\xd9\xb0\x9a\xb7\x83n\x8d\xc3\xbd\x02E\xdb\xc0X\xae\x1a\xf5\x9c\xf2\x8c\xec\x1abm\x12'</t>
  </si>
  <si>
    <t>b'J\xa8\xef\x13L\xa5\xa3~L\xd4\x99\x1f\xcc6\x82&lt;&amp;&amp;\xc6\xd9\x18w\xb0\x81\xae\xd2\xa4\xacB\x1dq\xa9'</t>
  </si>
  <si>
    <t>b'N\xc9\xbf\x87\xa8\x9f\x19\rm\xb7\xed[&lt;\x92\x8d\xf6\xf6\xe8ZP\x96\x04\xab\xca\xfe&amp;\xb5&gt;\xc4\xdcp\x87'</t>
  </si>
  <si>
    <t>b'}Z(\x9cC\x13_a\xd8\x85)y\x01\x0b\xe4\x85\xdf\xe1v\x02/\xa37\xb9\x1d\xe8\xdb\x14xM\x83\xda'</t>
  </si>
  <si>
    <t>b'\x1e\xfe\xd7(\x1f\x11\xf4\xb2\xdb\x91\x98]\xfeg\x87\xabu\xfaW\x84)8\xb4\xdbVy\xd3\xc1\r\xdd!\x8e'</t>
  </si>
  <si>
    <t>b'\x9e\x9bV\xad\xb7\x05\xce\x1en\xba\x05\x80\r\xae\xde\x9c\xea\xf85\xefg\xf7\x95\xf8\xa6\x98\to\xc4\xb3\x8f\xde'</t>
  </si>
  <si>
    <t>b'~\xd0N\t\tZr_\xe6\xf4\x9bD+\xb1\xda1?\x80\xb6\xdf\x96\xd1\xbd\xecHcJ\x0f9H\x15\xc5'</t>
  </si>
  <si>
    <t>b'1\xdf\x1a\x1eF\x95&amp;\xd9/\xeb\xc2\xb9B\xe1q!8U\xc7Q)^h\xeb\xc3\x87:\x9e\xc6\xa3\xea\xda'</t>
  </si>
  <si>
    <t>b'\xd4$\xd6\xb0\x83\x86\xbd\x93\xc3\xcf\xb4u\x7f\x7f\xb00i\x93&lt;X\xacx\xa5\xac\x1by\x95\x11\xb3\xc5b\xcd'</t>
  </si>
  <si>
    <t>b"\x9f\x0e\x9cDGsy'\xc4\xa6\xa1T\x10S\xdbQ\r\x1c\xc2z]\xe1\x98\xa1\x00\xdf\x16\x15m\xe6\xa6\x92"</t>
  </si>
  <si>
    <t>b";\xffIx\xca\xc1f\xe4\xd4\x93\x14'8\xfb\xcc\xa3t\x8b\xa1I\xd4h\xca\x86X\x07\xf2\xec\xed_lB"</t>
  </si>
  <si>
    <t>b'\xafM\xa0\x99f\xc6\x9f\x08rf0M\xb2\xc4u\x15\xd7")\xcd\xacI\x84\xe0=1\xbfx\x00:\xae\xa5'</t>
  </si>
  <si>
    <t>b"\xa1\xdd\xc3)Y5uu\xbf\x07\xeb\xf3'\xa8\x15Km\x0cNO\xd3\xb2\xcbe\xd7\x9d\x9f\xb9\xb2\xef\xaaK"</t>
  </si>
  <si>
    <t>b'y\xa6,\xe8\xbd\xe7\xb4}\xb595..\xd8{2\xdd_\xf0\xc9\x13\xc8r\xf6\\\xc3aV\xa8\xd386'</t>
  </si>
  <si>
    <t>b'*l\xe4\xef\xd0\xac\xc3Y\x88\xae\x14oE\xb31\x13\x18\xe3\x9d\xfc]\xaa\xae\x97\x07\xdd\xd0\x02Y\xff\xfd\t'</t>
  </si>
  <si>
    <t>b'\x19`\x87\xce*D\xe7\x15Y\xff\xe6\xe4}\xd3,!\x8b\xae(\xd7T\x034b\x9b\xad\x06\x80p\x1c\xa2\xef'</t>
  </si>
  <si>
    <t>b'H\x07\xd0\xf3\xea7\t\x83\xadvH\x82&lt;\xe5\xbf\xd1v\xc2\xbf\x86\xb7\x16\x02&lt;\xa7@\x86\x0ca\xf87\x90'</t>
  </si>
  <si>
    <t>b'\xc2fS`\x86\xe3zT!\x80\xed\xed\x1c\xce\xd6\x89\xab\xb7\x0c\x154\x8c\x12M\xd8\x11\x15\x02\x1cZ#\x02'</t>
  </si>
  <si>
    <t>b"\x97\x1e\x03G\x80n\xd4\x1c|\xbd1IP\xa0S\xf1\xf7&gt;k\xf6\xa75\xac\xc6\xd6\x1c\xf0|\xd0a'\xf7"</t>
  </si>
  <si>
    <t>b"\x8d\xf3\x10\xad\x83\xa0\xffn\xff\xfb&gt;A\xa3\xc5\x01\xa3\xabk6K\xfcc\xd7\r\xe5]|]n'X\xdc"</t>
  </si>
  <si>
    <t>b'\x83\xef\x86\x98Ii?6\xfd\xfd=l\xef=\xc0\xe7\x89\x0b=\xa5\xcfwx\xd3(\t\x8e\xadu\xa1\xb7M'</t>
  </si>
  <si>
    <t>b'\xda\x0f\xdb\n.\xe0\x9a\xd0\x97\xb4\x9d\x8b\x0fz\x97\xe0r\x18n\xee\xc5\x1c\xec/\xc2\xfb\xc8\x88!\xb6\xa4w'</t>
  </si>
  <si>
    <t>b'\xe6\x9d0K\x8e8\xea\xe8\xf7\xb51t}C\x8c\xcd\xf8F^\xf8\xd3|,\xf3y\x0c\x82OZ\x90\xe6\x15'</t>
  </si>
  <si>
    <t>b'\x1e4\x96\x98G1\xb8\x06X\x17\xb2y\xb3r\xa3\x15`\xb7&amp;\xd8+\x9c;\xcf\xef\x99\xbf\xe8\x83\x87\rZ'</t>
  </si>
  <si>
    <t>b'\x92\xb8\xed\x02\xf7\xa3{\xba{\xd9\xd3\xe5o&gt;95_\xde\xae\x8a\xffK\x92\xd2\xc2;\xf9\x1f.\x19\x95\xeb'</t>
  </si>
  <si>
    <t>b'\xfd\x83)\xbd\x94C\x8b\xc5\xbc\xab\xe82%\x02\\\x01\xf8\xb8\xee\x8dH?\x1b\xc3\xc4\xa5k\x92\x1f\xf5\xa3\x8c'</t>
  </si>
  <si>
    <t>b"\x8c\x19\xcem\xfd=\x9e\xdf8\x13'\xd9,$p]\xb4_\xb6\x90}\xd3O\xab\x9e\x1f\xb5\xa4\x00\x04\x9a\xd7"</t>
  </si>
  <si>
    <t>b"\xde\x15'\x10\xd7M\xf3\xee$\xb9\x9am^\xcc0\xc4\x0bp\xf8'\xff\xa4\xf3y\x01J&lt;\xd9\x93K\x947"</t>
  </si>
  <si>
    <t>b'\xa7j\xe1\xd3\xd9\xdc\x0b]3\xb0B\x061u\xc2i\xa8\xd4xA\r\xb4\x19\xb2\xc5\xb57~\xc7\xe7\xa63'</t>
  </si>
  <si>
    <t>b'V\xb9{wmm\xf5\xc40\xba\x1cW\xfb\x13d\x80&gt;\n\x1e\xc3?\xef\xda\xdc\xf7\xbf\x13\x1a\x16L\xb4u'</t>
  </si>
  <si>
    <t>b'T|`\xd8\xd3\x1c\xcd\x15\x9c\x9a\xff\x9a\xfd\xe1\xbatg\xf4\xc6Dg3&gt;p]\x05,D\x14_\x1a&lt;'</t>
  </si>
  <si>
    <t>b'\x03\xc9\xff\x98\xa5\x90\x04\xa3\xc8\xac\xf6du|\x13.\xf7?t\x11\x80\xf2z{D&gt;H\xbe&amp;W\xb4\x17'</t>
  </si>
  <si>
    <t>b'Y\xab(X\x06\xab\x89r\x18\xc8\xde\x8d\x83\x9eb\xb0G#\x9f\xa5\x0e\x97\x10;\xc6\xe5w+$\xbd\xda\xd0'</t>
  </si>
  <si>
    <t>b"?\xc1\x9a7\xaec\xff\xb3UQ,'\xbb%W\xca\xef\xd6U\xd5\xdb8\r\x87G\xfb\xf9\x99\xf6\xfa\x91m"</t>
  </si>
  <si>
    <t>b"z\xbb\x91\xacs\xac.\xcet\xab\xf1/@G&lt;\xe1\x17\x06\xfaSS\xb6dm\xbe\x1a'^\xe1E\xeb\xcc"</t>
  </si>
  <si>
    <t>b"\xffAG\x07\xad3\xb4LyU\x9f\x1e\xbf\x91h\xf4&gt;\xf1c\xfd\x85-\x01'\xab\x18\xbf\xf5\xb5\x94\xe8\x86"</t>
  </si>
  <si>
    <t>b'(5\x80NT\x07\xf4Q\x98&gt;\xcfk\xf5o\xb2\x11\xc8\xb4}\xe4\xa1C\x9f\xf4\x9b\xd7)w\x8a\xdd\x00Q'</t>
  </si>
  <si>
    <t>b'#\x12\xb2\x02|\x1a|\xd75\x8e\xa6\x97\xb835\x96b\xc7\xa1w\xc8H\xdd\td\x8e\xd5x}\x88\x10I'</t>
  </si>
  <si>
    <t>b'\xa9\x99\x9b\xa0\xdd\xc3\x8e\x8f\xb5\x9a\xf4\x8e\xc2\x85\xad\xab}\x85]\xf86\x0b\x83\x00\x08qF\xf3\x95^%Q'</t>
  </si>
  <si>
    <t>b'\x84F[,\xa93/\xf5\xe5ku_\xbe9\xf0\x86C85~\xfc\xf0!f\x1d\xb7(i\x1d\x13d\xc4'</t>
  </si>
  <si>
    <t>b'G\xb0^\x17\xc1;%S\xad\xaaC/W\xcfVB\xe2 \x0ek\xa1^\x1d\xd3,zb\xe6\xc8\xae9\xfe'</t>
  </si>
  <si>
    <t>b'\xd3eJ\xca\xabH\xccpNM\xe8\xe3\xba\xc0\x10\xc9\x1f4c+\x88*0-\xf1k\xce\xf0?U\xccm'</t>
  </si>
  <si>
    <t>b'\xca=\xd1`/\x9f\x944\xe4\xb0\xb2\xef\xd5}\xb4\xb8\x82\xff\xa2\x9d\xd8c\xe2\xad\x95\x96f\x85Ry&lt;\x18'</t>
  </si>
  <si>
    <t>b'\xe3\xe3\xe4U\x0e]\x95\x1d\xcb.6\x97te\x17\xef\x9d\xe4EK\xc3\x0e\xfdtI\xea$\x16"%&amp;\xa9'</t>
  </si>
  <si>
    <t>b'&lt;\xb3Q3\xb2\x19E\x02&lt;\xf6%~\x85\x157\xbe\xf1*\xecB\xa8\xd5\x0bX\xb3Q\xf3\xda\x16\x7f_m'</t>
  </si>
  <si>
    <t>b'\xaa7[D}\x98!\x02\x11\x07\xbb\x84 \xc5\xf3n\xfa\x13K\xf3\x8f\x05U\x8c\xd6l\x8e\x82p\xf0\xae\xc6'</t>
  </si>
  <si>
    <t>b'\xb9\xf9\x065\x97mp\xac\xb4pX\x9f{\x08`\x8d\x82\xc3\x9e\xc1\x0e\xa2\xd0T\xda\xdfA\xb11I\x0e~'</t>
  </si>
  <si>
    <t>b'\xe7\xcff6g\xcb\xc8=\x1a\x15z@4\xe8\xac1q\xc0T\xf4\x12F\x14+\x9c\t\x0c\xd5Qv\x9a\x93'</t>
  </si>
  <si>
    <t>b'{L[}9a\x83\xdc\xf9x\xe9\xa2\xa0\x97L)4\xc5\xd9G\xc4\xd8\xa1\x8cR\x96=\x0e$\x14T\xe4'</t>
  </si>
  <si>
    <t>b"\x1ba~\x01\x90rW\x8c\xc8&gt;\xa5\x18`\xd9\xbcY\x1dz'\x159v\xcfN\xdd\xc4U\xf4\xc1KS\x8d"</t>
  </si>
  <si>
    <t>b'\x9e\x01\xca\x83\xb1\xf1\x9ak\x8b\xc5\xbf#\xce\xe3\nRV\x89\xbcxZ\xd4\x00\xa9u\xd7\xbd\xf6\xdc\x0f\x17\x04'</t>
  </si>
  <si>
    <t>b'l\xb0\x83?\xb1\xa7\xf02\xe2\xda\x8d\xe9\xa7\xb7;\x1e \xec\xa9\xa6\xdf2T\xc6U\xc4AQ\xf9\x06\xce\x19'</t>
  </si>
  <si>
    <t>b'[L\x82\xa8c\x13\n\x19T\xc8\xaa\xcf/\x05\xfa\xa6&amp;g\xeba7\x9c,\xb5\xb5V\x1a_1vl\xf8'</t>
  </si>
  <si>
    <t>b'\x86\x8c\xec\xe3\xb0\x9c\x91\xa6\xe2(0)\xd6\x0c\xc1\xba|\x0f1w\x0b5\x0fF\x96\xc0\xc8IX7i\xbd'</t>
  </si>
  <si>
    <t>b'\x12#X\x8ctG\xbf\xe8\xbf\xdc\xe6\x15\x9b]\xa5\xe55*\xa1\xa7\x1b-\xb3\x12&gt;\xbb\x9fZ\xe8\x00\xec\xb0'</t>
  </si>
  <si>
    <t>b'\\J\x12\xfd\x02\xeb\xf4\xfd\x05\xaf\x0fwF\xd8CO\xf5\xa9\xf3\xfed\xb0\x18\xbaYY\xa9t\xf4\x18\x1c_'</t>
  </si>
  <si>
    <t>b'\xf1\xf3\xba\xd9\xf2\x85M\x0cD\x00\xc5Z\x8f\xb7\x89K\xb0\xbb\xb7\x8b\xd3d\xce\x82j\x98\x0b\x83\xb8\x06\xd4o'</t>
  </si>
  <si>
    <t>b'$\x9a\xad\xe4\x1f\x9a\xf6\xf4^\x18\xd37\xcc\xedH\x97R\x8d\x87XS\xc04=\xd3D\xaf\xe7\xf2zP%'</t>
  </si>
  <si>
    <t>b'\x08\x8c\xfb\x1e~\xf6\x06\xaaX\x12\xeb\x9e\xa8\xa9\xd4aA\xb9\xb8\x9aA\x82J4\x98\x89\xfd|\xf2W\xc8\x16'</t>
  </si>
  <si>
    <t>b'\xaf\x97\xcd&lt;\xf5&lt;\x93\x8f\xaff\xd9\xbe\xadf\x82s|-\xf6\x0c\xa3+\xa4\xc9\x8a9!\xd0\xbco\xc0['</t>
  </si>
  <si>
    <t>b'\xab\n\xf0\x96\xf9S\x0b\n\x9c\x18\x056?\xb9\xdb\x10g\x1a\xbb\x89\xadS\xb41K\xfff\xc5\xb6\x04u`'</t>
  </si>
  <si>
    <t>b'\xca/\x923o\xbb\xad\xe8\xf5\xd7\x12\x10U\x93\xbe0\xf6\x80\t\xdb\xe8C\xe9\x19\xba\xb7\x9ac\xe7\xf8\xf3\x18'</t>
  </si>
  <si>
    <t>b'\xdb\x95\x97\x0b_\xdc\x86\x0b\xa4\r\xb9$$\xe8\x88\x19\xa4;6\x151\xf6U\x94\xa6\n!\xd4\x89\xf8\xfaF'</t>
  </si>
  <si>
    <t>b'\xa7\xa1\xf50\x13\x8a\xf8Y\xe3\xe2v\x84\x00i\xc3hF\xc9\xf1\x8c/\xb6t\x1f(\xd3\x8f\\\x1c\x7f\\\xe3'</t>
  </si>
  <si>
    <t>b'n\x19=\xf55\xa0\xf9\x96\x88K8\x82B\xa6\xe7wKz\x84K\x7fX\xb7:\xfaw\x16\x8f\x88Z\xd6\xcb'</t>
  </si>
  <si>
    <t>b'\x16\xbf\xa89\x81\xcd\x98D\xcc\xa39z\xaa\xf08D\xc87\xab\x8au\xe9\xe9\xcc\xf0`~\xddd\x7f\x89\x93'</t>
  </si>
  <si>
    <t>b'|o\xf1\xb5\xff\xe8\xff\xd3)ym\x9a\x18N\xcf\x18\xaa\xe0}L\xe6\xd8B[\x08\xd3p\xcd\x94\xd4~D'</t>
  </si>
  <si>
    <t>b'IT\x8c\xe68\x8c\xf1\xcdH\x0e\x99\xea|\xe8A\xdf}\xb0\xc5g\xd4F\xdc_\xf3\xd8Z\x01\xf5-\x03\xf2'</t>
  </si>
  <si>
    <t>b"\xc9\xea\xd7\x0fYh1\x1d\x11\xf7\xa7\xd4\xc6r\x9f\xb13%\xe2\xa5\x7fdk6\x10'\xff\xa6\xaa\xb2+$"</t>
  </si>
  <si>
    <t>b'3\xcd\xb7_\xdd/b?\xec\xe76X!\xa1+\xdd\x9a\xd9\xf2\xf6\xe4?9;\x97c\xf2\xb5}$Ui'</t>
  </si>
  <si>
    <t>b"\xe9aQ?w\xd6\xf8\xf5\xd1'\xca\x18\xd1dG\xb0U\x04\xe2\xea\x12\x04\xb5\xe7k\xe4^\xc6#\xddd\x0c"</t>
  </si>
  <si>
    <t>b'\xe8S\xff\x972jG\x07\xaf\x97\x99+F\xfb\x8e\x18#\x03\x91\xf1\xa2\x96hn\xcb@\x81\xfaC\x8f"-'</t>
  </si>
  <si>
    <t>b'\xda\x1a\xd10u\x04\xc7\x06\xde?\x84P\xab[($\xd4\xfcu\xc1s\xd7\xf2"\xa1z\'\xe5X{&lt;\x17'</t>
  </si>
  <si>
    <t>b'VD\xff{eX3\x1d\xa0\xe4:\xd6\xbfC\xb6n\x17sY\x9a\xe2\xee\nQ\xbe\xd0\xdd*\x1f7H\x11'</t>
  </si>
  <si>
    <t>b'\x9b^{r\x913^\xfdV\x8e\xb8\x9f[\xfb"\xbe\xcf\x81\x15\xc2\x11\xbf\x0b=\xd7&amp;v\xc3\x16\t-\xd2'</t>
  </si>
  <si>
    <t>b'Ao2\x92\xaa2\x1a\xc6\x0f\x97\xeb\xad\xa2\xbb\xc0\xfe\xd2\xdb\xafe\xb4\xd9l\xa9\xfaGJ\xc6\xa8\xdbL5'</t>
  </si>
  <si>
    <t>b'7\r\xeaz\xe6\n\xeb^D\x14\xb6\xe8\xf8\x9d\x0c\x94\x04\xad]q\xf0\x1eRA\x1c\x16\xa1\x02=0\xfd\xb3'</t>
  </si>
  <si>
    <t>b'\xcbt1D\xfb5\xb7L"\x19\x15\x17\xa5\tmf\xc4_\xbf\x08\t\xd1\xd0\xa5\x85\x1f\x9fw\xfc\x1c\x06\xa5'</t>
  </si>
  <si>
    <t>b'\xf4q9\x88}\x1e\xfb\x9b\xfa_c2\x16+^x:&amp;\x97\x1e\x13\xbc\x8cHGm\xaf?\xd7\xb9\x06\xb6'</t>
  </si>
  <si>
    <t>b'u\xc0\xc0\x0b\xa9*Hk\xcb\x1c\x84%\xd1\x83C\x19\xfd$E*\x90\x90gu\xe6{c9\x91i\xb8?'</t>
  </si>
  <si>
    <t>b'\xe4!\x92V6X\xd1\xe4N\x9f&amp; H\xe0D\xac\x02\xf5Q\xd2*\x9c\xaa\xac\x89\xaaB\xa0\x05\xe3\xaa\x8c'</t>
  </si>
  <si>
    <t>b'\x11\xdf\x99Y\xd9\xf6\x93\xc5F\x9d\xc7\xbe.\xce\x03\xd0\xb4,sA&gt;s\xa36\nB\x8b\xe0}\xb5\x01\x91'</t>
  </si>
  <si>
    <t>b'A\xeeG\xc0\x90\xb4\x11\x9f\x01v\x87\xf6Q\xe1\xd8\xfd\x80L\xde\x84\xc1t\xaa\x19\t\xbe\x97\xcc\xf3\xe7\x12\xa1'</t>
  </si>
  <si>
    <t>b'\xce?\xa9\x05\x0c_\xd2\x06m\xed\xb3\xc0\xf5\xeb\xa5-\xdc3jk\xf5\xa0gQ\x87WO\xe8\x10[\xde&lt;'</t>
  </si>
  <si>
    <t>b'\xf0\xee;\x90)\xcf\x10\x86\xaf\x14{\x8e\x0c\x19\x8e!\x98\xd6O\xdf\xa6A\xb5\x88|p\x85\x90\xd0\x01\x1f\xec'</t>
  </si>
  <si>
    <t>b'\xe9&lt;\xc33\x0f\xa7J*\xdd\xf7%\xd8\xc7\x8dH\x9e\xa7\x90\xb1\xe9\x94\xaa\xc3\\\xf1I\xac#\x90b\x93\xcb'</t>
  </si>
  <si>
    <t>b'\x9d\xc8+itrrPm\xea\x9d\xb2\xc42\xc7\x96\x93c\x08Q\xe0\xff\xc6Uy\x85\xd83F\x90{2'</t>
  </si>
  <si>
    <t>b'\xb0\xab\x16\x1d{$\xb7\xa4\xc1L\xbd\x7f_\x07\x8c\xa5\xb0&amp;BZ{C\x01\x00\xaa\xdd%\x96\xfcEm&gt;'</t>
  </si>
  <si>
    <t>b'\xd5\xaf\x04q\xe7j\xa6K\xa7\xb6\xbc\x80\x93\xef\r3\xfao\xb2O\x1d\x06\x10Q\x8bJ\xc3\x19\x9b=0*'</t>
  </si>
  <si>
    <t>b'\xcaHQ=\xa0\xa9J!\xab;&lt;\xd7\x01\x97\x9e|%\xa5l\xe0\xfcH\xbfX\x0b\xab\x08n\x80\x16\x9f\xa2'</t>
  </si>
  <si>
    <t>b' \x13_\x0f\xff\xc1\xac\xd7\x92\xc8A\x0eY\xc3\xaf\xd4)\x93\x02\x91*\xf1\xb4A\xd03\x8f\x97\xf4\xe1f\xc0'</t>
  </si>
  <si>
    <t>b'\xe4\x1bn6\xa4#\xcb^8\n46\x94\xb7\x92!\xe60~X\xed/0\xda\x0e\xd6(\xc7#\xef\x7fc'</t>
  </si>
  <si>
    <t>b'\xab*\xeb\x17N\xf2i\xbf\xb4\x9c\xb5z A\xd8\xdbc\xe8\x157\x02)5\x8d\xf3i\xf9d\xc6\xe2!s'</t>
  </si>
  <si>
    <t>b"B\xae\xf3~'R%\xc8\x12/\xcc|\x05\xa4\x1b&amp;\xa9\x07|3\xfc\xbd[\xce\x7f\x1a#\xae\x0f\xd3\xf23"</t>
  </si>
  <si>
    <t>b'\xc6\x9e?\xf3"e\xbdc\\%V\x86\xcb\x1cF`\xd9PiE-\x88T&gt;M:9\x08\xa2nh\x85'</t>
  </si>
  <si>
    <t>b'Z9\x0b\xc3\xe9y\x14\xf8\x8c\xa8\xbcSq\xd5It\xd1\xc6\xf1z\x86\x0c7\x00z\xc7\xef\xce\x08\x88\xd4\x95'</t>
  </si>
  <si>
    <t>b'&gt;7o\x0e\x99\x14\xc7\xe7@8f\xfdK}\x8d\x00\xad\x08\xdc\x9f\xe6\xcc\xfa\x08OR\xa7\x1cQ\x9ftK'</t>
  </si>
  <si>
    <t>b'\xaf\xc9\x1d\x85\xa9\xac(\xc8\x16\xe6\x1f\x87\xa8\x85\x9a\xb1 \x80\xb3\xc2\xe6\x7f\x97Q\xad\x96\xe0\x1f\xd4\xe0\xecd'</t>
  </si>
  <si>
    <t>b'\xffo\xdb\x87*\xb4\xe4\xe0=&gt;ezY\xee\xb6\xb9\x9f\xfd\xcb\x00\xe3\x9b\xd8c\xd7\xeaa\xa5d,0\n'</t>
  </si>
  <si>
    <t>b'\x01\\\xac\xe6\xd6r\x053gdY\xca\xff\x05\xcc\xba\xa0\xc9c\x1d\x81\xfd\t(\xd2\xa0\x19y\xec\xd9\xd1M'</t>
  </si>
  <si>
    <t>b"'v\xcc\xf1\xaa\x1a\xda\xd5W&lt;\xe4\x02xP\xec;\x12\x84\x82\xa6\x89\x08\x8dH\xd9V\x16?\xd1wce"</t>
  </si>
  <si>
    <t>b'y\x90\x88@.\xbf;%\xdc\xb1j\xccf\xe6S\xae\xbf\xf4w\x1a\x96\x98,\xae\xc7\xf4\x96\xfa\xa3\xe8\xbcR'</t>
  </si>
  <si>
    <t>b' \xd0a\xe7c(S\xff\xd9\xd1@p\x17d\xd3\xf27m!\xfa\x96\xe6\xb1!!\x03A0C"\x1ax'</t>
  </si>
  <si>
    <t>b'W)\x07\x94Ap\xb8\xe6x\x16\x8f\xfd\xf9QO\x1cY&amp;L\\\xd3\xcf\xbfm[\nr\x90\x10\x98;\xcc'</t>
  </si>
  <si>
    <t>b'\x87\x17ynCV\xa2\xf2=4\xb0\xe3\xfc\x88M\xa0%\xf5\x0fR\x99\xceve\xbe\x01\xe8xD\x17\xdd$'</t>
  </si>
  <si>
    <t>b'\xc9"\xe6\xbc\xf5\xc0\x0e\x9f.\xa5\xa2\xa8*S\x95\x8c\xcbL_\xba\x83\x96\xbf\xa4\x08\xd2\xb3\xcd;\xaa\xedf'</t>
  </si>
  <si>
    <t>b'\xeb\xf0\xb2Q\x8d\xf8\xad\xe8O\xed[\xb9]\x7f\xb49J\rm\x81\xde\xd9i\xe6]\x9e\xa2\xc37\x8b\x1fX'</t>
  </si>
  <si>
    <t>b'=\x10\xeb\x1a1\x1e$W\x1b\xa9\x1a\xc4\xcf\\`b\xab\xb1\xaa\x1c\x87L\x89\xfb\x18*y5\xfc\xe7O\xf6'</t>
  </si>
  <si>
    <t>b'\x90\x9b\x7fb\xcb\xd4\xc6\rg\x0c3\x82\xa4\x17\xa6\x1bW\xceI\xacd\rz\xdc\x83i\xd9\x91\xea\x14`\xe1'</t>
  </si>
  <si>
    <t>b'\x06\xd6\xf0]\x8b\xbe\x85a\x9e\xf7EX2\x18\xa9wy\xf2\xbe\xfe\xc7|FF\xf0\x9f\x15xz`\xf6\xfc'</t>
  </si>
  <si>
    <t>b"\xce\xfe\xb4\xefS\xd1n\xeeY\x15\xef\xaa\xcc\x85\xd6/\xc32\xf8\x94\xe8@\x851\xe8\xe7)'\xd9\xe5\xc5\xff"</t>
  </si>
  <si>
    <t>b'\xe62\xc0x\x85\x1e\x0f5\x93\xda\xd6\xb2\xe4zx\xb3R_|\xfa=ty\xa8U\xc62]\xf33)\xd9'</t>
  </si>
  <si>
    <t>b'\xd6YTF\xe5R\x83\t\xaf\xcd\xbek3\xf9~R\xd6=y\xb20\x05\xb0\xe9Iu\xde=\xb1\xe8a\xf5'</t>
  </si>
  <si>
    <t>b'\x02h6XbNS\xe7T\xfc\xe9\x19\xec\xc2\xa3\x86R\x98xN\xa0\x8e\xf5z\x96\xe3JJ\xb0\xe1\x1e~'</t>
  </si>
  <si>
    <t>b'\xda\xb1$9w\x87\\\x99\xb9p-\xb7\xb5\xef\x1c\x88\xca\xfd\x08\x93V\xec$\xf6\x8e\x03\x8f*\x87\xbcn\x10'</t>
  </si>
  <si>
    <t>b'\xce\xcd\xc8\xba\xaa\x94\x94\xff3\xee|8^\xeeP\xd3\xa4E\x03pH2\xcai\xf9\xd0%\xdb\xab?\x9cn'</t>
  </si>
  <si>
    <t>b'n\x05\x02~\x81\x0ev4\xe2\xff\x1f\x97\xc5\xf4\xd3\xc3\xd8\x8f\x8d\xfaQM\x9d\xady\xb7\x93\x85\x9cDEn'</t>
  </si>
  <si>
    <t>b'\xe97\xcc3_&lt;\x9b|d\t;\x92\xf6\xdahm\xe4\x04\xdb\xad\xd3\x16r\xc0v{&amp;o\x91\x9fd\x9c'</t>
  </si>
  <si>
    <t>b'0\x9eW\xc3\xbdf\xa0\x84\xfbq\x991D\x04\x87_T\x85:\x0b\xb3\x01!\xd9\x1f)\xd5\xa7\xf48H\xc6'</t>
  </si>
  <si>
    <t>b'\x14,\x8dB\xcb\x1cWG\x8a\xcbU\xa6\xa0\xf18\x9a\x96\xe0\xa8\x93\xe5\xdb\xf8n\xcdz{\xc4h\x0b\x02\xa7'</t>
  </si>
  <si>
    <t>b'.\x10F\xbf2\xf0\xcb\xbd#\x81\xf5/\x13#j_.\xd2\xbc\xfb\xb0\x9a(\x8f\x08\x8c\x91\xb9TR\x8c\xad'</t>
  </si>
  <si>
    <t>b'r5\xbbS\xc2/\xc7\xca\x16P+\xc9\x9a\x15\xde\xbbG\x9c\x80\xb6l-\xe7\x07d\xd5-\xe6V[\xb29'</t>
  </si>
  <si>
    <t>b'\x92\x84t\x9d\x02\xda6\xe8&lt;yS$\xd7\x15\x7f\xf0\xf6\xa6\x15\xf7\x1fU\xbf\xe3\x8f\x89\xa3\x90\xc7\x94L\x19'</t>
  </si>
  <si>
    <t>b'\xd2\x89&gt;4/^j\xfe\x1a3]\x0b\xa0\x06\x1a\xe2\x96=nvQ\x88u\x1d\xe78Z9\xc6\xf0\x0e\xf6'</t>
  </si>
  <si>
    <t>b'\x0b\xb6\x9c\x953\xc4&gt;\xf5\xbd\xdc9\xa6\xdc\xbd\x0bp\xd2\xf2\xa2\x98\x16\x1b\x98\x1b;"\xcab\x17\xcf6\xde'</t>
  </si>
  <si>
    <t>b"E\xe7\x06\x8c\xbb\xfb\x9a\x81\x00I\xed\xa7\x98\xbbb\x15\x1b\xe5\xb3\x19\xa15\x960'z\xd9\xb2,\xc9\xbb\x9d"</t>
  </si>
  <si>
    <t>b'\xdf\xdb\x0b\x8f\xa1= \xf4s\xed\xa4B*\x15\xc2\x0ch\x1f\x93\xdb\x12\x1f\x1d;\x13\xa7.:4\xaf\xd8\xd6'</t>
  </si>
  <si>
    <t>b'\xd6SU\x01\xda\x9b}\x8cO\xa9\x08&gt;\xec \xd3\xc4\xd73\x1a\x1f!s0\x81tTT#\x1d\x80VC'</t>
  </si>
  <si>
    <t>b'\xb3\x0e\xa7=s\x7f\xac\x98\x98\xa8\x80\xb1&gt;\xbfT\xb7o\xa7f$\xa72\xae\x05^\xad\xaa|\xc2\xc6/j'</t>
  </si>
  <si>
    <t>b'(\xad\x01t\xc4\x90l`\xab"E\x0e&gt;\x8aC\xcf\x1e-9X\x8c`\x07\xf1\xe7\xd7\xfe\xbeq\x9a\xb43'</t>
  </si>
  <si>
    <t>b'#\xd7c\xae\xcc\x18X\xc81v\xca\x82\x91\x1du?\x04\xfc\xdb\x99\xc5^qW\x8fS\xd1\x8b_\xae\x12\xfd'</t>
  </si>
  <si>
    <t>b'P\x02\xdb\xb4IH\xd1^\rX\xf4\x0c\xeeD\x0f$Z\xee\xca\xc3\x1b\x04O\xc1\xd9#\x80\x9a\x18&lt;\xdd%'</t>
  </si>
  <si>
    <t>b'\x8b\xb4\x14\xcfF\xee\xacG/b\x10\xfb\xfb\xac\x07A\xdb1a\x83\xa0()\xfb\xfc\xd9H3M@f\x1f'</t>
  </si>
  <si>
    <t>b'\xa2\x167\x99\xfb\x971\xc7\xc2,&amp;2\xeb\xb4\xc9\xb6\x82\xae\xf7b\x1a\xa6+\xfd\x91\x01\xb6\xed\x1e\xb4`\x0f'</t>
  </si>
  <si>
    <t>b'\x8d7mMf\x95\x079\xb9\xa9\xdb\xca7W\xcc\x8f6&amp;[\xf1O\xf4\xf8\xf0\x8d&amp;\xfd0N\xd6\xdd\xad'</t>
  </si>
  <si>
    <t>b'\xb6[\xc4\x9d[\xca\x13\xfc\xda;\xed\xce\x937\xe3D"\x16Z@%\x9b\x80\xd0\xdf\xd2\xe6=\x88^\xe6\xfb'</t>
  </si>
  <si>
    <t>b'\x9f\xfe\xd9\xe9]:\xbf[\xd9ec\x16\xcb\xfd\xday\x85-\xc0)"q\xf40\xaf\xb3s\xbdC\xf7B?'</t>
  </si>
  <si>
    <t>b'\xc6\x04Q\x8f~\xf2 \x19\x19YM\xa5\xf6#\xcd\\b\xb0E\xae\xf6\xb5I\xb1`\x11//\xfa\xefB\xc1'</t>
  </si>
  <si>
    <t>b'2\xd4\x82M\xe3v\x9d`\x05o\x0cXw\x06\x8e\xe1OS\t\x82\xaa\xd0\x9d\x94\xc5]\xf4b\x88\xab\xf1\xeb'</t>
  </si>
  <si>
    <t>b"\x1c\x08'\x14-\xfc=(P\x8e\xb7$\x80\x961\xffV\xcd\x10\x83)Rg)X5\xc0&amp;\xbc\x96U\x87"</t>
  </si>
  <si>
    <t>b'?4@j\x10;\xf6k\xb9\xda\xfaz]\xce\xdb\x9f\x8dp\n\xfep\xf4\xdb\x98\xb2\xb2\xb8LPC\xd0\x8a'</t>
  </si>
  <si>
    <t>b'\x82\xf4p;\x8f\x8c#\xf1s\xea-\x80\x97\xcd\x0f\xd2-=(\x06\x8fD\x1e#\xccdQ\x8erE\x14*'</t>
  </si>
  <si>
    <t>b'\x07g_[}n\x1e\xefZ\x1a#\xe3_3E\x92\xb4\xb5\xe2\xb7\xc9\xd2T8]\x02j\xda\n.\x17*'</t>
  </si>
  <si>
    <t>b'm\n\xad\xeb\xed\xbb\xbc\xcf\x03y\xbcu"\x1d\x8c\x9f\xd4\xe8\xfc} \x0bf\x9b\xf1\xa5\x84\xdd4C\x91W'</t>
  </si>
  <si>
    <t>b'\xec!\x15LX\xb4@\x98\xc7\xf4\xa1\xb2\x96;#\xe33}\xdfv\xc4\x03\xda \xfb\xe2\xffp\xdfd"&amp;'</t>
  </si>
  <si>
    <t>b'\xa5\xfcw\x0c\x8a\xc4\x97XZ%g\xd7\xc7\xc6J\xd8b\xbdb\xc1\xc3q\x9f\xb5v\xb8u\x1f\x13L\x9a\xdb'</t>
  </si>
  <si>
    <t>b'|fQ\xd9/\xc7\x8d\xfax\xf9\x1eYo}\x83\xc5\x85aJ\xc5\xfc^\x92\xf5\xd0\x98{\x8a\x02\xed\x87\x8a'</t>
  </si>
  <si>
    <t>b'\x8c\x04-\xbe\xd4\xe0{}\x91h\xd6Pc6\x15\xa3\xc1\x9b_\xbbq;4\rb\xea\xa9q\xb2K0 '</t>
  </si>
  <si>
    <t>b'T\xfeN\xb9uu\x93swA^v\x9cu\xed\xa0\xa4\xafd\xad\xcb\x98j\x9e\x9f\x94\xa5\xf0,S\x82\xff'</t>
  </si>
  <si>
    <t>b'QB\xdbxfBF\xbf\x92\xd2\xd7\xd8:\xff\xb7&gt;N\x1e\xa6\xd3\x90l\\R\t\x85\xa1\x17\xa6\xbc\xf4\xdc'</t>
  </si>
  <si>
    <t>b'\xcdj\x8b\x08(\xe2Qx\xd1\x98\xf6\x8c\x89\x9f\xa7\x16\xda\xe0^2\xdfvk\xd9a\x1a\xaa|\xa3(\x02s'</t>
  </si>
  <si>
    <t>b'\xbcpx\xdd\x01I\x96)\x1c{!\x9e\xc5\xaa\xab\x9e\xc4\xdc-&amp;{\x15\x1b\x98 \xb8Q\x8a\xfe0n\x81'</t>
  </si>
  <si>
    <t>b'\xb2\x9e\xb6E\x81\xc2\x7f+\xb4\x92\xf7N\xbd,\xef\xd6t\xc7\xdd\x0b\x9a\xd0\xc8\xff\xcf\xe5\xaa\x9e\xa8\x7f\xec\xd0'</t>
  </si>
  <si>
    <t>b'\x1e#\xc3_F\xe1\xa9Y\x1d\xb4{\xa4\x12\xff\xe4\xc4\x8b\xbc\xc4\x8d]U\x872@\t\xa6\xaa\x08\xddY\xc9'</t>
  </si>
  <si>
    <t>b'\x00C-\xf7\xc3\xad\xcf\xb8\x83\xf1&gt;*`\xda\xba\x18\x1a\xa7\xaa}\xd2i\x1e\x9b1\xea\xfbW\xcb\xf0\x81&lt;'</t>
  </si>
  <si>
    <t>b",4\xf8\x02\xef\xee\x01[Y\x177\xb8++\xa5?\x08\xa8\x13\xfd\xae\xae\x13\xbf'4\x7f\x014\x84|\x12"</t>
  </si>
  <si>
    <t>b'\xcf\xc6\xc6\xc7\x92\x8b\xef&amp;\xfa\xefK(\xb3\xd8\xab\xe1\xb3\xf0*\x93\xca\x04\xd6bza\x81\xe2\xb0\xf8\xe4)'</t>
  </si>
  <si>
    <t>b'\xb7\xeb\x03\x9e\x13\x14\x88\xbc\xfa\x9ey7D\xfe&lt;)w\xffQ\xf1t!\xde\xbe\xc6!\xa6W&gt;\x00\x10k'</t>
  </si>
  <si>
    <t>b'iUoE;%\x9f\x8es\xb0\x95\xfah\xbe \xd1\xc7\xeb\xcbx\xdb\xb9\xbb\x15\x9f\xe5\xf2\xe3\xdc+\xb1\xa4'</t>
  </si>
  <si>
    <t>b'\xceh\xf3iE\xe2\xdd\x1f\x9d"/\xcf\x10IgC\xa1\xf6\x1a\x98\xb2\xbc\xc9\x1f\xdda\x97W5\xefx\x0b'</t>
  </si>
  <si>
    <t>b'A5\x81\xdc${F\xa9\xeaz2B\x90\x89"9\xe0\xa7\xd5W\x7f\xf5\x02\xb9\xcdP\'Q\xc8I\x12$'</t>
  </si>
  <si>
    <t>b'\xe3R\xe4k\x07\x7f\xd5`\x85\xac\x1e\xfb\x1c\xb6\x0ew\x8ev\x93`\xf5\x07%\xfa5K\xc8j\x1b\x9fC\xb6'</t>
  </si>
  <si>
    <t>b'\xf3\xee\xf7\x17G\xb7\x00\xcdF\xd0It6\xbc\x1ea=\xc6\xc4wO\x94\x14}\x0c\x15@\x81\x93\x07\x90\x15'</t>
  </si>
  <si>
    <t>b'\xfbw2\xc1\x1a\xf2\x9f~\x13&amp;\xae&lt;\xb6\x0b9w\xd1\x8az\x9aT@\xf6&amp;\xdf\x16~\xf0\x9f\x02*B'</t>
  </si>
  <si>
    <t>b'mn%&lt;|Q\xd6\xb5\xdb\x0ec\xd0\x1f\x1ez\x9a\xabc\xba\xc2i\x932\x90\xf2\xd0\xb8%\x156\xa7\xe8'</t>
  </si>
  <si>
    <t>b'q\x97rP\xd3\x92\xb4\xcb\x15/\xef\x7f\x12\xe1\x9b\xae\xbfK\xae\xee\xa9\xa2l\x1f\x9b\xfd&amp;Z\xa3\xc0\x19\x1a'</t>
  </si>
  <si>
    <t>b'\xbegsW\xe2\x85\x8f\xbe\xb7\xd9\xe8\xa2d\x83\xa4)\xbdY\xc8\x06g\x7f\x8b\x1e\xcc\xfb\xf4\xd9\x9e\xcc\x06\xe3'</t>
  </si>
  <si>
    <t>b'\x05\x9f}g\xf6)\xbc\x1e\xceg\xe5\x84\x84\\\\\xfe\x85\xd5\xee\xac\xa8P\xc5\x06\xff\x91\x98Qb\x13_-'</t>
  </si>
  <si>
    <t>b"\xa0\xfbF^\xb98\x12\xbc\x87v\x05\x1a\x0b\xb32J}o\r\x94\x02\x97'\xccE\xe3'i\x8c[}5"</t>
  </si>
  <si>
    <t>b'\x115\x1e\x9c\x91\x14\xf4?\x1fZ8z\xbe\xae\x97n\xec\x0bff\xf6\x82+$\xf6\xb5\x81#\x92[N\xbd'</t>
  </si>
  <si>
    <t>b'K\xea\x8c8\xbbq:#\xf6&amp;\xed\x82q\xbf\r\x05\xaf\n\xc3"\x95\xf7\xea4j\xf3\xecG\xa8\x99\x1c%'</t>
  </si>
  <si>
    <t>b'\xfa}\xc1\x0b\xa3x\xe6 \x1b\x02(\xdeK%\xa3\xd6\x02\xf1\xba\xcb\xff\xea\xebk\xa5\xd6L\xe13~\xa3\\'</t>
  </si>
  <si>
    <t>b'\xc7\xd5\xe1m\xa0&amp;\xbaM\x95\xdb\x11\xd5\xef\xff}\xb4\x9b\xb0&gt;K\x1e\x8c\x14:R\x1b\\*\xa6x8&gt;'</t>
  </si>
  <si>
    <t>b'\x86\x015\x96\x02\xa0~\xc8\xbc\xb5.\xf0\xb8\x8d\t;\x14\xa8\xfb\xd4\xc9\x7f+\xa7T\xbb\x83\xcbcg\x1a\x8a'</t>
  </si>
  <si>
    <t>b'\xac\\5\xdd\xd3\xd8\xb9^\x84\xee+\xb1\x84\xff\xd2\t\xa0\xf4R?\xf5\x0cX\n%\x8f\x97$\x8f\x11\xba\x15'</t>
  </si>
  <si>
    <t>b'\xb3\xf0dB\xed\xe5\xc8yU{\x01e\x94I\xf7\xe3\xff%\x95\x06\xd8\xc2]v\x1fu\x8d\xaa\x8c!2\xa7'</t>
  </si>
  <si>
    <t>b'R\xd4\xc6\x9c\x03\x04\xbe\xf5\x96\xb7\x00 #&lt;\xbe\xf7\xafa\xdf\xefr\xe6\xbe\xa6zj\x8e\xa2\xf6\x89\xc4B'</t>
  </si>
  <si>
    <t>b')\x1fC\x1bk\xb4\x94\x9c\xf3[\xa6_\xd0\xa2uq}&amp;\x99\xfaL\xe4\xe0\xb9\xcfVo%\xb2\x9f\xf2\x9f'</t>
  </si>
  <si>
    <t>b'qrf\x9e\x9c\xaa\x17\x0b+\x86\xac\x86\xaeV\xdc\xeb\xd3,:\xbb\x8c\t\x98*pt36V\xd7\x97\xda'</t>
  </si>
  <si>
    <t>b'\xff&lt;\xeeH\xe5\xeb\xd8\xad+\xc9\x00\x9bY\x8c\xd3\xf5\x8et\x1e\xb2\xdd,8\x18\x12\xe7/\xc8\xef6R\xc6'</t>
  </si>
  <si>
    <t>b'\xbd\xca?U\x8f\xd9"\xf1\xd6F\xcb\xb9Z\x9eHg\x8a\xa54\xec\xc9\xa0\xab\x0e^\x96r\x81\x96,\x8a\x94'</t>
  </si>
  <si>
    <t>b'\x11\x00\\\xe0\x05\x88P\x81\x13\xac|\xf0\xe8_\xd7\x90\xb6J\x06\x90*\xdd\xaaf\xd9\xb8\x81\xe1L\xd1\xefr'</t>
  </si>
  <si>
    <t>b'\xd1\xb5\x05|\x83MG\x96x\x9b\xbd\xc3\x1c\xf1\x04\xc4\x9f\xdd\xb4p\xf0IB\x84\x8d\xd7\x93\x95\x03y\x0f '</t>
  </si>
  <si>
    <t>b"\xac{\xfb1\x1b7\xae\xcd`\x02\xbc'#u\xdd\xa9\x9f\\\x93r]\xe9\xb49M\x1c83\xcc\xe65\x95"</t>
  </si>
  <si>
    <t>b'\x13r\xa0\xbc\x95g\xaf&lt;\x8c@a\xa7\x99\x13\x01`\xd2?P\xee\x8d\x0b|~\xfa/\xeb\xe0\xa4!M\x1a'</t>
  </si>
  <si>
    <t>b'\xd4 S\xf1\xef\xea\xf1]Xt\x01\t\x84\x92q\x0e\xd8A\x907\xfc\x93Im\xdf[\xbd\xedulC\xd3'</t>
  </si>
  <si>
    <t>b'\xc1,\x92f\x04\x03\xac\xce\xe0\x1c&gt;~\xfa\x11\xce\xae\xee/\x14\x86\xb5\xc0\xd9\x9apC\xeb\xfaC\xde\xc2O'</t>
  </si>
  <si>
    <t>b'\xc1\xd04iB\x8f\xc7\x10\xf8\xceg\xe3.X9\x99\xebx\xea\xf3\xdf\x84\x06\xed\x92\xfa\xbfK\xb43\xea\x18'</t>
  </si>
  <si>
    <t>b"\xd82I\x8a,\xb7r%\xe8\x0e\xf0\xd7\xf3PRa\xfcV\x13@4\xfe\x8d\xd1'\xdb\x9e\x13\xa3|\x0bj"</t>
  </si>
  <si>
    <t>b'\xb5\x98\x8a\xca\xd4`:\xd5X\x13MS\xef\xb3\x94\xfa\xd7\x8c\x96\xeb\xc3\xfa\x01\xdd\xf97\xe2\xaby\xa7\xc9m'</t>
  </si>
  <si>
    <t>b'$\xc5o\xc2\x8e\x1f\r\xcep\x0eGl\xef\xb8\x99=Tw\x8f\x81x:j\xd3\xd5\xdb\x88\x912C^Y'</t>
  </si>
  <si>
    <t>b'\xf4am\x0b\x87~\xf8\xce\xf1T\xfeb7\xbd\xc8a\x05\x19W\x12\xe2s`\xafQ\x1dT\xe3\xfcF\x18F'</t>
  </si>
  <si>
    <t>b'\xdd\xab\xa6c\xf9q\xd7$\x12\x84A\xae\xc0\xdd\xfc,\x7f\x82\xde\xde\xc2\xea\xe2R\xf1w&lt;\xee5\xb4\xdb\xc4'</t>
  </si>
  <si>
    <t>b'0\xc1"3\xca;\x85\x14\xac\xfd\x01u\xab=w\x98\x83Z\x1b\x99\x02z\xfc+8\xbf\x14\n\\\xc5wD'</t>
  </si>
  <si>
    <t>b'Z\x0f=\xfbXb\xe6\xe4\x05\xb9\xb0\xdb\xe3z\x07\xbc#\xd8S\xd5&lt;\xb6\xfe\xe8\xb8\xea_r9\xd0\x90q'</t>
  </si>
  <si>
    <t>b'\xb7\xd12\xe1\xd1\xa9\x9b\xa5)\x96\xa9=\xd2$$*\xe2\x89\xb9\xc9\x7f?\xb7\x9d\xd2\xd1e\xb8\xaa{8+'</t>
  </si>
  <si>
    <t>b'\x9b\x04dAi\x802\xc9o\x1f\xfd\xb7\xc0\x9dN\x1c~\x1e&gt;\x98\xce\xa7\xcc\x9a2!1+vc\xe6\xb7'</t>
  </si>
  <si>
    <t>b'\x9e\xb2c\xcc\xa6\xa4@\xd1\xfe,/\xb1\xfe0E\x0f[:B\xf4{\xa5\xa0c\xf9\xd8\xd8\x17l\x85\xe0e'</t>
  </si>
  <si>
    <t>b"\x1c3\xc4 g\x9a\x06\xdb\xdeM\xaf\xbc\x8d\xe2\xcb'\x97\xa2\xc5\xa6\x05\xfe\x16\xdc\x86\x1a\x90z\x1a\xe8\xb1\x05"</t>
  </si>
  <si>
    <t>b'\xfb\xf0\xfb\xf4\x1c\x83\xc3-7\xdf\x1c\x19\xf6NB\xf3\x8b\x04\x89Z\xac\x89\xf1hG\x8e\x82@\x9c\xd9\x1c\xb6'</t>
  </si>
  <si>
    <t>b'P\x0b\xfff\xb9R^\x9fJ\x0eN\xfb\x0b%2%k\xf3nt\xc9\x1f\xe7\xd5\r/(\x10\x98\x89\xca='</t>
  </si>
  <si>
    <t>b'\xad\x7f\xb1\x9d\xa5\x17\x04M\x0fr\xf0\x8f\xa1\x9a\x9e\xb2\xed\xd7\xa8M\xc9\xb3-\xc1\xe74 _\x8f\x03\ru'</t>
  </si>
  <si>
    <t>b'\xe8k\xf7\xdf5\xb0\xed\xaaT\t\xd2\xbd\x02\x1f\xbb\xb2\x07f\x95\x9e\xdb\x7f\xda\x16"\xaec\x03\x18h\x15\x1b'</t>
  </si>
  <si>
    <t>b'\xb9\x00\x1fQ\x15J\x81\xf0+\xde\xea\xce9\xdb,F\xd8\xf6\x1be\\\x15\xc1\xf0\xd3\x84;\x81\xa9\xf4H\x98'</t>
  </si>
  <si>
    <t>b"xvU\x83\xad\x82pV'V\x9b\xc8*\x1c\x99\xdb\x8a\xf0\x9e\xa6\x8f]\xd1\x07]\xb1@0\xca\x11\xbf\xa8"</t>
  </si>
  <si>
    <t>b'\xc9\xb9\x02\xf6(\xae\xc7\xb8]u!\xe2;\xb6a_\xc8PFi\xfe\x96=\xc378;\xba\x96:J\x16'</t>
  </si>
  <si>
    <t>b'\x02\x96z\xfa\xf1Z%\x1c\xeb\xa5\xdb\x08\xb3D0\xe0_\xfc\xcf\n $\xc9J\xb9\xa7f\xe6\xd1\xd3\xa3+'</t>
  </si>
  <si>
    <t>b'\xbb^\xa0\x10\x1b\xd5\x1c]\xee\x80\xaf\xd2C\x1a\x91\xd7L\xbf\xbf\x80\xb7\xc2i\xbcS\xbd\xb5g\x9f\x08\x9bx'</t>
  </si>
  <si>
    <t>b'Z\xcf\xb95&lt;\xd0\xa1\xb9#\xb4\x93@\xee\xf2_\xdc\xf9jj4}\n\x0f\x89\xe2\x92:\xf5\xb9\xa2|\x99'</t>
  </si>
  <si>
    <t>b'\xe42\xc5\xb2fr]d\x03\x027Bhd\xf1\xd8w\xa0\xce\x16\x7f\x8dS\x15:$\xac\xd9\x982\x11n'</t>
  </si>
  <si>
    <t>b'\xfe+K\xac-\xe6X\x8dOs\x167\x11\x82w6&lt;.\xab\xd2`zo\xee\xea(\xed\x17BVyb'</t>
  </si>
  <si>
    <t>b'\xc8\x86[\xea+\r1}\x16\xa4+vQBS\x0f\xbc\x9e\x0f\xa0\xab7\x11\xbd\xfcz\x13\x84A\xc6m\x90'</t>
  </si>
  <si>
    <t>b'_\xc6b&gt;\xf3\xb8f\x87ab\xe3\x81\x9a\x0cm\xf0d\xcd\r[\x08ta@\xea\x96z?\x08\x95e\xae'</t>
  </si>
  <si>
    <t>b'\xb6\xd4\x00\xbf\xcf\x9e\xf0a9\x95:\xa4A\x18:Ygu\xbdTC\xc1r\xb0W9N:\x9a\xba\xbe\xc7'</t>
  </si>
  <si>
    <t>b'*\xa4\x08\x17+0\xa7\x11\x1b\xece\x08Z\x86\x08\xb1Y\xcb\x90\xfck\xedyN\xb0\x15\xd7\x93J\x04\xf7E'</t>
  </si>
  <si>
    <t>b'\x08\xcd\xa8\xb5J\xad0_u\xa4\xb8\xb68\xcd\x06\x87\x99\xd2vS\r\x81\xcc\xcb2\xcc!\xcfO;\xf9\xaa'</t>
  </si>
  <si>
    <t>b'\xfa\x07\x04i\x93\x9b\x9cE\x9c*P\x1f\xf1|\r\x8b\xfc\x88\xe6\xd2\x95Z!ya\x19\x02\x07\x14\n\xda\xd1'</t>
  </si>
  <si>
    <t>b'\xe2N\xfe\xc3\xe1\x9e\x8d\xd4\xe0\xd1\x9d\xca\xac\xa6\xf0p\xfe\xaa\xdb\xe3\xb83T\xca\xbb\xf0\x16\x14me\xd0M'</t>
  </si>
  <si>
    <t>b'\x0f\xfds\xb5\xac\xd6\x11:\x02\xf2\xcb_\x85ik\x99\x8d\xff\xcf\xf0\x08J\xba\xc5\x00\xe5;I\x8aLn\xea'</t>
  </si>
  <si>
    <t>b'\x11\xa7vWn\xbb&amp;vo\xb2f+\x9e\xab\xdf\xc3\xaf \x0f-\xa5\xa9x\xa3\x85_\x8d\x1d\xb1\xdaw\x0f'</t>
  </si>
  <si>
    <t>b'\x9a\x93\xc2Ec$M\x95\xc9N\xe0\xa6;\x12\xdd6p\xef\x18\x13\xf4\xadv\x0e\xdev\xdd\x08\xaa\xf6L\x9e'</t>
  </si>
  <si>
    <t>b'\xad\xdd\xb3\xaa\xedY\x02\x15A\x1e\x06\x03\x1f\xb8x~I\xf6=Iza{-\xa0A\xb4\x19\xc0\x9d\x84\xd6'</t>
  </si>
  <si>
    <t>b'\x8c\xd2\xbf\\u\x01;\xf99\xc77\x84\xa1\x18\x90\xe8\xee\xe0\x83C\xe1\x04R\x93)\xd3o\x97\x18\xa6\x14\x93'</t>
  </si>
  <si>
    <t>b'\x08\xafJu\xe1\x82C\xd0\x08\x90\xb26\xe5\x93Q\xac\xe4\xa4O;\x0c\xa6G\xc7\x03\x1f\xcd\x01\xb0\x9c\xc5\x0c'</t>
  </si>
  <si>
    <t>b'\xde5]\xf2{[\xd1\x97Ru\xa4D\x10\x01\xf9x\xc4\x04\x90q\xb0\x0e:\xf3\x9c\x92w\xfc6\xd8\x16:'</t>
  </si>
  <si>
    <t>b'\xc7\xf6.\xa9o^w\xd2\x99\xef\xb6\xcb\x18\x15+\x07\xd5_N\x00\xb8\xefKM\xcd\xf1\x8b\xd8j\x8f\x96\xca'</t>
  </si>
  <si>
    <t>b'\x82\x159\x18^\x16\x95\xb0Mf\xe0)_\x01#G\x12\xd5~\x08\x83\x90e\x16\x0fj\x90\xbd\xca\xaa}\x16'</t>
  </si>
  <si>
    <t>b"\xfb\x80\x83\xaa\x15%-\xaa\x8c&amp;\xc2$\xee\xe9\xdf)\xe2\x8aEk\x04\xff8\xed\x99\xa0\xf4d'\xe6\xcc\x02"</t>
  </si>
  <si>
    <t>b'\xbeK\xa4\xd4\xdb\xe92\xc5\xe6\xe1\xa6\x16\xc6\xe1\xfb)\x00\x99\xd0\xe4\xec\xd1\x7fg\xfd\xf8\x94@:\xd6#\xe5'</t>
  </si>
  <si>
    <t>b'\xf26\n\x89\xf5\x0f/\x80\xd6DF\x81\xf9\x0e\xc4\xa4&gt; \xb2.\xbc\x9a:\xe7\xaf\n\xfa\xe0\xc6\x96~\xba'</t>
  </si>
  <si>
    <t>b'\xd3]p`l\xbe/\\\xbc\x1c\x93\x90!+\xe0\x13\x9a\x8f\x8f\xb1\xa4\xd2*\x85\x84|\x84\x1ap\xb8\xfd\xd2'</t>
  </si>
  <si>
    <t>b'l\xee\xdbS\x0e\x8dH-\x9c\xb6\xed\xcc\x83X\x8bT|i\xfc\xf3o?q\x19C?TV\x18B\xd7!'</t>
  </si>
  <si>
    <t>b'\xe3\x84\xb1\xa1\xab\xa9\x05\xf6\xc3\x98\xe3\xa1\xbe\x93\x9c}\xa1r"I\xb3\xf3\xa3\x0b\xd9r\xa6\xc1\xee\xa0\x1e&lt;'</t>
  </si>
  <si>
    <t>b'Q\x04\r\\\x9b\xc0\x12\xf7u\x11\x989~\xeb*`\xb4U\xf58\x88\xd3P\x92\xfb\xf7\x03\x8f\xe2\xf2-f'</t>
  </si>
  <si>
    <t>b'\xcf!\xd4\r\x96d\x7f\xea\t9\xfc&amp;e\x96\xbb"\xd7\xc8s\xd7\x86\xd0\xdar\xce\'\xce&amp;x\x83\xdd\xe8'</t>
  </si>
  <si>
    <t>b'\x92W\x1c\xf6\xef\xd9|r=rWH\x04\xa9\xbf\x8c\x99\xfc\xe1\xa2&lt;\xd8\xf8\x07\xf3\x03z\x98\xfc~`\xb6'</t>
  </si>
  <si>
    <t>b'd\xa2\xe6\xb2\xc7\xac\xbd&amp;\xc7\xed\xb1\xb5\x0ff\x8a~\x01\xcd,\x0c\xdf\xdfh\t\xb5\xe6l\xa5i\xb3\xa7\x01'</t>
  </si>
  <si>
    <t>b'\r\x1f\x80\xe2\xb2\x07\x19p4]\xec&amp;\x9b_e\xb2D\x8b\xb2\x1aV\\R\x1f\x08*\xeb\xd0Co\ri'</t>
  </si>
  <si>
    <t>b"\xc5a\xfbMu\xedu\x9d\x82\x85\xdbG9\xcfo\x95\x80!\xbc_\xe4'm\xd8\xc7~h\x97\x8eU\x8e6"</t>
  </si>
  <si>
    <t>b'\xd4\xf7\xd4\xdf\xb6\xfa\x19\t\xa1\xa2(z\xe6\xac"\xc9\x1a\xbb\x19\xb7\x18K5&lt;X\x8e\xca|\x0b&amp;\xb74'</t>
  </si>
  <si>
    <t>b'\x01&lt;\xaf\x87\xe1\x84\xbd\xba\xbebT\x8f\xce\x8d\xa9\xbf\x05\xda\xeaN\x9f\xc9\xc9,Z\x90(0\x07d8\x8c'</t>
  </si>
  <si>
    <t>b'\xc9\xc1*\x8cP./\xb6\x9ew-8\xcbCe\xe4\n?\xebH\xb0\x0e\x9bV\xccF\xfb\x94\xa5f\xd3\x87'</t>
  </si>
  <si>
    <t>b'G\xf8\x08\xc7\xde\xde\xa8}z\x8a)\xd2\xdet~\xe2__L\x9c\x14\xe9\xe0\x84\x92u\x01\xd4\xeaQy\x80'</t>
  </si>
  <si>
    <t>b'p6p\xa2\x0e\x1f\xad\x83\xc1QP)\x84\r\xdf]\xa9\xba\x96\xcd\x12\x93)\xa9\xf3\xeb\xdeF\x18\xe1\xf6N'</t>
  </si>
  <si>
    <t>b'V\xa7S\xbfq\x15\xde\xa2\xee\x8aPg\x92\xd3\xc9\xbd]\x1bV\xa0\xbe\xd8&amp;\xcf\x00\xc2\x06\x9c\xb6?\xd2\x04'</t>
  </si>
  <si>
    <t>b'\x051\xd1pZFtw\x0c\x8dk\xcb\x9cf\x85p\x8b\x14o\x10\x84~\xe8\r\x9a\xc3\x1d\x03\x8e\x9a\xff?'</t>
  </si>
  <si>
    <t>b'\xb2\\\xb2\x04\xa5\x18\xe7\xe3\x99L\xe6o\xcfE\xb5\xd6\xad@R\xc9DA\x10\x81\xbb{\x98\xf6\xc9\xb0\xab7'</t>
  </si>
  <si>
    <t>b'c=\xea^\xbaf\xaaG!m=\xdb\xc7\xde\x1b\xbe\x0fH\x84uH\xe6A!\x9e\x1b\x94\x05\xe6\x96\x8d\x87'</t>
  </si>
  <si>
    <t>b'\xfcGQ\xf5h%\x9bs*Oq\x9a\x96\xe4\xe8\x8eY+\x7f\x9b\xaf&lt;\x1f\xf1eI\x12GI3\xc4\xf8'</t>
  </si>
  <si>
    <t>b'Le\xccr\xeeL^\x07\xben\x1fl\x8f\x8d\xd0\xb8\x19"\x15\xf6u:|\xa9|\xf4\x87\xab)Z\xa0\x89'</t>
  </si>
  <si>
    <t>b'\xecSKZ\x12\xc9\x87]\xfc\x87\xc4V?\x9c\xe3!\x8c\x85\xe1\xd0\x13\\\x1csM\xa5\xae\x1b\rEC\xa7'</t>
  </si>
  <si>
    <t>b'e\xd9\x1a\xd3\xe0\xf8\xd7\xc5\xaf\xaa\xb1\xd2\x1a{l4L\xea\x01O\x13\xe3\x85\xe8\xff\xe8\xeb\xbc\xe1&amp;)\x8d'</t>
  </si>
  <si>
    <t>b'\xf7H\x16\x06\x18s\x198\xa7L\xc8G\xc2\x94S$\xf6kM\x0c\x99\xb4d\xea\x06\x9d\x7f\x13d\x0c\x80\xf6'</t>
  </si>
  <si>
    <t>b'\x11^\xa8\xd1\x87\x8b\xe8Cy~(\xab\x8e\xd99\xce\xba6\xaf!\xbb&lt;\x05\x03\x16u0\xd1\x89R\x8c5'</t>
  </si>
  <si>
    <t>b'\xaa\xb4\xd1\xdaz\xa7\x13V\xfc\xc3\xed\xa3\xcc,\xe5\xc9x\x02q\xf4\x9a\xd4\xb1/R\xd0n\tD-p('</t>
  </si>
  <si>
    <t>b'\xa3=V\x84H\xa6\x93\x1f\xb0\x8d\xf58~\xf8\xd8\xdd\xea;\xb5\x8d&gt;\x972a\xb7\xcc^&amp;\xd0P\xbf\xd1'</t>
  </si>
  <si>
    <t>b'fm\x1e]\x93\x16\xea\xbb|\xd9ex\xc8w\xab\x17\xfc^\x0c\x11HlR\xd7\xda.\xc2\x0bG\x8d\xd8\x8c'</t>
  </si>
  <si>
    <t>b'\xab\xa867&gt;!"&gt;\xef\xea\x0f7\xc3\xf9\x03\xaf\xd6\x14|^E\xcc#\x00Oe\xcd\xd3\xcb\x8a\x9d\xa1'</t>
  </si>
  <si>
    <t>b'vre\xb6\x9b\x83P\x17\xeb\x0b?9\x89o8\x12\x1b\xf3\x8d\x9cLZL\x17\xf4\x92d,5\x1c#\x1b'</t>
  </si>
  <si>
    <t>b'\x9c\xd2\xf2\xe1rr\x1e\xd1iT\x13\x8b\x9a4\x1a\xdf\x02J\xa9\xbc\xcat6S\x92\xebV\xdf\x11\xd8\xde;'</t>
  </si>
  <si>
    <t>b'\x8c\xccaR\t\xe1s:\x8e\n\xfcw\x91\xc2\xe4\xd6\xdc\xd2a&gt;\x8b\x92bwGP\xfc\xb8M\xa8\xdc\x02'</t>
  </si>
  <si>
    <t>b"Q\xbdn\xde\xc5\xeb\x88n\xcb\x1e\x84d\xa4\xdfj\x9b\xe1\xe4\x81('\x07\xb2Bq3\xd0\xd7\x07KzY"</t>
  </si>
  <si>
    <t>b'\xae1\xde\x90\x92\x87\xb6\xef\xc1f+\x16\xec\x0b\xc2\xc7\xb5\x82\xf1g\xfe\xc4\xb5\x8a\x02@f\xa3BH"E'</t>
  </si>
  <si>
    <t>b'\xb4h|P\xa16\x8b\xe9|\x975\xa6\x92 \xe8\x87\x10\x93\x0e\x8d\xf6\x12\xf9\x86\xb36\xbf\xe8\x03\x0f\x91\xf7'</t>
  </si>
  <si>
    <t>b'\xfa\x0f\x0b\x1a\xbb\xb0\x9b\xe1\xdb\xfb\xc0\x0f\xda\xc4Q\x8c:Y/\x99(\x83\xf8/\xfc\x96\xd2X\xde\x15\x1bw'</t>
  </si>
  <si>
    <t>b'\xa2\xf5\x12+X\xde\xd6\\\\\x8b\x13;\xbf\x80\xae\xfa0\x90\x14\xe9K\x89\xa2\xa7\xfco\x99\xd6\xed\x9esS'</t>
  </si>
  <si>
    <t>b'}\xf2-\x81\x0b\x0c\x83L\xdd\xcf&lt;\x01\xd3\xa8/Pr\xa18\x17=\x94\xd1"\xa9&lt;\xbf\x9e\x989j\xa7'</t>
  </si>
  <si>
    <t>b"\xcb\xf0\x81\xf94\xd4\xe3\x81\xbd\xf9\xe4\x86\xc2\xf7\x83y\xa3^$\xb7\x0b\xb2\x02\x04\xe1J\xfd\xbe'\x8f@ "</t>
  </si>
  <si>
    <t>b'\x84Q\x97O!\xe9\xac\xe56\xe6\xf1\x8a\x99\x174_M\xb3\x05\xa6\xd3\x8e\xd0n\x03`\xb7\xbf{\xae\x9c\xd2'</t>
  </si>
  <si>
    <t>b'\xc9\xc0\x03\x0fz\x85\x00Q\xb0\xff\xca\x8bq\xe3\x81\x13M\xfe\x97\xb1\xbb\xca\x82B\xfaH\x16\x85X\x97\xf2\xc2'</t>
  </si>
  <si>
    <t>b'}\x86\t\x8f\x0f\xc5H+\xd0\x1d\xccoVU\xa1\xa0\xde\xa4\xe6\x870:\xeb\xec\xd8\xe4!\x959t\x14\x03'</t>
  </si>
  <si>
    <t>b'\xe5W\x85\xc0r\xe6\xf9\x8e\x91J\x95\xe1\xf5\xae\x15\xab\\$\xf8\r\x92\xc0v\x80\x84\xa3\xf5Q\x94A\xbb:'</t>
  </si>
  <si>
    <t>b'\x979\x02\xcb\x1de\xc8=\xca\xe5\x8f\xce\xa2\xf7\xc3\xfa\xc7\xd9\x80\xeb\xccH\x07\xa1Y\x93S\xa4\x9c\xf3}\xe4'</t>
  </si>
  <si>
    <t>b'\xd2\xa2\x12\x8b\xc9[L^\x15!2c\xfb\xe01:L\xeavkf\xc1U\x06\x16r\xe6\xe7\xdcN\x88\xc1'</t>
  </si>
  <si>
    <t>b'\xdde9\x98w\xf5\\H.\xe9E\xa1|\xea\xba@z\xfc`:\x81G=\xc9\xbb\xc7\xa05\xe1b\xc14'</t>
  </si>
  <si>
    <t>b'\xa3\xae\xbb\x90}\xca\x9aq\x00\x93\xb2\x17\x1d\xfc\x12vE\xec\t7\xe5H[5\xad\xb4\x90\x0c\xdd\xfa\x7fR'</t>
  </si>
  <si>
    <t>b'\x8d\xcf\x82\x1e\x8ceB.5\x04\x872\xf0\x08e\x8f\xce\xcb\xb2\xd0\xe4,\x89\xda\xcb\x93[H_m\x0f\xc0'</t>
  </si>
  <si>
    <t>b'\x95x\xf9AS\xd6/\xad*\xdf\x91\xae;q\xae\xc7\x94\x89\xa3A&lt;\xa6{-\xf1\xb9\xd8]\x18\xaf`D'</t>
  </si>
  <si>
    <t>b'\xebw\xa2\xa6I\x14|\xe5\x82\x93\xde)\xab_\xb2E\xf8v\x11\x03\xaajX\x0b\xcd\x03q1Y\x98_m'</t>
  </si>
  <si>
    <t>b'\x16\x06*\xa2\x1a\x9e\xd1\xac\\Ds\x9d\x01%\xe7(\x15\xa7\x0c\xe6\xee\xf6V9)\xb3\xacJ\x0f X\x17'</t>
  </si>
  <si>
    <t>b'\x91\xa9\xaf\x9d`\xb0S)\x8a\x8b\xd2\xe4\xe5\xd7\x01\xb5\\}\xe8|W\x92]sKm\xbb\xb1mr\rj'</t>
  </si>
  <si>
    <t>b'\xbf\xe9DO\xf7\xfa6\xd3\x91l\xd8\x87\x90\xb3\xe4\xdd\x86Qf\xeb|@\xea&amp;\x9e\xdc \x8d\xc4\x9a\xb3+'</t>
  </si>
  <si>
    <t>b'\x8a\xe6~O\xc6\xbd\x87\xd0\xeb\xdc3`%\xecGR\x1dT\xa0\xed\xe1\xaef\x02\xb8/\xa8\x81\x82\xa1\x87\x04'</t>
  </si>
  <si>
    <t>b"\xf9\xe7\xc9'\x9b\xedo\x05r\xc4u\x9d\xa9\xf59\x89H\x82\x91a\x95\xbf:40pO%E\x15\x10\x13"</t>
  </si>
  <si>
    <t>b'\x97\xdc;\x83Z\x12@\xb4\xc1\xd3z\xcauI\xf2\xfc\xaei8\xbf\x18\x18\x1f#N\xaej\xcd&amp;\x13\xa1z'</t>
  </si>
  <si>
    <t>b'\xe0\x7f\xe1\xf1\x8d\xec\x1eq-\xad\xd6`\r{s\xb8\x8e\xbb5\xec\x8e\xb2%\x96\xa7\xb7\x07\xa4\xb0]\x08Q'</t>
  </si>
  <si>
    <t>b"\x92]\xcc\x17\xec\xef'\x1c\x98\xf7H\xd9)\xdb\x0c\xd9\xd0\xecU\xacT\xbd\xacW\xb5\x13\x8cQaI\xc3\x1f"</t>
  </si>
  <si>
    <t>b"\xfb\xd8P'=\xef\x9b\xfe\rG\x03\x9bG\x908\xbb[)\xf4W\xb9e\xdc!o\x92\xe3}7x9\xa2"</t>
  </si>
  <si>
    <t>b'\x96\xf8\xe1\xa01&lt;\x8fZ\xd7\xf6]\x95\xb1\x1e\xc25\xab\x1d\xbc!\xb8\xc7\xccA\x8e\x8c\xaa\x00\x98-3N'</t>
  </si>
  <si>
    <t>b'#Q\x85\xc8\x16x%\xfa\x1f\xbe\x0f\xb4\xcb\x01\xd3m\xda\x1d\xb3\x84\xea\xc4\xdf\xa0\xad\x1e\xd5x6\xb4\xc4\xc9'</t>
  </si>
  <si>
    <t>b'}_\xc9\xf9\xfeO\xd4\x06\xfa\xd7\xe6ET\xe4\x81_&amp;\xb2\r\xb4\xe3\xab\x07o\x86\xdc\xbb\xb2|\x00MW'</t>
  </si>
  <si>
    <t>b'\xcc\x1bCU\x8f\xa8\xf3n\x1c\xa1\xc3\x1b\x19h\xc5D\x96\t.C[@\xd34\xf6\x86\xf4W\xa4:\xb8\xeb'</t>
  </si>
  <si>
    <t>b'\xb2 =\x14[b\x9d\x14\x10N\x00(\x95\xa63\x8f\xfbr\x9e;\xdc\x81\xcc\xcd\x10\x7fQ\x99\x0c&gt;\x18\x15'</t>
  </si>
  <si>
    <t>b'F\rs`wl\x1f+F\x8f\xe6\x9d,\x97\x9e\x01\xa0\xc7T\x8f4\xae\x19\xda\xc2\xc2?*\xe5\x04\x87B'</t>
  </si>
  <si>
    <t>b'&lt;\x80/\x01L\xe1nF\x8cbDN\x8ec\x12\xe9\xb4Lk\xfa\xa2\xfc\xbe\x9f\xfb\x82T\x1b(\xb5\xfb\xef'</t>
  </si>
  <si>
    <t>b'\x85\x1b)R\x18\x901\xc4\xf8\x05\xbe\x87\x81x\xba\xe7t\x89,lQ\xa0\x95[\xb5\xd9\x91WSc\x1a\x1f'</t>
  </si>
  <si>
    <t>b'\xf6\x8e\xf9x2\xb5\xb7\xff\xc2\x0c\x957\x9e6\x046\t+R\xbckp\x8b\\\xaeW\x19\x86\x01I=\x1e'</t>
  </si>
  <si>
    <t>b'!\xabf\xdc\xccU\x98\x01\xf5\xeb[\xd5\xcfk\xbe\xa9g2\x0f\x82\x1b\xbd\x8a\xb9J\x87\x94\xf7\xde\xc7\x8a\xe2'</t>
  </si>
  <si>
    <t>b'\xdf\xd9\xb6\xf6\x1c\x9d\x0e\xac\x86\x97=\xaf\xb6\x11j\xbctt\xf8\x8b\xdev\xf1K\x89\x8a\xd4\x80\x1a\x18\xb3\xcb'</t>
  </si>
  <si>
    <t>b'b\x8c\xfd\xff7\x1a\xef\xf3\xe8\xb5\x9a\x92r\x1f\x15\xbd\xbb\xe4\xca\xe2_\x91\xc6eUC\x03uz\xa7\xef\x0c'</t>
  </si>
  <si>
    <t>b'~6\xcd\xf9L\xe9(\x9b\x04\x8c\x1f\xda\x01\xd6\x9b\xf8D\x02K\\!\xd9\x06Zl&amp;4\xc2\x1b\nLg'</t>
  </si>
  <si>
    <t>b'\xb7\xcd\x007\x9b\xdc\xda\x1a\xc4\xed\xacs\xdfD#w\xedu\xfc\xd5\xd8?\xd3nSF\xa9\x9aF\xdc\x99\xf5'</t>
  </si>
  <si>
    <t>b'4f\x02\x83\xce\x17y\xd8!N\x9dz3`d\x1eVN\xfb\xe8.\xbaV\xd9Y\x96\xfe\xdc!k~\x8a'</t>
  </si>
  <si>
    <t>b'S\xb2+E\xa3\xd3\xfc,\xfc@B\x0c\xfc\xb3\xe4\x13\xebV\xd9\xd2R\xe2a\x8b\x1c.\x8b`R\xbbeW'</t>
  </si>
  <si>
    <t>b'\x90\xcb$\x0ex\x88]\xe0\xbc\x91 \xe1\xde\x85kx\x88\x88\xfe\xb9\xad\xed\xe3\xadQa\xfb0R,gx'</t>
  </si>
  <si>
    <t>b'N\xdc\x8a\x9fi\x8ap\x8d/o\xcai\xe8\xd3\xd3&amp;\xdfT$\xa2B\x9c\xa2\x1f\n\xbe-\xaa\xec\xcb\xba\xec'</t>
  </si>
  <si>
    <t>b'\xaf\xd4vR\xea#\xb4\xf3\xdbI\xf6R\xad\xdf(\x19e\\\xc7\xc0\xbf\xc9\xc5\xc1:\xd25\xedV&amp;\xb4\xd1'</t>
  </si>
  <si>
    <t>b'\xa0\x90,,\xe7\t\xad\xfc&gt;\xe4\xc2\xdc\x18O\x9a\x80\xb7\xed\tp%\xa6\x10Sa\xd9\x19T\xf5\x80\xd7\xc7'</t>
  </si>
  <si>
    <t>b'\xa6\xa6\x0b\x1f\xb8\xdf\xd2/f\x12%J2\xb1W\x17@S\x0b\t#\xdc{\x9a0\x0b\xce\xf2%\xd8\xfa\xb0'</t>
  </si>
  <si>
    <t>b'X}\x13N\x80\xf5\x13\xed\x04\x11\xe8O]r \xb1d\xa3t\xacn\x16&gt;\x17\xa0\xd0\xa3\xfb\xc5\xdb[o'</t>
  </si>
  <si>
    <t>b'"\xd2$\xc4\xd6l\xd0\xbd\x97\x8d\x84\xbc\xb5\xd6\xe6\x1ae\xcd\xe3\xb7\x08*\xd5\xf8\x1e\xa4\x84\xe8\xd59\xeb\x17'</t>
  </si>
  <si>
    <t>b"\x81\xcfd\x1c\xa2\x96\xad\x91\xc6\xcak\xeb=\xb4c9'\xe2\xda\x1d\x81\xb9\x8c\xd6\xf6\xa0\x12\x0c:h\xc7\xdc"</t>
  </si>
  <si>
    <t>b'tT\x8a?\xb8\x9akNO_\x0b&amp;\x99\xa7\xd2U\x0e|C.\xcf\x11V\n\x98\x9ag\xd5\x0c\x05\xab{'</t>
  </si>
  <si>
    <t>b'fu\x92nu\x1e2\xa5$\x82\r\xce\x8a\xd8H~^\x1f\xad\xc0\x9a\xe70Q\xdd\x990\x08\xb8\xe8\xc0\x8a'</t>
  </si>
  <si>
    <t>b'\x93\xe4\xca\x9cAS\x97=\xfa{\xc2\xe4\xd8\xb3b\xe1\xf6\x17-\xb1{|\xb5\xe5E\xedy\xa1Q\xa1f\x91'</t>
  </si>
  <si>
    <t>b'\x80\x01n\xcc\xd4\xc1\\\\\xcc\x87\xed\x1cz\x0fY\xb3@!\xb4\x08\xacWA\xc66\x84U\x15v \x9e+'</t>
  </si>
  <si>
    <t>b"\x80=\xb7'\xef_&amp;\xf0vp_#\xf5\x9a\xe0\xe0\xfc&lt;\xa3\xaaN\xc0&amp;a\xc74?\xfb\x0fn\xe9D"</t>
  </si>
  <si>
    <t>b"S|\x1f\xa9\xf4\xc5\xb6m0\xb0\x90\xfb{W'\xf3\x8dx/\xaa\xecS\x0e\x82\x81ri\xcf\xe7\x9d\x16\xee"</t>
  </si>
  <si>
    <t>b'\x0c\xe1\xecX\x9e\xaa\xc1\xa1\x86J\xdeq \n{\xe3\xcd=}\x8f"Hm\x85Tx\x1aPK_F\x02'</t>
  </si>
  <si>
    <t>b'\xbd\xdd?\x9d\x03"\xe0 N\xb1E\xea\xce\xc9\x03Jg|N\xa7\xd7\xac\xa1\x0e-\x03Gu\xc8y\x041'</t>
  </si>
  <si>
    <t>b'\xa8q\x01\xc0\xdb}\x19\xeaS\x87$H\x0bE"4\x94_W\xd6\xd5\xc9R\xdd\xf7{\xf1\xad\xd8\xf4\x07\xf1'</t>
  </si>
  <si>
    <t>b'9c\xe2\xfd\x18\xf7\xbeR\x88\xa6t\x142\xc5\xbb\xaft)q\xfe\xa3l!&gt;\xb8\x9b\x96\x07\xa3\x97\x1bB'</t>
  </si>
  <si>
    <t>b'H\x12S\r\xdec&gt;\xb0K\xd6\xdbM\xcd\x94\xe0S\x13\xa4\x94^\xae\xcc\x1d\x16&gt;\x90\x12\xfa\x11\xf2\xaf\x0f'</t>
  </si>
  <si>
    <t>b'\x15\x11.\xd9\xfc\xbeY\x040\xd0+8RZ\xa3\xda&lt;+\xa4\x15W\x0f\xd5\x1c?\xcb\x82\xefA\xcc\x80\xc4'</t>
  </si>
  <si>
    <t>b'\x85\xf1\xc5\xf9W\x02|\x92\x89]\xfa\xed\xb5\xfe\x84{\x00\xe4\xfc\xce\x1c\x97eX\xe9$\xbf\xe8\x02w\r\xde'</t>
  </si>
  <si>
    <t>b':\x82\x9a\xcc\xf9:\xc8\xa7=]\x81\xfa\xdb\xc7zk\x90x\xac \x00x\x02\xd9\xcf\xd3$\x9b\xeb9\xdc\xb6'</t>
  </si>
  <si>
    <t>b'\xc2\xad\xe0{M\xb8\xf0\xb3\x83\x05\xe8\x055V\xdfq\xd9\xfc\xd2\x9f 0:\x03\xd7\xc8\x1b\x95\x8b.!\xf7'</t>
  </si>
  <si>
    <t>b'\x1fE\xf4\xe0N\x15\x98\xb4X\xc52^R\x8bC\xfc\x86\xe6\xa6J\xaeZ\x97\x01\x0b\xfc\xbf\xfa\x13\xb6b\r'</t>
  </si>
  <si>
    <t>b'U\xde\x98\x946\xbf\xbf\xe6\x08\xde&gt;I\x9b\tW\xc9\x84\xc5\x9fO\xaf\x19:\xe1\x0f\xe5xoM\xbc\xe6\x94'</t>
  </si>
  <si>
    <t>b'%r\xa5\x17\x84fx]\xd3\xe7\xe0\xe1\xcf\x85\xf3)\xf1_q\xc6\x1e\xb5V\x05\xb6*a\xb6\xe2D-d'</t>
  </si>
  <si>
    <t>b'Q7-\xcc\xd0lan\xb1&lt;\x87\x12\xe4:\r\xe5\xce\xe1\xbfz6\xcex\x98u#\x1e\xd1\x80\x88\xb4\xf6'</t>
  </si>
  <si>
    <t>b'\xa0\x1f\xfb\xbfS \xdb\x8d\xd5\xb8\x1e\xe7*\x07r\xa9\xf16]&amp;\xf8\x9a\xa2\xd2\xf6\xc9\xc9Zvt\xaf\x90'</t>
  </si>
  <si>
    <t>b'5\x8b\xc2\xe1\xf5\xae\t\xae\xc1"=\x15)\xea\x8c\xdb\xf6\xff\xdf\x1d\x99t`nk\x97\xa8\xaeZ\xc2)\xb1'</t>
  </si>
  <si>
    <t>873xx</t>
  </si>
  <si>
    <t>b'\n\xa2\\Ps\xdc\xa5\x07\x10\xb4\xe5\xaf\xa8;\xdf\xces\x1f\x80\x97M\xfdM\x90\x06\xc0A\x0c@\x96\x1c\x93'</t>
  </si>
  <si>
    <t>b'N\x80\x7f{\xb7\x16.n\x13\xa8\xd4\x84\x84\xcf\x9d[\x89\x1fL\xfes\x1fPC\xdd~\xb6\xab&gt;\xccd`'</t>
  </si>
  <si>
    <t>b"\x1bgU\xb7\x83\xa9\xac\xb5\x0fk\xcf\xbf\xff\x98\x978H\xdb\xd4'\\\x0b\x82\xdd\xaeO6\x96FAX2"</t>
  </si>
  <si>
    <t>b'\x94\xbf\xed\n\xf8\x91\xfa\x9e\xea\x87!\x1eCI2\x83\x03g\x9c\x84\tE\xf7,\x02\x19\xf1\xce\xb3\xc4\xbc\xab'</t>
  </si>
  <si>
    <t>b'\xc1s\x83j\xc0\xcc;W\xa9\x1c\xf2z\x7f\xee\xe4\x08\xbda\xc3\xe1\xbfc\xbe\x13\xfd\x12\xb6{0\x94\xcb\xee'</t>
  </si>
  <si>
    <t>b'`U\xf2\xbbjo\x91y\xfe\x81\x89\xfag\xda\x96\xc9n\xc3\xce1\x8e\x97\xe7\xe4\xc3\x04c$\x8a6\x19`'</t>
  </si>
  <si>
    <t>b'\\\xabJr\x871\x1c\xfelZ\xc4s\x0cy8j\xe7\r\xb4&amp;H\xe8:\x11:\xa5=\xb7\xc9\xc93j'</t>
  </si>
  <si>
    <t>b'?\x97\xe7\x9c\x06B\x12\xa8q\x83:,a\x14w\xe6\xae\xa2M\xd8\xf2M6\x16\xa7\x83\\P\x0ev\x0e\xd1'</t>
  </si>
  <si>
    <t>b'\x9d(\x9a\xf95\xa2B\xa9\xb3\x1c\xfd\xb5\x924\x9e\xd4] \xa2\xe0\x95y\xde\x99\xe6\xfd\xa0\x8b\xc6\x00\x97\x10'</t>
  </si>
  <si>
    <t>b'\x917v\x0c\xf3$\xfcE\xe9\xbd\x11)R\x82\xda\x80\xf2\x1a\x81\xe4\xf6\x1c\xa5;\x8b=\xe8q\x8ap\xc6\x0c'</t>
  </si>
  <si>
    <t>b'\xc4g|\x93\xaa\x00\xb4\xb9\xbc\xce\x92\xb6\xcdG\xce\xf2\xb4\x0b\xd1\x8b\x97\xfc%w\xb5lQ~z\xe9ui'</t>
  </si>
  <si>
    <t>b'y\xd7\xe7j\xc3\xad\xa1m\xfb\xe5\xb6\xacV0\x9bpbZ]\x12F\x80\x94\xdf\xc2\x8a&lt;T_\xca\xd2\xd2'</t>
  </si>
  <si>
    <t>b"\xac\xd2\xdc\xa2\xa7\xbe'\xf8;\xc8\xc2\xec\xe0\xcf&amp;\x80\xb94D-\x96\xd1\x1a\xe3D\r\xa2\xa8\xcbH\xb0\x11"</t>
  </si>
  <si>
    <t>b'\xb2\xbe\\CV\xf1&amp;\xfc\x9a\x87\xf1;\xc0&amp;\xe9\x0b\x93\x1a\xba\\g\x1f\xbd\xc0\xb4\xec\x85\x83f\xf9\xcc\t'</t>
  </si>
  <si>
    <t>b'2/\xd8`H%\xa1\x08z\xbd\x19\x87y&lt;(\x03RG\xfe\x80R\xca\x8d\x9c\x13}_\x85\xa1\xf7\xd4\xa1'</t>
  </si>
  <si>
    <t>b'\xad\xfa\x89s\xe4U\x88\xcd\xca\xff\xef\xf4\xa6d\x1d\xc9\x99\xc1\x82\xf3\xb0\x05\xa8qK\xd4\xccS\xb4\xe9GQ'</t>
  </si>
  <si>
    <t>b"\x10\x86\xdfxht\xe2'\xf1#\xab\xc1m\x8e\xcc\x9b\xd3\xccV\xe9\x8f\xc9\xf6T]\xee\xbb\xfd\xf9X\xf50"</t>
  </si>
  <si>
    <t>b'\xe7\xca\xfc\xb6\xe1\xf7\xdf\x04\x83&gt;D\xe3U\xd3\x9c\xd2p\x8c!\xa1\xcclH\\\xfe"\x8d\x1e~c|\xdb'</t>
  </si>
  <si>
    <t>b'b\x101\xc5\xf5y\x87w}\xb1@J\xbf\xa7\x9b\xe9"\xf8\xdaQ9\x0ee\xe6\xbaI\xa4{:\xea\x06\x86'</t>
  </si>
  <si>
    <t>b'a\x10Vf\xde5o\x96k\x97\x9aF \xfe\\\xb6\xa3\xff\xfdS\xa7ACt~\xd8]\xf6\r\xd5\xf1\xa3'</t>
  </si>
  <si>
    <t>b'\xce\x0f\xd8h\xe3NVs8`\x1eW\x87P\xc0\xf6\xca\xccM\x84;\x80\xd9\x0c\x1e\xf6\t\x85\x80\xe5}\xc3'</t>
  </si>
  <si>
    <t>b'\xef\x9d\xe0N\xd7\xd0\x82_rX\x80g"H\x98^\xfb\xaa:\x04\x92B\xe4\x8e\xc6\xf5\xbc\xb1\xf7\xdeS\xc1'</t>
  </si>
  <si>
    <t>b'i\x8ePUr\x8d \x19\x12\xcaSh\xd7I[\xd4Ed/\xb3\xdd\xaapa3\x05\x9c\xc6\x0b\x0b]%'</t>
  </si>
  <si>
    <t>b'\xcb\xe5\xa2@\x9c\xb7\xf7$\xdecV\x00\xc7\x05\x93L\xe8\xaf]\x87\x92\xb6\xa0\xa2l%D\xa7\xaa\x07\x7f\x1c'</t>
  </si>
  <si>
    <t>b'\x0b\xeb9\x9aO\xc6I\xbeB\xbe1\xf2\x80\x837\x89[\xe0S\xc6\x8b\x86$\xf4g\x81\xa6x+\xfd\x9a\xae'</t>
  </si>
  <si>
    <t>b'\xd4+%\xba\x1f=@F\x1f\xa1\xb2\x16.\x97g\xb3\x02\xc3$Nu\xe6B\xce\x88\x83~\x1f8e\xc4\\'</t>
  </si>
  <si>
    <t>b'\xcd\xd8t)D+\xe4\x85\xfc\xc9\xfcB\x9c~\xf1\x92\x1b\xda\x93\xb4\xef\xf1\xa8\xc4\x05\xeb\x1cy\xba\xb4Ij'</t>
  </si>
  <si>
    <t>b"\x13\xf9XU\xc4(u$1U\x82\x8eo\x19\x18m\x0c\xba\x9a\x9e\x86P\x1c\x0f\x15C\xd5\xe9\xb7\xd9\x86'"</t>
  </si>
  <si>
    <t>b'%\xda\x9b\xca\xb4\xc0\xd9t\x8awp_\x8f2\xd8\xa6\xa4\xe9(z\xbd\xd5\xcab\x8f#(\x82/!\xa7\x9c'</t>
  </si>
  <si>
    <t>b'B\xda\x963\xe0\x83\xde\xb7\xa7\x9f\x82+H\xaf=t\\F\xfd\x16\xcb\x91\xc3|\x9d+\xdbk}\xbca\xe9'</t>
  </si>
  <si>
    <t>b'\x91OY\xc8\x9c\xd6p\x08\xf2\x00"\x08\x11J\x1c\x8f\xe1x\xb6v\n\x8cZ\xff\x03\xc9d\x0f\xc4\x0f\xf9\xf7'</t>
  </si>
  <si>
    <t>b'\xc4\xb7:\x8d$\x12\x19\xa4x\x0e\xb8q\x06\x01\xbc\x93L\x046\\*R;\x86{\xdfb\x89N\x88\x11\xfe'</t>
  </si>
  <si>
    <t>b'\xb7\xc3\x89D\xf2\x98\xc3j\xf86\xc4\x9e\xd2\x10#\xd7\xd27\x1eK\\\x9c}l\x14\xcb&lt;\xcb\x90\xf0,\xc8'</t>
  </si>
  <si>
    <t>b'&gt;q\xdey\xbez~\xaag\xbfJ\xe9\x05\x0c\xc1\xab\xa0\x99\x16\xff\xbd\xe3v\x9a\xa94\x02\xbaM\x07\no'</t>
  </si>
  <si>
    <t>b'\xeb\x11\xf7\x82\x08\x8f/g\x11\xd9\x10A\xec\xa4\xad\xfc\xa6\xa3hF\xd2\xc3\xea\xb3\xbf\xce\xaa)\x1d\x15@\xd3'</t>
  </si>
  <si>
    <t>b'\x8a\x04_\xbdMb\xc0c+V\xa41\x8b\xb3kB\x162|\x7f\x83W\x89\x93\x8eyB\x80"\xf3\xd1N'</t>
  </si>
  <si>
    <t>b'\xec\x0eL\xbf\xb5\x0e\xb4f\x92\xa0\xfdCfZi\x90g\xfarc\xd8\xd0\xc5\xcd\xa7\x04\x17\x14\xa4\t\xda\xe7'</t>
  </si>
  <si>
    <t>b'\xaf\xfb&lt;\nU.\x10-\x1e\xabRY^\xb3\x13\xec\xccgX\x00\x98\xaa\xe1F%\x8a#\xc0l\x10\xa9F'</t>
  </si>
  <si>
    <t>b'%\x9e&amp;*\xd9A\xe6\x12\xf1\xdf\x9dl\xd2\x97Z?\x14\xbe\xa2&lt;\x82\xd7\xc6Q\xe2X\x91.\n\x1e\xd7\x9d'</t>
  </si>
  <si>
    <t>b'"4\xba\xc6o:\x89\x03\xe6e$\n\xbd\xee\x88\x1d\xf0\xc2F\r\xa2\x0b\xd9\xf0\x8b\xe1\xd5H\xbc\xac\xd0]'</t>
  </si>
  <si>
    <t>b'\xa3\x17\xab\x16\xe13s\x1dn[\x93\xda\x04\xd0\x08\xa4\x80\x13I\xe7;\xd6\xa3i\x9a\x94#H;#\x8b\xe4'</t>
  </si>
  <si>
    <t>b's\xe1\xc0\xb8\x14\xfd\x84\xf5o8\x0f\x8b\xcb\xb7\x99#\xa6\x8f\xdfe\x85\xfb\x14\xe5\xa4\x17Zl7\xb4f~'</t>
  </si>
  <si>
    <t>b'1\xd52: \xef]\x87F\xdbD\x8d\x03yQ\xe6\xe3O3\xda\x0cla&amp;\xdew\xe0\x0bq\x90\x11p'</t>
  </si>
  <si>
    <t>b'\xf1\x14T\xc4\xfd B\xeb\xf9\x83Q\xd9o\x11\xad\x83\x96\xc6E\xf1\n\xa1\xcf\x7f\x8c\x84w\xe2\xab\n\x869'</t>
  </si>
  <si>
    <t>b'\x97\x9f\xcc9\xdc\\\xf3\xdc\xdbX\x8b\x03V\x12\x06\xde\xa6\x08_\x7f\xdd\xde\xa8\xaf\xc6\xef{H"z\x8a\t'</t>
  </si>
  <si>
    <t>b'\x7f\x8e,\xb7\x15~L}+\xc8\xd7&lt;\x15\x10\x84\xf8[4\xc3\xfc&amp;\xb2\xe6\xf81X,@\xfa3\x96\x03'</t>
  </si>
  <si>
    <t>b'\xeab(M\xb6x\xe3AyaV\xd6\x1b\x92F3W\xe2}\xa2R\x87%\xb4\x9b\xf5\xa2\xce\xd5\x13\x0b\xa9'</t>
  </si>
  <si>
    <t>b'O\x13\xb1D\x0fNt_\xd7j\xb4\xdb\x0f\x87\xedk_\xb8\x88Xi\xd4\x9dA\x97\xa7\x1c\xfb\xb3\xc0\xbb\r'</t>
  </si>
  <si>
    <t>b'\xee\x8a\x03\xf7\xb4\x18\x00c\xb9#\xdf&amp;j86Nq\x9e4\xebq3\xdc\x03N\x1aWYQ\x15\x01\x8e'</t>
  </si>
  <si>
    <t>b'$U\xbe\xd8\x06\x0cPr$\xb0\xd2\xbem\x9e\x80u\xf1cE\xc2\x06X\x87F\x01V\x96\xd9e\xe1\xb5P'</t>
  </si>
  <si>
    <t>b'\xa8\x07\xe5f\xb4\x9a&lt;\xc5\xcc\xd4\xa2M\x15\xac\xa3\x1a\r\x9c\x0b\xa1\x8f\xe4\x8e\x1f\xe2\x83.E\x99\xcc\xa6-'</t>
  </si>
  <si>
    <t>b'\xa2S]vG\x07\x08 \x8d$X\x8a\xe1\x7f\xb3\n\xd5]\x0c\xb8\x99\xf6,\xbf$[M\xad\r\xc4\xf1\x9c'</t>
  </si>
  <si>
    <t>b'\x88\xf7-VK\xaa\xb2\x93\xa5\xd5\x13\xde\x96\x90\x80\x0c\xa8\x14!^R\xb1.\xad\x9c\xa5l*\xc3\x96\xaf.'</t>
  </si>
  <si>
    <t>b'SMLv\x91W\x9d\xd2\xe1\nD\x99\xb3\x13)\xe8G\xaaV\x1aX\xf4\xb6\xceZ0\xae$\xd3S\n\x84'</t>
  </si>
  <si>
    <t>b'\x97lI{s\xa7\x02\x92\xd0%\n\xae\x8aw\xa5\xdf\xa2s\xb7/.\xf8\xa86~\x85\xc2\xe0\x84\xbe\x01\xe9'</t>
  </si>
  <si>
    <t>b'\x91C\x1d\x9c\xe3\x13X\xbbxWv\xc9\xf5z_+\xb3\xab\xbac\x9b\xf2\xec9\xdc\x01\x05\xb3\xa6\xba\x0eR'</t>
  </si>
  <si>
    <t>b'\x10\x88\xe64\xc0\x1d\x03\xf5a^\xf6\x85&amp;\xfaYvX\xc9\x9f\xd3\x91\xd7)#\xd9\x06\xc5\xf5\xe2\xfa!u'</t>
  </si>
  <si>
    <t>b'f\xe8k\xb8\x13"\x15\x84\xb6"*\xdb\x89t\xfcM\r\x11\'\xf0\x86be\xe4O\xfd\x15Wg\x1e\xbc\xab'</t>
  </si>
  <si>
    <t>b'\x90\xcf\xbd?Dp!\xa2\xc7)\xf5}\xff\xa0\x84v\x96mTD^\x80\x1f\x90\x87_\xf8]\xb5(I:'</t>
  </si>
  <si>
    <t>b'r0J\x0e?\xf6\xe1m\x7fvz\xbe\x00h\xc0\xf6\xba\xc3\x03\x03\xbfc8\xd8\xbd7H\x1f\xdco\xe2\x95'</t>
  </si>
  <si>
    <t>b'\xa5\x9c\xc49\x1a\xfa\xaf\xf3;\x0e3&gt;l\xd2be\x89s\x9b\x99\xd7;\xc3H\xf4\x9a\xdb\xdc\xe0\xaa\x0c\x07'</t>
  </si>
  <si>
    <t>b'\\\xc2\x01\x08\xc6\x1b\xb3\x97b\x80I\x97\x9a8\xb3\xc1\xec\xe1\xb1\xca4\xbb\x80\x9f\x15N\xa0#\x14\x7fZ\x17'</t>
  </si>
  <si>
    <t>b'J\x99\n\x9c\x00FV\x14\xc2\xdc\xe6,\xe0Q\xab\xa1h\x0e`hTe\xeb\xae\x04\x03f\rJbd!'</t>
  </si>
  <si>
    <t>b'\x06Tbv\xfaC\xf6\x9c\x99\x13\xa14\xdd\r\x1d\xde\xf7$\x8a0r&gt;d\x86\xee~\xf2\x17r\x18m\xc7'</t>
  </si>
  <si>
    <t>b'\xce\xdd&gt;q\xea\xa9Y\x86:\xe1\xa7p\xa6\x11$\xdea\x04\\&amp;\xc8H\x85G\xc9--+/%]\r'</t>
  </si>
  <si>
    <t>b'\xd61\x13\x9d\xa5\xad\xab\xf2\x90\xf5?\x17\xe8.\xe2w\xc4%\xf5a\x19\xc7\x05N\xf0\xe2\xcb\xa0[\xe13\xd5'</t>
  </si>
  <si>
    <t>b"a&gt;1UbG\xa5\xd3tF\x05}-\xaa)'0c\x93\xcd\x9f\xf0-*\xd5KKG^\xdasR"</t>
  </si>
  <si>
    <t>b'\r&lt;\xac\xde\xaf\xc0?\xe0\xc6\xd6\xce\x83{}K\xe06m\xb7\xa4]\x13\xd36\xa0\x1c\x11\xe0\x1c\xbd\x19\xb3'</t>
  </si>
  <si>
    <t>b'i\xc2\xfa\xe5\xda\x99\x1c\xa1\xb0v#Z\\#\xbb\xbb\xf4\x9b\xbc\x86R\xae\x0b\xe0dL0rd\xef2\xc3'</t>
  </si>
  <si>
    <t>b'\x87\xc5q\xbd9\x00i;\xb4\x8d\x80t\xcc\xf3\xe2\x1d\xc4\x04m\xe6\xc4\x04f\xbe\x14\xb9m\xd8\xfeo\xfcg'</t>
  </si>
  <si>
    <t>b'\x0b0\\\x82!\x0eL\x91\xb0\xf5/h\xed\xb5\xbc2Y\xae\xcf{\xe6\xbdA\x1aC\xd5\x0c~\x10\xcf=t'</t>
  </si>
  <si>
    <t>b"\xf5)OZ\xcc|\xc1\xf6q\x0bk\xa5R\xb1\xda\xafkid\xdd\xc2\xaa\xcd\xf5\xef'\xb8\xf4\xfc\x02l\x83"</t>
  </si>
  <si>
    <t>b'\x9e\x0c\xa0\x9ek\x90\x05\xdf\xea\xa5\xb2W\xbf\xd16\xe99\xa9\xf3&gt;Q\xcbS\x8a\xaaO\xddNt\x8b\xf7\r'</t>
  </si>
  <si>
    <t>b"\xea'\x12\x82M|\x1e\xba\xaf\xea\x96\x03\xdb\xcb[\x02\x85P\xf9\x14\xbc\xb7c\x1b**\xd7\xe54Q,C"</t>
  </si>
  <si>
    <t>b'\xd5\xfd,\x17e\xcd\xbf\xe5\xa8\xcf\xe9\x85A\x18}&gt;\xc2\xa3\xa2^\x9c\x83\xe6)x.\xb0`\xfc_^a'</t>
  </si>
  <si>
    <t>b'n*\x17\xc9W\x13&amp;\x1d\x12t4\xd4Z^\x80\xd0\xf9\xf6&gt;\xf0WJ[m\xddP,\xd3\xb5\xd0\x0b\x15'</t>
  </si>
  <si>
    <t>b'\tl\xafw\x84\x9f\\\xd1c\x892\xbb\xc4\xae\x89ljD\x03}\x9cyU\x07B\xa2\xfbv\xbe\xa2hG'</t>
  </si>
  <si>
    <t>b'\xd5i\x96\xc91\xb7\xe3\x15?\x1e\xb8\xb8{\x17\xc5\xbb\x15\x8bc\xc9\xf6\xcdZ\xc8\x1f\xe5\x9drF\xa8\x04\xa7'</t>
  </si>
  <si>
    <t>b'i\xa2\x14:\\\xd5-\xc3\xa4\x87\xdd\x14\x08m\x02\x0b,B+;\xcd\xe9$q\xce\x07M\xe0\x8bv\x01\xd0'</t>
  </si>
  <si>
    <t>b'\x9eY\x9f\x8fTL\xae/\xbc0\xdfu!-7\xed\x16\xa2\xcd\xdd*Y\xc4\xfbR^\x7f`\xc3\xd3sv'</t>
  </si>
  <si>
    <t>b'B\x1f2\xc1\xdc=\xb1s"1({u\xe0S\x86S\x1cX\x89\xa9[\xdf\x14D\xdd\xf8\x0e\xe3W\xa3\x99'</t>
  </si>
  <si>
    <t>b'\xcba\xe9%\xf2G\x1c=\x02\xb1\xdem8\x11\xa0l;\x81_\r\xeb\x13\xec\x8b\xd7\xf1\xbfCk\x1f\x04q'</t>
  </si>
  <si>
    <t>b'x\x99T\xc47\x06\n\x15s\xd0\x97V\x1b\x94\xfc\xd1\xca\xae\xb9\x91\x11:\x14\xb1z\xaf\xabh\x97Es\x98'</t>
  </si>
  <si>
    <t>b'%\x8eI\xf9j\xa1\t\xb5\xc5%\xd1\x03\x10x5\x83\xda\x9co\x1a\xa9}\xe9\xbe#~\xc5\x86\x94g\x19&lt;'</t>
  </si>
  <si>
    <t>b",}\xe1d8\x90\xe7\xae\x8e;\x01\xb3\xc7\x1e\x98\xf4'\xbc~\xe6o&amp;\xd4\x1f\x19\x8bX\xa0\x05\x80\x9cc"</t>
  </si>
  <si>
    <t>b'\'\x8e\xd0\xe2\xdf"\x82\x08\x96\xc1c\xa5\x9d\xd6\xbe\xba\x90\x86Iqy"q\xda\x8c\x15XM\x8f\xb2\x9d\xff'</t>
  </si>
  <si>
    <t>b'\xa0\x1b\x10\xc1W\xfc\x929;\x9b\xa1F\x18\t\xf7\xfa\xf2\xf3YNwOp\x8a\x94\xf7fn\x85\xa3I\xc7'</t>
  </si>
  <si>
    <t>b"\xf7\xc5\xcb\xd2\x94\xa4\x19\t{@\x03'\xae\x91\t!.8,\xc32\xbf \x0b\\fZ/\x94\x00\x97\x15"</t>
  </si>
  <si>
    <t>b'\xb3\xbe\x0c\xc3\xb8\xe2\xc0\xd0\xbb\x9b\xa6\r\xe4sd\xb7u\x0e\xecA\x80PO\xd5\xd7\x8co\xed\x15\xc1s\r'</t>
  </si>
  <si>
    <t>b'`\x9e\xdf7\x9c\xfb5\xfe\xe0\xb7\xe4A;]e&gt;M\xa6\xfc\xa0)\xcd\x01/e\x9c\xf1\x8d\xfa\xf8{&lt;'</t>
  </si>
  <si>
    <t>b'\x17OY\xeb\xbaP\x10\xcc\xe5F\xcd\x05l\x86E\x92@\x0f&gt;\xa7\xdei7V\xd2&gt;\x05\xd3\xb6{\x05\xab'</t>
  </si>
  <si>
    <t>b'~\x0b\x9d\x15&lt;\xd2Bo\xd0\xc2[g[\xf7H=\xd0\xe1\x9f\xd8FJ\x7f\xe0\x9dtE\x11,\xfe\x8f\x84'</t>
  </si>
  <si>
    <t>b"\xbbG\xda&amp;\xf2\r\xbd?D\xe1s;\xe0 -\xecyY\x90\x0c\r\xf2\xc3\x11\xac\xdd\xe5\xa3k\xb9\x1b'"</t>
  </si>
  <si>
    <t>b'\xdc\xf3\xfbP\xafy\x1eY-\xcb\x84\t+\xbf\xd0\xbf\xcaOf\xa3=\xdb;g\x1f&gt;\xef\x1e6\x14?\x90'</t>
  </si>
  <si>
    <t>b'\xf9p\xfc?\xff\x16\x0c$N\x84\xb7\xf5v\xba\xd83\xcb\xd1\x11\xf5\x06Dd\xbc\x8b\x84\xac\xcb\xb3\xd6\xa8\x05'</t>
  </si>
  <si>
    <t>b'B\x93\xf8\x19\x10\xf3\xab\xff\x0f\xd0}/\xc0O\x00c\xfb6\x02Zs\x00\xd9\xd8\x9eG^s\x93\xda\x1e\xaa'</t>
  </si>
  <si>
    <t>b')\xd6i\xe9\x98\x82K\xe12[C\x85=\xdbU2\n\xb7\xa1\xc9P-W\xde\xd2u\x8fJ\x96x\x00\xaa'</t>
  </si>
  <si>
    <t>b'\x8c\xd4\x9e\xba\xa9\xc6\xd46VK\xe6W\x99\x1es\x1a\xca\xff\x86@\x81w&gt;\x13\x99\x0b\xfd\xec\xa4\x00\x17s'</t>
  </si>
  <si>
    <t>b'\x04\x98\xb1\xc6\xb9r\xa9j\x9e\xec\xacB\x97X\xe4\xc0\x04\xa91\x91Y\xa1&amp;4\xea\x12`\xd5\xd5*e\xfc'</t>
  </si>
  <si>
    <t>b'*P\x13Z[\xfa\xa9,\xe1\xf5t\x92\x800\x066\xbe\x8b\xca\x8c,\x1c\x90\x08q\xac\xea\xf7\x14\xdes\xd0'</t>
  </si>
  <si>
    <t>b'\xc9v\x077+A\xce\x90U\xa2\xab\x87k\xb3Y\x04~\x0f5\xdcF\x8fe\xc4d\xb8\xd26\x1fZ\x9d\x01'</t>
  </si>
  <si>
    <t>b'\x01\xa2j\x16\x94\xdb\xf4:\xedS3\x0c}\xf9\xbbU\x90J\x0fr\x12\x15\x8e\xf6\x02%\xe0\n\xb6\x01\xa8w'</t>
  </si>
  <si>
    <t>b'\x11{\x96\xf7\xfa=\xcd4\x82\xd5\xea\x8c\xc2;\xd2a\x86bt\xd8\x8a\xc6\x126V\xd2\x8a\x16x\xf2q\xc4'</t>
  </si>
  <si>
    <t>b'R\xc1\xfb@\x18\xbf\x1a-y\xd5\xff5\x936k\x97\xfb\xc9\xf1)g\x98&amp;\x99\xa6\x89*U&amp;\xe7H\xc1'</t>
  </si>
  <si>
    <t>b'\xbf \x90}\xaf\xc6\xa8\xa0\x8367!\x14(\xb0q\x0b?\n\xf7\x08{\xfa\xedqe\x12ZL1n\xb1'</t>
  </si>
  <si>
    <t>b'J\x92\xd1/\x02\xef\xc0p&lt;\xad\xf4\x88\xe0IL\x0e\x81\x06S8\x08(3\xa7\xff%?\x8bIF\xdd\xe3'</t>
  </si>
  <si>
    <t>b'\xcf\xear\x12L\xa7^\x0b\xe7\x04\xc2\xa3&gt;T\xca\xc9J\x8d\x9f\xeaJ\xb0\xda\x84\x11:\xe8\x86-cd\x89'</t>
  </si>
  <si>
    <t>b'm\x12\x8b\xb9|\xc1\n\xb9\x9f/\xe5U[\xcb\xc8d\xc3\xb3pr\xce\xbe\xaeB\x12I\x17gl\xc1\xc1,'</t>
  </si>
  <si>
    <t>b'*\xf3\xc6\xb9d\x9a\xdd\x90\xe2\x88\x1a\xf7Z\xd1/m-\x83\xa2z;\xadU\xae\xb5\xa7\xa6\xdb\x84\xbdnU'</t>
  </si>
  <si>
    <t>b'\x8d\x8fH\xf6\xd1\n\xdd\x01Z\x98\xe5d\x91\xe9\xb0\xd8\xe5\xd9\xae\x87_ue\xb6\xa8\xdaV\x94N\x8eho'</t>
  </si>
  <si>
    <t>b'V\xa3\xc7\x18$\x9c\xce\xfd\x11&amp;\x97_NLG$\x8ar@\xa9\xa18\x99\x92[\x18\xaap\xf0\xec&gt;P'</t>
  </si>
  <si>
    <t>b'h\xedl\xee-?Y\xf0\xb7\xf1Hw\xe1\x83\x8a\xdd\xdat\x83\xf6&amp;\x1b)1]\x88[\xdc\x95\xdb\xea\t'</t>
  </si>
  <si>
    <t>b'Kj\xd0\x0c$W\xbc\x1b\x90I\x1e\xfa\x13\xa8\xcd\xee\xdd\xcflJ\xf3\xb9\x13\x0e\x93`\x98\te\x15\xfcM'</t>
  </si>
  <si>
    <t>b'\xff\xbd\x06V\xbbS\xf1\xb1&gt;H\xbf\xbd \xe9Z\r\x9f\xe4\xa3]w\t\xb2\xd5\xab\x00\xcc\x9fl\x08\x81\x8f'</t>
  </si>
  <si>
    <t>b'v\x1f\x986X\xb3j\x9b\xa8s\xd6\xa4\x0b\nl\xcc\xe0\xbe\x8d\x11\xfbe\x9f|\xf0\x17\x86~D\x8aS\x9e'</t>
  </si>
  <si>
    <t>b'\x1d\xcd\x13\xbf-\x02&gt;+\x9b\x81\xdc\xec\x1a\xaf\x98f\x90b\x12\x89\x10\x10\xf09E\xed\x163k\xf4$-'</t>
  </si>
  <si>
    <t>b'&gt;_tr\x05Jz\x85F-\xc0;c@\xfe\xb8\xb4m\xea\xb8\xd2\xb2/\xac,\xb7-H\xba~\xa6\xa3'</t>
  </si>
  <si>
    <t>b'\xc0\xdf6\xac\xd1R9\xd9\r#\xc3\xa1\xf93\xac\x81Q\xc5&lt;\xe2\xbf(\x024=\xb5\xde\xf7\x0e\x84=\xb7'</t>
  </si>
  <si>
    <t>b"\x15\x9c\xd7%E\xf5\x00\xb1\xf1\xc2\x1fq\x07#\xec\xb6h\xe8\x0f\xdf\x159w\xb5zv'@\xc6&gt;\xa8b"</t>
  </si>
  <si>
    <t>b'o\x85\xc6\xc6\xbcfx\xb19\x83\xda\xf5\xee\xa4\\\xe1`ca\x1b@\xa4\x8a\xd7\x8e\n\x93\x8b\x84-D\x01'</t>
  </si>
  <si>
    <t>b'S\x82\xab\nM)\x92\xcbW\x83E\r\x98&amp;\x16*\xae\xc7T\xb6\xd0\xd2`\x1a\xf54\x00\xc4\xb57\x9a\xd5'</t>
  </si>
  <si>
    <t>b'\x92\xac\xce\xa4F\xf9w\xe7\no\x0f\x04\xc2\x10\xffQD\xc1\xfe\xfd(\x0ej\xea"\xabqA\xee\xb8\x98&gt;'</t>
  </si>
  <si>
    <t>b"\xa0\xf4'\xc7\xbab\xa0\xed\xc9\x9c\n\xf6 \xaa`\xde\x01\xbbp\xd2\xd8S~\xba\xca\xd6\xd4\r,r\xb4\xe3"</t>
  </si>
  <si>
    <t>b'7\x0ep\xd7\x08}\xbdV\xa0Z)\x87\xaf\xe1\x00\x1eT\xa0h\xce\xcb\x92\xa6mja$\x82B\xe5\x9a\xe9'</t>
  </si>
  <si>
    <t>b'\x7f\xcc\x0f\xf5\x8e\xb1G\xb8\x8f\x05*\xed\x90h\xd3\xd1\x06RB\xbf5\xec\xf2\x14\x1a}[O]3\xd0h'</t>
  </si>
  <si>
    <t>b'L\xab()t\xeffb\xf5\xd2\x0e)R\x04\xac\x06\x1d\xf5\xe7\xb4\xdd\xcel\xf0\x1c\xc7\xa7a\xb2+\xad\xce'</t>
  </si>
  <si>
    <t>b'\x18\xe7^\xcd\xdbx\xd2\x10\x835&lt;?\xe0\x88Z\xce^\x8e\xa0\xcaK\xc0K\x03d\xbc9c\xcc\xe2\x85\xfb'</t>
  </si>
  <si>
    <t>b';\xb3fR\xdbU\xa7\xdf\xa0&lt;\x9fW\xfdrH\x9a:\xcb\xc9\xect\x0f\xca\xf4\xd0\xd2z\xf5\x9b@\xf4\t'</t>
  </si>
  <si>
    <t>b'\x10*\xebI\x0fv\x84\xe3(\x12\xcd\xd2\xe7\xbd/\xc2\xb6\xa0\xde\xa3\x02\x96\xf5e\x88\x89\xb5\xf9\x83oB-'</t>
  </si>
  <si>
    <t>b'\x04\xa8\x9b\x137H\xb5B\xce\x9b_\x00\xf8\xeaF\xb2\xf5s\\9h\x02\xa8?X\xf8w*Gd\x02\xc9'</t>
  </si>
  <si>
    <t>b'\xa5t\xf7\x920\x9dY\x873\x11!\xbc\xa3\x9f p\xb2\xcd\x85\xa0w\xf7\xa8\xb3\x91F8\xc8\xf6\x9bq\xa0'</t>
  </si>
  <si>
    <t>b'#\xcb\x17\x87k\x83\xe9t\x91 \xaa\xf8\xb1\xb0\xbfL\x84\x07\x1d\xf1\xbcT\xc9zdO\x1a\x19\x01\x9eXr'</t>
  </si>
  <si>
    <t>b'\xf60\xd2\x91\xaf}?\xd8\x14\x85\x92\x8f{3\xd9\x89\xc2t\xed\xd1\xfcH\xda{\x94Y\x84c\x15\x7f;\xb8'</t>
  </si>
  <si>
    <t>b'\xf8\xfa]\xd1"K1|I\x96\xfa\xed\'\xf9r\xe8zMW\xceG\xfc\xbb*_r\x8d\xdaxV\x97\xff'</t>
  </si>
  <si>
    <t>b'J\xb0\x90;\xfb\xce\xbe\xff\xc7\x0f\x0e1;\xcc3\x1eyQ\xdb}\xb0x;\xc5\xef\xc4\x94\xeb\xb3+\x8c\x00'</t>
  </si>
  <si>
    <t>b'\xa6\x90\x0c\x86Y\xd0\x1d3\xb4I\rj\xf9\xda\xe8N\xab\xc4\x92%\xfa\xf8m3\x04\xb4\xb3\xda\x93Q#\xda'</t>
  </si>
  <si>
    <t>b"\xd8\\\xb6\xc0'B\xe9c\xc4\xf2\xd3\xe0\xeay\x06\x90\xa5\xfeY\xd1\xd9\xcb\xb3\x99\x840Mq8\x85V\xf6"</t>
  </si>
  <si>
    <t>b'\x10\x8c\xfa\xa3\xf5\xb2\xd4\xda\xceLC\x8e\xba\xab\r\xfd6\xd4%\x18\xa5\xd9S\xafN\tP\x8c\x9fBTh'</t>
  </si>
  <si>
    <t>b'\xca\x88\x88f&gt;\x8b\xc9&gt;\x97\xfe*o\x98\xf7"\x1b\xb6\xd1\xb6\x14r\xdf\x88\x04\xdf\x97\xcc\xf0\xd0\xd3\x84\x94'</t>
  </si>
  <si>
    <t>b'\xfbpe\xef\x1ck\xb95\x811\xbe\xa8\xfdt\x1a\x81\x84\xbeD\xben\xb8\x11,$\x054\x11\x00p\x11.'</t>
  </si>
  <si>
    <t>b'\xa5\xaaC\xaa\xee\xcd\x93\xd2+\xec\xa7kJ\x03\xaa\xd5\x94\xd0\x15\x15\r\x1d\x18\xa8\xa3\x04"~\x0c\xa5\xa7\xd3'</t>
  </si>
  <si>
    <t>b'l@\r\xb996\x0f\x9c\xb8|\x95\x7fH~\xee}\xeb\xaf\x87f\xe4B\xed\x88\xcf&lt;\xed\x98\xa8L\x82U'</t>
  </si>
  <si>
    <t>b"/k;\xe1l\x1f\x9d\x82\xe9'aS)l\x16\n\xd6\xf5\xe2\xf6\xa6Y\xde\xec\x1d\x88\xf6\xbf.^\x85\x9e"</t>
  </si>
  <si>
    <t>b'\r!\xa2~\xed\x9dtP\x9d\xf6\x18\xadA\xf9C2W\x9ewz\xa8\x07\xa3\xe1qh\xf8,\xb3:\xd9\xd9'</t>
  </si>
  <si>
    <t>b'\xcf\x97g\xdc\xc3_\xa5_\xd7\xd3\xbb\x15\xaa\xd7A\xb8\x94s\xd4\xe8\xa8^\xfe6\x88\xeem0\x95Y\xd1\x19'</t>
  </si>
  <si>
    <t>b'\xb9\x0by\x9fj\xbd\xb3t\xea\xceJ\x8b(r{\xc1\xd3\xf7 \xc3E\xf7\xc3+\x1d5\x9c\xe1\xd6\xc9\x14\x86'</t>
  </si>
  <si>
    <t>b'\xaf\x13s\r\x8d\xf4;\xb1\xac\xadM-|/[&gt;\x1d\x16(\xdb"\xa1\xce\xc7Q@\xfa\xce\xba\xc0\xbb\xd4'</t>
  </si>
  <si>
    <t>b'\xa9\xaa#h\xf9\x8f\xec3\xc3\xdeO\x1f\xad\x85r\x17\xb8\x7fd(\xf4:\xcd\x1bG\x14\xe4c\xfd\xf0\x1e\xfe'</t>
  </si>
  <si>
    <t>b'F/\xc8\xb9\xb1\xfb\xab\xf6R\xc8\xe5\x96\xcf\xaf\x85}\xf1\x07\xacy\x9f\xd4\xa1~\x7f97\x18{\xe3I\xc1'</t>
  </si>
  <si>
    <t>b'jg\x18\xd2\x8d\xea\x82\x93\xec\x1bu\x16\xaf\xb6d\xcc\xddB\x0f\xc0\x1f2\x06\xdc&lt;Z\x8eC\xa1\xbaN\xe8'</t>
  </si>
  <si>
    <t>b'=\xdd7\xee\xe0v\xff\xf2\xcb\\\xa3&lt;\x04\xee\xba\x8b{\xe6\x9d H\xd3\xf2\xab\x07\xc2\xd2\xc8\n\x0f\x18\x8b'</t>
  </si>
  <si>
    <t>b"f\xe8\xae\xd3\xdb\x91m\xd9$\x9c\xad(\xb3\xb0\xac\xf9\x96\xc1\xd2)'0fS\xda\xa54\x9dN\x00\xa8\xc9"</t>
  </si>
  <si>
    <t>b'M\xbb\xd1{\x8e\xc7\xfb\x02|\r\xfe\xbd\x13\xb6\xaa|&amp;!\x9f\xadv:\xe8\xe8\x13.\xaa5\x94\xac\xf6{'</t>
  </si>
  <si>
    <t>b'\x17\xd8!\xab\x8fk\xba/\xac\xbd\xb5\x19\xd0\x16\xe8-\xa9\x18ww\x01~W\xcb\xda \x93\xeb\xa9\x08\xe7\xde'</t>
  </si>
  <si>
    <t>b'\xb6\xab\xf3\x95\x97\xa6\x1a\xf8\x0cp$\x12T\xd9"aAD\xd0E\x05\x02\x16\xb7J\xd81\xc8\x94u?\xd7'</t>
  </si>
  <si>
    <t>b'\x1e\x8d\xe5k\xab3\x1a`c%\xff\xc5\xa9\xbdS\xddL^u,\x89{?b6k\n\xf5Uz\x1a\xe9'</t>
  </si>
  <si>
    <t>b'\x81e\xa3\x8f\xe9\xcbG\xd2\xae\x93)\x03TZ\x03\xc5Cr\xa7H\x9dO\xc9\xf3|EP\x82D!\xb3S'</t>
  </si>
  <si>
    <t>b"\xe7'/\xed\x81\x86\x14\xcf\xd5]X\xb8\x8f]6\x07\xff\xb8N\x88\xa2\xc9\xc2!\xaf]\xfd:u\x8d\x95\xa5"</t>
  </si>
  <si>
    <t>b'\xd9\xa1\xa1\xe4\xfa6]}\xadQ\xfd\xd1\xe1\x0e4E\x9f_\xda$\x98\xba\x1bF\xa0=\xeeiN\x8c\x92\xc0'</t>
  </si>
  <si>
    <t>b'#e\x95\xfdP3\xbdj\xfe\x0b\xa1\xef\xa6+\x89\xc9\xde~\xd9\xc2\xc9~9\xabw\x97\x19Pb\x9f\xb7b'</t>
  </si>
  <si>
    <t>b'\x94O6\x12\xfd\xefK\xdc\xb2N\xd7^\xc4s\x01A\x01\x9a\x98\xd2\xeb\x1a.\xf6\xf4\x9f\x81f`\xe8\xe8\x06'</t>
  </si>
  <si>
    <t>b"\xa4\xd4'#\xe6\xbc|?\x87g\xa5\xdf\xb8\xf4G\xda\xf4\xb6l&lt;\x19\xf2\xa3\xaeI\x90\xf5\x15\x91\xdc\x80\xec"</t>
  </si>
  <si>
    <t>b'd\xa0_\xa2\xee\xfc&lt;^\x8aE5\\\xe5\x12b~\x9b\x1c5\xed~\xa2\x08\xbe\xff\x9aGo\x9f\x18\xf5\x8c'</t>
  </si>
  <si>
    <t>b'\xc8\xdf\xc9f7\x15\xbf\x96P7\xa2\xd1\xc3\xe1_$)q\xc6\xb9\n\x1c\xb8\x82\xc4D\xb1_\x90\xbf=\x81'</t>
  </si>
  <si>
    <t>b'\x1a\x97BE\xa1\x19M\x1eg\xaer\x04\xee\x1f&gt;\x159\x0f\xb7=%\xa3V\xad \xb55m\xbe\xa2+\xc8'</t>
  </si>
  <si>
    <t>b'k\xc8].\xd3y\x19\x13;\xd3\x0c6\xfe6\x0e\xecg\xb9\xcf\n\xa7I-\x8a1\xd9\xe7\xc1\xae\xa3Z\x86'</t>
  </si>
  <si>
    <t>b'\x8e6\xdey\xfe\x94\x18\xbb?\x11?\xa8%\xe6\xcap\x9f\t\xfa\x7f\x8c\xd9\x81\x16\xc1K*:\xb8\x8d\x8e\xf2'</t>
  </si>
  <si>
    <t>b'${q\x81;\x88\xdf\xc0\xf7\t\x8e\xfeGVc\xcavE\x92\x96&gt;\x16$\xc2\xf1\xb4\xa2\x1f\xafG\xdeX'</t>
  </si>
  <si>
    <t>b'y\x17\xca\x96\xe0\xb2\xe0:H\xe3\xe5Ta\x9f\xc4/|\x91\xd6`1\x0b\x07\x16\xe8\x95\xe3\x82\x19\xce\x84\xb3'</t>
  </si>
  <si>
    <t>b'\xb1q\x8d\xc5\xa7\xf6\xfc\xc7\xaa[O\x11\xff\x96c:\xfb\xfd\x9d-\x06\xe2\xba\x9e$s\x88\xb1\xfe&amp;5\xbf'</t>
  </si>
  <si>
    <t>b'\n\x90k\x96\x17r\xd5Y\x128\xc6\x9eo\xc4\xaf\xd6\x17\x80\x10\xbc5\xb0;`&gt;v\x88\\\x9e\xfb\xe6\x8b'</t>
  </si>
  <si>
    <t>b'D\xcbe\x0f\xd5\xc5}\x7f$\xdbLU\xaf\x98\xb9\xad+N\n\xf9\xcf#\xa6#Z\x8b\x95G\xb8\x1b@\x81'</t>
  </si>
  <si>
    <t>b'\x99\xbe\xceE1#\x85\x01\xeeb\xa4d\x97\xf3@\x06T\xa4&gt;\x12\x96\x8d,\xa4LJ\xa2U@f\x86\xf5'</t>
  </si>
  <si>
    <t>b'N1\x1fS\xc7\x92F\xd1X\xf2\x98,\xc4\xeb,\xe3\x1c\xaf\x86\xed\xb3\xecx\x94\x8fj\tkd\xf9U\x99'</t>
  </si>
  <si>
    <t>b'\xbe\x851\xdd\x93\x19\x9c86A\xb5\xc5&lt;}\xc3\xe7\x1ap\xbe\xf9\x13\x7f?\xb1\x13K\xe2xa\x9f\x12\xc3'</t>
  </si>
  <si>
    <t>b'3\x84\xdfb\x18\xd5l~@\x80\x9c[\x90\xa3X:\x10\xf0c\xa6\x00\x98}Y~\xedD\xe1(\xa6\xe5='</t>
  </si>
  <si>
    <t>b" &amp;\x06\xfcn%\x14Q\xd3V$\xf9iU\x08}\x171&gt;\x86\xcb\xa3\xea2.J'%d~Ld"</t>
  </si>
  <si>
    <t>b'\xe4\xb9!\x9e49\xd0\xcf@\xf8\xe5\xce\x86J\x03\xf2\xef\xd9\xcbu\x90\x93|\xb0\x1f\xabKu\xfa\x9f6M'</t>
  </si>
  <si>
    <t>b'\xb1\x03\xb5\xe2\x98FP{\xffU\xacr\xa7C\x86\xbfo\x9a\x99X;x}\xa8\xdbz\xb3pG\x9eKd'</t>
  </si>
  <si>
    <t>b'\xec\x0ct\xc4\xb1\x86Ji22x\xdfx]\x14\x04\x85sb#f\xd9B^:\x91k\xe5\xf2_S&amp;'</t>
  </si>
  <si>
    <t>b'\xc7&lt;(|\x1f|%9\xe9\xfc\xd9\xa5\xba\x97\x1e\xf3\x95\\\x88\x8b\xaa\x1e\xe7\x0e&gt;\xa4\xe8\xae8\x17\xfe\xa7'</t>
  </si>
  <si>
    <t>b"q\n$d\x80C\xe1I\xe5']\xce[[x%*\xda\xa6\x97\xd4j=\x16\xf9\xe2+\xab\x1f'{m"</t>
  </si>
  <si>
    <t>b'\x89pr\xb9A\x0b\xe1\x89\x1fF\xc3$\xd6r%\xb5\x920\xae#?\x9a5\xe2)\xa7x2\x8a@\xc8\x99'</t>
  </si>
  <si>
    <t>b'Q"&lt;\xe0.c\xfc]\t\xc6_2\xed\\\xf1\x1a\x95YX\xf5@E\xa4\nx\xc3\xc7\xcc\xad\xe0\x99u'</t>
  </si>
  <si>
    <t>b'\xe9#V\xf6}\x92\x860\x14\x00`3\xc5LT\xa4\xea3[\xef\x9a\xa0\xa5\x1bu\xcaX\xba1\xc0\x99U'</t>
  </si>
  <si>
    <t>b"\xd2FW\xc13\xab\xc7z\xb3K'\xabN -#\xa3\xfe\x9fcC\x01\xdf\x84=\xd1\xd0\xd9\xc8H\xb3`"</t>
  </si>
  <si>
    <t>b'\xf1:u\x1a\x1f\xa0\x95\x85\x82ac\xcd9\n#\xe3\xe7]\xef\xa4Rf\x7f\x15A\xb8\xc6\x90\x1f\x05\xce\x9e'</t>
  </si>
  <si>
    <t>b'\xad\x8aj\xb5|^\x1aj\xbde\xcfa\xcd\xa6\xda\xe1\x9c\x90\xff\xa5\xdc\x1d\xeb\xec\x1a_G\x9d\xf78\xff\x02'</t>
  </si>
  <si>
    <t>b'=)\x801\x1b\x01]\xdf\xcd\xb6\xb3[o\xda\x93\xe7\x86P\xe1;\xb12#\xb6\xde\xb7\xaeO_\xf0\xfd\x04'</t>
  </si>
  <si>
    <t>b'F2\x92\x8a5\x9dYr\xaa\x01\xb7\x87\xe1\x0e\x9b\x0f\x9ej\xf5\xcbw\x16^#\x832\xbc\xd9\xf5u\xae\xf7'</t>
  </si>
  <si>
    <t>b'ix\xd3\xa4\xb3\xabF`\xa1\xa8qn\xdc\x96\xf9\xaa\xbe\xe7A\xb49`WZb\xda\xc4\xcb\x887I\xf5'</t>
  </si>
  <si>
    <t>b'\xc5 \x0f\xf5\x9c\xef~\x9b\xad\x18~D35\x82\xec\xfb\x00Oz\x1a\xf4\xb36xWS\n,C\x07a'</t>
  </si>
  <si>
    <t>b'1\xeeTh[NM:\xab\x90\xf8\xae@\rH\x1d\x11r\xfa\xfd7\xd1uC\xca\x01h{\xde\xc5\xd5\xf4'</t>
  </si>
  <si>
    <t>b'P\xe8\xde\x8d\x88\xe4!\x80\xb5\x05\xfc\xdf\x84&lt;\x0cJW\x866\xb7B\x91h\xb7\x01\x08\t\x0b\xb8\x05\xbd\x8c'</t>
  </si>
  <si>
    <t>b'\xc6,\xa0*\xca\xd1:\xbe\xa3\x1bT\xfd\x9f\x8d5w\\\xedM8\x08&amp;"V\t\xef\x909\x13\x8d\x97\x17'</t>
  </si>
  <si>
    <t>b'\x05\xb9\xa1\xe3Y^\x9aU\x81\xc9K\x12\t\x8e/\x0c\x0b^\x8b\t\xf1N \xba\xe4\xbb\xb2~\xad\xfe09'</t>
  </si>
  <si>
    <t>b'$Q\xc9\x17\xa6\xb59\xc0\xb4\xd3b\x19\x02\x0f\xe8\x13\xe5\xfa\xcd\xb2\xbd\xdf\xaf9\xbc=N5\xaa\xdf\x82\xfa'</t>
  </si>
  <si>
    <t>b' \x92\xd5\xbc\xe51\xb2$\xbd\xeaF\x8b\xd4\n\x18S\x9b\x15Z;\xe1\x89\xa0\xae\xdb\xec\x10zZ\x8ec\x93'</t>
  </si>
  <si>
    <t>b'\xca\xdb\xec\x9f\x0b(|\x12\xa1\x06\xe8D\x8b\x17\x02}q\xbf\x06M\xad\xa1\xce\xe3\xaa\x9b\xfc\x8fh\x90\x1a\x93'</t>
  </si>
  <si>
    <t>b'\xbaWST;\x1e\x11\xd1i2\xfb\xa6\xf0\xd5\x9e\xac9\xd5\x1d\xed8\x00[\x97\xf9\\[\xf8\xbc\xdb\n\xa3'</t>
  </si>
  <si>
    <t>b'\r\xaa\xb1\xf9\xd8\xbcvc6P\xe1\xdb\xd22\xb0M\xfa\x84O1\x1d\x87y\x83\x9a\xf0\xe9bS\xdc\xb5\x85'</t>
  </si>
  <si>
    <t>b'EH&amp;\xc7\x82&gt;I\x15\x07\xedl\xae\xf1O)\x96\x16\xc7\x92w\x90G~\xba*f\xdc\xf1\xf1\xdfl&gt;'</t>
  </si>
  <si>
    <t>b'BFlO\xbd\t|1\x8e\x93\x9b"\x8d\xf9g%5\xa1$\xf5\xe2YurA\xf8D\x8bv\xc2\xbf\xee'</t>
  </si>
  <si>
    <t>b'\x06\xaf{w)\xf3\x9c\xfa^\xeb\xc5\xefT=,a\xf2w\x06\xf6H^Y_\xaf\x80$\x18{\xa9\x85p'</t>
  </si>
  <si>
    <t>b'\x87B\xb2\x1bB\x1b\x88ed\xb6\x1f\x1e\xc9"\xaf@\n\xb1\xfd\x9e\xbf~\r\x94\x9c0\xa1(\xc5h\xafQ'</t>
  </si>
  <si>
    <t>b'\xff\xed\xf1W\xb1\xc5|\x10\xc4\x03sV\xa4xl\x1d)6\xbc\x83G\xbbz\x0fg\xe1\x1a\xc8\\9{\xcc'</t>
  </si>
  <si>
    <t>b'\xe1\xff\xd6\x81vG\x13\x07f\x1ex&amp;\xabQS\xf9\x08n\x95\x13\xee\x06(9O\xb8x\xa2W\x80\x8c\x15'</t>
  </si>
  <si>
    <t>b'N\xdf)\xb8^D\n\xa1\x15H\xfb\x17\xe3\xd6\x86\x80\xc5-\x90\x9a\xdb\x0e\x97\xe4\xfaP-y\x8aKQl'</t>
  </si>
  <si>
    <t>b'\xac\x88;\x90\xfa\x98\xa7\xd2@\t\xd0-I\xca9g\xb9L\xa9d\x02\xe1\xa2\x9c\xb1\xf3\xef\xf3\xbfy\x1e\xdc'</t>
  </si>
  <si>
    <t>b'5\xc1\xed\x05\x97o\x9b\x92q\xd38\x99\xe0\x88\x11B\xf9Z\xedy\xbe%\xd2\xa6L60 2|\xcam'</t>
  </si>
  <si>
    <t>b'%~\xa8\x83\xdd8\xd3\xb2\x18\x89\xc8\t\x8c]8\x11\x8e\xbb\x13^cC\xeb\x96X\x0f\xc4(\xcb\xa9\xcem'</t>
  </si>
  <si>
    <t>b'\xc2\xe4\xa4F\xdf\x07t@\xc6zj\xc8N\xe3\xc5Z6wu\xc4"\x96\xe6#\x80)\xb0\x186OD\x90'</t>
  </si>
  <si>
    <t>b'\x91\xec\xe1\xcc{S\rC\xf1\xe4Fu|\x07&gt;\xd3\x83\x03{&amp;\x84\x08e\x0c\xd6\xd2,q\xfb\xcdW\xde'</t>
  </si>
  <si>
    <t>b'\xcaj\xf9\xab\x02\xe4(\xdb\xa97\t/-\xcd\\h\xf1\x82o\xd8\x0e\x8e!L.\xfd]\x15|\x8b\x95\xdf'</t>
  </si>
  <si>
    <t>b']\xe9\x9f\xa7Y\x9b{\xa0\x06f\xffr|\x1e\x8d\x1f\x84\xcd\xd7\xab\x9a\x96\x85\x86\x98-|\x08\x92\xfb\xdc\xa5'</t>
  </si>
  <si>
    <t>b'\x15\xdd\xa4\x0c\x16qU\xd9\tZD\xfaw%W\x97E\x0e\x99EF\x19\xa7q\xd1c\x19{\x8d\x15s\x96'</t>
  </si>
  <si>
    <t>b'4\xa1\x83\x1a(x\x07\xe0B\xb5\xaeP\xd9\x1aZ$B\x87\xd0\xd4\xfd\xd8\x8b\xdf_\x9e\xd0\xc2L=\x82U'</t>
  </si>
  <si>
    <t>b'4O\x8bR\xcc\xa3#b\xa0\xc5@\xcft\xbc\x0b\xb8\xadv\x95\x01\xcc\xca\xbe\xc8|\xd0\xbe\x1d\xebM\x11H'</t>
  </si>
  <si>
    <t>b'\x01u\x97|\xcb\x03\xfe|U\xbe\x8a[\x9aR\x19EE\xe4_.\xa1-\\;\xae\x96!WI\x0c\xcf!'</t>
  </si>
  <si>
    <t>b'wT\xb2\x7f\x1dV\xca\x1a\xe5B\xff\xa4P\x8e\xc7+\xd8S\xfe\x1f\xd0.\xf1\xa77}\x02\xb1\x17h\x0el'</t>
  </si>
  <si>
    <t>b';\x1f\xd0\xca\x80\x19\x0f\xc3\xc0W\xa2\x0c\xfe\x8c\x18\x83\x03\xe0,\xab\xf8\xaf,k\x82\xd0\xd03\xa7\xf1c\xd6'</t>
  </si>
  <si>
    <t>b'BGP\x00^\xc4\x80x\xf9\xf6t\xb6\x02\x7f?&amp;\xf3F3\xb1\x88\xeeJef]\xd6$u2e\xd9'</t>
  </si>
  <si>
    <t>b'=\xe1\x14\x0c\xbf\x8a*\xb62\xbd\x94\xc3\xc3L\x83\xa5t\xca\x80\xc7u2*\x8b,8^\xacG\x1ca\x03'</t>
  </si>
  <si>
    <t>b'\x83$w\xf3pw\xe3d\xe0m\x80\xa5\xf0\x9e\x9bW\xcb;e\xfb*\x96\xb8\xd5\xb9\x1f\xe0\xeaT@\xc1y'</t>
  </si>
  <si>
    <t>b'\xcf\x1aA\xe9\xa3@\xa0\x045Y\x01!\xa1I%\x8a\xc3\tD\x82\xf3\x9e\x0e\x06\x93k\xd8\\Um\xadN'</t>
  </si>
  <si>
    <t>b'\xd2\xcbW\xc9n\xd4y+[\x08\x94u\xaa\nC\xf2/v\xd5\xa4dNp\xa9B\xbf\xa5w\xc1\xa4\x8fL'</t>
  </si>
  <si>
    <t>b'D\xc7\xd2S\xda\xad\xba\xde\x86\xc7\xc2\xb7\x8c\xc5}{"\xf6\x8d\xf2Clc\x00y\xda\xca\xb0\xe6oiu'</t>
  </si>
  <si>
    <t>b'\x10\xa5V\xf4\xd6\x14\xd2j\x85\x9e^\x0eC\xf2cF\x9d\xbf\xda\x87T~%b\xc2\xb1\xff9\xca\xaevI'</t>
  </si>
  <si>
    <t>b'E\xff\xba \xb69\xfbWJ\x9dY0\xfa8\x04r\xcbN\xff\xbfV\xac\x1f\xbb=\x15g[\x18\x04/\xe0'</t>
  </si>
  <si>
    <t>b'o\x9d\x90\xa9\x1c\x109\xc4\xa4\x8e\xfc\xaa\x1a\x80\xd3\x1e\n\xc5\xe6n\xd0D&gt;\xc9/mG\x90\xe6\xb7\xcb\x14'</t>
  </si>
  <si>
    <t>b'p\xe5R\xc8G\xe0\xa8\xda\xd4\xa7pX\xee\x1b]\xf4\xde\x08\xac\x16F,\xa2a\xc2\xe3\xb9y\x01@\x81\xf9'</t>
  </si>
  <si>
    <t>b'r\x7f\xd4\x15\x0c\x92++p\xbe\x01|2\xd2l\xc9\xe5\x7f\x0b\x00\x0c\xa3Y\xeb\xe6\xb5\xdf\xbe\xa9qdP'</t>
  </si>
  <si>
    <t>b':\x8e\xeemq\x8c\xf5\x86\xf3\x8f\x90\n\x85^\xfc\xf3t\x87\x9e\x01\x1bu\xe0B\xe4`?\x99"+\xf9.'</t>
  </si>
  <si>
    <t>b'\x05L\xfc.\xdb\xdf\xee\xac\x15R\xb4\x93\xb5\xe5j\xaf\xca\x06\xa44J\r\xb0*\xb5\xa8$\xf4P\xd7\xe7p'</t>
  </si>
  <si>
    <t>b'6\xa9z\xbd\xd0s\xbcV\xacE\x80\xfc\xe1\x1a\x9d\xf1\xc4\x93\x83\xc1:\xdf\xe9\xee\x97v\x12\x19e\xb2\xd2@'</t>
  </si>
  <si>
    <t>b'\x0e\x1bY\xcf\xb0\x88\xae\xb8\xa0\xa3a{\xe7\xf0\xfa.$\n\x12m\x96\xb5\x0f1\x1bz\xc83znP\xff'</t>
  </si>
  <si>
    <t>b'C\x91\x80\x9a\xbf\xbd]\xdd\x81`:B\xec\x02\xf2\xf6\x80\xf86\xc3-\x85\x15t\xaf\xd0\xf1\x0f\xe3r@&amp;'</t>
  </si>
  <si>
    <t>b'?d7e\xcd\xb7\xd80\xa1]\x0e\x9a\xf8\xdf\xaff\tI\xb3\xa6\xc1\x99\xaa\xd6\x8bY\xef\xd4.\x8f\x01\x08'</t>
  </si>
  <si>
    <t>b'\x1dTX\xb7\xb3\xc7\x14\xbfGy\xe8\x0b\x13co\x1e\x95cX,\t\x1bvY\x80\x02\x80\xd9\xd3\x1fK\xab'</t>
  </si>
  <si>
    <t>b"\xd2'$\xfc\xe2\xdc;m\t\x1e&amp;\xa5+\x825\xe0-\xd8HK3\xd7\xe2\x17\xdai\xca\x13-\xc0\r\xeb"</t>
  </si>
  <si>
    <t>b'\xd3\x90\xaf\xaa\xd0{\x8c\xfa#\x82\xdf\xce\xd2;\x13\x91;\xd3\x96\x938\x1e/_\xbcNH%h\xac\xc1_'</t>
  </si>
  <si>
    <t>b'\x12\xbf\x9e@u\x1e\x00$w\x9b\xe1\x91\xfc\xbc\xfa\x96\x1f&gt;c\xb3\xf2\x155\xf3J\xd9\xc8Sd\x007,'</t>
  </si>
  <si>
    <t>b'\xa3\x1c\xe7\x9f\xe8bm5\xd1\x823\xd5\x96\x0c\x89\xe2\xee\xe1\t\xb4\xc2\xe8\xa2\xd8Q\xe4n\x0e \x8d\xb2c'</t>
  </si>
  <si>
    <t>b'x&gt;x\x96\x07\x84\xe8q?\xf3\xb7\xc5\x0b\x86@\xc5\xf9Rl\xc1(\x01\x14:\xae+\xab\x10\xed\x9a\xc9\x03'</t>
  </si>
  <si>
    <t>b'\xda\xaa\xcc\x1a\x8a8\xb6{*\xa4\x12\xccw\xc32\xaabL\x0c\xc5\x8d/Y^\xf4W\x9f\x8aj\xa2\xfdH'</t>
  </si>
  <si>
    <t>b'@M\x88n\xc1\x0c\xae:_&amp;\xf1\xbd|\xc6\x0c\x17\xe1c4=Y\xb2\x92\xbc\xa5\xba|R\xbb\xff\td'</t>
  </si>
  <si>
    <t>b'\xae\xdcE\xd2\x8c\xf8\xe9\xfe\x9b\xf1*\xa9\x8f_\xd5\xe1\xcc\xeb\xe8N\x86+=\xd1u}\xfb\x00\xc2\xc9\xbb\x84'</t>
  </si>
  <si>
    <t>b'\xa8\xa9\x01\xe5qk\xb0\x8f\xbf\x9b\xd4\x01\xa6\xc9\x85D\xce\xf1-\xbeG/V\x92\xf5\x11\xad\x8d\x04\x93\xe6\xe6'</t>
  </si>
  <si>
    <t>b'K\x88\x07\tU\xa6^\xcc\x02\x84kR]\xdd\xae\xce\x00\x8c\x03\xc3K\xc5\xd2i\xa8\x1f!4P\xc7s\xbd'</t>
  </si>
  <si>
    <t>b'\xbb-\xf8\'G\xd6\x92/BG^"\xf9\xf6U\xf7\xa2\xf6\x9bc\xd4b\xba.\x08\xe8:G\xaa\xf0\xee\xb6'</t>
  </si>
  <si>
    <t>b'\x8e\xd3_\x9f\xc62\x0e@\xd6-\xd1\x96\xb4\x8e\xd5\xc9\x86\xd9c\xcb\xe3w\x85\xf8\x93\xdc#\x0bt\x97us'</t>
  </si>
  <si>
    <t>b'{\x90W\x8f\x1d@\x12\xc0\xd6\xf3\xafu \x99\x94\t\xbf\xfa\x04\xdf\x94\xc6^\xc1\xbd\x91I\x10$c\xa6\x1b'</t>
  </si>
  <si>
    <t>b'\xf7c@a\xf8N\x13\xa0\x14^\xbb\xa6&gt;\xb7\xea\x9d\x95j\xe9t\xf0\x10y\xf4\xe8\xaa\x87\xb6\t\x96\xd3k'</t>
  </si>
  <si>
    <t>b"\xb7'\xc2\x8d\x0f\xcf\xa3N\x805\x9a\x9f&lt;D\xfc\xbc\x7f\xb7\xb9\x14o{&amp;,,\xb3P\xec\xe0\x9799"</t>
  </si>
  <si>
    <t>b'\xf8\x98/?\xaa\xe0\xa5]G\xb1\xd1,\\\xd7\x93\x84\xac\xe8\x03\x14\xe2\x01\x8f\xc1u\xfb\x92\x03KB\x9ek'</t>
  </si>
  <si>
    <t>b'\xf9\x89\x04\x82\x836\xdaE\xd9F\x94V\xd3\xeb8\x11\xeew\x0f\xc2\x15pG2P?\xd9G\xda\x97\xc8\xa0'</t>
  </si>
  <si>
    <t>b'&gt;\x95*(1\x94\xee\x81\x8eN\xb2\xda\x9ds\x1e\xfa \xdf[\x91\x12\xdd\x98Ti\xfa\x11\xce\xe6\xab2b'</t>
  </si>
  <si>
    <t>b'\x8fo\xdd$\xa6?\xfe\x8d\xc9\\\xaf\xe0\x86\xb8&gt;\xae\x91)N\xd5\n\x9b\xc2\x8a\x0ez\x87\xb2\xec\xe7\xe9\xa4'</t>
  </si>
  <si>
    <t>b"`g?c\xb7wJo%\xe0v\xd4\x85\x99\xc3\x1f]\x9e\tT\xbe\xd6YT\x9e\xdf'M\x0e\xbd\x8a\xcb"</t>
  </si>
  <si>
    <t>b"g\x85;\xf2V2`e\x03\x18\x81\x8a\x909\x8c\x1d\x9f\x90\xddn\x1e\xc6\xcai]\xbf\xae\x087'\x92/"</t>
  </si>
  <si>
    <t>b"p\xfa\xadT\xcd\xed\xb6\x8e&lt;I'Mc&gt;\x99\x07\xb3H\xad\xaa\xbfW\x8a\xb0\x9fm\x08\xaf\xd2\x91\xed\xbd"</t>
  </si>
  <si>
    <t>b'\x89E\x00t7\x1c\xfc\x15&gt;g\x85\x1a\xe5\x94\xec\xac\x95\x91\x12q\xa6\xe0T\xf4\x1b^\x07/\xdb\x8c9\xab'</t>
  </si>
  <si>
    <t>b'\x8a\xef0\x90Ou\x97\x1e\xea\x86B\xc9\x8b\x11Z\x80\x02#\x89\xefK\xad\x03\x87\xa6\xfa \xba\xa7A=\xd2'</t>
  </si>
  <si>
    <t>b'r\xd4\x17\xaa;l\xd0\x88\xb5l:\xba\xde\xdb\x8bKGaTV\xaf5F\xe6U\xe0\x07i\xc1\x93\xfa\xbb'</t>
  </si>
  <si>
    <t>b'\xd4\xf9\xbe\xfd\x81Q;$\x83\xb9\x80\xd1x\x8e\xa8P|z\xee&amp;r\xaf\xe3\xf6\xca]\x97\x9d\x19x\xac\x15'</t>
  </si>
  <si>
    <t>b"\x9fhI'?\xcc\xf3dL&lt;\x94\xab\x90O\x8d\xb6\xfd\x8e\xa6\xb1&gt;\xea6g\xe86\xd6\xa8\x87\x7f\xac\xdd"</t>
  </si>
  <si>
    <t>b'd\x11\xebt)\xb2\xbb\xf6\xcb\x9aS\xf4\x9a\x90"U\xb8,\xf3\x8b\x1d\xe8\x0bef\x8a\x18\x1d:\xbe\x97Y'</t>
  </si>
  <si>
    <t>b'R\x98\xb2\xdc\xf5\xcf\xaaA\xfb\x8eD\xd3&amp;\x8b\xf6\xda#\xeb&gt;J&lt;z\xed\xcc\x1f\xe3-\xfa\x0e33\xe5'</t>
  </si>
  <si>
    <t>b'\xdb\x14\xb6\x01e%O\x1dh\x04c\xf2\x9a\xc0\x89a\x06iF\xc9\x03\xb5o\xf0\xfaI\xc4\xc3\xab\xca\xec\xbb'</t>
  </si>
  <si>
    <t>b'\x19\xda\xf5\xe5\x8dq\xaa\x08\xec\x95m\x07\xbd\xda\xdc\xf2a\xed_Bzf\x90C\xa9\xa2U\xde\xe7\x81\xfb\x95'</t>
  </si>
  <si>
    <t>b'\xad\x90T\xd6\xb1\x88~\x02T\xfc\x95\x9d\xa5C\x1e\xcf\xacM\xe0\x1f \xdf\xa9\xc5\x10B\xfa\xa8\x8c\x9d}5'</t>
  </si>
  <si>
    <t>b'\xa3&gt;\x9d\x90w\xa1\xed\xb0\x8d\x0e\xb55.\xe2\xc1\x99\xa4\xb7\x1d\xd0\x16\xf2Z\n\xd1\xaeZ7\xba\x83\xd6\x8c'</t>
  </si>
  <si>
    <t>b'\x9f\xc5+F\xb5\xa9\n\x17\x8d\xf7\x0b u\x91\tP:\xbb\x1a/A{+nM\xba\x83\x94\x95\xc9n\xd9'</t>
  </si>
  <si>
    <t>b'\x02\x07\xffh\xb6\xd1\xeb*1\x12\xf1]\xce_\x97\xb3\x91\x1a\xc5\xb4\x9a&lt;&amp;\xcez\x0b\x8e\t_\x9e_\xcd'</t>
  </si>
  <si>
    <t>b'\x0f\xd1\xb5\xe8\x82rm\x97\xe0\xb7&lt;[\x892\xd9\xd9)Y\xd0\xa85\x8d\xc6\xc1\t+d\xe8\xb9!\x94\x12'</t>
  </si>
  <si>
    <t>b'r\xff\xff\xe5S\xf1;S\n\xd1\xb52\x81\xaa\x89&lt;yf\xe3\xd52D@\xdf\xf9\xf1{\xebo-\xb0\xf6'</t>
  </si>
  <si>
    <t>b"~\xd72\xb2#\xb6\xb8\x17&gt;\xbe\xd7\x97J_\rMG8C\x15/M\xc9'\xa6\x80\x7fu\x80\x87\xc7\x8d"</t>
  </si>
  <si>
    <t>b'\xa6\xdd\xea\xefeT\xbb\xa2A[\x83\xee`\xcce\xd5\xa7\x88LfS\x9a,\x10\x90\xc6C\xe5Y\xdcw\xab'</t>
  </si>
  <si>
    <t>b'\x06\xca\xe5\xdaz\xa2z\x01\xd7+\x94\x14\xbbv\xe8aKRJ\x0b&gt;\xf0\xd80d\x1a\xe6\xd0\x02\xad\xb9\xf5'</t>
  </si>
  <si>
    <t>b'\x8b!\xa3\xf2\x1d\xbd\xfd\x1c\x1b\xbc\xaa\xc7j#\xc1\x83`qI\x1c:\xec\x82\x0c\x16KG\x8aC(\x86Q'</t>
  </si>
  <si>
    <t>b'\xfb\x89\xbe\xa6\x86\xd7\x93\xbc5\x8f&gt;\xaf\xfe\xc6Wp_\xcc\xcf\xbaf\xc9\xaf\x8ch\xd3\xf2\xf0\xfa\xfb\xba\xd4'</t>
  </si>
  <si>
    <t>b'\x15\xee\xef\xe4\xf0\xe5\x1f\x88u\x92\xcb*\xbev\xeb\xe10\x99{b=\x9b\x92\xbd\xa77&amp;Mh\xb1U\xdc'</t>
  </si>
  <si>
    <t>b'\x06\xeb)\xf4L\x07\x15\x16\xa6\x1b\xc0\x89TA)\xca\xde\x18jT\xb4A\xc1\xe4b&amp;x\xecv\xa0\x89\x9f'</t>
  </si>
  <si>
    <t>b'"\xee\xd0\x9f\xca\x15\xc4\x07\xda\xc0\xe3\x81\xa7^\xa2\xe5\xae\xac\x9bnw\xbb\xcd\x85w\xe5\xe3\xbdJ\x10\x82\x02'</t>
  </si>
  <si>
    <t>b'\x979\xf8\xe2\x0f\xbbF\x80sS\x8a\xdc8\x86r~U\xdb,\xa0\xeaL\x06\x101YEO\\\xf5a\xe6'</t>
  </si>
  <si>
    <t>b'\xf70$4\xfe\x96\xd2\xf8\xbcD\xe6\xd7z\x17[^\xba\x1e.\x00.N\\\xdc\xe2y\xc1\x13d\xd0\xddj'</t>
  </si>
  <si>
    <t>b'\xccIlNp\xfd\xcb\xa5\xaa\'"\xe0\xc9\x1c);\xa6j\xa2\x11\x84\xbfK\x8a\x04\'t\x15\x8c\xa7\xde\xb6'</t>
  </si>
  <si>
    <t>b"C\xbf\x99\x8f\x95\xf5#\x01\x95\x0c\x8c\xae'\x1b\xae\xdf\xc3\xaa\x16\xcd\x84@o\x19MxC\xe4\xf9\x0c}\xf9"</t>
  </si>
  <si>
    <t>b'6\xb9\x1d\xc5&lt;\x96\xe6\xbc5\xca\x16\xe4\x9c\xdb\xb7K\xfe\xb7\xe0\xa73$\xa0\xef\xfd\xe1z\x84\xa4\x86\x90\xd1'</t>
  </si>
  <si>
    <t>b'/\x8dH\x99\xd8\xc0\xbc\x185:c\x17$\x14\xc0u\xbc\x8fR\xc6\xa0\x98\x90Y\xd1P\xe2\xd1\x9d\xd8=\xe0'</t>
  </si>
  <si>
    <t>b'i)\x7f!U\x0fa\x10Y\xdd\x04?\xc8:\xa6\x94\xb0\xae\x9b\x81\xb7\x93\xa8\xc4*\x8aa\xcb\xf5\xcbn\xbd'</t>
  </si>
  <si>
    <t>b'j\xf2\x92\x02 \x97\xa2X1\xa7\xf0\xa98\xd1m\x11\xe9\xaf\xbf\xb0\xa9\x97\xa8/\xa1k\xcb\xa7\xf6\n\n\xec'</t>
  </si>
  <si>
    <t>b'I\xd3n\xfb\xfdC\x0c\n\x9aS\x00\xe2rN\xaa\xd5\x85\xf8\xbd\xcf&gt;cC\x08\xc0\xf0$ (\xaet-'</t>
  </si>
  <si>
    <t>b'\x86\xb5i\xe4C\xde\xacj\x10\x1eX\x82\x97\xc6\xa0\xc8_\x96%C\x16\xdc-%X\xdb~\xe5a\x90\x87\xee'</t>
  </si>
  <si>
    <t>b'\x80Z\xe0Z\xe6Z\x86\xd4\x8f \n\x80\xf2d:\xc4s\xf3\x96\xedl\xf1q\xa2KP5\xe5a\xc8Xo'</t>
  </si>
  <si>
    <t>b'^\xba\xd4\xd2\xe7X\x9b1x\xcb\xb4\x972\x848IF:\xe7\xdbHN\xccu\x99\xd6\xb5\x83\x8b.\xe3,'</t>
  </si>
  <si>
    <t>b'z\xb7[\x86\xc5\x1c)\x17\xabe\xf3\xb5\x10\x9b\xa0j\x14\x84\xf5P7=\xe1=\x12u\x94\x017\xb6E['</t>
  </si>
  <si>
    <t>b'\xe8\xde\x12\x1co\x97\x07\xf1\xf5\xe8\x858\x9f\x9d\xdcY\x1a\xbd2:\xc4\x99\xf7\x12\xb3\xdb\x98ay\x8a}]'</t>
  </si>
  <si>
    <t>b'\xe6][M:\x86\xd4\xff58\xa5}\x19\x9ahF/Y\xb2\xc9\xaf\xbe\xe7Vn\xe7\x83\x9do\x90\xb1\x14'</t>
  </si>
  <si>
    <t>b'\x03y\xb1\x86|\x1de\xf8\x82\xd2\x82@V\x18&lt;F\xf1a\x85"\x1d\xd8\x9e\xa0k\r\x99\xe0C\xb4\x83\xf9'</t>
  </si>
  <si>
    <t>b'k\xf4;s|\x98\x03B\xc4g0\xbf&lt;\xd3\x031A\xc5\xdf-\x97\x8b{!i\xe9"\xc3\xdeM\xef\x85'</t>
  </si>
  <si>
    <t>b'\xd8\x07CD\x9a+\xb1l\xad\xcb\x86_\xad\xb5\xbd\xa7/\x9f\xb7\x8a%\xd5\x196\xe7\xfa\x9am6s\xb2R'</t>
  </si>
  <si>
    <t>b'\x85\rn\x8e$v\xb1\xacpCC\x0e\xb5b\xb4\xb1\xde\xe6\x19g\x06\x91\n\x8f)\xfb\xfb\x85wrs\x13'</t>
  </si>
  <si>
    <t>b']!\x14\x0eF\xcc\xc1\xee\x18i+8U\xd4\xa2\xc8\x8a`a&gt;\x13\xdd\x0b\x10\x0bP4\xc5\x94^\xc8\x81'</t>
  </si>
  <si>
    <t>b'\xef\xad-f?\x96T\x0c|\xd7 \xca\x0e\xde\xe0\xeaM;E\x96\x91&gt;=\xb7\xbe\xc0n\xff\x9b\x16&gt;-'</t>
  </si>
  <si>
    <t>b'\x18\xaf\xdb\x94\x1d\xe0)\x1cmA\x1f\x85\x05\x82\x00Iu\xe2g\x1a\x90\xc2M7\xa1i\tP\x81\x03\xf4\xb3'</t>
  </si>
  <si>
    <t>b'%\xcc\x8d`7\x98\xb5N]\xf1Rh\xcb\xbc\x15A\xe8\xef\xdf\xce\x8e\xda~\xc8N\xfd\x82i\xac#\x1e)'</t>
  </si>
  <si>
    <t>b'&lt;\xb4\x7f\xb2\x95H\xab\xecD\x1d\xe4&gt;XI\x8d~AxrX\xe7U|\xd7\x9a6T.\xf2\xcd\xe0T'</t>
  </si>
  <si>
    <t>b"_m\x9eJ\xdbI\xf7f\x1e3\xd0\x9e1\xbd\xc2\xdb\xce\xc9\x12'-\xec\x0c\x18\xb2#\x87\xf8\x02\x84\xcf\x9a"</t>
  </si>
  <si>
    <t>b'\x80\xb3\xe1\xca\x8b\xfe9K9\n\xa8\x1a\x86\\\x8e\x07\xff\xecR\x15\xee\x13\\\xf7\x90\xe9\x10=\xa9\xea\x95\xc3'</t>
  </si>
  <si>
    <t>b'O\xcc2\x0e\xba\xcbO\xec\xce\x1e\xbb\xd1Btx\xb3\xe5\xc6\x12\x07\xcb\xdbz:h%M\x1f\xca\xfd\x0c\xca'</t>
  </si>
  <si>
    <t>b'\xc0\xdd1#5T\x04\xc7_\xa3~\xc5T\xdf\xe7{\x1f\x952\xed\x84oW\x8b\xe9F5\xef\xdd%\xee\xf5'</t>
  </si>
  <si>
    <t>b'dF{5\xee{\xc1\x9a\x92}x0\xd2\xa3\xfe\xe8/]\xa1\x9d\xc5\xfa+\xaa#sE\xf9s{\x1a\x85'</t>
  </si>
  <si>
    <t>b'\x89\xdd\xd0,\x80\x1a&gt;\xa1\x94\x91\n\xe3\xb2*\x19N\xbc\xdb\xc0\xda\xa8A\xdf\xef\xdc\xf6\xf6\xb4-`\x00u'</t>
  </si>
  <si>
    <t>b'\xae\xa42d\xf0N\x9eWp\x87M\xfb\xe3\xb6C\x95\xf2\x8f\xc1\x04su\xcb\x89\xd6z\x05\x16\x05\xdb\xa6\n'</t>
  </si>
  <si>
    <t>b'J\xac\xcdJw\x90\xc8\x18\xdb&gt;\x98\xcb\x98\xe1\xe8\x89z\xcc\xcb\x93t\x8eg\x84\xe9\x89\xf5\xe8\xf3\x92\xb1\x1d'</t>
  </si>
  <si>
    <t>b'\x15\x7f\x9e\xbbdT=Iv\x19\xba\x80;\xe8e9\x9b\xdaG\x08\x8f\x03{G\x94\x1a\x820\xf0\xd1\xfe\x84'</t>
  </si>
  <si>
    <t>b'\xa8}\xe6\x0cD\xd2\xf6\x16\xb0\xfe\xc8\x8b\x00\x91\xad%\xfe\xdb\x8e\x9dP\xf2%\xa3c&lt;\x00!\x13\xb8-6'</t>
  </si>
  <si>
    <t>b'0Y~%\x95Sb\x81\x016\x97.{${TH\x9b\xd2\xc9\xd4\x90\xdb\xe6u\xf7\xe9-:\x94\xdd]'</t>
  </si>
  <si>
    <t>b'5\xf0 y\x05\xf56\x0c\x8dz\xfe4!\x7f\x8f\xb3\x8e\xbe\xa3$\xaag\xf7W\xc6\xdd\xf0\xcaE*\x90\x04'</t>
  </si>
  <si>
    <t>b'\xcf#\xf6C\x80\xf3\x19\x943^V\xdbh.\x93\x11\x12^\x1f\x94~e&gt;\xfe\x9c\xd7\x84\x96=\x19\xf6\xde'</t>
  </si>
  <si>
    <t>b'(\\\xef\xd6=\x1c\x17\xeb\xe2\xc1\xaf\x0eT\xc8p\xdd"\xb5Z\nT\x1f\xb5=X%;F\x8a[)\xe2'</t>
  </si>
  <si>
    <t>b'\x8b\xed\x82\xb1\xb3^e\xc9J\xbc\xde\x1b\t\x19\xdd\xf8\xec\xde\xf0\x08m?-\xa1\xf8{F\xc3\xaa\x91\xe3\xca'</t>
  </si>
  <si>
    <t>b'Z\xd1V]\xdcn\x81\xfd\x0e\xec\x0b\x1eu\x87\xc6\xf8T\x1bR\x83F\x1d&lt;\xa4y\xe0\x94\x0c\xe8\xd25\xe6'</t>
  </si>
  <si>
    <t>b'\x1dQ\x95\xec]\xe4\xd8R\x11=K\n\xf2~A\xf5x\x88SU\x9c%\xf1w\xe3\xffs4R\xaa\x86\xcc'</t>
  </si>
  <si>
    <t>b'!PX\x1erG\xf7\xbbYo\xb08\xa7\x9a2\xd4&lt;\x14\xc1\x01\x9e\x1dF\xeeYL\xc9gQf\xfa\xe0'</t>
  </si>
  <si>
    <t>b'\x0e\xc7&gt;\xac\x80\x90\xc5\xfe\x18\x00\xe2\xefl*\xa6\xbb\xc6\x95(\xc5E\x8b\xd6m\xf0\xcf\x16\x17P1\xfd\xad'</t>
  </si>
  <si>
    <t>b'\x99\xb4\x89\xac\x11S\x1d\xb6&gt;1\xe6\xec\xa8\xabG\x00\x04\xeb\xd1\xc7\xfc\r\xab\r_\x98\xbc\xd1\xb6\xd0\xcb\xcf'</t>
  </si>
  <si>
    <t>b'\x02\xbat\xe4Yf\xfaY\x8d\xda\xfa\xc3\xe7\xe6\xc9\x16\xac\x8a\x8c&lt;\xbf\xd3\x98~\xd6;?\xf0 \x9a6\xb0'</t>
  </si>
  <si>
    <t>b'\x86\xfb\xd2?\x18\x8c\x10\x93qc\xff\xd4ST\x800\x91]c\xc2"U\xbc\xa3\xd4\x9d\x94\xd9\xc1\x7f\x929'</t>
  </si>
  <si>
    <t>b'j\x95\xcc\x84\x0f\xa0y\xad&gt;\x8ar\x97\xe4w*\x8f\xed\xe6t\xd4\xe8\xc0\x14\x01\xc6X\xf7\xa4\xda2)R'</t>
  </si>
  <si>
    <t>b'\x8aK\xd4U\x04\xb25\xe6r\xd2Ru\xa2(\x9f\x08(+\x12{\x9d\xb8\xe7\xa7,\xba\x83\nua\xff4'</t>
  </si>
  <si>
    <t>b'(\xc7!}\x81\xbe\n\xfd\xb0\x01\xb4v\xcb\x08Y\x8e\r\x15\xc3\xa7\xcd\xcc\x84\xe4\xd9\xdd\xd5fV$\x13_'</t>
  </si>
  <si>
    <t>b'\xbb1\x9f\x94\xde\x97\x1b\xb1Q\xf4Pn5\x84\xa4\x1d{\xbb\xaa\x96\x88L\xd0?WH\x8ce\xbc\xc2\xa3\xea'</t>
  </si>
  <si>
    <t>b'&gt;\x12n\xda\n\xca\x8c\xe0/\x023\xc4\xc7\x12\xbak|/\xc3a\xb3\xc2N\x83A\xf0\x14O\xacup#'</t>
  </si>
  <si>
    <t>b'\x83\xa1\xf4\x8fH\xf3!T\xa2kl\xae\x8b\x18E\xe0~d\x13E\xaa\xa0\x11s\xd5\xfd\x89\x06\xbdV\xfbw'</t>
  </si>
  <si>
    <t>b'\x9d\xbd\x94S?;;\xa1\x06h\xd7\xad\xc9X\xc8\x0f\x0e\x9d\xd7\xe4\x8fO\x1cI\x18\x8b0T?\x9e\x88\xc9'</t>
  </si>
  <si>
    <t>b'\x049\x03\xd3&lt;\n\xfdE\x9c\xc4wh\x9a&lt;~\xb6\xcc\xf7\xa6\x97dd\x18BIO\xdc\x0c\x7f\xd6\x9d0'</t>
  </si>
  <si>
    <t>b'\x1a\xfbo6@\xa1m=\xccTO\xa5Aw\xe9N\xfd\x87\xcc$9p\xce\x02\xe3\xaf8U\x18w\xa2\x9f'</t>
  </si>
  <si>
    <t>b'0\x1a\xff\xf8\xdc\x8b\x1f\x1cA\xad\xc5#\xd2]38\x991\xea\x12^\xc4\xb1|h_\x08"\x0c\x13\x02\xe2'</t>
  </si>
  <si>
    <t>b'\x02\xde\x8bW\x14v\xbef\x1d\xf9\xd5\xcf\xed\x8bjX\xa0\x1e\\\\{7\xea)\xf5F\x9a\x02#\xa22]'</t>
  </si>
  <si>
    <t>b'\xcb\x00\x97\xa1\x18Y\x88W\xb2\xa5\xde\x12\x9aY]\x06n\x00`f\xabYl\xbd\x8d\xa4&gt;C\xe0\xc74\x04'</t>
  </si>
  <si>
    <t>b'\xcd\xaa\x02\x84\xad\xdf\xdew\xa8\x8bmO\xcb=\x8f%\xbe\xbcb4\x88\xdd\x0e\x10\xc5\xf7\t\xc0\xa8\nQ\xdb'</t>
  </si>
  <si>
    <t>b'\x16\xb3\xbe\x08\x1f10\xfd\xdek\x98\xec^\xeaA\x8d\xfdk\x1aq\x80\xe1|\xfe\xe7\xf6&amp;E?J3\n'</t>
  </si>
  <si>
    <t>b'\xba\x9d\xcd\xc1\xa7\xb3 u\xear\x83\xabu\x8c\xe3\xc3\x14a\x85\xc4\x1f\x19\x93&amp;\xb6\x81\x1a\x98D;\xcb7'</t>
  </si>
  <si>
    <t>b'.y\xb1\x0e\xd7\xa6CE\x98\x17L\xbc\xef\xac_oU\x84\x04g\x92\\s\xe2z(\xd6\xa91\xde\x8d\xb1'</t>
  </si>
  <si>
    <t>b'\xf5yR.p\xf8\x91M\x1d"\x8f\xe5\xb0\x13?\x90B\t\xb4\xbco\xb0\xab)\xd1}?\xc5\x93\x02[\x03'</t>
  </si>
  <si>
    <t>b"'&lt;&lt;\x13\xc1\xab8\x86\xaa\xc7\x84h\x8f\x9a\xb0\xfa\xae\x11\xcf,\x81\x8c\xf2d\x17Y\x11\xc0]\x9d\xcb\x8f"</t>
  </si>
  <si>
    <t>b"\\\x842F\xf1\xccw$R'rW\x0bs\x97\x84\x91\xc39\x03:\xca&lt;[\xd0\xe7\x08\x14\xa0\xf0x["</t>
  </si>
  <si>
    <t>b"\xa53\x8b\xa6\x00u\x94\xb5\xb5\r\x7f\x08\\\x80\x19\x0b\xcb\x97\xac\xe1j\x12y\x0b'\xe3\xcd\xa8\xc0\xc6\x85\xf7"</t>
  </si>
  <si>
    <t>b'2*\xc3\x12\xa44\x03\xc8\x9f\x19\xc1\\\xd7k\x1d\xedfPX\xb4\xd8rt\xfc\x9f\x9a\x89R\x9e0\x95\xe7'</t>
  </si>
  <si>
    <t>b' \x06#\x1ao\x07\xb2!s\xfa\x83\x16\x1e\xdf\xed/d\xb7h,w\xefe\xf5\x10\xbb\xf3,\xbb^T\x91'</t>
  </si>
  <si>
    <t>b'\x14\t\xe8Z"\xcd\x1b\xca\x9bf\xb8\xfd\xe8\xa7&amp;3B\xc2j\xce)\xc9\xa2\xf7\xc37\xd14\xcfM\xa5\x0b'</t>
  </si>
  <si>
    <t>b'\xf8\xb0\xc1\x80\xea\x00,\xf0\x15\xbdN0fJ8\xbeJ\xb4\xdb\xf1\xfe\xbe\xe1\xdaz\xb5p\x14\xaas\x9a\x8a'</t>
  </si>
  <si>
    <t>b'\xdb\xab\x87\x0c\xcf\x9b\x00\xf1\x82!G\xdb\xa1\x88\x98\x9e(\x91\xd3\x9a~"\xf1\x17n\xe7,\xe2e\xd0$\xb2'</t>
  </si>
  <si>
    <t>b'"B\xe6\xd7N\xd0\x82\x1a!\xc2\x10MT\x07\x82\xf7\xc6\xeb\x1dd\x81\xba\x9c\xfdy\x91\xe9\x0ey\xad\xb9\xda'</t>
  </si>
  <si>
    <t>b'\xa8\xe9\xb6\xf2\xe31$\x0cmY\xf9\xda:_\xc3}\xbd}O\x05\xf5,%tUM%\x88\xe2{\x07\x90'</t>
  </si>
  <si>
    <t>b'N)\xb2\x05[\x0b\xfaM\xf5{\x10\x0b\x81)\x00\x98\xdc\x14\xc9E9\xf6\x0f\xcd\x10\xdd_u\x089\x82l'</t>
  </si>
  <si>
    <t>b'\\\xa4"B\xc5\xf9[\x8e\xc7\x85\x87\xef\xaaV\xfb\xc4\xd33\xe3\xb4\x9a\x1e\xf3\xa59\x01\xbf\xfb\x19\xfb\xd8K'</t>
  </si>
  <si>
    <t>b"\xcc\xf1_\x18.\x1f\xe4\xf9\x1c\xccu\xbc[\xdf\xf9\xad\xd5v\xeb\xe9\xa6\x12uW\xc9\x03\xcc\xb6,\xa3\x1e'"</t>
  </si>
  <si>
    <t>b'\xab]LM}{\xe9\x80"\xa5\x08}\x15\x1b8\x01\x8f;p\xcbM\xbd\x14\tI\xc6\xecp\xc90\n\xa3'</t>
  </si>
  <si>
    <t>b'\x16\x03\x8dD\xd5p\xdc\xb9\xfbm\xea0\xb3\xb2J\xcf\xccP\xe9\xc1\x8c\x84\x06\x8b\xd9G|\xde=R\xb6\x02'</t>
  </si>
  <si>
    <t>b'\xde\x80\xa1/\x03\t\xd7|\xae\xfe\xe7\x0b\x94u\xbd&amp;\xf3d}\x9f\xa6\x16\x8c\xe5\xb9\xc0\x13Ce2c}'</t>
  </si>
  <si>
    <t>b'\xc1\xb1\xc9\xcd|\xb4\x8a3.\xe3\xcbd\x1e\x1a\xfe\xb4\xac\x99P\xa6;L\xaf-\x8f)6\xb6\xfb4\xc1-'</t>
  </si>
  <si>
    <t>b'\x01NG\xb6\x9e\x10n\xf8\x925\xdb\xed\xe9\xb9\xcf)^\xd5\xe7V\xb5\xc1\xa7S5Mf&gt;v&lt;A\xfb'</t>
  </si>
  <si>
    <t>b'\xe0O\x05\xc1\x9f\x84\xb8\x8f\xa2#\xb2\x13\xbb\x08g@\x9e\xfb"\x8b\xe7v\x87+\x06\x90Q\xd0\xd9\xdf\xceg'</t>
  </si>
  <si>
    <t>b'\xde3\x1c\xd5~\xdb\x85\xd1\x86\xd9"\xcd\xd8\xe8v\xb7\xb5\x8d\x899C\x0em\x10\x7f\x96[\xb01\xb3\xd0\xc7'</t>
  </si>
  <si>
    <t>b'\xdf8\x92\x1f\xe11\xb8p\x8d4\xf1D\xba\x10\xe4\x08\x983\xc9*\x7f\xe7]CxY\xd7C\x03{\x8fc'</t>
  </si>
  <si>
    <t>b'\xe7F\xd3\xcbI \xaay,\x98\x80\x1f\xa3L\xf56\x04\xee;g\xa8\x7fM\x92\x8a\xd5;\x15&gt;\xcaD?'</t>
  </si>
  <si>
    <t>b'\xf9\xb6\x8c\xecU\xa4\xea\xae\xbe\xdc\x02I\xc3\xea-\x13\xd0\xa8\xe3\xa6\xa0\\-\xd1#\xd6\xd1\xbbz\xa1\xd7\xcd'</t>
  </si>
  <si>
    <t>b'\x98\xc5\x9f\x1e\x91M|\x86\x1e\xd9\xfc[\xa4\xe4\x820\xa9/\rg"(2*3\x13r\xad\xbf&gt;\xc5\xe3'</t>
  </si>
  <si>
    <t>b'\xf3\xf7\x08\x82\xdf\n\xd1z\xb9\xba\xc7\x12\xb7K?Q\xda\xf0\xb1\rbm]\xb3\x82c(;\xc0$\x89:'</t>
  </si>
  <si>
    <t>b'\xb0\xa1\x01E\x1d\x17\x11\xbd$~m\x08\n{\xf3\x15F\xde\xda,r\x95cG\xb1\x06\x06K\xee\xc4\xf9\x93'</t>
  </si>
  <si>
    <t>b'\x8bu\x01\xf1D;\x9b\xf3\xe93\x17\\\x9f\x85QWJv\xe7\xa6\xcc\xd7\xe6Z\x04\xeak\xd1\xeb\xab\x8b\xad'</t>
  </si>
  <si>
    <t>b'\xe9\x88\x9cO\xee\x18\x98\x03B\x02\xd1\xc3\x15\xd8\x9f\x8d\x80*\x85\xea\x8d\xa6F\xbf\xec\xfe\x16\xbel\xe5\xf1\x98'</t>
  </si>
  <si>
    <t>b'\xc7T\xdc\x04\xd6\xa1\xc4\xaeXo\x8a=\xfc\xba\xea\xc4\x9f\xfa\xf3pI\xd8\xab\x95h\x06\xbb\x06\x1eS&gt;\xa5'</t>
  </si>
  <si>
    <t>b'\n\x93\xf2\xc84\x06\xef\x8b\xd86\xe637\xaf/\xd4T\xa2\xefU\x1b\xd9O\x0c;axZ\x8d\x93lS'</t>
  </si>
  <si>
    <t>b'!\xba\xfe\xa7\x18\xb3a7v\xb97\x15\xe3\x8e/V\xc4\x1d\xaf\xaeN\x0cb\xf92\xa5-\x17e\xc4n\xeb'</t>
  </si>
  <si>
    <t>b":\xb3\x1d\x86c\xe7\xe0\xadM\x12k\x1f#\r\xf9i\xf3/`T\x8aH\xecf\xcb\x8d\xf6\xff'\xa4k "</t>
  </si>
  <si>
    <t>b'\xacD\x88\x012\x98\xc6IQ\x88\xdd&amp;\xef\xb5\x89\x99\x18\xe1\xe4&amp;\xfd\xef\xd0\x023#eR\xe3\xa1\xf3\xc4'</t>
  </si>
  <si>
    <t>b'3\x8c\x18\xb5\x04si\x10&gt;\xfe/\xf6%\xc3\xf7^\x8b\xc2\xda(8\xd51\xc8[\xbe\xb4\xba\x85\x93\xfc5'</t>
  </si>
  <si>
    <t>b'HY(\xd8s\xb3\x1b\x06\x8b\xc2\xc0\xf1\xcc\x83\xb8n\xf4\xd1\x18\xb3dQH\x83\xf7\xeeB\xa0\xf7\xd4\xbd\x88'</t>
  </si>
  <si>
    <t>b'\xad\xe6\xd9x\xf8G\x92\x16h\x0cy\x8fLos\xd6\x93\xd5r(\xe9\xecU\xcc\xa5:\xe1NP\xa1l\x04'</t>
  </si>
  <si>
    <t>b'\xf3o\x8dm\x9b.F\xb6/Ai\xca\xb9\xa4\xect:I\xf3\xa2\xebl}\x86\t\x1e\xc8\x92\xb4W`\x05'</t>
  </si>
  <si>
    <t>b'\x8c\xa6\x91\xa8\x87&gt;\xfbh{\xf6\xc9\xed\xa6v*\xd3\xd8q\xba\xfcs\xd9fJ2\xe6\xb7\xbf\x1b\xd9\xa5\xb9'</t>
  </si>
  <si>
    <t>b'\x18\xbf"!\x92\xa6\xe2\\y(|\x14Ls\xcd\x11\xd3\xa7\x19V.\xe5A\xf9\x0e+8\xef+\x964q'</t>
  </si>
  <si>
    <t>b'iJ:&amp;\xca{\xbd\xa68\x9e\xe2\xf5\x85t\xd3z\x8a\x13\xcbw\x9bx/\xde9\xbf\x03$\x9e\xff\x84\xe1'</t>
  </si>
  <si>
    <t>b'\x18\xd6V/\xe2\xcf\xe8\xb3\xf7\xb8\x0f\x01\xabh\xf9)\x13\xb6)\xba\xd4\xdd]\xf4P\xb6\xe7j\x7f\x8a7\xd2'</t>
  </si>
  <si>
    <t>b"\xaa]\xefS\xb8\xc1\xd6\xed\x11\xfe4l02!\xb8\t\xfdC\xef\xe7f\x02PI\xd7h\\\x00%a'"</t>
  </si>
  <si>
    <t>b'_\xded^\xe2\xda\x81\x88\x9d\xe0~\xd2\x01\xa2\x08\x96]\xfcm\x05\xf0\x96\x12\xd1\x9b\xbc\x8e\xf3\x87b\x15\xd4'</t>
  </si>
  <si>
    <t>b'\x01X\xb97\xa3\xbe\xa9(\xa2(\xdcT$ ab\x10F\x88\xe9\xb9r\x86\xeb\xaax\xde\x87u}\x99\x89'</t>
  </si>
  <si>
    <t>b'\xf7\xc8\x8d\xa5%\xads"\xfb\x9d\x1e\x87P?\x8c\xe3E\xb1\xffM\xc9b\xedV~\xa8\x15\xa9v\xf9R\xdf'</t>
  </si>
  <si>
    <t>b"\xf9\x0f&lt;\xa9M\x9d\xf749'o\x84\xc2(\xe8\xa2\xc7\x1e&lt;\xe2\x19\xa8\xf3G\xa9\xc4\xaa8\xee\x18\xbbX"</t>
  </si>
  <si>
    <t>b"r\x9cI\xba\xc5\xc4\xfd\xf7\x8b\x8f\xca1C \xf1\x94\x04\x02g\xa3'\x06\xce\xf9\xd8p\xe22\x85\xb2\x1ee"</t>
  </si>
  <si>
    <t>b'Ah\x96U\xa5`;_\n&lt;-\xb2\x0f\xe1\xb0(\xab={u\x05\xfda!\xfc\xe0X\xf9\x1e\xf84\xf6'</t>
  </si>
  <si>
    <t>b'V\xdf1\x80\xb4\xfe\x87\xddDA\x0c\xb0\xdd\xc7\xb2\xb3e=+\x98\x91\x9f\xcb\xc5\x0e\xd1&lt;_G\x8dz\x05'</t>
  </si>
  <si>
    <t>b'\xe5\xd9\xbc\x19\x92e+\x00?\x1c\xcbN\x14\x81\x83y\xd8\xddctp\x94|\xfd\xd3\xe2\xdep\x01}6\xb1'</t>
  </si>
  <si>
    <t>b'\xffE\xba4\xbax6\xc9\x8a.QG\xf6\x00I\x86D\xac\x94(\xa3*\xdfr\x03\xed\xe9\xa0\xbe\xf2\x19W'</t>
  </si>
  <si>
    <t>b'\xd5G\x0f.\xfaZ\x0b\x83V"Q\xac\x8d.O\xc51&gt;[\xa1\xf0b\xe77\xa9Z\xcf\xd7\xfc\xc9|*'</t>
  </si>
  <si>
    <t>b'Z\xc9H_e\xa7\xdeW\xd7\xb3s14M\xc2oz\x9a44\xba1\xad\xf0\xb2As\xaf?H,\x9d'</t>
  </si>
  <si>
    <t>b'8,\xe10\xf69\x187}*\x81^\xefUl\xad\xb5&lt;\xf8C\xa4\x98\xa3%\x87{\xab\xc9\x9f\x17\xe9b'</t>
  </si>
  <si>
    <t>b'(\xa2\xa0IQ\x1f\xd7\xf2\xce\x0c\xec!\x0c\xa5\xd3\xa0\xfeM\xf8f\x17\x96\xd7\n0m\xd1\xfdR\xad\x9cG'</t>
  </si>
  <si>
    <t>b'\xbc\xa2\xc4\xca\xba\xcb@8\xdb\x19\xe8\xaf\x88\xb6\x9b\xb1\xdf@\xe1Y\xbbI\xcbH\xc1lt\xc4\xca`,\xdf'</t>
  </si>
  <si>
    <t>b'n\xd6\xd1\x86\xdaH\x94\x00\xff\x06s\xbbL\xf4p\xc6\xe10\x92\x16N!a\xbc\x9c\x0e\xb6|\xb4\xf1\x00x'</t>
  </si>
  <si>
    <t>b'o\xec\xa0\xfa%V\x8b\x8fg\xfc\n\n\x90\xfd"\x82+\xb5\x8f\xc2o\xcf\xec\xe1q\x99;\x97\xf3J\x97\x02'</t>
  </si>
  <si>
    <t>b'\xb9g\xbc7\xb5Ue|\xca\x03\x82\xa0\x98\x1eN\x19\xbd\xf3\xfa=\xd6\x1e\xb8R\x13\xf4}\x81~\x0c\xf8r'</t>
  </si>
  <si>
    <t>b'}\xdf\xf8\x1f\x90\x8c\xaa&lt;\x96\xe4\xb7{\xf4\xaa\xd6\xab\x95\xa0v\xe8\xa7X\r\xb5a\xf6\xbb\xcb\x0e\xcc\x85-'</t>
  </si>
  <si>
    <t>b'Op\x97\x85\x08\x18\x82\xb4\xe34\x8f\x0b\xfd\xe6N\xea\xf0\xdb.Bj3\x94&amp;\xb9\xeb\x81\xc2n\x8fM\xb1'</t>
  </si>
  <si>
    <t>b'b\xb5\xbb\xd6\x80\xab#\xd2D\xd2B\x97\xea\x0fw\xcb\xd8k~M\x80zO\r\xe4\xf6\xc5\x87\x9a\xc1\xed\xbf'</t>
  </si>
  <si>
    <t>b'+\xb4\x99\xaaRlp\xc5O\xe3\xe4w\x8dK\xf9\x16\xa2\xffw\xaaa\xb0\xa6+|[R\xad\x02\x83\x15\x11'</t>
  </si>
  <si>
    <t>b'_\x1e\x89\x99\x9e\xf0\xbc!\xf4}\xe4\xbc\x8c\x16\xd25\xd5\xe3\x1f\x8by&amp;\x10\xc6\xf3\xb3\xfb\xaf\xca\x1fu\x82'</t>
  </si>
  <si>
    <t>b'\xfd.7(\x12\xb3\xde\x96hM\xa8\xc3r\x9f|4\xabb#]M\xe1\x8e]\x81\x19\xbd7K\xc1\xbc&amp;'</t>
  </si>
  <si>
    <t>b'\xb8\xf3&amp;nb\xc6\xea\xb7R-\xee\xc8&amp;\xffFvC9L\n\xf9\xc1`\x94\x97\xd2\xef\n\xa2\x986\xd3'</t>
  </si>
  <si>
    <t>b'\x9d\x8e\x92\x1f-\xdf?\x9f\x07v\x8a\xca=\x172\x1a\xd6\xbbI\x17\xba\x144X]\x9a]\x85\x1b3\xab\x81'</t>
  </si>
  <si>
    <t>b'`\xfe\r\xb2\xf9\xb3\xfdk\xe7$y\x9ftS\xb3\xc8\xe5\xce\x8d\x8f\x17\x90\xc6\xef\xee;/\xd3\x9b\x15\x16\xd3'</t>
  </si>
  <si>
    <t>b'\xc05\xdc(c\x0f\xf2\xb9Dj\x01.\xad\xf2%\x8a`\xf7,\xd7\xbd\x84\x805\xb9Q\x9bT\xbf\x88"b'</t>
  </si>
  <si>
    <t>b'\xd3\xb29\xa6\xba+\x10\x90\x1e\x01\xb8L\xcf\xd8~\xa0~\xe2\xd9^\x10\x1f\xaa\x9a]\xb1\xae\x86&lt;*\xf7\xdc'</t>
  </si>
  <si>
    <t>b'L\xef2h\x15\xf5\xf1\x10Z[\x0b\xe5\x13\xdb+\x06\xf6\xa6;\xd7\xf0#)\xb3\xd2?S\x10\xf6l\xb3\x1a'</t>
  </si>
  <si>
    <t>b']N\xd6O2xp\x91\xa5\xbe\xed\xfc}(\x11\xf3\xc7\xea\x90\xecN\xed\x9b&lt;k\xa6(bO\xc6s\x92'</t>
  </si>
  <si>
    <t>b"\xe6 \n\xa5\x82'e\xbetl\xeb\xd7\xd8MS \xb7[\x14\xee\x02B\xc16oYyJ\xa3\x15aI"</t>
  </si>
  <si>
    <t>b'wY"3\x15\x8fy:\xc0\xb1\x10\x1e\xca\xde,\xb4#S\xees\x90\xa9\xd7\xc8}\x99\xf8\xa2u\x81\x833'</t>
  </si>
  <si>
    <t>b'\xf6\x9c\xaf\x88v1\x1a\xdf\x7f\x9d\x8cZ\xfa\\E\x08oD\xb2J\x84\xeec\xd3\xb2\xb3X\xc4\xec:;\xa7'</t>
  </si>
  <si>
    <t>b'\xc7\x9e\xb6\xf1/{\xafRa\x19\xff\xf0L\x85\x99;\x8cX\r8\xdb\x99\xa3bN+\xdf\x04%\xab\x89\xe2'</t>
  </si>
  <si>
    <t>b'?\xeb\x92|b\xba{\xc5&amp;\x8dM\x02_*\x1d\xf5\xb9\xfa\xb1\x12\xd1z\x0f\rm\xba.\x90\xc7\xe7\xda\xa0'</t>
  </si>
  <si>
    <t>b"\x99\xe7\xb3\x92'P\xc7\xea\xbajv\xbd'U\xee\x1f\x82\x87TI\xa3\x1d\xa4\x98\xa8\xd5\t\x1b\xd9;\x97\x99"</t>
  </si>
  <si>
    <t>b'\xb3%\x06\xcc\xc2\xae\xc2\xad$\xf9!\xfb\xcb\x1a\xc9\x16J\x1c\xe2\x1axE$\n"N\xfa\xd7\x9d^q\xc9'</t>
  </si>
  <si>
    <t>b'\xe2\xabZ\x9d7\x97\xd19H;"\x08\xd0g\xe5\xee)\x07\xd5\xd1Ms\xb1\x0f\xe4-\xe6\x99\x9c\xad\xc4\xd6'</t>
  </si>
  <si>
    <t>b'o\xc4\x1b9R\x1fN\x01Ip\xab?}r\xa0\x8c\xdf\xc5\xe8`[\x02\x0b\x90\xd4y\xdc\xfb\xe0\x91\x16\x0f'</t>
  </si>
  <si>
    <t>b'\xec\xb9\x9f\x15\xed\x1b\xac\xc9`\x0c\x9d\xda\x9am\xf7+\x8d\x8f\x81hE@\x81-U\xc7\xc9m\x87\xd0\xfdD'</t>
  </si>
  <si>
    <t>b'3]#F\xcaH&amp;j.\x0e\xe3\xd7;\xdb\x8e(#\xe5\xafCbv\xf5\x1e\xa8\xaa\xf1\x0cZo\xe7\x95'</t>
  </si>
  <si>
    <t>b'\xdas`\xb0U\x14Z[\xb2qB\xcd\x979LR\x93\x8e.\x1dVp\xeb)\x0f\xf46`+\xd8\x014'</t>
  </si>
  <si>
    <t>b'VS\xfd\xd5fV\x05\xb5#\xd2\x9e\x96i#\xd2l\ru\xed\x17#\xfa&amp;KV\xf2|\x80Io\xac\xae'</t>
  </si>
  <si>
    <t>b'\xcb\x96\xd5\xa1\x1c}\xffb\n\xde\x01=\xdd\x83\xec\xdf\xa0\x9d!\xcc=\xaf\xb3\xf8/S+G\xb5=\x91^'</t>
  </si>
  <si>
    <t>b'\xcd|\xad\x8b\x13\x89\xa51\xbba-\xe9\x85\xed,\xd5\xff\xca\xd5\xac.\xe9\x7f\x99\xed\x8b\xb7\xcf\xa3x\x1dg'</t>
  </si>
  <si>
    <t>b'-\xc1\x194\xed\xeb{\xd44\x9b\x92\xa8\x82\x08&lt;\x8d_\xcb9\xf0\xdc\x82\xe7\x82%\xe6P$j\xf59\xc8'</t>
  </si>
  <si>
    <t>b'\x8e\xce\xd0\xba\x1c\xf9\xa2\xc8\xfe\xc4\xd49\x01/\xdf\\&gt;\xce\xc2=\x9b\x9f,\x9fi\x84\xd5\xc7L~\xe2\x1d'</t>
  </si>
  <si>
    <t>b'\xffg\xf4\xe7%l\xc6\xb1\x0fZy6t\xfb\xdf\xd5K\x8aG\x84\xbf\xf3\xb1\tTR\xff\xf4k\xb5\x81~'</t>
  </si>
  <si>
    <t>b"/&amp;X\xed\xe1\n,\x1a\xb2\xd1\x83\x8c\t\x059\x98q\xae\x97t\x1cu\xf2Y\xe4\xac'A\x1eg\x90\xa8"</t>
  </si>
  <si>
    <t>b'\x12\xa1\x80)^\xe1\xd6~\xda\xb0EI{E\xcay}s\xa2\x0b3vVp\x97bb\xb5l\x14%\x8e'</t>
  </si>
  <si>
    <t>b'x\x92\x92*\x19a\x1c\x9dQY\x8f\x0c\x02\x85\xa1\xb3\x8a\xa0\xefq\x9f\xfe(|iN\x02\x01\x8f{Gp'</t>
  </si>
  <si>
    <t>b'\xb8\xff\xf0op\xaf\x8cK[\x98\x9b5u\x1e\x97\xf8\x92n\x07!o\xb7\xc7,\xac\xbf\xd1\x9e\xa3\x10\x13t'</t>
  </si>
  <si>
    <t>b'"\xcd\xb4m\xe0\x1e\xaae\xec\xaf$\x06i/\x80t\xb2\xb6\xfd)\x95\xc6$vr\x14$0G\xba\xcb\xdd'</t>
  </si>
  <si>
    <t>b'Y&lt;\xf6\xfa\xab\x87\xce\xa3%\xb2=\xec\x95h\xb8(\xf8$]X~\xedi\xf0w\x02u\xc9\xed31\xe2'</t>
  </si>
  <si>
    <t>b'\x08\xeb\xbb\xc0+z\x94\x0c\x84x V\xa5\xdc\xbdu `\xd9\xb6\xa3.F\x00S\x8d\xdf\xe1w_l\x81'</t>
  </si>
  <si>
    <t>b'\x0c\x9c\x804\xb4\xcb\xca\x14r\xf5\xa9=\x8c!\xb3I\x98\xa8\x1d\xdeGl\xceI\xa5\r\x198\xccoE\x14'</t>
  </si>
  <si>
    <t>b'\xbd\x96e\xab\xec\x04$\xc8\xe9\xb5\xf4\x00\x14GA9\x91\xf3\xd0T?\x95\xba\x99\x98Y\x0c_\xba\xab\xa0*'</t>
  </si>
  <si>
    <t>b';\xa4\x97\t\x0bm\x9e\xb42\xf5\xce\xec\x17)\xce\xec\x87s\xc9.\xab\xbd,\x07\xb0\x07ry\xa5\xc9$\xd4'</t>
  </si>
  <si>
    <t>b'\xd1\xcaHm\x12\xdf\x9f\x03\xe6\x94\xaf\xac"\xb5\xf4M,\xe6\xbdcul\x07z\x82\xe4\xf1\xcd z!\xe7'</t>
  </si>
  <si>
    <t>b'\x03h\x82\x8d|\xb5\xad\x9dc\xcb4#1\xdd\x04j\x99\xb8*\xfc\xd3u\x14\x1dT\x037\x85\xca88i'</t>
  </si>
  <si>
    <t>b'\rXU\xd3\xc1!o\x0c\x80\x10\xe7_\xe1\xa3\xcd\xea8R\xbb\xcb\xee\xe3n\x88\xa1\xd5\xce\x02D\x0c\xf7\xd6'</t>
  </si>
  <si>
    <t>b'&lt;T\xb3\x08 4N\xdbW\xce~y\xac\xf9\xa5n\xfc\xe5\x0b\tM\x8ar;\xd7\xb5\xea \x8c\x12\x12\x14'</t>
  </si>
  <si>
    <t>b'\x96\x8c\x95\r]{K\x19\xd6\x14$\x98=\xf5D\x96Nf\xb49\xf4%.\x89\xb2\x14\xe5.\x06/{\xc4'</t>
  </si>
  <si>
    <t>b'\x12\x9f\xbb\xc4\x91\xec\x84\x14\xfa\xa8\xac"\x1b~\xbb\xb9\x80#\xd3\x0b\xa7\x9a\x91z\xd3:\xbd\x8e_lL\xcb'</t>
  </si>
  <si>
    <t>b'l\x19\x90#\xc3J\xcd*\xd2\x9d\xed\xa2\xc2\x8f\xfcs\xf1U \xed\x02?\xfc\xe1.G\x85\xcf*J\xf1\x1a'</t>
  </si>
  <si>
    <t>b'4\xc9#\x8e\x98\x90v1\xccP\xfaM%\xa0\x95(\x0e\xc8\xa5\xc5\x82\xffJ\x91\x06\x02\xce\xb1\xe1\x84\xcb\xca'</t>
  </si>
  <si>
    <t>b'?&lt;\xad\xf0QT\x9bPZ{V\x05#"Y:I\xd0\xce\rl\xb4+5\xb0\x8e\x08\x93\xaf\xd2\xee\x85'</t>
  </si>
  <si>
    <t>b'\x9ew\x13t\xbdt\x08\xf7\xa3\\c\x8bn]\xe6\xffB\\T^Z\xd4i\xb8\x81\x90(\xa7ET\xfd\xa6'</t>
  </si>
  <si>
    <t>b'Jo\x01\xc3\xcc\x1b\x1aJ.!\xf5\xba\xcdnJB\x13\x85o\xf1\xe0(R\n\x1b\xd4\xfeRS\x19\xb0"'</t>
  </si>
  <si>
    <t>b'\x96\xf0\xc0yS\xda}U\x13\xf6\x85nxf&gt;&gt;.\x9a\xf0\xf6\x11#1\xdc,C\xc8\xf1\xa2X\xbfc'</t>
  </si>
  <si>
    <t>b'!w%.\xae\xca?J\xf8o\xc3;\xe5Z\x1e\xcd%\xfe\x85L\x8a\x1c\x06\x1c]\x13\x8d\x14)\xc6S\xd0'</t>
  </si>
  <si>
    <t>b" \xa0.BQ'\xd7\xdb\xf3.\xf2b\x1a\xca\xb7|\xfa\xeep `\xe0#$i\x94\xdf\n\x05\xbbt\xcd"</t>
  </si>
  <si>
    <t>b'4%\x9a\xe7\x82?\xfb\x05\xc9J\x92i\xb7D,\x88\xc7\x881\xca\xc1\x1a\xfb\xa4\xc1\t\xc4\xbd\x8a\xe0l\xf7'</t>
  </si>
  <si>
    <t>b'\xdd\nl`\xd1\x81\xcf\x03Bz~\x0c\x82{(n\xe8K\x08\xbf\xf05\xd1p\xab\xf2\xd16\xb0I\xf3\xec'</t>
  </si>
  <si>
    <t>b'\x18\xfc\xb3\x12J\xe6\xc7\xed\x14\x89?\x06a\xd9f\xbb\x88\xeba\xf1i\x05\x87\x7fS\xe0-\xe0O\xee9\xa8'</t>
  </si>
  <si>
    <t>b'\xda#\xd7ITZ\xde\x1d\xeb\xca-\xd6\t%\x10-\xb3\xc9\x0b\xf7\x8d6\x12\x1a,~l\xac\xfd{Uc'</t>
  </si>
  <si>
    <t>b']\xc7\x18\x03t\xefa\x99}\x93\x1a"\xbc\x1bXS\xd8\x1ax\x08-\x0ek\xe5\xaa\xd0\xe9\xc1+&lt;\x92\xa9'</t>
  </si>
  <si>
    <t>b'\xc3\\y1M\x05\xc1\x8a\xbc\x8dB\x86\xa6\xe7l&amp;\xe2d\xd1\xb2\x02\xb3w\xb9\x9b\x16I\xde\xcbY.\x86'</t>
  </si>
  <si>
    <t>b'\xc9`\x19\xdb\x95\x96o\xcdP\x1ad\x84\xeas ,\xd9\x9d;\xc5\x118{\xc8G\xec2\xdd\xad\xd4L\xa0'</t>
  </si>
  <si>
    <t>b'y\xed\xe5\xa0r]P\xa2\xba\xa7\x9d\x9c\x9c\xd51|\xc1\x1fj\x1f\xbd\xf1@t4x\xb2X\xffl\x85\xb7'</t>
  </si>
  <si>
    <t>b'\xa30m\xd1\x87\x17*\\\x8b\xd4\xb64Y)\x1dj\x9e\xb0 GyeB\xac\xc8\x0f\xda\xef \xa2\xdc&lt;'</t>
  </si>
  <si>
    <t>b'\xaa\x15CE\xef\xce\x11\x08\xa9\x9d\xfb\x08-\x10&gt;\xcf\xe8\x93\xf1\x17\x83Ua\x9f\xae\xbdv\tk\x92\x00\x92'</t>
  </si>
  <si>
    <t>b'H/&gt;\x84\xa1\xd2\\\t\xeb\x96S[\xbef\xc5n\xfd\xf6$#\xdd\x82E%\xe6\xa5\x0b\xc3O\x02\xa0\xb4'</t>
  </si>
  <si>
    <t>b'T\x1c\x07\x91W\x03\xa9\x19k\xdd\x8a\xd2l\x00\x13(\xf17"T\xec\x17\xfe\xa1\x02!\xf6\x8e\xd1\xa8\x8e`'</t>
  </si>
  <si>
    <t>b'\xbf\x8e\x0f\x0b\xa5e\xc7E\xa6\xbe\xa2M\x90\xe3\x9fCY\xb8\x889\x1cl\xab\xcdg\x94\xd9\x82)\x8f9\x88'</t>
  </si>
  <si>
    <t>b')\x9a\xac\xec \x90\xa2\xfex8:\xb2\xb2!\x82\x8dA\xa7\xfe\x95\x90\xc8W\xee\xae\xbe\x9b\x99\xaa\x83\xed\xb1'</t>
  </si>
  <si>
    <t>b'\xb2\xc3\xe7\xa3\xa9:\x11va3\t\x83+\x0bd&lt;A4\xecG\xc7\xeb\x18:h\x06\xc3\xa9d\x04\tk'</t>
  </si>
  <si>
    <t>b'\xdf&gt;\xa9\x01\xec.9\xe2\xb6\x86\xd3\x81@\xb1x#\x10\xf6u\xc7\x1a\xd79\xc4)\xbc\xab\xd2\n\xa2?\x9c'</t>
  </si>
  <si>
    <t>b'\xc9\x80\x8b\xa3\xe6\xca4\xc5\x02p\x8c\xecr\x9e\x9b\x008L\xbd[\x10\xddc!\xce\x17\x9c\xab\xba\xc3\n\xff'</t>
  </si>
  <si>
    <t>b'\xcew\x9be\x809L\x97\xb9p=t\xc4\xc8\x1f\x87\xf7\x1b\xa0\xf2\x95F\x81\xed\xc8\xfe\x9e&amp;Gg\x1d\x1c'</t>
  </si>
  <si>
    <t>b'j]\x99\x10\xcb\x1a6\x86\xf4y\\\xf7EVU\x10=\x07.]ks\xe0\xe17\xab\x8b\xb4\xd9\xb7\xf4m'</t>
  </si>
  <si>
    <t>b'Y4\xbe\xba\x98y\xf5\xed\x92G`?\xf8\xda{\xfd\xe4G\xc0\x07\x15\xd4(\xf1G\xd4i\xf0\xb60B\xee'</t>
  </si>
  <si>
    <t>b'1T\xd0\xd8\x0c\xdd\xa0j\xa4\xdf\xa66\xb6J\x86pD\x954\x89}\xa3H\xfe\xfaT\xdaw\x07\xa6\xd7\xf3'</t>
  </si>
  <si>
    <t>b'\xf5\xbe\xf0\x16\xf4F\xbc)w|2h\xe5kb\xe7W=\x05\x9d\xbb\x18m\xddb\xc7&lt;V4*\xb4\x0e'</t>
  </si>
  <si>
    <t>b'\xd6\x15\xa3n\xcfW\xa3$\xcaH\xa8\xbd\xd5s\xca\x98\xdc\x8c\xe4\xb5J\xd6,\x86J\xdc\x94\xfdl\xa1?\x0e'</t>
  </si>
  <si>
    <t>b'\x96\xf4\xed\xec\x12V\x15\x13N\xb8\x94o\xb3\xe5/\xf6\xec\x93Q\xde\x02\x13C\xca\x11\x89Q?\xa4&amp;b\xe4'</t>
  </si>
  <si>
    <t>b'+\xb1\x00\x89f,\xee\xe19\xfc\xd0\xe6\xe5\r\xf5\x83 Z{/y\xde\x86\nx\x80\xf4q\xef\xea\xc1\xba'</t>
  </si>
  <si>
    <t>b'?\xed\x9eX\x9e\xbeJ\xc4\x05\xd2\xdd;\xf1y\xe2\xd6\xbd\n\xb1&amp;o\xf3}\x899b\x93V\x85\xfe\x1eC'</t>
  </si>
  <si>
    <t>b'N\x8b\xc2\xfb\xfc\xe5\xc2\xdcO/\x85\xfa\xe0t-\t\xd5\xad\x16\x13\x1b\xfdc\xf5\xc5\x17\xba\xff\x02d\xb4b'</t>
  </si>
  <si>
    <t>b"(g\x84\xfd'%\xbev\xf84\x13\x97g\x90\xd1S\xe7\x8c\xd1\xb5\x1c\xaa\x1e\xaf\x8c\x1d_7C\x12\n{"</t>
  </si>
  <si>
    <t>b'P\x95G\x85\x9dI\x15\xbd\xbb\xa9oA\xbc\xb9\x11\\X\x13\x9e[\xeb\xec\xb9P?\xa5\xc9cb!R\x82'</t>
  </si>
  <si>
    <t>b'~\xc3\xd8\xd2J\xcf\xe3c\x8e\xbc]X\x84\xecq\xa3\xe8e\xb3\x97\x9bS\xbb\xdd\x1d@\x9f\xa2\xbf\xfc\xedF'</t>
  </si>
  <si>
    <t>b'jfU\t\xd5c\xd4\xa5\x86\x11\xe8\xbd\xcd\x8a\xfc\rJ\x12h\xba\xdf\xf8V\x0e\x0f\xb7\xac\x93{\xde\x8a\x0b'</t>
  </si>
  <si>
    <t>b'\xd3\xb77\xfe\xe3\x05\xa7\xc86=\x8f\xa2\x89\x7fE\xe7\x01\xcc\xb7\x7f\x85j8&amp;5\xed\xe3\xbb\xe6\x0f\x98Q'</t>
  </si>
  <si>
    <t>b'\x10\xfa^\x15&gt;\xb6\xb2B\x93f\xde\xfc\xdb:|\x8a\xae\xc3\xba\x04-T\x0e\x00\xcb\xa2\xcd\xdd[\xab\xf1^'</t>
  </si>
  <si>
    <t>b'"\x9c\x15\xa5o\xcc\xd8&amp;\'|\x1drV\xed?HZ\'\xb0\xaaX\x02\x1a\xc1rS&amp;\x1d\xaag&gt;Y'</t>
  </si>
  <si>
    <t>b'f}Z\xad\x01\xc0\x07\xf5J\xdb \xf5\xee\xc8\xc1\xa5\xe0\x80\xd3\x93[\xb8\xe1\x19\xc1\x95W\xf4t\xfe\x03\x9a'</t>
  </si>
  <si>
    <t>b'\x1b\x9e\x94T\xc1\xed.\x1d\x17\xdc\xf7+\x84\x8a\xf2o\x02\xad\xb7@\x9d\xe2f\x19ui\x8e\x05\x04\xa8\xba\xe6'</t>
  </si>
  <si>
    <t>b'\xb3\xb4\xb0\xa6!\x7f\xb4\x04\x0b\xd9\x8f8\xc2\xb2VM\x86\xfc"\xd2\xa9|C\x1d\x85\'e:\xa0U\x0f\x8b'</t>
  </si>
  <si>
    <t>b'\x0b\xf9Y/T\xcbV\xb56\xf6\xa7\x15\xd6\x9d_C\xd6Kw\xbae\x08\xbclr\xb9Y\n\x05\xc6\xe6\x85'</t>
  </si>
  <si>
    <t>b'=\xfd\xc6W\xacp\x1e\xb0D\x1c\x19\xef\xe9\xc4\x88\x89,\x90w\x86\xc6\xe2O\x9c\x7f\xc4\xe4\xdd!PK\x80'</t>
  </si>
  <si>
    <t>b'6\xadS&gt;gb1\x05_0\x19\xcaw`\x9c\x00\xa7\xf4Q\xa8 \xa2}\xa7\x01\xecr\xa6\xbf\x80,\x06'</t>
  </si>
  <si>
    <t>b'\x1d\xa5&gt;\xc4%\x99\xcf\x86\x05\xa2\xd2\nX\x86"w+\xe7\x83\rm\xee|\xf0\xb7\x9f\xeaz\xf3\xb7/\xb0'</t>
  </si>
  <si>
    <t>b'x\xbd\xee{\xd1\xf4{\xcd\xd2\x10o\xd6\xac-P\xdd2 ~}g\xe3D&lt;\x05F\xe8\xe5S\xd4\xc2\xd8'</t>
  </si>
  <si>
    <t>b'\xecY59-\x92\xb9N\x04\xcb|F\x82-\xe7P\xe4\xe6\xad\x1f\x06Y\x8a\xfbh\xa6\x94\xb5\xfd\xc1\x99e'</t>
  </si>
  <si>
    <t>b'\xc8\xd5^Il\x96\xdbnp\x1e\xe4\x9c\r\x95b\xa07G\xc4|2\xf4\xaa\x02\xbd\xbc+\xeaJO;\x8d'</t>
  </si>
  <si>
    <t>b'\x99\xe4\x9fj\x8f\x89\xc0S\xe8\xa7YS\xb1\xf9\xbc\xd3\x9d\x01\x14 \xa2B\x90r\xf0\xc4\xbd\xb0v-z\xb4'</t>
  </si>
  <si>
    <t>b'uK\xb2\x1c\x06\xc4\xf7\xc0\x11\xe6}\x80\xa1\xa8G\xae/\xb6\n\xf1\xab\xeb\x03X\xba\xfa\x93\xe7\xf4\xb24K'</t>
  </si>
  <si>
    <t>b"/\x143]\x18\x0c\xb8\xf1\xc0\xb9?\xe5\xf3\xa9\x8a[\xe4\xa9\xa8[H\xfc\xc6\xba\xe9\xd0\xe6\t\xd2'c\xf4"</t>
  </si>
  <si>
    <t>b'&lt;]\xbcU\xb2K\xbe\x95\xfa]7\xe7\xea\xb1\xaf\x0e\xec\xf3`\x10\x88\xc1\xff\xfbo\x8c\x05\x94\x95\xd1\x1f\x83'</t>
  </si>
  <si>
    <t>b'\x9c\x9d`\xe7\x9e\xf2c?\xa8\xe4\xbf\xa9\x90\x9e\xc0\n\xf5 \x9c1&lt;\x82\xbf]\xb9\xc3\x9e\x94\x06S5\xb2'</t>
  </si>
  <si>
    <t>b'\xc3X\x1f\x9b\x0fs`[\x92\x19\xc5\x9d\xb4\xad\xdeK\xae\xf2\xdc\x8bphoOT~Y\x7f\xa78\xbe\x1f'</t>
  </si>
  <si>
    <t>b'\xe3\xf1h\xdd\xf8\xda{1d\x1f\x19!{&gt;\x7f\xdf,$?\xc13\xfda\x0f\x14k\xd0\xd6\x08\xa0\xd7\xb7'</t>
  </si>
  <si>
    <t>b'\xb46f\x03\x90\x1eWC\x14\r\x000n\x02\x0c\xacOM\xee\xedUy\xe6\xc7$`\xa3{d \xd3A'</t>
  </si>
  <si>
    <t>b'\x8c(\xb2N\xa0\x1d\x8d \x12\x04\x0ff+|M\xee]\xc5\xcc\x00G"R\xf6\xb0\n\x15\xd84\xde\xb8\xf4'</t>
  </si>
  <si>
    <t>b'\xbe\x82\t\x81\n\xae?A/@\x19\xf4\x8be\x88\xb3\xca`y\xc0VI0\xea\x9a\xe4^\xd7?\xb4\xb4\xef'</t>
  </si>
  <si>
    <t>b'\xbeK\xca\xf5$\xf3\x15k\x98\x95\xba\xc9K\xcb\r3\x91\x0eD\x98\xf8R~\xd2\x1e\xd6\xa4O\x10\xe8\x84\xb3'</t>
  </si>
  <si>
    <t>b'wce\xf1\x1a&amp;\x9d=\xe2%5b 1w\x16\x8f\x8b\x18&amp;!|\x91r\xe3\r^\xd05\x0c&gt;t'</t>
  </si>
  <si>
    <t>b'\\%Z \xc5\xd9\xa8\x14\xd0\xe0\x82\x95\x9e\xaan|\xc0\xfd\x9c\xdf\x92\x99js\xcb\xa59\xa0}\x82\xfa\xc2'</t>
  </si>
  <si>
    <t>b'P\xe0\xe0c\xb2\r\x1f\xd0\xb0|\xc093\xf2\x92Z\xe1\xeak\x14\x81\x9e\x90\xe4H\xde\x11\xcb\xd9\xab\x0c\xab'</t>
  </si>
  <si>
    <t>b'}d\xd7\xf7\xa4,\xcdf?_3\xb5\x13\xf9Z\xc8\x1e\xb0\x1d\x00@n\xca\xdc\x96b\xa4IX\xf2\x1a\xbb'</t>
  </si>
  <si>
    <t>b'|H\xa0\x87\xb0a7\xdf\xfcI\xd1{\x9b\xa9@8\x0cM\x9a\x88\x16\x82\xb8\xc7\xafo\xf1\xd2\xda\x01\x84K'</t>
  </si>
  <si>
    <t>b'\xca\xb2\xb3Y\x82ES\xf2]\xf1\xcd\x90\xda5\x8b\x08o\r\xd55\xbc\xa9\xdbkk\xf2\x9a\x1b\x80A\x15\x80'</t>
  </si>
  <si>
    <t>b'%\xf3\xbc]B\\&lt;?(\x8fp\x8a\xef\x06&amp;chI4\xa3\x10\x1f\xeb\x16Lq\x9dX\xd3\x84\xb3\xfc'</t>
  </si>
  <si>
    <t>b'\x19\xe2;h52e\xb9\x03w\xbfo,xd\xc4u3\x15*8\xd7\x8c]w\xc2\x1c\xdd\xec\x801-'</t>
  </si>
  <si>
    <t>b'0,\xbe\xea\xb1!\xefa\x95\xd79i\xe49\xaa\xc8\x1d\xcb\x14\xc9i\xb2\xd6\xd7\xda\xb94\x19\xeeC\xeaK'</t>
  </si>
  <si>
    <t>b'!\xff\xfa\x93vM\x7f\xef\x8c5g\x18\x1c8\xe0\xf6\x81\xa3J\x9a\xceBt\x1c\x1d\xa7\xd4\x87^\xb0a\x80'</t>
  </si>
  <si>
    <t>b'%\xddZ%\x06\x15\xf8JI.\xcb\xa8\x8b\xed\xd9\xb7\x13\x92h\x86\x15\xe5\x80\x1c\xdaM\xec\xf4&amp;\xe2\x0eG'</t>
  </si>
  <si>
    <t>b'\x7fp\x18\x83!h7\x15b\x81\x0f\xd9\xf0]\xe9g\xda\xe8\xb3\x13\r\xf4\xae?1\xce\xb9\xc4Q\xe3\xd4\xc3'</t>
  </si>
  <si>
    <t>b'\x11\xa7N\xd8V\x9f\xae\xac\xcc4\xde[\xc7K4\xb2=Pu\xa9\x8b\x1e\x18\xb6A\xbe\x00\xa4\x07\n\x84\xc1'</t>
  </si>
  <si>
    <t>b'\xc4\x04a\x91\xe6\x05q\xde\x80\xb9\x98\xdf\x8f\xd8Y9\xda\xf2k\x9fX_:\x9fNy\x88O\xea\xc02#'</t>
  </si>
  <si>
    <t>b"AU\n\x98\x8a}i:\xbd'\x18\xe3\xe4Q\xc9\xc7'\xb3\x1f\xb5\x8d\\\xda\xe4\xe2\x7f\x1b\xbetiPn"</t>
  </si>
  <si>
    <t>b'\x1e\xb3b\x9ds\xd8\x1d\xbaKe&gt;o\x8c\xb1I(\xe2\xd7\x89\x82z]~ \xa8Y\xf5\xf2(\xd1\x7f\xf4'</t>
  </si>
  <si>
    <t>b'\xdf\x9cW|@\x00\xee:\xde*\x8ef\xd3ZMp\xffK\xd80\xae\xa7qI=|\xdf\xb9^\xc2\xccd'</t>
  </si>
  <si>
    <t>b'\xdd\x0b\xce\xb9\xae\xb0\x82e\xdeD;[,\x1eH\xd9W\xb2{\xf1_\xf0\xef_\xa2\xc9\xfc\xd7\x96\x96\xdf\x7f'</t>
  </si>
  <si>
    <t>b'\x0f\'9#\xa2",\xa3\x9bp6\xfd\xad6\x85W\xe1\xd0\xc3\xd3\xde\xa8\xbfS5\x8b\xea\xd2\\\xba\x8am'</t>
  </si>
  <si>
    <t>b'5\x1f\xffy\xd6\xec\x13\xd9\xed\xcf\xe1\x8ca\xe5\xd9\x052\xf1\x1c_\xa5\x909$\xfc\x87\xe8\x8d:+\xd1\xa9'</t>
  </si>
  <si>
    <t>b'\x1b\xcc\xe0\x99\xf5\xb6\xc0\xc8)l\x9flQ\xd6\xf3\xf8\x12x\xab^\xea\xbf\x02b\xb8\x81Of\x05\xf2\xe2\x82'</t>
  </si>
  <si>
    <t>b'\xd0p\xd8\xc3E\xa9^\x03\xca\xef`\xd5\xa6\xf6\xdfDE&amp;\xe4\xee\x1a\xdd\xf1l23\x0bV\x04\xc3\x81K'</t>
  </si>
  <si>
    <t>b'\xb2T\x05\xe8gpU\xf1m\t2zA\xa2q\x8f\x8a0\x7ff%X\xbaLO\xf3\xda\xdb\x11\xa8\xaaD'</t>
  </si>
  <si>
    <t>b'\xa3\xb0`\xe98"z\x9e\xc7\xcaq_\xb4\xd76\xb2G\xfc\xa2\xb8?\xae7o\xa10\xab\xcc\xc0Ui\xc3'</t>
  </si>
  <si>
    <t>b'\x89\x9bW\xa3a\xa4H6Z\xef\xad\xc2\x87\x97\xfb\x10\xc6\xa0]\x06\xcf\xeb\xfe\x94\xd0nH\x8e\xf2\xec\x07\xae'</t>
  </si>
  <si>
    <t>b'\x0e\xb1\xb2\x0f\x0f\x8a\xd7\r\xe6~\x86\x06T\xddD\x08\xa4(\xa7.D\x9e\x18-G]\x89$\xac3l\x00'</t>
  </si>
  <si>
    <t>b"\xdd\xc7\x90e\xf0\xe6'\x90(p\xc4_\x02\x11\x17\xa5\xa4\xa7a\xa4&lt;\xe5\xad9\x9b2\xdff\xe7\x02W&amp;"</t>
  </si>
  <si>
    <t>b'\xf9\x9a\xe1\xec\xf0\x88\xd9\xb6v\xd5\xc9\xf5\xe4\x05\xb1\xf3\xde~\xd6\x88qJq\xe8`\x81\xfa\xf3\xfd\xa6\n\x12'</t>
  </si>
  <si>
    <t>b'\x8f\xff\xe6\xa8\xea\x13\xcd\xc4n\x96\xbc\xec\x8c\x00\xa1\xf3\x0c\xaeb\xc8\x8e\xfd\xb3;n\xd4g\xaf\xc4c\xbe\xb0'</t>
  </si>
  <si>
    <t>b' \xb4MT/C\x92\x86\xab\xb5\xf8c\xd11\x14\x9b\x0f\x98\x8eDAg\xc6(\xee\x92:k\x0bM\x80\x85'</t>
  </si>
  <si>
    <t>b'\xa9c\x8f\xac\xf8\xa3\x10\x81qh\xf8\xf1q\xf7\xe4\xb0\xa6\xc0\xaf\n\xc2C\xe2\xd9\x13J\xb2h\xf0\xd4\xb5n'</t>
  </si>
  <si>
    <t>b'4\xf5\x98\xd2\x8e*\xd6\xbc\x83\x9e]L5\x98S\xec\x146\xc9\xd7\xd2\x12CP\xfd\xaf\t\x0f\xee\x07\x9b '</t>
  </si>
  <si>
    <t>b'Qn\xec\xf2\x8f\xb7\xa0!\xf7&lt;62\x06\xfe\xa9r\xe5\x10BU&gt;;\x02\xafYef\xaaF1y\xea'</t>
  </si>
  <si>
    <t>b"P\x9e\xe6\xab\xcf\xa9\xa7\xab\x88^\x96;\xc9\xbd7}\xac=-\xd9'\x8c~Y\xe2\xdd\xfd\xef\x8c\xbc1\xc4"</t>
  </si>
  <si>
    <t>b'\xbc\x07Ywx\xd8\xf8\x13\t\xe3(\xae\x14/\xca\xdc\xcf\xdf\xd8\xe5\xf3m[\x82Z3\x1f\x15_\n\x03\xda'</t>
  </si>
  <si>
    <t>b'|\xf0@\xc58l\x00\x85^\xb1\xe2\xffk&gt;\xc9?H\x8ch\x8b\x9es\xb1\xd0(Q\xab \xde\xf5P\x93'</t>
  </si>
  <si>
    <t>b'\x89\xb4\x8e\xef$%a\x98\x95\xa0b\\\x98\xb1\xa0\xe0\xbc1\x82\x98a\xce\xa2\xcf\xb8\xb7)E2q,\xf1'</t>
  </si>
  <si>
    <t>b"\xdf\x943\xf5\x9f{\x1b\xc8\xbd\x04\xec\xb1\xb5*\xdeB\xf1\xc9\xf6\xf0\xdeG\x11':\xe5\r\x1d\xd7\xf7\x1a2"</t>
  </si>
  <si>
    <t>b'1\xe1"CMA6X\xf3m\xa3\xa2\xffm\xb8 \xa7}\xf41\xf6\xb8l\x95\x96\x86\xaf!\xe5\xf3:\xf3'</t>
  </si>
  <si>
    <t>b'\xa8A\xe5+\x8c]\xa6\xe2\x1b\xec\xcf\x97\xa1\xa7.4g\x07\xfaK\xb1A\x85\xc8\x90\xebd\x8a\xfe\x97\xe6\xd6'</t>
  </si>
  <si>
    <t>b's\xd3\xe7\xc2\xce\xb7\xd5t\xbc\xc6\x91H\r\x87\x0b?/\x12\xb1h\xb95(\xe7G\x81\xf9\xa7\x9b\n\xd5A'</t>
  </si>
  <si>
    <t>b'\x90C9P@\xcb@k\x97i\xb0}\xbe\xb4\xa6\xe4\xa0Vj\x92~\xbf/\xc6g}\x0b\x8c\xf7q\x82\xc0'</t>
  </si>
  <si>
    <t>b'\x06\xddn|\xa2\x02xx\x1d\xadv\x1e\x81\xfa;\x19\x17\x8a\xcd\xb7\xadO\xf4\xc7\xec\xfb\x13\xa2C\xe7\xcd\xde'</t>
  </si>
  <si>
    <t>b'\xfe\x8f5\x9eTEa\x82\x99\xa0\xd2\xd6yM\xbf\x9e\xf5rb:\xfd\xf0X3\xd9?\xf8\\-\x12\x80\xae'</t>
  </si>
  <si>
    <t>b'Fj\xf6\x03\x92\x00\xf3\x10 \xd9\xb2\xaf\xedJx\x00"\'\xd3\x92P\xc8\xa5\x07\xea\xe8\xdff\x15\x96y8'</t>
  </si>
  <si>
    <t>b'&lt;3E\x9cj\xb3\xe3v\x89\x84\x05\xb45I\xc0X,\x11\xb0\xd0\xf2w\x0b\xb4\xc5\x95\xfd\xf8\x03!\xd4\x19'</t>
  </si>
  <si>
    <t>b'\x8e\xf7\x15\x89\xcd\xb6?E\x9e\x85\xc63\x0c \x0c\x94\x11r-\xf4%w.\x1eE8\xa9\xa7\xe6\xf3\x18\xfa'</t>
  </si>
  <si>
    <t>b'\x07\xe2\xfe\x84\xc7&gt;f\xb2\x8fB\xd0D$\'/\xb4\xaf&lt;\xcbnk\x86\x08\xc9"\x92\xf5\xba;b\x07\x9a'</t>
  </si>
  <si>
    <t>b'\x9e\x90\xb3\xbeC\x03L\xb9\x12\xaa(^\xd0\xdbI\x9e\x82B\x01\xe0q\\I\x8d\x03\xcd\x17+7\x1b\x93$'</t>
  </si>
  <si>
    <t>b'\xdcea\xf1\x8a\xd7\xcf\x9cRPI\x9c`\xa8\x1f\xe4\x93\x85~\x1a=\x07\x9f\xed\x14\xb1\x13\x0c\x1c\x9e\xeb\xce'</t>
  </si>
  <si>
    <t>b'Locs\xa5\xe6=\x1c\x12\x93\xda\xbf\x18\xb1\xfex\x11\xe8k\xc8&gt;s\xb4\xac,1o\x85\xa63\xd3\xb8'</t>
  </si>
  <si>
    <t>b"V\x18\xd5p\xc7\x83^\x0cU\x91l\xd9:/\xa4'bPH\x1f\x1a\x12\xadl\xa1\xa01\xd6\xb5\x9de\r"</t>
  </si>
  <si>
    <t>b'\xc5\x1fr\x86"\xdf)\x98\xac\x0e\xa4\xe7\x82\x9b\x10\x19\xcd\x1d\xa9\xac\x99\xd2\x89 Y\xb6\xcdT\xec\x97 \x13'</t>
  </si>
  <si>
    <t>b"\xfc\xff4cVB\xd1t\xb1f\xe9\xf0\xa3\x8c\xb1\x97\xe2\t\x00\xaa7\xd3Q\xa7'*_x\xc3\xca\xdd\xba"</t>
  </si>
  <si>
    <t>b'\xb3\x11p\x8a\xd3\x0e\xb4\xf1md\x10\x0f2\xe0\x11\x03\x9bP\xa45\xac{u\xf9_\xef\xa5p\xc1\\\xd0='</t>
  </si>
  <si>
    <t>b'\xc6\xd7\x8d\x18l\xc3S,\xee\t\xa6,R\xc5\x917\x81t\xa6ACi\x98\xd12\x99\t\x90\x86\x0e\n\xe6'</t>
  </si>
  <si>
    <t>b'\xd2k\x0b\xd4\x97CGh\xc2&gt;\xf3\x93,UqT\xab\x8b\xcc\x06\xa4\x0f\xc1L\x11w#\x89B(?R'</t>
  </si>
  <si>
    <t>b'[Gc\x03\xca\x12\xee\xa8\xbd_\x9e\xa1!\xac;\xcc\x91\x12J\xac\xc7\x8e\xff\xab\xd3_\rk\x92\xa1[\xae'</t>
  </si>
  <si>
    <t>b'gU\x81\x03\x0e\xf0\xaer\x03\x08\x8d\xb8\x99\x07K\t\xd9\x0e\x8ay\xcfi\x93\xe4mA\xc1f\x9c\xff\x86\x06'</t>
  </si>
  <si>
    <t>b'\x16\x00\xc7\xe7@jc{ \x15h\xee\xe0\xe8\xa3\x01w+\xf8]\xdf\xa4g9\xdc\t\x9e\x94\x92\xae\xbe\xf3'</t>
  </si>
  <si>
    <t>b'\x0f\xe8n\x1eY\xbb\xb5\xcd\xdf-\xe2\x88\xe7pk\xdf\xc7\x10\xd1\xa5\x06\xfcl{\x0e\x9b\x15\xb9\xe9\xf3\x14_'</t>
  </si>
  <si>
    <t>b'\xef\x88\xdd`\xbd9\xe26\xb8H\xf7\xd5\x969@|\xee\x8cM3\xe6\xf9\xcdfz\xfe\xc3\x83Sa\xa7\x06'</t>
  </si>
  <si>
    <t>b',\x95\xd8@\xe6_\x8e2\xf4_\x95\xc9c\xa6\x99\x0cj\x83\x96j0q\xb4\xce\xb2\xfb\x9f=\rDcq'</t>
  </si>
  <si>
    <t>b'4\x02\xec\x92#\xfaB\x92\x8dR\x0b\x84\xe0o~1\xca\xec\x806r\xa8T\x1cr+P\xffq\x8a\x01\x9e'</t>
  </si>
  <si>
    <t>b'\x814j\xbe\xc0X\x87\x80X\xacN\xa2\x98\x9a\t\x1d\x1aD\xdct[\x8f\x98\xf5)\x95{,\x99\x88\x8e\xf7'</t>
  </si>
  <si>
    <t>b'\x92\xbb\xc3]e\xe7k\xb5\xbe\xe4\x03O\xc0\x94\xdf\x15\x9a\x83\xdaK&lt;\xd1\x9cX\xee\x90"\xf5\xba\x9e\x07\x0f'</t>
  </si>
  <si>
    <t>b'\xffU\xc6\xff;\x0b\x95%f\xa5\xd36\xeexX\xa4\x9b\xeb\xe4\xa4\xfe\xb8h\x1b\x86\xca\xb5b\x97k\xe8}'</t>
  </si>
  <si>
    <t>b"&gt;,'&amp;Y@N=\x96d\x93\xff\x10M\xc3$\xcf{*2L\xd1\xde\xa2-\xf4`.;\xf0 Y"</t>
  </si>
  <si>
    <t>b'%\xfcH\x98\xb4\xfe\n\xae\xc10\xa0\xe7j\xa9\xa3\xeeb\x19\xa6\x80\xdf \x16\xde\xefF*{Nr\xac\xac'</t>
  </si>
  <si>
    <t>b'5\x8c%:\x1d\x8c\x06\xad\xed\xedoho\xb3s\xf7\x1a\xf88\xda\xab\xbf\xe9\xf9\x8eg:\x0f\xad\x9d\x16P'</t>
  </si>
  <si>
    <t>b'-\xf6yr\xc8p\xdc\xaf#\xa1\xe9\xd9\x1e\x01\x00x\x93\x1d\x91s:\xactR\xd5X~\xd92%\x16\xec'</t>
  </si>
  <si>
    <t>b'\xf5\x8bG~\n\xfa\xa6\xd7i\x10\x1b\x1dq\xedb\xfaTdW\xdaM\xdc%\xc3\xb9\xbf\xa4\xac8\xf7\x8cm'</t>
  </si>
  <si>
    <t>b'\x8b\x0f\x17\xcb*\x10\xb0\x9e\xfeg\x15\xe4\xcbs^U%\x08A\x0f\x97U\x9f\xf3\xd0\xaa\xeb\x8e\x1e\x8d&amp;\x9e'</t>
  </si>
  <si>
    <t>b'\x19U\xc3\xd6\xd3\xd2\xd8\x0b\xf8\x96\xbd%\x84R\xab0\x12\xfa\xb8\x8f\xb0\x08\xd2\x1a\r\x82\xab\xba\xb6\x0b\x96\xbb'</t>
  </si>
  <si>
    <t>b'\r\xb8=\xe2W[7D\xac\x0f\x13\xc4Y-\xc1\x1e\xeep\xa8%\x96}\x08\xc0\xf5"\x88\x82\xb5\xf0\x86\x07'</t>
  </si>
  <si>
    <t>b'\xe7\xa1\x87hF\x0e\xe8-$\xb1\x15^?\x8a\xa8 \xfb\xa4gjJ\xa0:\xb3\xbcQ,?i\xfe\xd2@'</t>
  </si>
  <si>
    <t>b'\xefj\xd8\xff-\xad\xfc\x94\xb0\xa7\xcfs%\x0b\xde!U\xbb\x91-\x9a\xba\x9cU\xbb\x17Y\xfb`\x05\xd5\x96'</t>
  </si>
  <si>
    <t>b"i}\xd1\t\xea\xa8\x0f\xa7\xab9\xbd.\xd1n\xdb\xb1V)\xdfQ\x1f7\xd1\xdc\x9e\xaf!)'\xe2\x7f\xed"</t>
  </si>
  <si>
    <t>b'5G\xc6[u#\xadr\xabSm\xff@-p\xa5\xacs\x83\xb1}\xd3\xd3e\x18\xbe\xff\xd7\x8f:n\x90'</t>
  </si>
  <si>
    <t>b'#w\x15C\x83\xd7i\x98\xdd\xf9/\x05\x1f\xd6\xd9U\xbd\xcb\x8e\x86\xaf\xfe\xee&lt;\xd2 \x0f\xbe4w4\x06'</t>
  </si>
  <si>
    <t>b"\xf0\xc3\xc5\x9ek\x9f\x0c?\x8f\xb1&lt;\xb3\x9d\xfc\xca\x10\x93'`\xc7tQ\xbb\xf1\x89\x83tM\\G\xabD"</t>
  </si>
  <si>
    <t>b'`\xbe\xce\nG\xc8M\xbf\x1d\xd6\x80P}\xadM\xb7O\xdcM\x7f{|\n:\x98\t\x97=\x96\xf9?\x98'</t>
  </si>
  <si>
    <t>b'\xfe\x97\xac\xea\xffT\xc2\x0fu\xd3-\xd0;\x9c\x14\x8a\xab\x1bMc\x8cf2\x01{4[\n!\xf2\xaf\xec'</t>
  </si>
  <si>
    <t>b'%$&gt;\xeed\x86%\xb1G\xb08\x8f,\x80\x05\xb4w\xd2\xee83\x86\xee\xc8Rx\xf6\x8cX\xe6k['</t>
  </si>
  <si>
    <t>b'L\xab\xe6\xd9\x1cS\x1e\xd2\xf5\x8cY=]O\xe2\xa3\xdd\xd1\x1cQ\x9cb\xb6\xee|\xf3\xfe2\r\xd0Y\x05'</t>
  </si>
  <si>
    <t>b'")\xbeY\xef\x08n\xa9\xd4\xef\xef0\xc6\xf7/\xa3\xd3I\x99[\xb3I\xcf\x9f\x8bn\xcb\xbb\xb0\x9c\x1fz'</t>
  </si>
  <si>
    <t>b'%2\xc8\x07q\xddPw\xde\xc0\xb3\xe8x\x85\xdd\x85%\xcd\x0cA\xfb\x95\xe5\xdf\x94\xd6\x10\xa2;\r\x9e\xfa'</t>
  </si>
  <si>
    <t>b'tP \x97\x86\x9e\xb6\x14\xe0D\x9b\x16\n_\x9d\x82\xd6\xf8\r\xa3cQO\xb2\xfdy\xc5\x1e\xa7p\xc5M'</t>
  </si>
  <si>
    <t>b"e\xc1\xaa\xb6\xea\x08\xe7\xb9)\xa7\xa7T\x9bwl\x84*`\xbb\xa0L}'\x1b\xf08\x05Bi\x85'\xbc"</t>
  </si>
  <si>
    <t>b'$\x06y\x8b\xd1\xe6\xbe%\xf8$\xa1\x18z%\x12(\xe4\xcf\x15i\xd5\xc1\x0f\xa6\x8c\xf7\xc6W@b\x06/'</t>
  </si>
  <si>
    <t>b'%\xa0\xac\x8b\x0b.\xebK\xb9\xb1g6\x11\x85\xa5\xd8B\x89\xd4\xd7\x82\x1b\xb5v\xa60u$\xa9(&lt;\x8c'</t>
  </si>
  <si>
    <t>b']&lt;\x95\xea\x81\xeb 2\xce\xd8\xb0\x93gD\x12\xed@\xe1\xb9\x10\x91|\xb0kN\x9cj\x1b\x95!3\xe6'</t>
  </si>
  <si>
    <t>b'P*1\xb7\xfc\xb3*\x98Z0\x88\xf6\xc0F\x82\x96(V\xe0\x93\xd7\xd7\xc3\xa2 2\x9c\x17\xa7\xd7\x0e\xc2'</t>
  </si>
  <si>
    <t>b'/\xee"\xf5)\x14\x00m\x14\x0e-;\xb8};\xb3\x95_\r;\x92\xb3M\nX\x07\x1f#\x05w\x00\xe9'</t>
  </si>
  <si>
    <t>b'\x84\xaa\xbe\x17b3v\xe7\x8b\x7f\xf5\x0c\xef[\xa9\xc20\xed\x89\x18\xd4g\xb1_f\xef\xe0\x16\x11\x0cb\x1c'</t>
  </si>
  <si>
    <t>b'\xac%\x98\x1e\xfa\xba\xd9\xb7t\xbec\xf18\xd1\x91\xd4i&gt;\xa2\x86=\x0c\xf2\x9e\xa8`\xd9\xc2\xb8\x14\xa7\xef'</t>
  </si>
  <si>
    <t>b'\xd3\x9f\xd7\xcd=\x1e\x92\xc0u\x10l\xd5\x19\xf6\xd0\xf0\xb6\xd7#b\xd0\xd4\x85*h\xba\xc2\xb7,vT\x10'</t>
  </si>
  <si>
    <t>b'm7\xed\x9e]\x1ag\r\x04\xe6x\x10e\x07\x84D\x86a\xca\x1b\xd9\x1b\x93\xbc85 -\xc3\xe45o'</t>
  </si>
  <si>
    <t>b';\xb7\xdb\xbfs\xc9\xcd:\xd1a\xda#\x17\xbeFN\x9dM\xefng8\x0c|\xed\x81\xfbg\x03zt\xf8'</t>
  </si>
  <si>
    <t>b"\xf4(\xb3\xa5\xd6\xc2@?9G\x02F\xeb\x96\x88;'\xc3\xc9\xbc\x0c\xcd\x9f3\xbdoS\r\xee\xacX\xd8"</t>
  </si>
  <si>
    <t>b"oF\xe3\x85Y'\xf9\xba\t \t\xaf\x1e\xdcSLB\xac-\xa8\xff\xd9\xb8\x1f\xe6c\xfe\xb8\r\x1e\xea\xa8"</t>
  </si>
  <si>
    <t>b'aH\x95q\x15\x97?\x87\x8b\xe9\x87y\xf4\xd2z\xe3\x84\x907)\xefuI\x1bYmF\xa0&gt;\x0cG\x1f'</t>
  </si>
  <si>
    <t>b'\xc9X1U\xb5\xb3k\x0f7\x8aj\xd0=v\xf9\xcdg&amp;\xb8\x9e\x06\xbe6\xab\xf9\xc6\xdffaF\x11\xe6'</t>
  </si>
  <si>
    <t>b'\x05\x9b\\\xc5}-\xe0\x16\xe3\\\xbarJ\xd0\xdc\x8bQ\xa3tD\xad\xdf\x8c\xa4T\x9e\xd1\xcd\x86\x17?D'</t>
  </si>
  <si>
    <t>b'5X\x9b\xdem\x17\x82K\x8d&lt;\xa6)u?\xbf\x1f\x8f\x7fX\x12e\x89\xc7(\xed\x02Z\xbe\xa8.&gt;\xcc'</t>
  </si>
  <si>
    <t>b'\x07\x04\xbf?\xb0\xdf\n\x97XT\x9e\xf7\xbf\x9am\xd3Q\xa0t\xbffiE\x9c*\xfb\x97K\x83\xfb^\xff'</t>
  </si>
  <si>
    <t>b'\x8e\xd1i^\x8dC\x14rv7\xbc\x1dU\xac\xff\xa5\xba*\x04\x0b\nj\xe0lirR=\x1d\x8fCs'</t>
  </si>
  <si>
    <t>b'\x05\x95O"!\xae\xc4\xf4\x91\x1f\xf2+:.F9C\xb4\x08L\xad\x89\x85\x94a\x13(\x99\xfai$\xa6'</t>
  </si>
  <si>
    <t>b'\xd2\xc72\x93\xd2v\xe8\xb1\xbb\xdd]+Yv\xa1Ps\xe1I\xff\x1f\xce|\x07\xcfA\xea\n~Z\xcb1'</t>
  </si>
  <si>
    <t>b"{;\xd5\r\xd7\xb6\xca\x9c\x13\xc2pz\xd9\xe4wQ\x1d\x88\x1dR'\x1e\xc8\xddP\x0c\xdau.+\xfbG"</t>
  </si>
  <si>
    <t>b'7\x8dKe\xe7\xfb\xe7s:\xc6\xd6\x01\xbfd\xb1\x19\xbff!&gt;\xdd\xe1S\xcd\xee\x84L/\xc8\x83\x11\x07'</t>
  </si>
  <si>
    <t>b'\xe0\xa7;!i~\x9a]\x87\x9c\xf1\xf7\xc0\x90\xa4\x89\xa6\xfa\xa6\xf5\xd1\xce\xfa\x89\x1d\xf6\xe4\xe8\xee\xb9\xc32'</t>
  </si>
  <si>
    <t>b'\xbe\xc8?\xf3\xc3\xees\xd0O\xec\x04\x9f\x84\xf9(\x8e\xf9a\x82&gt;\x9c\xc0\x07z\xbfp\xfa\xbc\xae\x14H~'</t>
  </si>
  <si>
    <t>b'\xe4(\x97\x8ep\x97\xcb\x17\xa2\x9a\xc7\x16GM\xcf\x12\xdfQ/\xe5R\xef\xec\xac\x18"(\xb5\xe0\xdc\xdbG'</t>
  </si>
  <si>
    <t>b'\x7f?\xf7F\x0e\xc1\xee\xf0\x19\xe99\xc1;\xae\xbc\x97\xf6/\xf64$\xec\x8dL\x7f\x96\xb1\xec\xb5\xa0sA'</t>
  </si>
  <si>
    <t>b'4\x97\x14.\x93\\\x8d\x149\x0c\x9f\x98\xe7\xa8{\x91\x0b\x9c\xf0Y9@\xd5\x8e\xe5\xbe\xe9\xa4\xe0sgg'</t>
  </si>
  <si>
    <t>b'\xa0m/h\xb0\xba~?L\x0c[\xc1\xcbFaP\x10h\x1d\xb0\x8e1t91\xa7\x8f\xa5\xa8}\xaa\xc1'</t>
  </si>
  <si>
    <t>b'/\xe1\x03\xce{\x1f\x0e\x02a!\xa6M\xf3\xa8\xf5J\xf7(\xf3\xfdW\x96,"\'\xe0N\x8d:\xce #'</t>
  </si>
  <si>
    <t>b'\xff\xcc\xdc\xc8\xcd\xfdOf\xeeg\xcd\xc93\xc6\xdeO\x16\x87`\xe9C\xb0!\xb5\xd3\x85\xd6\xf5=#\x9f\xea'</t>
  </si>
  <si>
    <t>b'\xea~\xf3\xff\x98L\xb9\xed0T\xed\xa8\xe0\xc4\xbaz\xba1eu\x89\xdbK\xe6~Ad\xa3\x8e\x98\xf7l'</t>
  </si>
  <si>
    <t>b"\x92E\xbeP\xeb\xa7\xfe5%KQp?\xe5\x1c\n\xc9+\xdb'\xf2\x19'\x1b\x99\xe8\xbd\xcc\x819=`"</t>
  </si>
  <si>
    <t>b'K\xad\xb7v\xdd\x9e\x82^\xf9E\x96G?5\x0cI%\x9c\x0f\x83\x18b)t\x11\x83\xab\xb6r\xe5]}'</t>
  </si>
  <si>
    <t>b'\xe2.-l\xcaR\xebS\x8c\x15\x8c\x93\xf8\xc7;l\x87\xb4g;*\xb8\x94\xea\xa0\x80\xf0\xb4\x99rX\xcd'</t>
  </si>
  <si>
    <t>b'$f\x1f\xf60\x14\x98M\x1c\x0b\x17\xf8\xf4\xde\xb5\x907\xd2"j\xa2D~\xa6xp:0-\xf4\xddK'</t>
  </si>
  <si>
    <t>b'\x89\xb9D\xe58\x0f\x9e\xefUU\x9fi\xce\xfe\x95\xff\xdek\x97\xb4\x92\x9b\xf0\xa1?L\n\xad\xe0\xb2!\x8d'</t>
  </si>
  <si>
    <t>b'g\xe0\xee\xd3\xaco\r\x07-\x07%\xe6$\xc3\x87\xa5j\xd0\x88\x97\x0b\x17Jo\xe3\xebN\x8b\x15\x13\x17\xfc'</t>
  </si>
  <si>
    <t>b'7XFM\x08\xd1\x94\x83F\xaf%\xde\x1f(:[O/Ua\xa6\x12y\xdb\xfb\x0f\xfbG\xaf\x1ezH'</t>
  </si>
  <si>
    <t>b'\xc5\xf3^\xdbc\x8d"0h\x89\x89\xb8\xfey\xb0\x0b\xf7u\xf8 [\xdf\xcd\xd8\xf8~\xf4\x145 KC'</t>
  </si>
  <si>
    <t>b'\xc9\x00\xca\x14h\xcc\xec\x872\x97\xc2\xec3\n\x1a\xedw\xdb\xd6Y\xcf\xdb\x06\x99\xa0Y\xff\x9b\xbep\xafO'</t>
  </si>
  <si>
    <t>b'"\xc6~\xd8\'\x88\xa7\xf1\xd4`gcm\x9cr\x13\xe7\x9d\xadN\xd1\x9f\x83pW\x06\xcc\x19"6G\x80'</t>
  </si>
  <si>
    <t>b'\xbb&gt;\xa1\xe9\x84N\x9f.\x19\xe9*\x91k$z\x1a\xbf \xcd\xe3e\xcd\xbey\xe0z\xe5\xc6)aC@'</t>
  </si>
  <si>
    <t>b'\xa3.\x8c\xf8\xd6\xd1\xcf] \x9751}#[hS=\xa6\xec\x8cZ\x80\xfdP~\x96\xfc\xb4\x14\x14|'</t>
  </si>
  <si>
    <t>b'\x0b\xeeS"\x8d\x98M\x91\x8f\x13\xd3L\xdd\xc5\'\x9d\x86\x0f\x0f\xd1U\xd33\xb2\xcd\x1a\x1b1\x84ygQ'</t>
  </si>
  <si>
    <t>b"\xf4\\8U\x85\x11\xb6\xd40t\xde\xeaS\x85t\xc4\x98\xd0f(\xaeDm\t\xb2\xbf\xefq\xc9\xa9f'"</t>
  </si>
  <si>
    <t>b'\x89\xda\x7fRO\x98&lt;k\xe8\xe0\xe0\xb9\xf4\x13\xdc\x8d\x11\x99lhw\xdf\x94\n\xdf\x076t\xa5\xce\xca\xa9'</t>
  </si>
  <si>
    <t>b'\x95\xf3\xf6\xec1m\x9f\x10\xbb$\n\xaa\xec\xb8\x93)\x12\x9b\x83\xbf\xea\xd1\xf7pa\x13\xa6e\xcd\xcb\xb4\xca'</t>
  </si>
  <si>
    <t>b'&amp;F\xfch\x1e\x07\x9cQ\xac\xfdz\xb6\xf6\x16\xe5S\xc2\x01s\x07@\x17\xfdD\xc9\xf1\xcc2V\x91\x95\x08'</t>
  </si>
  <si>
    <t>b'H\x88\xdah\xc6\xe2\x14\xe5\xd9\xdb\xa6~F\x1fxK\xa5J\xc4I\xc5\xbc&lt;"\xdam\xed\nHF\xbc\xcc'</t>
  </si>
  <si>
    <t>b'\xbe\x7f\x87\xfbb\x8c\x02%\x14u\x11\xa5\xceM\x8a\xe6\x96X\x0c^J\x1d83\x98\x901\xe2\x13"_\x08'</t>
  </si>
  <si>
    <t>b'\xf9\x9c\xeb\x91\x1b$\xc3h&gt;z\xbd\x124\x11\xfbd!\xd9\x00\xa60\x14\xb6\xfd+\xd0\x92M\x8c\xec\x808'</t>
  </si>
  <si>
    <t>b'\xd0\x11\xfd\xf2\x1b\x12Y6\xbc\xa04g\x0fJL5r\xa4\x7f\xc5\xdc\xf1\xfb\x8d\x02)\xde\xf1\x0c\x13q`'</t>
  </si>
  <si>
    <t>b'\xdc\x02\x9c0\xb1\xd7\xe9\xe5KAF\x05\xd1\xfdT\xb2\xd6MLV\x9d58\xbbi\x8f.\x01k\xf6OT'</t>
  </si>
  <si>
    <t>b'(\nE\xfbR\xe4A}\xde3\x0b\x9f\x0c\x9e*\xd6\x9a%\xba8\xc9\xde\xc8\r\xb0\x86\x11\x99\xbb\xf6x\xb3'</t>
  </si>
  <si>
    <t>b'Y\xf9\xe9\xe4.\x05\x85\xf5\x8f\x81\xed\x11{\x00\xfe\xf5\xe3\xaa\x8a\xa4\xd2\x10\x88\x1fX\xb2\x8a\xe8#\x8du\xac'</t>
  </si>
  <si>
    <t>b'\x87]\xa3\x0e\t\x9ee\xe9\x02\x10\x10`\xbf\x16Z\xdci\x05\xebB\x94\x8d9\xc6\xb8\xdc\xc7e\xef&gt;\xd3\xa5'</t>
  </si>
  <si>
    <t>b'\xc5\x8dO\x1e\x19\x98}\x0c+n\xb0\xf5f\xa97f5\xb4$\xc8S\x08\xac\xa8toW49&lt;\x11\x0c'</t>
  </si>
  <si>
    <t>b"\xb3'\rkP}bo\x0c\x07\x0b\x89\xcd\xbetP\x80R\x82\x94O\xf16\x94-lijB\xcc\xd9\xb5"</t>
  </si>
  <si>
    <t>b'r\x02a\x8d]\xe2\x84\xcd\xbd\x99\xb9\xaa\xcf\xdcp\xc5\xa6\x8c\x8f\x0b~]n\xf2\xb8&gt;oe\xff\x16\xa30'</t>
  </si>
  <si>
    <t>b'a@2H\x08\xf0\xe7\xab\xb9\x07x\xa4\x91|H1\xe2\x98N\x14/\x94\x98q\x9dI\xcd,&amp;\\q\x93'</t>
  </si>
  <si>
    <t>b'\x1e6=0-\x9b\xc5\xe7\xa0[J\xf4;E\xd8\xd7\xc8\x92F\x85\xffn\x8aL\xf0\xfc\xc2mT\xd5d\xb8'</t>
  </si>
  <si>
    <t>b"7iu\x1e\xe5\xfc\x04\xc4A\xfc\xf9\xa7Y\xbd\x85\xfe\xf45'w\xbaR-\xec\x10&lt; Cw\x10\xec\xa0"</t>
  </si>
  <si>
    <t>b'\xe2\xc8Q\xd1m\xae\xff\xf3D\xdd%\x1c\x8d\xa2\xf7\xf5jX\xc1\x8b\x08\x85\xc1z;3\xcft[6\x06\xe2'</t>
  </si>
  <si>
    <t>b'\xa0a\n]\xeb|\xc0\xce8q$s\\\x06q\x00\xfc\xe3\xaei\x0f668A\xfa\xb4\xc5\xeeT\xad\x00'</t>
  </si>
  <si>
    <t>b'[@\xb1\xb6\x9f\xb6\x03\xac\xd4\xf1\xec\xf3U@\xf8\xaf\x16\x9f\xd0\xb8\xdf\xc10!NK\xe2=!\xb8\xe1\xa7'</t>
  </si>
  <si>
    <t>b'E\xd0)\xa3\x16J\xec^\xed8d\xf0\x9c\xd7o\xf2\xce\xcf\xe2e\xdb\xb0ZL\xb0\x95~\xddXf\xb9\x11'</t>
  </si>
  <si>
    <t>b'\xc5\x19\xef\xdc@\xe5#:}\x06R\xf9\x05\xdd\xd7}\x81I\xb9\nJiu#\xa1/j\x02\x01+%+'</t>
  </si>
  <si>
    <t>b'\xfa\xa9\x80\xf3\xc7X\x9b\x81M\xb4;\xe0B\xe8Z\x91\xc8\xe7#H08n`\xdf\x8a\xaa\xfc\xe0\xeb\xfbA'</t>
  </si>
  <si>
    <t>b'c\xa20F\x06\x18\xc3.3\xef\xeeLc\xe2\xca\xbc\x15E\xf0D\xd4E\xa8\xe0\x88\xd1\x94\x8d\x9c\x96\xb7\xd2'</t>
  </si>
  <si>
    <t>b'\xb3AwcVo\xeb\x1a\xf7\xad\xeb/\x93\xec\x97Gr\x87\x8a\x87V\xc0-\x88\xdc90\xe3\xda\x8ei.'</t>
  </si>
  <si>
    <t>b'\x83\xdb\x98UA\x18]\xe4g\xe8\xe7!\x14B)\xaf\xfd\xf0\xca\x84\xc1\xf6\x14\xc1\xe9\xc6gBJ3\x19)'</t>
  </si>
  <si>
    <t>b'5\x93\x12\xc5\t:\x1a"\xd1\xef\xf6m\xdd\x8e\x95\xcf\xf2-63\xe3#\xc8\xdfgX\x84\x838`L$'</t>
  </si>
  <si>
    <t>b'\x1b\x86R\x1bf\xd1\x965ZH\xf8\xaa%\xd9\x89VrQ0\x1e\xe9%Q2/Y_q\xe34a\xb9'</t>
  </si>
  <si>
    <t>b'\xfc\xcbZ\xd6\xaa\x1b`\xefC\x19R\xe1\xa3\x87\xc9.\xfa\xcbd\x06e\n\\\xca\xa6\x9e\x88I\x98}f2'</t>
  </si>
  <si>
    <t>b'G\x942\xaa\xfe\x07M\xd2\x01\xf5\x85\xa4\x19\x7f\x11M\xac\x0e\xc3\xd5\xe5\xae\xf9\xde\xf6g\x84g\xf6,\x94,'</t>
  </si>
  <si>
    <t>b',l\xff%k~k:\x14\xa6\x92\xef\x97w\xd2N\xdd\xe2 \xd33,v+\x1dUG\xed\r\xcb2z'</t>
  </si>
  <si>
    <t>b'RI\x96!\xbd\xed\xc4\xaf\xa5\x9d\xe6M\x92\xaf\xf5\x08\xc8\xafde\xdfN\xab\xa2\xad2d\xdbe\xc5\xd5t'</t>
  </si>
  <si>
    <t>b'\xeb\x1f\x04\x1dl\x80 |\x0c\x9c\xd5^a{\xac{*\x8e+\x1c&amp;\xe6\n\xd4@=\\\x02\x81\xc3S6'</t>
  </si>
  <si>
    <t>b'\xf8\xc5\x1e\xdd\xd0\xcc&gt;\x043\xe5O\r\xa4q\x08\x85\xf4\xdea\xf2{\xeb\xe2o\x93X\xc4W\x8e\x151\x8f'</t>
  </si>
  <si>
    <t>b'\xc8\xd7\xd6\xa1\x18a\xddA\xc3\xe7w\xa2:\xbd\x84\xaf\x93\xb3:\x8bI UpAT\xc0\x9e\xf5C\xb2\x85'</t>
  </si>
  <si>
    <t>b'W,\x8b&amp;\x0e\xbf\xb0\xbbP\x1d\xc9&amp;\xe40\xda\x17J\x91\xa7\xb6\xf4\x13\xe8\x98Y\xcf&gt;L\xb2+Jy'</t>
  </si>
  <si>
    <t>b'\x8c\x13\xe6\x1e+E\x88 A+\x96\xd3r`BA+T\xffb\n\x02]!\x96\x15\xca\x0b8R\xa8\xc2'</t>
  </si>
  <si>
    <t>b'\xd1\x9c\x1e\x08&lt;\xfe\xb6\xcf\xeb1\x84\x82\x0b\x8c\x8cl\x04r/\x86\xd9\x1cG\\V5\xa5\x1d\x15\x18\xbeR'</t>
  </si>
  <si>
    <t>b'j\r\x19\xd0NBa\xce\xb8\x82\xb3\xd64:\x04]\xb2\x87\x14h\x13\x98\xcc\xc4\x93K\xffbM\xf1\x0c\x96'</t>
  </si>
  <si>
    <t>b"q\xf1C\xbc't\xed\x17B\xa7\x96=i{\x10\xfaD\xa3!\x10\x1d\xb0w\xc2\xe0\xbc\xc7?\xcaa\xcb\xf3"</t>
  </si>
  <si>
    <t>b'\x0f\xbf*i\x96\x19\x8aCY\xb9Y\xcf\xdb\x1ep\x90\x1fP\r\xa4Q\x12\xfc\xa1\xd53\xeaB\x0e\xadB\x92'</t>
  </si>
  <si>
    <t>b'\xd4\x07\x14t\xf5\xbfK\xceq\xf47]6\x05\x15\xb5\xdc\x13\xce\x9e\x1f\xfdl\x9f[\xdf\x05[\x86\x04 \x13'</t>
  </si>
  <si>
    <t>b'\xaf\x04\x95\xb4;\xda\x8bTG\xf2\xf2\xf2"\x99X\xbb\xa0n\xa2Y\x08\x8c\tr\x0b\xc0im\xa8x(\xb6'</t>
  </si>
  <si>
    <t>b'\x07\xed\xa8y\xb5&gt;{\xba\xa5\xd0\xb2\xfe\x9b\xb9\x9d\x9b\x14\xa4\xcd$\xc1g\x91@\x06\x1bK :\x84N\xf8'</t>
  </si>
  <si>
    <t>b'\x9eQn\xee\xca\xc4\xb0/`6\xc1\xb4\xe0m\x91\x08\x1c\x97\x08\xfb\xa1\xa8hn\xed\xc3\x93\xeb\xecu\xfb\x1e'</t>
  </si>
  <si>
    <t>b'\xe1\x86\x86\x9f\xc8\x0c-\xd1Z\x05L&amp;\xab\xb50z\x0fJ\x80\xc7(&lt;d\xb1\xf2\x02}\x08\x1du\xfar'</t>
  </si>
  <si>
    <t>b'R\xb3)\xd5O\t\x06\x82 \x8a\xc11p\xa8\x98\xc4\x82=\xeaH9\x13Y\r\xffz\x03\xa7\xbd\xec9\x7f'</t>
  </si>
  <si>
    <t>b'\xde*\xbc\xf7\xdf\xd7\x06\xc2\xef\xff\xf8\x06s\x82\xe7\xf3\xedn^+\xc0\x0e\xb9A\xa4:\xb6h\x1f\xadfT'</t>
  </si>
  <si>
    <t>b'~~c\xef\xb7\xdf0&lt;Be\xd1i\x00N\x1e[\xd3\x91u\xd4\xa6\x0e\xa8\xe3\x02\x81wsS/\xdb\x98'</t>
  </si>
  <si>
    <t>b'4\xe7&gt;Jp\xcf\xa5\xc8\xe3W\x13\xab\xff\x942c\x83\xac\xb8_\x19\xf6\x97\xba2x\xa5-s\xf2\xbc\xdd'</t>
  </si>
  <si>
    <t>b'X\xcf\x14\xa3\xd5\xc3\xd8\xf8\xbf\xbb\xe0&lt;\xfe|\xf1&amp;\xd0\xc96\xb4T\xfe\x01\xd8\xe3\xa8\x9b)c0\xf6g'</t>
  </si>
  <si>
    <t>b'\xb0$\xe8t1 \x8e\x02\xf9\xcd\x19~50*\x81aDUi\xd56meR\xb6@\xf7A\xca\xd5\xbb'</t>
  </si>
  <si>
    <t>b'\x00\x16H\x91-t\xad\x86t\xc0\xaeZ\x04\xb0\x92\xea\xb2\xa9\nZ\x99MC7\x8aM\xef\x8f\xfcg`\x89'</t>
  </si>
  <si>
    <t>b'\x12`\x8b\xab\xff\x15\xd7j\xcf|\xc9,2\xee\x00\xfd]\xcb|\x92P\x05!\xb5\xf7\xd98)\x85\xb5\x81\x91'</t>
  </si>
  <si>
    <t>b'\x13\xd6\x8b\xa8\x9dx\xe9m\xbd?\xd33M\x0b\x1c\x00\xe1RBhD\x10\xa2\n&lt;\xdc\x85%b\xe16\xc3'</t>
  </si>
  <si>
    <t>b'\xb4z\x9b\xa8#*x\x1a\xe9A\xb1\xb4\xf1\xb8QN\n\x80X\xd5\xf6\xfd\x03W\xa3&amp;&amp;\xaa"\x83\x82\x04'</t>
  </si>
  <si>
    <t>b' \t\x1bZ!\x11Yh\x05\x08Y"t\xe0i\x0f\x9f;J\xc7x\xf6\x08\x1a\xab\xd2D/"Nk\xbe'</t>
  </si>
  <si>
    <t>b'\x8f5r\x16\xd8\xda/\xc0\xad\xe4z\x1a\x9cd\xbd\x8c\x85\x9f\xd9L\xe6\xb1\x96\x01\x90W\x90\xde\xcc&lt;E\x16'</t>
  </si>
  <si>
    <t>b'\xc6\xf2\xce\x1f\xe8Vr\xb8V\xa7w\xc1\x90\x1d\x15\xdc#\x12\xaa\xfe\x7f\xc8\x145\xd9R\xe2\xfb\x18FP\xc1'</t>
  </si>
  <si>
    <t>b'\n]\x16"\x19\x0cF\x9c\x9fx\xd2/\xee\xbd9H\x05\x00_p\x00=\xf1\x99m\xeaP\xd6\xfe\x08]('</t>
  </si>
  <si>
    <t>b"'\x10\xb9YG\x1c-\xae\x10\x1f\xa6\xfd\xc9\xeb\xb8\xc8\x8fi\x95\x87\xdfk1\xfc\x99`a\x82V\xbf\xea\x9e"</t>
  </si>
  <si>
    <t>b"y\xe4BXs\xa9\xd3?\xd0\xf2\x88\x08t\xc5\xe8$\xf0r\xcdO\xe2zJ\xfe\xe7\xc2\xfc\xf6\x94'v\x15"</t>
  </si>
  <si>
    <t>b'\xb24\xd4Og\xb3D\x13\xa6\xb1n\x7f\x9f4q|P\x95\xd0\xf6\xcdE\xbep#\x97\xd8@\x17\x0b\x95A'</t>
  </si>
  <si>
    <t>b'\xe9|\xb1\xadj+w\xd61\xb0"s\xd9a\x9e\xef|\x83K&lt;"?zQ\xf1/+=T\x93\t\xc8'</t>
  </si>
  <si>
    <t>b';B\xb0T\xb3]\x950\n\xb4`;s\x9fVS\xc5\xa76\xa1$\xacr\x94l\xe4%\x85\xc3#\x83\x1c'</t>
  </si>
  <si>
    <t>b"'(B\x8b9\x84\xee\xb9fS\xea\x9f\x97\x8f~\x1e\x80\x00NS\xc5\x10V\xe0\x14\xeb\x8bS\xea4\x17\xc3"</t>
  </si>
  <si>
    <t>b'\xea\x1a2\xf7k\xae\x84\x04t\xd9\xff\xad\x1a\xf0o\x16Q\xaa\xfd\xd6\x15y\xdc\x88\x99\\wC\x8f\x9b\xf5A'</t>
  </si>
  <si>
    <t>b'\xe25\xcc\x98\x9e7\xf87Z\x87\x06\xae{\xf6\xa6K\xd7EX=\xd2m\xfc\x13\xc79\x0c\xecl\xd3\xc5\xa4'</t>
  </si>
  <si>
    <t>b'\xa7\xce\x1clp.4\xc7I)&lt;k?\xb7!s\xb82lZ \x91\xeb\xd5}\xe9\x1e\x1a\x7f\xf9\x7fW'</t>
  </si>
  <si>
    <t>b'\xd7;\xef\x92\xbb\xc8b\x98f\xa5\xbd\x98\x7f\xc1\x88\x7f0\x17\r\xbax\x9d%EN!\xb06\xa7\n\xd9J'</t>
  </si>
  <si>
    <t>b'\xde\x1cZ\x8b\x9c\xa0+\x8f\x046g\xa6\x11\xcbkj2!6\xcc[\xcb\x8dx$\xad\x92\xd7\xd1\xb4\xbf&amp;'</t>
  </si>
  <si>
    <t>b'(\xb7\xb3D\xdb\xcaI\n\x02wa`!\xe3\xf4/\xb4\xa7\x91\x9a\xc8"F\x10A\x97\x13\xfd\x04O\x05\x91'</t>
  </si>
  <si>
    <t>b'(\xa1\xd2o\xd6Y\xb5e\x108\xff\xf8\x9e\xc1\xb8m\xa2\xdbQ\xf2\x06t\x82\xb0\xbd\xf8\xde3F\xe0\rN'</t>
  </si>
  <si>
    <t>b'\xbcd\xb4\xdd\x80\x19\x170\xa2h\x96\x9d\x9d\xfe\xa8\x14RX\x04\xf7\xa8\x9f=\xc2\xaf\x1exq\xb2\xbb\x80"'</t>
  </si>
  <si>
    <t>b"\x85W\x95.\xdc\x8c\x9c\xa1#d\xf0\x98\xb7'\xd9U\x82\x0e\x16\x82k\xd7\xfe\xbb\xd8\xe4\xec\x15\x96\xa9q\xd5"</t>
  </si>
  <si>
    <t>b'\xa1\xc1\xff9\xc7\x8a(\xa6\x8c]\n\xcdb\xc8\xdct\xbe\xe4\xa0\x01\xec\xa2\xc4\xe1\xc8\xbeT_`\x12\x07\xdd'</t>
  </si>
  <si>
    <t>b'U\x8e5p\xce\x94\xa0\xb1\xb9\x18\xb2L\x8c\xcd\xc7\x81\xa3\x9e\xa0\x05\x8e\xb1&gt;^\xcd\xcc\x86&amp;KW62'</t>
  </si>
  <si>
    <t>b'\xefW^\n\xc4\xf1\xa0j\xd7\x0bjiBu\x8a\xd1\x14\xe0\xf5m\x13\xdb\xd2\x1a\xa5\x8e\xef\xb8\x05\x0e\x9cN'</t>
  </si>
  <si>
    <t>b'_\xde\x99dw@H\x15\xb0pQ\xe4\xc4hK\x91\x80\xd4\xe1\xf7 $J\\\xa3\x1a\xc8~_b\x94\xf5'</t>
  </si>
  <si>
    <t>b'H\xa7\x1c\xa7\x8d\xa9\xcf\x81"\x8f\xd3\x8aM\xb2\xc0H6J\xdffD"\xb0\x93\x048^\xd9\xdd\x12\x9a\x08'</t>
  </si>
  <si>
    <t>b"\x93&lt;\x81\x0fR\xea\x9a\xc8\xfa\x19\xdelk\x0e\xe8\xc5\xf1\x19\x83\xaal!'\x94AD\xa4\xd9\x10Hr="</t>
  </si>
  <si>
    <t>b'\x94\xb2\xca\xa2l.\x1e\xcf\xd1soZ\xe5\xfa\r\xc86;\xfe\x95\x8b\x8a{[\xa4&lt;\x82V\xf1\x9d\x1f\xdf'</t>
  </si>
  <si>
    <t>b'\x1aM\xa7\xc3P\xa1)q0\x98\xb6\xf0\xb4\xc8\xa2\xd1\xc7\xc5\xdd\xd6{\x80\xb0\xbb(\xcet\xcf\xd6\xcf\x0f\x11'</t>
  </si>
  <si>
    <t>b'q\n\x11R\xa2"\xea&gt;\rF\xe3V\x95z\\N\xef\xd0Y6\x88\x1d\xbd\x08\xd3T\xfa\xcaU))\xeb'</t>
  </si>
  <si>
    <t>b'\xde#\xf6A\xcf\r\x83-2\xd1\x95G\x08&gt;\x8fD\xe1hx^m\xd2\xb6K(\xe64\x97U\xe0\xe6\x1d'</t>
  </si>
  <si>
    <t>b'\x8a\x89#b+\x1ao{3\xa1\xbe\x13\x1f[\x8fe\x1dN\xf1\x9d\xea\xb6\x0fq\x81t\xc4x7\xdeR('</t>
  </si>
  <si>
    <t>b'T3\xc8xTo\xf6\xef\xba\x18\xe3\xfc\xdaN\xbc\xaa#L0\xf4\xa3\xd3\x12kS`\xd9\xd4\xe1+"\xba'</t>
  </si>
  <si>
    <t>b'\xc0v\xc5\xa8\xc3p^\xec\x88q\r\xb09S\xda!\x04\x99+\xddQb\xf7I7\x8c\xc8\x1ey\x01\x98-'</t>
  </si>
  <si>
    <t>b'\x8f\x06y\xd9\xafN\x9c\x9fT\xa2\xb3\x9f\xe4\x8c\x19zz\xf8D\x94\xb78\xea\xe3\xabc\x9c\x8cSc\x86\xc4'</t>
  </si>
  <si>
    <t>b"\xc8IM'\xab2\x89\xebY\x00w\xcf\xb1\xc9\xc8\x12\x8b\xcd,\xa9\xde\xab\x036\x9c-1\x8d`-\xb0\x9b"</t>
  </si>
  <si>
    <t>b"0z\xe6~_\xb4\xb8\xe4t\xf7\xef\xbf\xdb\xaf*\xc5\xf05\xba\xc4\x04'\xe6T\x84\xe51\x85nu\x8a/"</t>
  </si>
  <si>
    <t>b'\xb7\xd9&amp;\x9b"\x9a\xf9m\xad\xfe\xa9A\xc1~8\x1a\xa2?\x7f\xd7\x1a{-\xd4\x1e\xb1\xe6=49\x1b\x9a'</t>
  </si>
  <si>
    <t>b']\x13\xb2\xad\x02\x8a\xcb\x0bF\xcdk?CH\xc3\xa2)S\xea\xb7\x85U$I\x06\x1b\x83EvD=\xd5'</t>
  </si>
  <si>
    <t>b'&lt;\xc7\xab\x9eV\xd8\xc1\xed\xbd\x16\xbe\xc7W\x16e[n\xb9k7\xf0\xc8\x10^\xd2f|?g\x8c \xe3'</t>
  </si>
  <si>
    <t>b'\xf7X\x7f\xfd\xac\xcf\xc7*\xb1Ca\xec\x8b\x98}7\xc2\xaa\x17\xe7&gt;\xb1\x80\xa3?\xda4\x15K,\xf0\x1f'</t>
  </si>
  <si>
    <t>b'\x1a\x9f\xd3\x08\xfc\x054\x937`\x8a\xc3?\x81xVC\x18.\xf7\x83s0\x9c\xeaa\xdc&gt;\x9d\x01=\xd3'</t>
  </si>
  <si>
    <t>b'\xe6\x809\xacZ,\xb0E\x0c\xa6\x07w\x0b\xfbW\x10w\xd4\x00]\xa2\x01\x0c\xec\x12\xde\xa0V\xf6p\xa5x'</t>
  </si>
  <si>
    <t>b'\xfc\xd8\r;\x9bz\x87\x9d\xd4\x04\x83\xb3\xb6\x94\xc7\x1e\xdb$\xe0\xf6\xa4\xe5&gt;\x80\xdd\x13ob\x1cmL&gt;'</t>
  </si>
  <si>
    <t>b'\x12\x84M\x1an\xd5\xacZ\xcc\xf7\x8d\xc8\xbf\xd3W\xff\xf7\xab\xfbA\x86O\xbb$\x86\x84\xd9$=\x9fG\xef'</t>
  </si>
  <si>
    <t>b'\xf0 {\xb1eh\xdb5\r\xbbRxG_\xb6j@\xfd\x1c\x18\xac\xe1X0.\x06\xc2\xb5\x9a\xcag@'</t>
  </si>
  <si>
    <t>b'\xb3\x0c$\xdd\xc4!^Z\x8f\xc5\x97\xe8kf|X\xb8\x1b&lt;v\xfah\xfc\x0c\x89\xf2Vs\xee\x02\x9d\xc6'</t>
  </si>
  <si>
    <t>b'\xc7\xf4\xafMpz\xd3\xd8)iZ\x8d&gt;\x91\x1f\x8eV\x86\xe8\x99/7\x8f\x94\xda\t( \x95\xa9U\x9f'</t>
  </si>
  <si>
    <t>b'%\xdb\x1az\xednL\x98*\x82@\xb0\xd0&amp;\x96\x145\xb4jBO\x8dk\x0f\x8c\xbb\xc1\x03*\xb7\xd0\x8e'</t>
  </si>
  <si>
    <t>b'&amp;xld\xab\x97\x8a_\xc7\xaa\xd2APX\x00\xe45\x18XW\xf5\xe9j\xd4K\x93\xca\xca\xda\x11\xb4\xd5'</t>
  </si>
  <si>
    <t>b'\xd5\x9c\xd6|Hd\x92u\xb3\x98_\x9ex\x97\x15P\xc1\n\xcd[p\xad\xecxz\xce\xa6\xadF\xccO\xc8'</t>
  </si>
  <si>
    <t>b'\x07\x00\xb9\xbfI\x1c|\xc5\xde\x97g\\\xeaho\xe3\x1ei"\xdf\x8d\xa7\xf2\xfc\xad\xc8]\x9e\xf3\xde\xd2B'</t>
  </si>
  <si>
    <t>b'\xf1\xb6\x9b\\#{\x05\xad\x99\x0f\xa9F\x12d\x9c\x99x\x93\xf7.K\xd3\xbc}\x1bbz\xa9\xea`$\xbe'</t>
  </si>
  <si>
    <t>b"\xf6v\r\x11\xc2\xe9\x17\x83\xe5L\xf1\xef\xb49;\xaa_E\x90\xdcbi{\r\xe6_'=?\xe6\xc2\xb3"</t>
  </si>
  <si>
    <t>b';n\x16c0\xf2\xcf\xe8q\xa5\xf1.?\xf1\x15\x00\x91\xf8\xb6\xa2\xc3\r\xd90\x16\xafGq:\xce\xdfQ'</t>
  </si>
  <si>
    <t>b'\xea\xf4#l\x13\xae\r\x87\\2O\xa2pf^\xb1\x07\x8f\xed3\xe8\xed\xc5\xde\xdbI\xea\xebi-8Q'</t>
  </si>
  <si>
    <t>b'\x88fL\x15\x87\xe5\\\xf1\xcb\xf7\xf2\xadO\x97cH\xfeH\x87\xbf\xe5\xde\xdf\xe4I\x0c163\x88\x90\xa9'</t>
  </si>
  <si>
    <t>b'\xad\x8f:\x0f\xaf\xa6\xe7bt*\xa1y\x0c\xf4\xa8T\x87v\x11\xce\x17\xfd\x07\xa9WUa\x85s+W\xa5'</t>
  </si>
  <si>
    <t>b'iQC\xa7\xcc\xbe\xa1\xf1t\x01A\xdfT\xd6\xd0\xealC\x9f:Q\xd3:_t\xf0\xb2\xbb\x00\xa5\xc0\x15'</t>
  </si>
  <si>
    <t>b'\xc9pId\xd5YXu\xc2\xaeP:0\tc\x11t\xec\x10\x85\xcd&amp;X\xaa\x86\xd0r\xb4\xf5x\x81\x15'</t>
  </si>
  <si>
    <t>b'\xfb]\xdd\x9a\xc2\xba\xd6\x04Y\xd8\x9cN(\xccZ\x9eyJ\x12=\xc5y hD\xdc\x1b\xba\x92+t\x9d'</t>
  </si>
  <si>
    <t>994xx</t>
  </si>
  <si>
    <t>b')\x8f\n\x9bJ`\xc3H\x0bWr]\x8d\xd5\x03a\xae\xd4\xeb\xe7]\xb0d\xe5\xb0L\xfb`\xbf\x17kQ'</t>
  </si>
  <si>
    <t>b'x\xb17\x98o\xfb\x964C\xc8{#\xe8\xa3H\x00!c\x17\x02\xa2\x8ay\xa8;\xe0\x0e\xbd\xf7\x8e\xa5\x9c'</t>
  </si>
  <si>
    <t>b'z\xce-\xccQ\x997l\xb3\x95@\xc0L4\xfd\xa1\x83W\xf5\x17m\xdc\xf3\xc8\t\x1fID\x8e\x8b\xab\x01'</t>
  </si>
  <si>
    <t>b'\xff\x1f[\xd6\xac\xfa\x7fY{`\xcd\t\x01\xd4\xe8\xbcS\x0bi\x93\x18\x99\rc\xfal\xe5#\x98\xc2\xb3\n'</t>
  </si>
  <si>
    <t>b'#N=\x08\xdas\x86O\x97\xf6\x8e\xf8\xaa)\xa6\x1f6M[l\x9d4\xc8\xb5s\xf18\xa1\x04\xc5\xc8Z'</t>
  </si>
  <si>
    <t>b'\x99\xb4|\x14z\x9b\x8b\x1e\xb5`s\xe2\x9a=\xd3\x81\xa7\x97o\x01\xfe\x109\x8f\x05W=\xcf\xd2\xa5\xf6\xfa'</t>
  </si>
  <si>
    <t>b'\xe7,,\xa8\x88\xd1\xcf|\x01\xd8C}\xdb\xbc&gt;\x158\x97YtY\xcdH\xc8\xcbB\x80\x89\xa3\x83\x1b\xec'</t>
  </si>
  <si>
    <t>b'\xa8\x87\x03=\xb8C\x16l\xd7\xd7\xe0\xb07\x9c\xcb+\xb4\xc7\x05K\x18\xc0\xbe\x17Ct\xd4UJa\xf9e'</t>
  </si>
  <si>
    <t>b".\xc6S\xc4UmM\x9d\x02\xb4\xb0*v'\x19\xee\\\xf3\x16\xc6~|\xa6\xa6\xd7\xbb\x08j0\xeaf\x1a"</t>
  </si>
  <si>
    <t>b'\xebFb\x11\xf7\x00\x86\x87\x05;\xa1\xe9\xfd\x10\xd3*\xa9\x86\x0f\xbc\xd2\x1a\xceM\xfc\xea\xd0\x9fS=\x11\xb1'</t>
  </si>
  <si>
    <t>b'\xa9Tk\xe7"\xf7u\xd5]\xdd4\xfd\xd5\x99V\xbc]\x8e\x1f"\x01\x8b\x05\x08\x05.\xf9\xb3\xa1\x9f\x0fc'</t>
  </si>
  <si>
    <t>b'u\xbca\xf5\x81\xdf\xde\xb7\\\x88\xf1\x15\xb3,z\x94\xf59F\xae\xcdE\xea6s\x02]\xc3\xf2\x01p\xac'</t>
  </si>
  <si>
    <t>b'\xce\xb0\x8b\xedS\xcc\xec\x88n:BR\x84("\x1f\xcb\x89\xcc\x81(5\xfc=\x9c\xc6\xdf\x8a\xd5\x97\xc9\xa2'</t>
  </si>
  <si>
    <t>b'f[\xa7\xeff\xbd\xf0a\xf4\xdf\x05\x0f\xd3e\xe7\x08Nv\xfb\xb1\xc6\x99"\xc6i\xe2p\xd3\xfe\xea4\xe2'</t>
  </si>
  <si>
    <t>b"\x12Ud\xe9| $\xa5\x04\x7f\x85N\xa7\xd9&lt;\xf1\xc5\xbeS\x008\x03\xaeN-a\xb3\xda\x89'*?"</t>
  </si>
  <si>
    <t>b'Y3\x19\xd7k\xd7*m.\n*\xe0\xb2\xf7L%\x7fd\xa62\x02\xff\r\x87\x1f+\xf6L{O[\x9f'</t>
  </si>
  <si>
    <t>b'o\x01\xca\x93\xb2\\\xac\x07\xb4\xec\\\xe883\xd5\xd1\x02@\x9d\x88#\xd92\xd6\xff\x04\xc2\xe1\xf0g\xcd\xf1'</t>
  </si>
  <si>
    <t>b'p\x0b\x91\xdc\xb21dCj\xcf\x82\xebK5\x17\xe64\x1cfnL\xa4\xa7\x89\xf6a\x82\x81s\xa1i\xd0'</t>
  </si>
  <si>
    <t>b'\xec\x01\x98\x85Sl\xf07\xdf\xab\x01\xef5\xd2\x07\xa6U{\xcc\xa4\xb6\xd6=\x99\xe5\xcdl\xe5\x8a\x93\xb5\xd7'</t>
  </si>
  <si>
    <t>b'3\x92\xd3\xa01\xf2\xc9 \xdd\x15\x8c\xe2\xea\xa0\x15d\xf86\x81\x0f\x8c%\xbeY54I\x9b2\xe5\x9d\xc5'</t>
  </si>
  <si>
    <t>b'\xb47p\x0f\r\x1d\xba\x1e\xbe\xa4\xea\x94\x88\xec\x8b\xd8\xf8\x9c\x06\xbb:[\xae\xf7&amp;\xb7\xfas\x8c.\x0c\xde'</t>
  </si>
  <si>
    <t>b'\x97\xf2VK\xb15\x03\xba\x06Xp\xe0}y,A\xdb^k\xa3\x84\xf2\xff\x8b\xbd\xc7\xb6\xaf\xf1la\xaa'</t>
  </si>
  <si>
    <t>b'wy.\x05jK6\xf6\x10\xfd\x16\x99\xab\xda\xd2\xb5\xb6\xff\xce\xa4\xfa\xa4|E\x95Q\xb7\xf0np"\xb7'</t>
  </si>
  <si>
    <t>b'vs3LkyZ\xf6\xf6}\x1f.\xff\x92\xe4\xc7\xbax{\x98\xd7G\x8c\xbf\xdf\xa7\x80\xe8\xe1\x92\xfd\x9b'</t>
  </si>
  <si>
    <t>b'b \xb0\xd0\xdf\x8c\xcbI\xe1\xe9\t\xd2\t\xa4\x03\xc5e\x9c~,\xeb\xbb\x9b;\xfa\xfdO\x07\xecQ\xfb\xb7'</t>
  </si>
  <si>
    <t>b'\x04\x0b!\xb2\x01F\x18\x11\x13ru\xd4\xa4\xa4B\x87\xed@\x18\x1b\x0e\xd7\xef\x84\xe7\xe6\xc4.\xafS\x89\xd3'</t>
  </si>
  <si>
    <t>b'\xe8\xd0&lt;I\xad\x00w\x9a\xf2\x86\xd1\xf8WR\xa8\xeb\x1e~#J\x0c\xc3\xcb\x0b\xd0J\xfa\x863;\xc6|'</t>
  </si>
  <si>
    <t>b'\x19\xda\xef\x9da\xe2\x19N&lt;-\xb2t\x11\xef;\xd0P\xaf\x0eB\xd9\x81\xe4\x8cO\xd2\xbf\x06\x13 \xde\xd9'</t>
  </si>
  <si>
    <t>b'&gt;\xf5Z\xdc{&gt;)\xc7\x85\xff\xf2\xe1\x91w\x9b@\xb8\xc6\x89\xfb\x90\xaf\xa7\xd0)0\xda\x9b4}\xe5\xe8'</t>
  </si>
  <si>
    <t>b'?\xdcG\x93\x9at\xfc\xdd\xe1\xf26a\xe4\x93\x9aZ\xa0\xd3\xf0*\xe0\x94\x1e\x18\xda$\xf6\xd8I\xbcV\xe0'</t>
  </si>
  <si>
    <t>b'\xa4\xb7\x04U4\xdaO^\xc1\xa7Ps\xd7P\x15\xaa\\"\r\xa6`\xf8\xcc\xe6O \xaa\x02\x8b\xed\xea\x81'</t>
  </si>
  <si>
    <t>b'`\xc7\xce\x12-\xdf#\xcd\xb5\x16\xf7\xd4\xb2\t1\x00\x8b)8\xf8\xb9v\xb4\xa7\xdb\xe6\xec\x12\x93\x14\xb1\xeb'</t>
  </si>
  <si>
    <t>b'$7P[^\xee_J\xde\xd1\xfc\xe0C\xd3\xaf\xb1\x91(\x9f\x16\xd2\xc2\xac\x9de14\x9ag\xa1V9'</t>
  </si>
  <si>
    <t>b'\xc2\x04\x11\xc5Mgn\n\xa6\x11\x99\xee\xfdM?K\xad\xd7\xce\xc7\xdfm\x04A\xca*\xc7\xb1\xc5\xa2\x808'</t>
  </si>
  <si>
    <t>b"\xa3\xc7j.\\\xee\xa6fp3U\n\x94\xbe\x0e\xef\x14\x9d8\xab\xd9\x7f'\x0b\xdd\xb5P:\xa8\x8da\xe5"</t>
  </si>
  <si>
    <t>b'$-\xb8\xcb\xb3\x90\xbc\xc9\x9f\x8d\x1dl\x0b\xed\xce\xa4\xf5S,\xc3\x07\xd5=\x85/\xc3\xa8`&lt;\xff\xecX'</t>
  </si>
  <si>
    <t>b"6\x9a\xa5\x98\x98\x1b\x1b\xea\xaa\x13\x8c\x8b\xc0\xe31\xfe\xe8\xa3\xa6Q\xb4kF'wW\x82\xf7]N\xea\xc6"</t>
  </si>
  <si>
    <t>b'\xdd\xb2\xd6*E\x01p\xdb\x02Ro\xeb\xe6\xcbS\xbb\x1b\x96N\xbb\xe2|!\xcd;\x97\xa44 \xe7\xe0\x06'</t>
  </si>
  <si>
    <t>b'\xf0\x04NK_\\\xae$\xc3E\x9b*\x91\xdan\xc5QZ\x0c\x95\x9c\xd0\xc7^M\x84\xdb\x8c\x7f\x0fJ\xc3'</t>
  </si>
  <si>
    <t>b'H\xc1\x04\xabI\xa2\x18\xad\xcf\xc1\xbaH\xc8\xb2\xaa8b\x06\xab2\xfd\x01\xb3R\x0e\xc0\x00\xd8C\xce\x8d;'</t>
  </si>
  <si>
    <t>b'\xc7)G?Pd\x99\x1f\xd5346\r\xc2\x11\xe9\x16\x9d}\xc1\xfd&gt;\xa2A\xc6\xb7\x9a\x0b\xec\xdf\x89\xf9'</t>
  </si>
  <si>
    <t>b'\x89\xebFT=A\x9c\xff\xe0?-\x99\xc4\x12\x0e\xe7"X\xfd&gt;\x97\xbf\xca\x1d\x05&amp;\xad^\r\xe9\\U'</t>
  </si>
  <si>
    <t>b'k\x16\rG\x82\xa0C\xbb\xc0\xa9\xea@z\xc7\xef&gt;2;\x1a\xdf\xad\x8e?\x90\xcf\x01_\xf8\x18\x8c\xaeK'</t>
  </si>
  <si>
    <t>b'\x97\xf16,\xfa\x8e\xa9\x1c.\x7f\xfd\xe0\x0c\xcf\x82\xc8\x82\xed\x07\xcf\x17\xf8\xd5y\xfd\xed\x9d\xa2MPxJ'</t>
  </si>
  <si>
    <t>b'l\xd5\xe3\xcc\xa0*\x14\xbeUB\xbbN\x9c[\xe4m\xd0K\x08#\x93\xb4\xb2g\r\xaeZ\xdd\x8a\xa4\xc6\x8f'</t>
  </si>
  <si>
    <t>b'\x9c\xc1\x8bf\xf7{!\x8d0\xaeiFj2j\xd0&amp;\xba3[\xfey\xb3Z\xb0\xd1\xcd\x95\x0e\x16&lt;\x02'</t>
  </si>
  <si>
    <t>b'\xc7\xb4\x8bq\x8aI+\x0b\xe1\x9c\xa1\xd5^!\xae\xa05\xfe\xb96\xb1\xea\xadWH\xc1l\r=\x01\n\x1f'</t>
  </si>
  <si>
    <t>b'\x00]\xe7\x1e\x7f\xacE\x83\xdd\xea#\xb4\xea\x06Uu\xe8]4\xaa\xf4\x90S\xb6\xf5\xd35\xde\xf0u\xe4\x9e'</t>
  </si>
  <si>
    <t>b'\x90\xc3hP@+\x19\x07\xbd\xcbvo\xf7\xb3\xca%uF\x8b\xa7\x99\xea\x9f\x9a\xd4\xcdz\x1f\x02o\xfex'</t>
  </si>
  <si>
    <t>b'\x87\xc0\xec\xeeu\xa8j?\xcd\x8c0u\x8c\xbe\x17\xa7r\x8f)N\x8d-\xac\x8c^u\x80\x9d\xed\xba\xdeX'</t>
  </si>
  <si>
    <t>b'\x15\xe1\xfc\x0c\x9f\x14\xba&gt;\x83)\x02\xd7Y\x89\x9d\xd2&lt;)\xddC\x81\xe8\x08T\xb5\xed\x93\xbaN\xc2\xabN'</t>
  </si>
  <si>
    <t>b'xm\xb0Et\xc1\x83\xd8\x95-\x17\xf5\x9b\x11\x1f\x80\x16\xfcr\xb0Qxv\xdc\x1c\xbbeH\xbfDl\xa3'</t>
  </si>
  <si>
    <t>b'\t\x14\xaf\xc2#\xe8:R*\x90\xa30 7\xe7p\xd8e\xffm\x0c\x13\xa9Y\xf2x\xa9\x8d\xd8.qC'</t>
  </si>
  <si>
    <t>b'\xf8\xc7#\xd1wK3\xa1\x93;\xb3\xa9\x86\xf6\x9df\xecT\xc9\xc8\x06A\xf2c\xa5V$\xe3\xe6\x86g\xa3'</t>
  </si>
  <si>
    <t>b'\xc0~c\x03$L \xcd{#\x99\xa7c6\xdcf\xc34&lt;L\x8d;\x97\x7fs\x10\x8e\x1b\xce\x81\x99\x8b'</t>
  </si>
  <si>
    <t>b'G\xab\x8at\xd4K,\xed&lt;\xe8\x84\x82\x84\xf2\x18\xcd\xf4n\x0c#\x02\x08JI]\xf1\t\x83\xc2\xbe\x06u'</t>
  </si>
  <si>
    <t>b'\x95\xef\xa8DSu\xd1&amp;\xe0?\x96(h\x16M|y*\r\xfd\xd0\xffa\xae\x16\xb6\xa2;{Y\xecl'</t>
  </si>
  <si>
    <t>b'k9\x9b\xdd\xf67\x15@\xaf&lt;5Q\x05\x87\xf8\xbc!\x82\xcaf\xd2K\xa6\x86\xdc\x8bz\xa6\x88\xb0\x0e\xee'</t>
  </si>
  <si>
    <t>b'\x0f\x06\xdeu\x94\x85\xac\x1b\x99\xff\xa8;a\xb1K\x89\xe2S\xa2\\\xc1\xc3\xd05\xc8\xe5\x88\xf8\x86*W\xbd'</t>
  </si>
  <si>
    <t>b'\x9cV\xb0\x8c\x89\t\x8f\x83:f"\x18\x0e\xe2b\x7fn%|\xbd\x94\xca.\x89\xffz\t\xda3\x1c\xb9\x83'</t>
  </si>
  <si>
    <t>b'\xcb\x08\xf3c\xc7\xed\x9b\x91B\xcaG@b\xd2\xb5\xce\x05O\xbd\xf9\xec\xe0\xd0\xa9\x0e\x19\r\x13\x0c\xe0\x9a\x93'</t>
  </si>
  <si>
    <t>b'\xf4\xb3j\xcf\xc0\xe4\x92w3\x90\x8d\xc8\xdea\xb2@\xc5R\xcbV\xc7\x18\xd6\xc6\xa9|n\xcb\xb26\x86('</t>
  </si>
  <si>
    <t>b'\x1d\xdf\xeb{)\x83\xe6{\x17\x1f\xb6\x9e\x0f7\x1d&amp;7\x13\xba?\xe9A\xf0\x7f\x97\xdd\xca\xcb\x01\x88X\xbb'</t>
  </si>
  <si>
    <t>b'6&amp;\xe9|\xf4\xe2X\xbb\xa1\xb9;\xe0\x86\xb4\xcf\x10|8\xd9U\xac\xe94\xc2C1=\xbb\xf3\xd4\xa0V'</t>
  </si>
  <si>
    <t>b'5#\x84?\xfbj{nc\x9e\xf2r\xa2G\x99\x99\x06\xfd-\x91\xae\x88\xdc\xe7\xe6\xcd\xc7\x90Tj#\x0b'</t>
  </si>
  <si>
    <t>b'iyxI\xe3\x81o\xccc\x0e\xd4\xf7\xeb\x10B\xfc+g1&lt;\x99=u \xf4*g\xeb\xe9R\xae\x19'</t>
  </si>
  <si>
    <t>b'!x\x8b\xce\x8e\xda\xe3x\xdcfU\\\x93S\xd1UNO\xdcX\x90\x1a\xf3\xc6A1\x14GGNv\xe1'</t>
  </si>
  <si>
    <t>b'\xe7c7l@\xd5\x9c[\x12\xf1.\xa0\xe6\x85\xd1df\xe17\x808\xff\x98[\xd9\xf4\xfc\xacM@\xa3\x88'</t>
  </si>
  <si>
    <t>b'\xe4\x92\xc4]8\xb62\x83\x1d\xad\x91~\x9e\xc2"I\xa4\r*O\xae\x8a\x8d\x1e\xd4x#\x03\xa9\x0f0\x8e'</t>
  </si>
  <si>
    <t>b'\xc33\xa0\x00?\xc0"\x16\xbc\xa9mF\xa4\xd4\xaa\x8e\xfb\xba2\xe0\x85\xac?9\xcdD\xc4A\xb6\xcf\x91\xc9'</t>
  </si>
  <si>
    <t>b'\x86\xeacJ\xcc[\x1b\x90\xd7\n\xc8=\xf7\xe5\xa1\x1a\xa3\xb3At\x93\xa5w&gt;\xd2\xf8\x84\x07}g\xf4\x02'</t>
  </si>
  <si>
    <t>b'\x021\xed\xae\xe5UR\xady\xac1R\xc6\x8e+\x928J\x05c\xf9fn\x19\xe1\xae5\xaae\xb2\xecj'</t>
  </si>
  <si>
    <t>b'U\xe1\xe4\x1e\xe8\xc6\x7f#\xc1\x1e)\xf3\xa3\n\xf2r@\xb1\xd1EX1\xe9wvSOB\xd1\x80V8'</t>
  </si>
  <si>
    <t>b'\xf1v \xf4\xbc\xef\xff\xa0\x1e\xbe1\xef\xb4I\x80\x86\x04\xac\xc5k\xbbr\xdb\xd5\x12W\xc3R\xb4\x86\x7f\xc1'</t>
  </si>
  <si>
    <t>b'\x1cz\x10\xed\x13\x07\xb3fj\xe5\xf9T)J\x0b\xf4\xc6\xf1\x10\x02\xd5\x85\x96rup\xbb\xfe\x84zh|'</t>
  </si>
  <si>
    <t>b'\x8e\x18!\xe68\x96\xad\xdc\xba\xfb\xc4\xf5\xf5\xac\x07@\xe0\x05`\x05W\xb9\x11\xe3I\xd6i_\xa0d\xdaa'</t>
  </si>
  <si>
    <t>b'\xfe\xc4Y\x04=\xf1&amp;R\x9dRo\xb4\x1a\x974[\x96\x15q`5N\xaa\x97\xe7\x0f\x14\xb0\x9a\x0cb"'</t>
  </si>
  <si>
    <t>b'\x94d{S\x03\x1c\x95\xaeOt\x92e\x0fH4\xc2\xe2\x18G\x19\x83\x92\x18j]:\x7f\t\xec"\xe9\x8c'</t>
  </si>
  <si>
    <t>b'\x19i\x7f\xd0W\xabr2\x90K\xd39]=3\xbefQT\xbb\x08\x82[\x922\xd5\xfa\xdd\xc1N$\xb8'</t>
  </si>
  <si>
    <t>b'\xd5_g%\\\xc8\x9e\xc3\xd3\xad-\xa9\x04`\xe8]\xbe\x1d\x13]\xda\xe5_T\xc3\xd6\x8a&amp;\xf5\xfa\x94\x03'</t>
  </si>
  <si>
    <t>b'\xdd\x94\xa3\x92\x8c)|d\x8fHd\x9eg@D\x94#\x83\xc0\xe392\xd6\xac\xda|\x1d\xffM+\xe7\xe0'</t>
  </si>
  <si>
    <t>b'\x92\x01\xaa\xf8\xe4\xb62h\xb0nt8\x1a\xcf Rr\xa1\rB\xc6Ec\xaa\xef\xde\xac3u~\x80\x0b'</t>
  </si>
  <si>
    <t>b'K\xaa%\x03Wq\x94N{kUz\x0f\x81\xba((\xb0w\xb9E\x0e\xc0\xb3\xf4\x10\xac?jL\xa0\xde'</t>
  </si>
  <si>
    <t>b'1\xeb\x8a\ru\x9a\x10\xcd\x00\x17\xe5\xaf\xb4\xff\x1c\xe7&amp;\x8d#\xc6\x9c\x8b\xafV\xd2\xad\x0c\x82\x8e\xd8\xf9\xc9'</t>
  </si>
  <si>
    <t>b')\x7f\xfb\x1aY\x98\xbd5=\x0b\xe2Xb\x9d\x8d\x97\xf6\x0b\x1e\xd2\x1ai\xe9\x8b\xc8,$\xdc\x90#m\xd0'</t>
  </si>
  <si>
    <t>b'\xd1\x94rJIH\xbcp\x94\xf4n\x9a\xe1)}\x98\x8e?\x10h]w\x9d\xd9\xbc:\xa0\xde\xa5\xa2E1'</t>
  </si>
  <si>
    <t>b'\x05\xf1\x93\x05\x88u\xab\x95&amp;\x81\x05\x1cX6\x9f \xbc\xd4]\x93\x90:\x99x&gt;\x81y\xf1:\x9f\xda+'</t>
  </si>
  <si>
    <t>b"|.\\\xb5KU[\xd5\xa1+i\xc6\xd0s:%\x18\xe8\xdf'\xd5\x1f\xcf@\xe6\xe5\x11\xf3![\xdbp"</t>
  </si>
  <si>
    <t>b'\x0b\xc4\xf8\xa0\xcb\xea&gt;\x0cN~w&lt; 0X!\xd2\x9d\x94P\x03\x08\xe6/j\xaa\x80\xe7\xc9\xd8/\xb0'</t>
  </si>
  <si>
    <t>b'\xff\xae\x00&lt;(\xf2Wcxx7{\xc6Fc\xe9\x8f@\xd2\x00qJb`\xa1\x9dy\x0e&lt;pWZ'</t>
  </si>
  <si>
    <t>b"\xce\xe4\x10a\x91+\xd2Y\x92#\n\xce\t\xf9G?\xf7i\x99\xfd\xb5\xe8F\x03l\x1e\xa8&lt;'w\xc0\x8a"</t>
  </si>
  <si>
    <t>b'X@\xb9\xfa3:^H\x83\x11l\xf1"B\xeeE\x92[\x95\x91T\xa9\xc1:\x98~\xe8o\xd6\xb7!\x95'</t>
  </si>
  <si>
    <t>b'\xe1R\x08\xa9\xe4~\xfb\x1a\xf0\x82\xe1\x0c=\x90\xc9\x1fD{\x1d\x13\xf0.\x95\x1d\xbeKz\xd7~\xd8dM'</t>
  </si>
  <si>
    <t>b'\x00\xf2\x86,\xc6\x188$\x14\xf3Wed\x93\x94\xda\x14\xc8\xd1\xec[\xa5\xc7\x8e$\xfdo\x98\x19"=j'</t>
  </si>
  <si>
    <t>b'\x0c\xa3!ia\xb4Q&lt;\x0f\xb9\x84O-A\x16\xeb\x10}4\xc8B\xac\xac\x91\xee[\xefR\xd1\x1d\x02\xdc'</t>
  </si>
  <si>
    <t>b'\x9b2nc\x0e8\xe7\xe6y\x90H4\xf4E\xd4\x02G\xf0\xa0\xc9\x1a\x17\xfc\xbd\xbaI\xa02\xd9+\x80\xd7'</t>
  </si>
  <si>
    <t>b'\xf9\xb8E\x89g5-\x98\x1f\xc1w\xc8\x8e\x9c\xd0\x9e\xcb\xb3\x1ay1\x9b\xa8\xb4\xb3r\xf6M\xe7\xa4\x92\xe3'</t>
  </si>
  <si>
    <t>b'\x9f\xb86\xc7+V[\xbe^\x9b\\4\xfd\x81\xb1C\xfd\xa5y\xc8Q\xe3R\x0b\xeb\xf8"2\xdd\xfc\x14S'</t>
  </si>
  <si>
    <t>b'\xa1\\Krq\xb4;TVi\x87\xc1\x1az\xcat\xfd\xe0\xf5\xb1\x0bt\x0f\x0c\xf5Hze3K\xfef'</t>
  </si>
  <si>
    <t>b'1\xb4\xba8&gt;6\r\xe9\xde\x80\xf8\x1d\xae\xbbL\x80\xbd\xe0\xee\x82\x8a)\x19\xb1\x9d7\xa0\xdc\xcb|\x9b\x8d'</t>
  </si>
  <si>
    <t>b'"\n\x0b\x12M\xd0o\xbc\x11\xff\r\xb1r\xcb\xaa\x10\x91\x10\xeb]_jsH\xc6;\xbc\xc7\xa1\xe8\x01\xa2'</t>
  </si>
  <si>
    <t>b'S\xa5\xdf\x1e4\xf7\x04\x95\xd2|\x0eHW\xccQLj\x12\x86`\xdeX\xe9\xdc\xa7$p\xa0\x1f\xc1X\xc5'</t>
  </si>
  <si>
    <t>b'\xeb\xa0\x89\x8b\x81\xea\xec$\xdf\x1cN\xb0\xbd\xbc\xd5\x9d\xc9G4TS\xa69\x10sm{DQ\x90\x9fB'</t>
  </si>
  <si>
    <t>b'\xf7\x16\xa5\xa5Y\r\x82\x90\xc1\xde\n\x1c\r\xbdP\xb8F\xd8\xba.5\xd9\xd4\xa2\xb8a\xcc\xab\x8d(VY'</t>
  </si>
  <si>
    <t>b'\x19e\xb0\x9e\\\x10\xb4\xcd\x89V\xaf\nP~\x8b\x95\xe8jO3&lt;\xa9I\xe9^Y1i\x9a\x0f\x8c\xaa'</t>
  </si>
  <si>
    <t>b'\x9e?\x89\x06h\xd362\\l-\xd7Q\x8a~\x83\xb5=\xc4\xd3\x08\xb4\x86\xdat2\xbe\xef\x88\xb95\xcd'</t>
  </si>
  <si>
    <t>b'\xc5\x8e\x8a\x1dS-\xdcH0\xefd\xfaH\x91@\xa9\x9e\x1c\x18p\xa6p\xd1\x81+\x12Z\xa6\xa3\x81W\xaa'</t>
  </si>
  <si>
    <t>b'^\x9e\xa0\xc3\xe6JG#i\xad\xf2\x8aV(\xa0\xe3\xd6sD\xae\xe01\xbf\xa2\xe5\xcfj\xa0\xf2oi_'</t>
  </si>
  <si>
    <t>b'x:\xfe\xdc\xdd\xefZ\xc0\xa1\xff-\xccFr\x89\x83\x92`6\x18HB\x11\x8e\x9eE\\\xe8\xe0\x8e+\xac'</t>
  </si>
  <si>
    <t>b'Yj\x13?\x86j\n\x9dx\x1f\x0c)\xf74N\xa5\x07M\x8c\x83\x95\xe0\xd6L\x17\\\xc6\x83L\xb7\x9d1'</t>
  </si>
  <si>
    <t>b'\xb8\xd5o\xbd\xd2\t8\x12\x87\xc5\xd0|\xedGI"\xcf=\xceX\xf9l4p\xc1\x16\x9e\xb2\x9c\xaf\xb6]'</t>
  </si>
  <si>
    <t>b"\xf8\xbe\xb1k\x9d\x81\x19\xedL\xfaE'{\xbfQT:\xb5\x04\xf3bm-\xfbya\xa1\xbc\xeb&lt;G1"</t>
  </si>
  <si>
    <t>b"\x97\x8c\x89\xc4\xfd9\r\xf3\xe8h\x91\x15aE\x05\xe4\x17E\xf0I1\xa8J\xb6m\xfepM\xac\x1d'\x01"</t>
  </si>
  <si>
    <t>b'\x1a\xd7o\x0b\xf4\xfe\x95\xf8j\xfa\xbf\xc9J\x9b\xd3\xa9\x1ay]\x87\x9aH]\x99\x18\xe7\x15\x0b\xa2\xe4\xce\x88'</t>
  </si>
  <si>
    <t>b'\xe7\xcb=\x8fi\xf9\xaa5\xa6\xd5z\xb1R\x82\x08[\x1f\x92\xe1\x8b\xf5L\x19\x07O\x8aL\xdb\x8b\xb8\xa0~'</t>
  </si>
  <si>
    <t>b'\x0c\xda\xd6\xfe\xab\x1a\xa67B\xfd\xe9\x93)\xf9\x15B\xc8\x9b\xa7p\xb9\x94cD\xbe\x1d\xaa\x04\x83Z\x0e3'</t>
  </si>
  <si>
    <t>b'lR\xe2H\x90\xf3~,Q\xe8\xbb\x07\x12n\xc8\xbfd\xb4\xc1rRM\xc4\xb3\xee0b\x00\xa4{\x129'</t>
  </si>
  <si>
    <t>b'\xe8\xf2\x89\x8aY\x87\x85_W\xb4\x1e\xdc\xcb\xfc:\xd3\x1b\xea\xf9k3W\xe8\r\tf\xc0`C\xa0\xbb='</t>
  </si>
  <si>
    <t>b't\xcaG\x04h\xb2U\xc8P\xb8/v\x90\xe1+;\xd9~\x7f[\x8d\xc6p .v\xef\xd0\x01\x02\xbf\x11'</t>
  </si>
  <si>
    <t>b"\xae\xc2\xbb\xe0\xcc\x0bgQ\xc3\xaf\x06\x91\xb7?BkL\x8a'\xba\xe0f\x18? a\xfe\x06\xb4{9\x18"</t>
  </si>
  <si>
    <t>b') &gt;\x8d}&lt;U!c\x03M\xa6\xc1q\x05\xbe\x0f\xd1\xe7\xa8\xdf\xc6\xc2\xaadi^\xdf?\x97P\xa7'</t>
  </si>
  <si>
    <t>b'J\xdf \x80u\x7f\xf6\xf7\xb0\x84i\x149\xa5\x9c\x1a#9\r\xb3\x05\xcbr!\x02_[\xe0\xd7\x98@('</t>
  </si>
  <si>
    <t>b' \xb3\xc4\x82\x8c\x7f\xb8}\xb4\xd4\xb6\x98\x1c#&gt;\xac\xac\x96\xb9#%\xbc\x8e\x84\xb1\xb4\x19\x8dz\xd7.h'</t>
  </si>
  <si>
    <t>b'S\xbbE\xb2\x83\x9b:\n&gt;e\xd2\\\tM|;)\x06\xd6\xdc\x97\xa1\xb1\xbeB\xcd\xf1\x14\x04\x0c5\x0c'</t>
  </si>
  <si>
    <t>b'|F\xcd&lt;1C\xc9\xf5`J1\x13\xfd\xf5 2\x0fU\xfa^\xee`-\xce\xb9\xf0\x98\xfc \xc1+\xfd'</t>
  </si>
  <si>
    <t>b'\xa3M\xc3q\xe4p\x87\xcfo\xe1\xbdn\xfeb\xc4\xe7k\xa4\x02\x997\xb6h\x92\x10@}\xae\x16A&amp;t'</t>
  </si>
  <si>
    <t>b'_\x84*\x14\xd24\xdd\x1cA`C\xb5\x90cL~\x96:\x8b_\xfb\x9d\xfdo\x08\xeb\xab\x1cc{"\xf8'</t>
  </si>
  <si>
    <t>b'\xad\xb7\x11&gt;\xae\xa7\xb7\x86X\x17\xdc\xcc\xd4Ip\x15\x11v-T\xe4\x8fw\xdfV\xab;\xac\x10\xf7]='</t>
  </si>
  <si>
    <t>b'\xd6\xa0B\x8d\x11\x80\xb0\x1az?b\x18\xc3p\xc1S\\\xe30\x18`+\xe6\xf7%i\xb4\xfa\xc5^p\xe0'</t>
  </si>
  <si>
    <t>b'@\tQ\xf8n\x8f\xb3\xb6\xc6\xf8\xbeJZC\xad\xd4S^\xc9\x80\xc6\xfa\x93\x0bb\x19\x83\x9b:\x9c\xe4\xaa'</t>
  </si>
  <si>
    <t>b'\xfd\xd3\xac\x9f\x82\x87\x084\xe99\x16B=\xf1\x9e\\H-dV\x8a\x88 \x89\xbeL\xd9k\xc8\x10h\x87'</t>
  </si>
  <si>
    <t>b'\xfc\xf5\x1a\xdeX\xb3n\x99"\xfd/\xb20\xbe\xa4E\x8d\x06\xfe\x17mL\xbdqc\x9fg]\xa0\x9b\xa9\xd4'</t>
  </si>
  <si>
    <t>b'\xac\x00\xa8`W^\xf7\x96\x10\xa9{j\x8a\xb0T\xa1\x80\x8e\xacV\xeb\x8a\x83I)\xafhn\xe5\xb9(\xad'</t>
  </si>
  <si>
    <t>b'3\x02\xad\xbe\xa1\xe9M\x12\xedp\x18\x14\x05%G\x04\x06\x16\xb17\xd0\xd8\x9bb`\xe9\xd1\xff"N\x96\xf2'</t>
  </si>
  <si>
    <t>b'\x94\xb0\x95\x9e\xd0\xff&amp;?\x17\xbb\x19\x8e{O\xb4\xb2\x0e\xe7\x10$f\x07\xe9^;Wl\xa51*u\xcf'</t>
  </si>
  <si>
    <t>b']\x95\x9c\xeb\x80W\x1aU\x9cR\xe3\xf6\xbfa\xfe\x9f\xc3\xfd\xce\xa2\x7fY\xdaqv(\xdb\x07j\x81\x00%'</t>
  </si>
  <si>
    <t>b"\xc1W`k\x0b\xe7\xaen\xd9\xf6\xa1&lt;\xee\xc6&lt;\xbah'dZOH\x99\x8e\x1a\x8d\xad\x9b5/#("</t>
  </si>
  <si>
    <t>b'\xee;\xf3\xe2Y\xca\xc1\xd1R\xbb\xa1\xe8\xd3\xe9\xf7\xd6\xabGA\x80i\nz\t\x04\xaf\x06\xcc\xc8\x15u\xa7'</t>
  </si>
  <si>
    <t>b'\x11}\xe3\xa1L\x10\x1c\xd2S\x03ga\x97cC0\xa1\x91\xbc\t\xf0\xbd\x89\xa6)K\xca`\xddH\xf98'</t>
  </si>
  <si>
    <t>b'T\xf6\x95\xbe]y\xdfR\xa7\xc8+\x1b\x1c\xc5_W\x9e\r]^\x010B\xbc\x13$C\xa9\x9ed{{'</t>
  </si>
  <si>
    <t>b'U\xccI\xc2\xea\x97\xbe\xe5W0\xe7\xc50\xbeJa\xb1\xbc\x90\xc8E\xb6\xf3\xa0\x1e\xb3E\xe1\xf0N\xc2X'</t>
  </si>
  <si>
    <t>b'\x8f\x0b\xe1E\x1b\xeb[\x05U\x97\x98\x8f\xaa\xec\xafbr,Tp\xc3\xb5\xa5\xfb\xb7\x02cY\x98\x01(\xd6'</t>
  </si>
  <si>
    <t>b'\xe3\xb2\xdd\xfa\x92\x1d\xc1\xa9\xb6\x97\xe3\x13_\xbe\xc8\xab6b]-\x92R\xd0\x1bC\xf6\xe5\x90S\xdf#\xa5'</t>
  </si>
  <si>
    <t>b'3\xfdH\xa2G S\x07_)c\x14Y~\x9apo\x92P\xa93X\x18\xb6\x81\x88\xf6\xfa]^\xa3M'</t>
  </si>
  <si>
    <t>b'AM3X?\x84\xc89\xef\xcb\xf4\x00\xf0\r\x9d[;\xb3\xa3\xd3SW4\xa6\x12\xd2P\x87g*\xbc5'</t>
  </si>
  <si>
    <t>b'Y\xa8\xb6\x8d]\xb8V\xc8\x9c\x97\xb8\x9a]\xd3`.\x12\xa5\x04\xac\x85\x97:\x9f\x8b\x0b\xb7z\x04\xa0\x1b\x8d'</t>
  </si>
  <si>
    <t>b'`\xde\xd0\xab\x16\xcf \xc3\xf6V\xe5}\x85\xe00\xb3\x96\x99\xfbg\xa3\xb6\x0b\xfc!\xc4@\xef\xba\xc3f\x9f'</t>
  </si>
  <si>
    <t>b'Q\x06H!\xa3M\xf8\x8d\xaa\x83c3\xea \xfa\x1f\xc1\xef\xad~\x81\x93\xce\x85\x8f^f\xffH\xf7\xb8\xe4'</t>
  </si>
  <si>
    <t>b"\x9eu\xa3 w\\\xc6e\xf6\xbcv4\xdd*\x82\xa1f\xf7q\x84*`\xcb\x9d\xe8o\xc4i'\x12E\x9f"</t>
  </si>
  <si>
    <t>b' i=\x15\xd2\xc1W 8\xc3\xf2\xbd\x80$6\x02\xa9\xc0\x10n\xc8\x9a{\x8c\x12k\xfc\xdb\x1b\x05\xd7\x02'</t>
  </si>
  <si>
    <t>b"\xba'N\xcd\xa1\t\xa3-7\xc0\xee w\xb5\x94a\x07\xc0\xda\x83\x88\xf3\x92\x1c\xcf\xeb\x1e\xc9]\xef\x00\x8b"</t>
  </si>
  <si>
    <t>b'\x1e\xd22\xc9d\x93\x13\x14\xebcO\x163r\x8e\xb2\xf3\x0f\x85\xd1\xdb\xdb\xf3\xb5\x04\x9a\x9bo\x00\x91&gt;O'</t>
  </si>
  <si>
    <t>b'K\r\x82\x91\xec\xbf]\x89\x92\xbeY!\xfb\x9bDY\x1d\xf3\x89"\x98\x14\x0b\xa6\xbc\x9d\x9fK\xb4\xa2\xffy'</t>
  </si>
  <si>
    <t>b'\xd6\x91\xd9\xbc\xda&lt;\xf5\r\xe74zF"&gt;J\xecr\x8f7\xcf\xb7\xfd\xb6x\xfais\'\xe8\r\xa5\x12'</t>
  </si>
  <si>
    <t>b'\x9c\xf8\x04\xd6\x14=O\xd6w\x17!2\xa5S\\\x08p6\x98\x0e\x927\xe5\xe4\xe6MM\xe3\xd6\xe5$\xef'</t>
  </si>
  <si>
    <t>b'\x19\x853-r`\x06\xaf\x15\xda\xabl[\x95\xdc\x15\x95l\xbc\xbb*\x07\xe6\x1f\xe0K\xfa&gt;,2\xc1\xc3'</t>
  </si>
  <si>
    <t>b'\x14\x99\xee\xb4ex\x03\x0cS\xb0\x9e\xa7\x83\x1d4$@\xb7f\x16p\x1b\xd0\x01\x024\x8a+\xc6\xb05\x9b'</t>
  </si>
  <si>
    <t>b'8\x99\x8f&lt;=\x89_\xff\xc2SX\xdf\x1dS\xd5\xdf\xb5\xe7Q1O\xfeu\xe1Qj\xbd\x1e\xa9\xc1"\xbe'</t>
  </si>
  <si>
    <t>b'\xb1\x0bO\xb1\xd0\xcce_\xc2]}\x9c\xbc\xb1\xf6.3\xc6\xab\x1b\xb8\x88|\x99&lt;\xc7\xad4\xc2:\n\x04'</t>
  </si>
  <si>
    <t>b'b\xf2\x06u8%t\x8f\xb0\x8f\x87G\xce\x84{\xc5Wb\xecb\xcey\xc9\xf8\x8f9\xe3\x0c\xffPc\t'</t>
  </si>
  <si>
    <t>b'\xc9\xc4#\x07\xb3O\xb6-\xe5\xd6\xfdh\x1dm\xac\x91O\xa6\xba\xf3\xefYG\xd6A\xe6\x0b\xf2=6\x1a\xfa'</t>
  </si>
  <si>
    <t>b'\xad\xfb&lt;\xcd,\x7f\x88m\xf3\x881\xeaV\xdc_qf!FL\x95+\xa50\xef.t\x16\xaf\x0c\xb2\xc3'</t>
  </si>
  <si>
    <t>b"\xef\xb6\xdf\x8ch\xc4KF\x075Q|\xca\x87D]\x89\x97\x87(:'e\x8e\xe9\xd35X\xaf-\xeaG"</t>
  </si>
  <si>
    <t>b'[\xc8/Ri\xc7)#\xb4\xb3\xc6\x02\r]W\xfb\xbb=\x12\x86,D\xfe\xa3,\xad\x93\x04\xf1\xad\xc9\r'</t>
  </si>
  <si>
    <t>b'\xf7_\x8f\xd1D\xb6k\xe6\xf3\\\xb9|P\xa6\xe1c\xc5m\xb8\xa2r\xac\xd9U\xe0\x91yb\x18\xed\x11s'</t>
  </si>
  <si>
    <t>b'\xe9\xcf-V\xa6\x81\xad\x0cC\xcaCk{v\x9cWl\x88\x00\x1b\xf2\x88\xe2\x19\xa8\x1aX+\xd5\x1bv\x0f'</t>
  </si>
  <si>
    <t>b'\xe0\xf7\xac\xedt\x073\xa6*\xcfQ\xdd\x02\x82\x16\xceP\xa2{\x80*,\x1c\x83\x17\x95\xf9_\x1dx\xd2C'</t>
  </si>
  <si>
    <t>b'}\xb8\xdf\xba\xd3\xc6\x8d3\x1d\x1d\xa8\xa9U\x80\xc4\x04C\x1e\x81E\x02\xe9H\xf6&lt;\xf6D\x03\x07\xa7\xebQ'</t>
  </si>
  <si>
    <t>b'v\x16\xed\xd4\\\x9b/\xe1$\x0c\x0b\xf4.r\x05\xffA\rvc\xcd\x84\xf8\xea\xda\xa7\xee\xda}\x01m\x01'</t>
  </si>
  <si>
    <t>b'\xef\xb2|4\xa9\xeb\xe6\x82y1&gt;\xf0\xddg\xdf\x80\xf7\xe0%\x7f\x00\xe8&lt;\xf1\x82\xc1\x18\xce\xc4\x86\x01\xa9'</t>
  </si>
  <si>
    <t>b'\xbei\xeb\xfb&gt;\xb4\xdb\x869\xff\x8c\x19\t\x80\xe1\x1a}\xfc:\xc7\xd7\x97\x85m\x1c\x9d\x12\xadz\xda\xfcy'</t>
  </si>
  <si>
    <t>b'\x81l\x01\xa2\xfe\xe9/\x83"\xd7\xbci\x0f\xf6g\x85J6\x9a\x14:\x8c\x87&lt;\x905\xbf\xd4\xf7tv\x99'</t>
  </si>
  <si>
    <t>b'\xedv\xf1\\f\xbe\xb2C&lt;hm\t\x05\xa8\xc1\xe2\xe1!\xf5m\x85[\x83\xd0\x9f\x19\xc9s\n\xbf0m'</t>
  </si>
  <si>
    <t>b'O\xa3\xdf\xee\xb1\xab\x89\x89\xc1\xc9\xf2~)\x11r\xa0\xf66T\x94\xbe\x12\xfb\xc4\xba\\l\xf1&lt;\xf7\x99\x8f'</t>
  </si>
  <si>
    <t>b'\xe1\x04\xd0\xa5\xe7\x0f\x8d^\x8a8\xcau\xbf2cr\xe6L\x1c\x02\xa1)\x8a\xce\xb4\x0c%\xbc;\xe8\xd4\n'</t>
  </si>
  <si>
    <t>b'\xd0\xfe\x88\xb3\xaa\xcc\x9d*\x12y\x1d\x16\xcai\xb6\n\x8f\xf3\xf7\td\xf5\x89I\x7f[{\xce1\xcd}\xe1'</t>
  </si>
  <si>
    <t>b'\xe7\x94~\xf7\x9b%Lg\xc7\xe4~6(\xd4\x11\xee\xbc\xc6\x13\x88eT]\xc6s\xd0\\\xb3\xd17d\x0b'</t>
  </si>
  <si>
    <t>b'\x800\xd6\xe1f76\xd2\xaf\xed\xfb\xc0\x9d\xbd\xc1\x11|\xf1\xe5c\xfb?)g\xb6\xce\xd32J\x9f\xdd\x1c'</t>
  </si>
  <si>
    <t>b'&gt;\x1c\x85\x91\xbaWf\x0e\x85\xb6\xa4\xff\xed5\x80\xe0\xb0\r\xa7\xc9\xad\xf3j\xd2\x1aD\xe5\xf1nH\xafL'</t>
  </si>
  <si>
    <t>b'D\xbd/\x0e\x06\xfbv\x0be\xec#\xd0\xab\xf7z\xe9\xcf\xa6]h\x1b\xc2\xa34\xc4\xd8\tx\x1d\n\x89\xf9'</t>
  </si>
  <si>
    <t>b'\x02-i\x89\xdc\xc8l\xc6\xabKp`w-P\x97\x9d\xe9U 2\xf8\xf7\xa8Br2A\xbc\x8e\t\xcd'</t>
  </si>
  <si>
    <t>b'\xe3\xc1\x1f*\xd5Gw\x8de8\x1e\xd3\xf8(k\xcc3\x9d\xf0\xd3\xd3Iarn\x19\x8a\x04\x94~\xc9\xb9'</t>
  </si>
  <si>
    <t>b'v\x10\xbf$\xf3\x8d[\x99\x7f\xd8]^(Z\xaa\x8d\xca=Wvjid\xd8\x85N\xf5"\xa0\xef\t\xee'</t>
  </si>
  <si>
    <t>b'\x93\xfe\xc9\xe4\xc9\xc5\x9bS\xb73]Z\xb1,\xf4\xda\xee\x17\xb2\xdd\x14*\x908\xe0\xe4\x87\xbd\xa1\x1cL8'</t>
  </si>
  <si>
    <t>b'\x1b\x14 \x02\x81\xb4\xac\xa6~\x02E{\xe3:\xf1\x91\x02\xb4{8\xeeG.\x16n\x81\x03\xb1\x19H\x9e\x8a'</t>
  </si>
  <si>
    <t>b'\x0b\xcf2\x0f\x15&amp;&lt;\x07\xa1\x9c\x89\xefpYN\xa6\x12\xf23\xbf\xf6\xeb~\xf5\x10+\x1d\xc9\xb7\xce?*'</t>
  </si>
  <si>
    <t>b'\xb5nk\xce\xa5&gt;i0\x901\xf4BI\xc7{\x9a\x7fF^-G\x10\xec\x9c\xa8\xabY\x980\xc3\x872'</t>
  </si>
  <si>
    <t>b'LG\xe2,\xc9\xf2\x98\x1d\xea\xa0{q\x8b\xab\r{{!\xaej\xfcQ\xee\xd0\xd9C\xce5\x85\xd1gz'</t>
  </si>
  <si>
    <t>b'@\x7f\x10u\xaa\xda\x9f\x0f\xcb\xab\x1a\xccS\xd9\xb6+\nj\xc0\n\xd4\xa6\x0cz\tTw\x027-\xea\x9e'</t>
  </si>
  <si>
    <t>b'V\xcd\xc5Ly\x0e\xb6\x9cy\xa5\xa8\x00\x0e\xd7\x06\xfau\x1a\xee\xc7!^\xba\xa3\x81Q\xe7\x90=\xca(1'</t>
  </si>
  <si>
    <t>b'\xcf\xc8\x025fR\xcb#\xd4#\xcc\x1e\xde\x05X\xff\xc4-\xd9;k\xe5\xaa\x12EQ\x92&lt;\xdd]\xd9$'</t>
  </si>
  <si>
    <t>b'U\xcd\xae\x8a\\\xf4\x89D\x14\x90\xe4H\x0b\xc4\xe5o,\xa1:n\xf8\xea]\x13\xd7g\x1e\x0fSi\x07\xf5'</t>
  </si>
  <si>
    <t>b'\x9bO\xff\xa0\x0f\xd1L\x08\xc0\xcd\xb8\xddo\x11\x8eZY\xb8\x8c)\x13\xa5{sI\x83y"\xd8\xacGb'</t>
  </si>
  <si>
    <t>b'\xd86\xa3\xf8\xa2\x94\x93\x91\xb4\x8f\xd1?\xba$S\xf1{\x12s\xba\x98\x82\xcb..\\\xa3\xf0B\x98y\xf1'</t>
  </si>
  <si>
    <t>b'}\x8c\x03\xd7\xa5e\x04\x19)\xe3\xa4cF\xd8\xf9\x05;B%O\xd5.9\x8b\x90+\xb2\x1b\xbcK9n'</t>
  </si>
  <si>
    <t>b"PD\x8fo\xff\xd15n\x96\x16\x0c\xe2\x86\xb4\xedc\x07qx\xef\xeb\xb9\x93j\xaep\x1f'\xcf\x9f\xbaZ"</t>
  </si>
  <si>
    <t>b'N\xd2j\xc4\xf0!\x08\xf9%\xb0\x07\x18%6\xca\x1aI\xcas\xbc\x0b\x85\x90\x95\x90|qh\xe2\x8c|\xd0'</t>
  </si>
  <si>
    <t>b'\xc7\xfd\xb3\x05[++\xbf\xe56\xdd\x0c;\x8d\xf3\xa5\xd4\xfa\xa1\xdb\x9e\xd5L\x1c\xd7\xe5\xec\xae\xa3[\xee\x83'</t>
  </si>
  <si>
    <t>b'~T\xaaR\xb0\\\x9dy\r\x94\x95{\xac\xb3c\x02\xfb7P\xca\xcen\x04\xfe\xfd"\xf7\x02\xa5w\x9a\xa0'</t>
  </si>
  <si>
    <t>b'\xde\x9e\xff\xcfN\xcc\xb5\x9b\x1d\xf6!\x12\x87q\x87\x9a5\x10\xc0 \x8b\xfem\xca\xdcuhWe\x01J['</t>
  </si>
  <si>
    <t>b'\x0e\x08U\xb5\xd8\xe4\x1bOu\x0f\x90\x0e$6\xd6\x17DV\xc4\x1a\xa2K\xdc\xe1\xc9\xb4\xdb\xc4[\xaf-\x93'</t>
  </si>
  <si>
    <t>b'\x81J\xf5\xdf@&amp;\x01J\x15\xd4\x88mI4}\x97a\xd3\'\x04"\x16Y\xdd\xee\xbd\xcb\x0c5\tJ('</t>
  </si>
  <si>
    <t>b'X\x17\xc0F\x7fH\xd2\x8aw50\xa4q\x9f\x18u\xfb\x1f\xd17he\x17r\xf2\xc6\xe0n\x10\xc3ja'</t>
  </si>
  <si>
    <t>b'\xbc{K\xe9\xc3\xe2\x0fQE\xee\x90\xa3\xddy(+\xe1\xfd\x84\xe4\x8c)\x9e\x0e\xfd\xe44\x7f&amp;\xa5\xeb\xd1'</t>
  </si>
  <si>
    <t>b'J\xeaAf7\xd4Y\x98\x13\xe9\xfc\xe9\x81\x8a:\xc4`\xb8\x87\xc0\xb1\xde\n\x87P\x8cm\x8c\xc5\xbeo\xf0'</t>
  </si>
  <si>
    <t>b'Ey\xe28\xe1q\xde]\xe3\\\xacC~\x9d*\x10z\xcd\xac\x9e\xb3\xe4\xf5s\xcc\xf0\x81#\x8f\xe4%\x1a'</t>
  </si>
  <si>
    <t>b'\xcb\\\x98\x8a\x04X\xe7_5g\xfb\x1e\xd9\xba\x03\xee2{l\xc8&amp;\xb3@!\xb7\xd0p\xbe\n\x07\xebP'</t>
  </si>
  <si>
    <t>b'\xf1\xb0\xe5\xe8\x91&lt;\xec\xb7\x04}\x11\x10\x12\xac\xa1\x1e-\xa9\x99R\x9a\xf5\x88\n#4tG\xb7o!z'</t>
  </si>
  <si>
    <t>b'B\x85\xafY\x0b\xb0*\x8dw\xfd\xbf\xc9&gt;\x8dm\xaan\x98\xa0+\xa5\xd3\x9c\xf5\x19\xcb\x85\x82H\xb3\x16\xf1'</t>
  </si>
  <si>
    <t>b'.\x8c\x17g\xda\\/\xb5\x07\x84M\x87\xdcm\x0eo\xf9\xf3o\t\xb2V@\x9c\x00\xdf%.\xdfl#\xcc'</t>
  </si>
  <si>
    <t>b'\xfaZu\x9e\xcd\xac\xab\xa2\x04\xc6\xf1\xc2\xa6\x00\xec\x97\xd4\x89\\\x15\xf2E\x86\xcdP8\xad\x15\xe3\x0b\xee\xe6'</t>
  </si>
  <si>
    <t>b'\xb8\x03\xc9\xef\xe8\xa7\x0ey\xc3y?\x82\x11%R\xaf\x1cv)\x96\x1a\xed\x1d\xe2\x94~\nE\xaawg+'</t>
  </si>
  <si>
    <t>b'\xd0\xaf)\xa9\x1an\xb7\xdf\xc2{3\x1dH\x86^\x92\x01\x9a\xe8\xfa\x8bV\xa6c\xe6\xc7\xfd\x9f\x93ArT'</t>
  </si>
  <si>
    <t>b'\xcb\xa3\xd4\xaf\x0b\xff\xe7\x8d\x0c{\xce\x82,\x91\x90\x8e\x17Q\x1a}*\xcc\x05yMA\x1e\xf8t\x00k\x05'</t>
  </si>
  <si>
    <t>b"\xa0'I\xd8~d?\xb3k\xc9\xd3S\xe6\x12~=B{\xf2\x86\xfcX\xb5\xe2;\x05\x86\x04w\xbbI\x95"</t>
  </si>
  <si>
    <t>b'\xe3w^+l\nS\x8e\xe9c\xe9\xd3R\xd3\xf0\x9es\xa3~\x1c\xf9e3\x89\xc4\r*\xbe(\x99\x05\x1d'</t>
  </si>
  <si>
    <t>b'5\xba\xf9\x9a3\xfc\xba\xb0\xedE\xe8 \xf4\xec\xf6\x02\xd9\xf0&gt;\xc0V\xced\xfc\xd1\xc1\x85\t\xab\xae\x16\x05'</t>
  </si>
  <si>
    <t>b'\xf6NTVlJ\x14\xffhQ\xfa\xd9\x07\x88NM\xd0S\x02\xc7%\xac=\xfc\x18&lt;\x0cQ\xcf.\xd3\xaa'</t>
  </si>
  <si>
    <t>b'\x17\x1a+8\xd3W7P\x83\xf1\xd7)\xf5\xf4\xf4\xd7\x05\xd5`fZ\xb5(-\x96\xdf\xbe\x1b7\x03cy'</t>
  </si>
  <si>
    <t>b'\xdb!sN8P\x8b\x90\x91apj\xf3\x1a\x01\xcc\x94n\x1f\xe1A\xb8\xecFs\x06\x9az6\xd7K\x84'</t>
  </si>
  <si>
    <t>b'\x8e\xc0+W\xe3\xfc\xa9%?\x04\xed\xc7\x95\x92Y2X\x14\xae\xe8\xd6[\x8d$\xe9s\x87\x9e\x12\xdf\xc4\xdc'</t>
  </si>
  <si>
    <t>b'#\xa8^\xe8;I\xe8~\xdc\xbb\xaa\x95\xa1z\x91\xbe\x8b\xdcD\xe7\xc84D\xbc\x1f\xf9\xbf\xd131&lt;\xd0'</t>
  </si>
  <si>
    <t>b'&amp;\xd3\xfbrUi`v!\xe5A\xa5\xa8\xfb\xbcO\xd9\xd0f\xd7N\xee;\xf6\x01\xb1\x9f\xc3\xad\xe1iq'</t>
  </si>
  <si>
    <t>b'\xe6T\x87xy\xdf\x1a*M\xd7\xb2J\xe5\x13\x0e_I\xa2\xc3\\^\xda\x02W\xae\x84\xff\x0e\xfd\x12\xc3\xf9'</t>
  </si>
  <si>
    <t>b'\xcdw:\x11j\xbbU+\xd2w\xa6\x1f\t\xf1 \x0c\x18\xa3x\xa0k:Sm\xf0(\x04\x00\x96\xe5\xb5+'</t>
  </si>
  <si>
    <t>b',o?\xe1\x9akG\x13[\xab\x96\xc5\xbc\xdfW\xbe\xcfd-\x0fD\xeb\xf340\xc2/4p\xf3\xc5\x83'</t>
  </si>
  <si>
    <t>b'3?\xada3kn|\xa3\x8f\xf5\x9c\xa2\xc6m\xe2D\xd6\x16\xca\xe2k\x83\xbc\x87\x0e\xfcf-\xee\x8e\xe0'</t>
  </si>
  <si>
    <t>b'#tTkdB\x14cIth\xd28\xfc\xed\xef6\tZx\xe5J\xcb\xac\xd2@\n\xd9o\xc0\r\xd9'</t>
  </si>
  <si>
    <t>b"\xe8\xc1\xf2'Mp^\xe5\x97\xaea\xa4\xf4\xc6k8 CL\xbb\xa0\x9b\xf6gq\xd50&amp;\xfd\n$\x8b"</t>
  </si>
  <si>
    <t>b'C4\x14$\xd2{\xd8\xd6\x9d\x1dj\xea\x95}\xf2\xf7\x1d\x1a\t\x9de\xab\x84#\xa2\xd5\xbb\x19\x01L\x8f{'</t>
  </si>
  <si>
    <t>b'Zm\xd3c\xbf\xfd\x95TN\x13\xabl\xf4\x14\xfcJ\xce\x88YS\xab\xde\xd8(]w\x83\x9eni3\x99'</t>
  </si>
  <si>
    <t>b"\xac]\xf2\x16\x88\xec\x1cR\xf0\x95\xd8\\\x01\x9e\x02\xd9Z\xf6\x83\x88\xc3\xecQg\xd5k'\x12\x80T.\xb1"</t>
  </si>
  <si>
    <t>b'\xbbvF\x9b\xf4\xb2/\x1c\xda\x8b\xe3\x1f\xaa)\xea\xc8i\x8c\x18\xdavF\xa9~{\x9e\x9c\x1cW\xb7\xb5-'</t>
  </si>
  <si>
    <t>b'L\xd2\x9c*8(\xf4x\x9d\x18Z\xb2\x94?\x0f\xc3\xe2O\xca\x15\xcd\xcd\xa9\xd0\x92\x98\xfe\x04\xbc/\x8b\x1e'</t>
  </si>
  <si>
    <t>b'\xcdy\x91\x98\xef3\xfc\xe8:\xed+\xf2\xc5\xac\xc4\x96\xc7\xb9\xa0\x9eV\x99\xc6\xf4\xdd\xf2\xf6\xdcr\x7fr\x0e'</t>
  </si>
  <si>
    <t>b'\x05\xaa\x03\xf7\xba%d\x10\x865\xce\xb9\xbc,\x91\xa3+\x0c\xb92\x02|\xc4 x\x9b\xcdetDf\x94'</t>
  </si>
  <si>
    <t>b'\xa9\xc1%\x15\xad\xa0\xe7\x88\xc8\xab\x81H1:\x1b%\xfc(U\x045\xc7z\x8et\x02\xd5\xea\xbc\x0b\xf1\x85'</t>
  </si>
  <si>
    <t>b'z\x85\xcc\\\n}t\x0b\xd3\x93v8Q\x94U\xb0\xd45\xa8\x8b\xf3\xeb\x82W\xad\xc2\x1b\x02Yp\xf8\xd2'</t>
  </si>
  <si>
    <t>b'\x02\xa6L6\x15\xd9Zi5AB\xb9\r\xd1\xbb\x8d\xea\xdc\xb6pP\xdf\xd3"\x9e\x90\x83\xab\xec\tr\x9a'</t>
  </si>
  <si>
    <t>b"\xd2\xe7\xd8,\xde&lt;'A\x96\x04\xd6?\x8a\xda\xa6\x80fT\xdb_\x95\xe3\xda\xd1\xdbk\xbfD\x17\xe8g\x83"</t>
  </si>
  <si>
    <t>b'\xc4\x11\x05$\xbf)\x99&amp;\x96\xfcMN\xe2\x9cfZj\x1f\xd8\xd0\x01\xe4K\xc4\x82\x08\x8f.\xdb\xdd\xfcO'</t>
  </si>
  <si>
    <t>b'\xb9\x87c\xb2:\xf6\xa5?I3\x7f\x94^\xd7\xdbb$&gt;\x9cK\x8f\xda\xb6\xd05)\xc5\xac\xd8\xa4\x90\x89'</t>
  </si>
  <si>
    <t>b'6\x15\xa4\xb8\xa8\xca\x9c\x8b\xfd\xc7\x96`\xab%\x92\x90\x83\xc6\xae\x00,/\xb5\xee/oE3\x14}\x04\xa2'</t>
  </si>
  <si>
    <t>b'\xec\xf5\xf1\xb6\xacQ\xb8\x10\xf3\xf3\xa0\xb2\xe8\x86\xc7\x9e\x18\x80l\x8b\xd5\x1fc\xd9\x17h\x83\xfc\xff:6$'</t>
  </si>
  <si>
    <t>b'\xf1T\xae\xc9\xae\xa6\xf6\x02\x19\x88\xfeKh`\x03\x80=\xa9\x17\xda2"d\xfd\x9d\xf3e{\xa8\x01\x8c\xc5'</t>
  </si>
  <si>
    <t>b's\xbe\xbea\x91\xc2zc%\xff\xe7g\x84\xca\x88;\x14f\xb0x\xdcp\xf1\xb1\xca5\xdc\xf4\xea\x1c&amp;\x93'</t>
  </si>
  <si>
    <t>b'\x0e\xcb7U$4\xa7\xf0\xe8\xe8\xd2\xb0\xb3\x91\xef\xa1\xc7\xd0\xa3\x87\x1c\xd1{k.\x7f\xc1\x1b\x1b4K\xdc'</t>
  </si>
  <si>
    <t>b'@\x0f\x92@\xe3\xe1=\xf8\\\x07\xec\x9d\xa8\x04Wyx\x0bL\xee\x96\xabS\xce6\xa4y\xeb\x15\xeb\xc9\xb8'</t>
  </si>
  <si>
    <t>b'X\x15\xc0\xd6y\xf8\xe6\xe5A\x1c\xc9\x9f\xbb\xdcq\xd2\x8f\xcf\x8d\x0c\xcd\x8b\x17\xbc\x80\xdd\xab\xc1\xd8\xcd(S'</t>
  </si>
  <si>
    <t>b"\x0c3{\x88\x00\xf9Y,'\xb5\x9d\x95\x17\x12\xef{Y\xc6\x10\xa6Y\xe5.\xfe\xb7z\xc93}j\x04\x1f"</t>
  </si>
  <si>
    <t>b'\xdc\x7f\x85V\xa1\x93M&amp;\x9c \x9d\x92\xaaJ^\x04T\x0c}\xca\x9c\xb7\xac\x1f8P\x08\xec\x12\x80xW'</t>
  </si>
  <si>
    <t>b'\xf4L\x9a\x80Fn\xaa\xc4\xb2\xe2 \x9d\xe7\x96H\x11\xc2C}\xebc\x9d(\xc4\xb0\xa8\t\xa4\xe29\xad\x8d'</t>
  </si>
  <si>
    <t>b'f&gt;f\xcb\x10\xa9)r\x11\xa0\xab\x9f@\xbe0u\xa7\xa5\xd1\xcf\x9a\xf8\x03\x0e\xff\xe7\xe4\xfa=0\xe2\xbf'</t>
  </si>
  <si>
    <t>b'\xcaX\x0ba\x16\xfc\x0c\x1fn\x85:\xf3Xd;\xc5#I\xb4\x11\x97\xba\x84\xc1\x05!\xb1\x19(\xb9\xba\xa4'</t>
  </si>
  <si>
    <t>b"\xf1\x11\xe6WD\xf5\xf3nR\x1f\xe8q\x1ch\xab\xd6\x8aJ\xa3\xa1\xa9\x90'%\xca$7W,\xbf\x17\xfd"</t>
  </si>
  <si>
    <t>b'\xfbh\xddi\x8b\x81e\x85-\xf4k\xa87Xo\x0cd$\xb7\xce\xd7\xee\x14Z\xa5\xb1\xdf\x91B\xb1g\x85'</t>
  </si>
  <si>
    <t>b'\xd4\x9b\xeb+\xbd\x015\xde9\xd2\\\xcc\xc2\x88~m\x8f\xdf\xb8 \xb6\xaa\xbe\x7f\xfc\x9bGMC\xa3\xc0\xe6'</t>
  </si>
  <si>
    <t>b'\xcb\xd5Z\xafF\xc4)8\xf2\x11\xd3\xa3\xfd\x0ba\x90&lt;\xa6\xe0\xd8\xff\x92\xc4\xdd\xe8K\x8a,\x01\xaaBi'</t>
  </si>
  <si>
    <t>b'iA3\x8d\xd41:\xa0\xe8\xff\xa3\x9c \x02\x81\x92)\x0f\x86\xa6\x94\xf4\x85\x8a\xad\xee7*\x8aQM`'</t>
  </si>
  <si>
    <t>b'O\xda\x9f\x01\xd3\xc6q\xb7\x1f\xa0|\x11\x17\xdb]\x13\x1f\xf3\x02\xd2\x86\x1b\xc9\x1ef~\xd2\xeb\x90\xec\xd6\x16'</t>
  </si>
  <si>
    <t>b'\t\xf1I\xf6\x17B\x8f\xef\x91\xc9wl\x0b\xa8M\xa9\x85\xea\xbf=\x81\x8e\x1b\xde\x05!-F\xb9&amp;U-'</t>
  </si>
  <si>
    <t>b'X?\xfd\x01R\x81_\xd3.;k~\x06a\xd9\xd4\x14\x8a\xa7\x1aQ\xed\x86g\xe6O\xba\x17W\xe8\xf0\xc9'</t>
  </si>
  <si>
    <t>b'|\x8a\xb4+\xb7\xa3um&gt;\xbb\r\xa6H\xa3\x1cq\x08\xab\x10j\xa2\xba\\\x97&gt;\xac\xe8\xc8r\xe4\xb4\x17'</t>
  </si>
  <si>
    <t>b'\x9e\x0c\xf1\xb2\xa6\xeb\x9c\xdc\xc1\xf0r\xe2\xc9j\x95\xd6\xb7\xe4t\xcf\x9cA\xeba\xd2\x82\xf3"&gt;\x8e\xfd\x9e'</t>
  </si>
  <si>
    <t>b'3i\xae\xa0\xd0.\xd0\xd0s&amp;\x0b&gt;\xf0\xdfjFU&amp;&amp;\x03\x15\x93\xc4\xfc(\xde\xe9\xf6\xd2\xd6\xc7\x1d'</t>
  </si>
  <si>
    <t>b'N\xfa\x89\xb0\x93\xf5l\xd5\xc8\xd7\r\x9f\x8b\xf4\xf0\x1fw\xa6x\xca\xc4m\xda*\xf2\xe2\x83j\xf1"\x06\xd2'</t>
  </si>
  <si>
    <t>b"`[*\xbeo'\xb2\x9bv\xf8\x00\xa8\xa1\x19\xb1\xdbb\xa5\x03*\xae\xb8$\xecv:\xd8\xefLh\x0e\xc7"</t>
  </si>
  <si>
    <t>b'\xa2\xb8j\x19QT\xf6\xc9\xeeQ\xeb\xb1W\x8f\x14y\xdf\x893\x03i\x94\xb7:\x95\xf4!J\xd6\x18{='</t>
  </si>
  <si>
    <t>b'-1\xce\x97/\x8f\x03||\xfc\xd9\xf5\x91\xa23v\xdf\xf6\xab\x12\x89\xbe\x11z\xd1\xdf\xef\xb3\x07@F\x97'</t>
  </si>
  <si>
    <t>b'\x00\x1d^\x91\x06\xb9%\x9e\xdah\x9d\xd7?\xba\x9b1\xdec\x0f`\xe8\xef\x8e6O\xe9\xfb\xd8\xa3\x8b\x80E'</t>
  </si>
  <si>
    <t>b'\xe3\xbdv\x803\xda[bg\xbb\xe3\xf1[D\x16qx\xbf\x8f2\t\x1dE\xf9\xf9\xd57\x9d\x0eU8g'</t>
  </si>
  <si>
    <t>b'`\xd3@\x15CW^R\xd7Z+\xf5\x10\x99\x10\xd7\x8e\xe6\xc8\x94t{\xc9B\x10\xb2\x81\xc3c\xcf\xcc\xbb'</t>
  </si>
  <si>
    <t>b'U\x02P\xc7\xd6v\x9b\xcfG=\xc6\x06P\x931\xc0U\xe8\x15\xa53\x93\xfd\x8e\x8b\xa8\xd4\xf6\x9eN\xd0\x13'</t>
  </si>
  <si>
    <t>b'y\xb8S\x92\xc4\x9fe\xcd\xa3\xe4\x82\xf4\x8ck\x05;t\xc1\x81\xe0_\xa7\xc1\xd8\xa7\xf6\x0fB\x07 \xea\x94'</t>
  </si>
  <si>
    <t>b'\x10\x83\x10.hO\x8b\xc7\x11K\xae\xed\x84\xa8&lt;\xbb\xd2}hB\xb6\x11\xb0:\x1f\x05U\xc93\xee\xe9-'</t>
  </si>
  <si>
    <t>b'Trd&amp;\xc3\x8e\x024\xd14J\x04\xbb\xfb\xfe\xaa&lt;\xdeY\x9fn\x01\xec:|\xf2T\xe9@\x86\x8c\x94'</t>
  </si>
  <si>
    <t>b'-\x00\\pBF\xd1}\x90\xccj\x92po\xc2\xed\xe0\xc6\xbe+\x8f\xdce\xe8\xfb\xb91e\xb4x\x1c\xcd'</t>
  </si>
  <si>
    <t>b'%F\xc1\x9bD\xe1\xd4y\xce\xa2\x8d\xf4\x18\\p\x84B\xcb\xb1\x0b\xaa}7\x99\xd7\xfa{%\x15\x10\xfdl'</t>
  </si>
  <si>
    <t>b'\x90a\xb2\xc8\xe14\x8bDh\xd5\xfc\xf4y\xf4k7\xbc\x1f\x9b\x8b\xc8}Dr\x949\xbfV`^\xc3\xda'</t>
  </si>
  <si>
    <t>b"\xd3{\xcdL3'\x96\x93\xc8\xab\xa4\xfe\x18W|\xc7j\rl\x91\x82\xf3n\xea\x82\xe8\xbc\xb5\x03{}\xeb"</t>
  </si>
  <si>
    <t>b'\xf1&lt;)r\xf6\x1a\xa8\xbeWG\x91\xb7\x96\t\x1d.\\/\xfc\xab\x9e\xe3\xd3\xd4-\xa9\xeb\xca\xab\xaeb\x1a'</t>
  </si>
  <si>
    <t>b'\xaf\x07\x0b\x84\xd1\x82\xb2\x84\xa3\x05PZ\xa8\xb8\x89\xb0\xb7\xc4xC\xe6\xde\xe4\xd5"\x9f\xee\xdd\x06\xab\xbb\x90'</t>
  </si>
  <si>
    <t>b')\xfc\xdds\xcf\xbfJ\x8cI\xab-c\x1e\x1b\x0c\xdc\xff\xbe\xc8\x06*G&lt;\xe2P\xc11\xd0V2\x88$'</t>
  </si>
  <si>
    <t>b'\x04\xb8\\y\x8c8\x83\xa7o\xc4\xb6V\x12\xa0\xe3EbY*\r\xef\xe2u\x84\x955vT8j\xdc\x8b'</t>
  </si>
  <si>
    <t>b'~\xf3R\x19\r\xde"\x8f{g\xf0}\x00j\nY\xdb\xf0\xd0\x0b\x8a\x15k\x90\xb6\x01#P\xc8\xc5|D'</t>
  </si>
  <si>
    <t>b'\x8e\xd4\xf7\x89\nqh\x0cm7\x12\x1d\xfd\x06\xca\xf9\xf1\xba\xdaN\xc6\xb6\x02f\x98a\xa4\xa2*\xe7\xc5\xff'</t>
  </si>
  <si>
    <t>b'D\xa0\xe62\xaa\xaf\xddM\xcb\xf2\x9d\xad\x0b\xc7\x8e~\xefn-\xbe\xda\xa4\x0b\xc4\xc5\xd1/m#\t\x81\xb8'</t>
  </si>
  <si>
    <t>b'u\x07\x93\xcc\x073?N\x94)\xda\xe0\x1eV\xa9\xb7\xaf\x89\xf0\x7fd@\xd4\x99\x83L\x0b6\\\xd1\xeek'</t>
  </si>
  <si>
    <t>b'!\xc5j\xeb\x86\xa5`\xaeX\xdar\x9c\x99\x1b\x89Ks?\x0b\xbaK\r\xbd\x1co\\\xd3\x04\x08"=\x17'</t>
  </si>
  <si>
    <t>b'R\x8f\xc7\x8f\x1e\xc2-k\x01\xc1\x14\xf2\xb2/n\xb1%3p\xc5\xa2\xe1A\xcch2\x96\xd9F\xbf\x9c\x15'</t>
  </si>
  <si>
    <t>b'\x04\xe8\xc7\x9f\xca\xe5\xa0\x86A\x15?,s=td\xc1\x90=\xb8\xca\x9f H\xa9\x0c"\x9cw!}\xee'</t>
  </si>
  <si>
    <t>b'u\xf2\ni\xedwU\x93\xb0\xe2\x14=\xb7\xad\t\x07\xbac\xafGs(y$M\x17\xa5eVV+{'</t>
  </si>
  <si>
    <t>b"\x93 \xf3M\xad\x16\x97f4'\xa8\xb6\xc7Gw\xe5\x08\xd4\x13\x912MT\x1c\xddw\t\xc1q\xfd\xc6\xe9"</t>
  </si>
  <si>
    <t>b'\x91\x96\xa3\x04K+\xcc\xf9l\xdc\xed=](\x15\x90\xacv^\xf7I\x1e}CF\xb9\x9e\xb4~o6\xc0'</t>
  </si>
  <si>
    <t>b'\x0b\xff-\xa1]\xbc\x04\xe9+\x08\xcaN\x93\x1f\x1e\xd9\xc7\xe7\xd75\x0f\xf2k\xa1\xfdW\xaf)\xb6\x82\xe9\xcc'</t>
  </si>
  <si>
    <t>b'Q\x9a\x17\xf7\x8e\xf4\x18\x86\xa4b3\xd2i\x9b&amp;j[\xa3\xe1j\x1a D\xc1\x1bx\x0eGx??h'</t>
  </si>
  <si>
    <t>b"\x95\xa5\xa9_x\xa2\x85\xc8FGv\xdd(Tv'\xf9b8\xf4\xd0\xc9l\x81F\xe2\x96\x7f\x83\x7fZ\x1a"</t>
  </si>
  <si>
    <t>b'\x08\x9c\xc0\x89\x84\xebD\xc2}K%\xff\xf6[\xba`\xf8L&amp;`W\xc6\xf7)\x853K\xe5@\xa7\xe1\x19'</t>
  </si>
  <si>
    <t>b'\xfcy\xfb\x12\xbf\xf0i)\x9c\xf0\x0b\xc6\xf5\xec\xcf\x88\x88VXz8\x9a\x8d\xaa:\xdbH\xa3{"=,'</t>
  </si>
  <si>
    <t>b'\xc8\xcf\xed\xf7\xc3?\xbc{\x9b\xa4\xc5F\xe6\xf2\x7fX\xd5\r\xa9]JO\x9d}\xc2\xf9\xff\xc3\x12\xe5\xb8\xea'</t>
  </si>
  <si>
    <t>b"\xd9\xd8,\xf3 (\xa6\x01\xbeE&amp;\x98\xe4Yp\xdd&amp;\xff\x00'x\xf8\xb2\xf7\xee\xf66\xa9\xa1,W\x01"</t>
  </si>
  <si>
    <t>b'(\x87\xca\x0b\n;x\xf7n\xd4\x11-g\x1d\x8a/\xaf\x7f\xa6j\xc5F\x1ei\xb8o\xa7i)(\xb0\x1f'</t>
  </si>
  <si>
    <t>b'\x1d\xc2\xdc\xfb\xd5\xe8\xfe\x87\x94p\x0b@\xbb|&amp;\x10\x93\xff\x8e\xa5\x03\xd2wrt\x8b\xff(\xadt!\xd2'</t>
  </si>
  <si>
    <t>b'\x8f\x80\x82\xde\x87\x9b\xb5\xed\xee\xc1N\xbc\x9b\n\x94]\xe2\xac\r\x03\x7f@\x15\xfb\xb3^\xa2\xc6wbLP'</t>
  </si>
  <si>
    <t>b":p\xd6h\x10_\x97\xbe\xf3\xbd'\xc4\xfc\xf4cS\xc4)\xbd\xfe\xf16_Y\xf9\x18Q\xcd\xd3\x06-\r"</t>
  </si>
  <si>
    <t>b'\x84\xb3\xc1k\xc2\xady\x00\xbaD\xf3\xd9\x97\xa8\x15f\xec\xc5\x1f\x1cz\x99\xa5\x1d!\xcc\x90\xab\x14\x04\xc9\x85'</t>
  </si>
  <si>
    <t>b'e\x815~\xe9i.\x00\xcak\xe6\x06\xbc\xc5o\xfe\x97 L\xc5]\xc3$W?\xff=&amp;\xbaq\xfb\xa4'</t>
  </si>
  <si>
    <t>b'\\\x83v\x03\xa3\xe6v\xb7\xc4KJ\xd2\x92P\x7f\xcf\xd4F\xe1B\xf2\xff\xf3V\xa2%\xb5`\xe2\xdcOr'</t>
  </si>
  <si>
    <t>b'\xcd\x1b\xf4J0\x0bW\xa0n\x08\xdf\xe0\x9fw\xf8! \xfa5\xd4H\xe1\x9e\x95\xd0\x82\xf7\x0f\x04P\xee!'</t>
  </si>
  <si>
    <t>b'\xdb@\x0f\xde\xb3\xd8\xba\xd1\x05\xc5\xcc\x9a\xe3\x99\x85"\xfaM\x1b\x14\x08$w\xccae\x849}:#&lt;'</t>
  </si>
  <si>
    <t>b':N&lt;B\x92\xf3\xa1S\xdf\xb5\xd4\xb5\xed\x85\xc3\xd3\xbbh\x92\xd5\x9e\x05\x8dJ\x1b\xe1\xce\xb2\xe7no\x99'</t>
  </si>
  <si>
    <t>b'\xde\xd1\x9dQ"5\x81\x98\xab#\xebarE0\x89\x1cS\x92\x1b\xba\xc5\x9ac\x92\xf6\x1e\xe6;\xacR\x1b'</t>
  </si>
  <si>
    <t>b'\x97J\x91\xe0v\x84\xc7\x89Ij\xa1\nTC\x9e*\xb9|\x95\xc7_w\x86\x03\x95\xeb\xb71A\x85\x87b'</t>
  </si>
  <si>
    <t>b'\x0b\x05x\x19\x9a\xc6ar\xac\x83\x8d2#I\xeb\xf9O&lt;\xa8D\xd9\xc1:\x99\xa72aZW\x08\x15Z'</t>
  </si>
  <si>
    <t>b'M\xe8\\Q\x13\xd1\x17\xdb\xbdA\x9dbCOvQB\xca\xbc\xedR\x1f\x0f$QG\xd4\x15\x9dj\xbfl'</t>
  </si>
  <si>
    <t>b'\x00\x11b\xb6s\xa3\x1ff\xd4\x85\x81\x93\xf7\xec\xb3p\x19sq"G\xf6\xc20q\x89\xb1\xd6\xd17\ri'</t>
  </si>
  <si>
    <t>b'\xa7%w\xd7X@\xf2\xee\xbf5\xfa6\xb3U\xb3\xb8(\xa4\xc3\xebUg\xf3\xc2\xd8\xa4\x88~S\xd2(y'</t>
  </si>
  <si>
    <t>b"U\xb5p\xb4\xf7\x82a2T/\x0c\xda\x88?\x99x\xd04W\xe4M'\x0b\xfc\x9c\x19\x197Jz\xca."</t>
  </si>
  <si>
    <t>b'?\xf8\xa0H\xb1\xf5\xa7\xeb\x08\xa1l\xb3\x83S\x11\xf5\x9bm\xe9x\xe3I\x1c\x05yc`U +\xcbK'</t>
  </si>
  <si>
    <t>b"\xaf\xc3\x18\x1a\x0ca\xf4\x86G\xeeB\x1bW\xa8jd\xbb\xb1.\xd2\x859\x1d\x93]b'\x8d\xc5T}6"</t>
  </si>
  <si>
    <t>b'\xcb\xb7f\x90\xc9d\x08~\xd5y\x12\xb0\x8bH\x99}\xd2`f\x08\xf3\xdd:c\xb2\xa7h\x17\x8dI\x80\xca'</t>
  </si>
  <si>
    <t>b'\x16g\xc5U\xfaC\x8a\x8b\xd1K\x1f\xb7\xc6\xf9\x1e\xa1d\xe1\x17@\xacBxO\x7fo&amp;\xd3L\x1f\x965'</t>
  </si>
  <si>
    <t>b'%/\xabH\xe9V\x17\x8b\xe5\x7f\x8c\xa8]\xf5~\xe3\x0f\xa1D\xcc\x87\xba6\xcf\x1f\xe5\xdbC\x16?\x8a\xaa'</t>
  </si>
  <si>
    <t>b"\xe7,B\x8eo\xf9UM\xd9M\xb2\x97\x8b\x9d\x00}6\xed\x03\xd5'\xb9\x90N\xc2V\x9e{h\xf8\x82\xea"</t>
  </si>
  <si>
    <t>b'\xac4\xddd&amp;\xa0\xfc\xa0n\xed\x89m,\xd3pP\x99\x1b\xf9m\xd1z@I\x974\xd1n\xceiy4'</t>
  </si>
  <si>
    <t>b'\xcf\xbc\xddZ\xc6u\x10L\x98a\xf3g|M\x93\xf1\xed\xf7\xd3\xb6\xf0#\xc9]\x8d\xa0\x0fc\xaf\x9c\x9f\xb4'</t>
  </si>
  <si>
    <t>b'=\x04\xdc\xc2\x8dFe\x10/\xbb\xa0.\xd2\x9eHaZ9;~\x13J\x05\xf1\x9f\x8b\xcci\x90\x8e\xeb^'</t>
  </si>
  <si>
    <t>b'\xd3|yh\xba\x05\xa1 \xc6\x9f\x0bY\xf8\xe1\xe7\xe8\x90\x976\xf5\xaa\xee\x98g:\x9f\xa1\x8d\xb5\xee\x8ab'</t>
  </si>
  <si>
    <t>b'\x87\xc8\x1f\xf5\x83\x1b\x88\x12_\x10\x08\xa1\x1c\xf1\x03\x1b\x95!\xd5f\xde\rQ\xecPE\x1ety,\x95\xa4'</t>
  </si>
  <si>
    <t>b'\xfb\x84j6\xfe\xf1i\xe4?\x1a\x89^\xd9P\xb2\x7f/.&gt;\xdf\x1b\xf1\xdf4\x07\x163WMv/\x95'</t>
  </si>
  <si>
    <t>b'H\x961\xa7]\xf7\x9ara2Q\x15 |\x82\x94\x0e\xf8\xdb\x12,\xbc\x80\x96\xe8;O{\xde\xa8\xa9\x8f'</t>
  </si>
  <si>
    <t>b'\x867\xd8\xb7\xa6q\x0bg\xd2\xde~#\xd9\xb5aM\x01e\x10-\x87gj\x89\x13\xaa5b\x1b\xef\x9e\x8f'</t>
  </si>
  <si>
    <t>b'_\xbao\x05\x0f\xc5\xeb0\xf3\xeb\x7f\xd1\xed\x991\x98\x8b0w"\xee\x0c\xfejb\x0cN\x84\xe9YV\xaa'</t>
  </si>
  <si>
    <t>b'\xc4\xb2B\xcb\xf4\tf\x1dm\xa9&gt;6L\xb7\xc6\xad\xf2T`\x9b\x06cbRu\x81\xee\xb1\xba\x07E\xb4'</t>
  </si>
  <si>
    <t>b'\xc3\xf2\xc39\xe4A\x8f\xcc\xfa\xbc\x04\x14T\xd9\xf9\x7f\xc6\xd0&amp;DZ\x80a\xb8\x94\xef\xaaq\xa8\xce`\x9c'</t>
  </si>
  <si>
    <t>b"D\x8e!96\xca'\x9c\xbb\x84W;rE\xab\xf6\xfb\x98,+\xb8S{\xf9\xc3[\xca!\x95\xb6\x98\x19"</t>
  </si>
  <si>
    <t>b'NjN\x10zR:\x16\xee\x96+\x8ca\xdb\xef\xce\xa1\x9dIUf\xe54\x1b\xae@\xca*w\x00\xbdP'</t>
  </si>
  <si>
    <t>b':&gt;\x0f\xc8\x9d\x9c\\\xdf\x04\x0b1p\x9c\xc5QT]\xcf\xcf\xec\x8e\xab\xa5Xt\xba\x8cw\xcc\xae\x04\x94'</t>
  </si>
  <si>
    <t>b'\x07+h\xf0\xe9\xd2\rN\xe5\xe9r/\x99n\x96t\x19\x10\xa9\xde\xde\xd4\xcaY\x19O{0\x0bQ\xcb\x13'</t>
  </si>
  <si>
    <t>b'\xc5X\xf9\xe0\xf07\xf9}\n\x8a\xe8\xb8\xac{!\x930\xcfV\xd6\xb3\x14\x83\xf7\x81Q\xb4\xe0\xe4\x98\x8e\xb6'</t>
  </si>
  <si>
    <t>b'5\x97\x93\xb4\x8c&gt;\x18TU&lt;\x9d*\xd3\xe8*:\x84]\xd8K\xe2h(\xea\x8e\x8d\xf1\x92`\xc1y_'</t>
  </si>
  <si>
    <t>b'\xcb(\x93\xf7\x19\x1d\xc2u\xcb\x1b\xa2q\x06KL.\x083\xd3\x9e\x7f\xf3bX\x99\xd6nA\x85\xdda\xd7'</t>
  </si>
  <si>
    <t>b'I3\x05~\x89\x12[\x1c\x01\x90P5s\x165\x82K\t\xc6u\x99\xf3\xb8"\xdeT\xf9~\x152\xed\x89'</t>
  </si>
  <si>
    <t>b"[{\x0f\x98\x99(h'Mz\xe8\x07ve#\xfa\xe1\x14\xa8(\x01\xc3\n\x9e\xd1\x85\xb7\xe9\x8fg7W"</t>
  </si>
  <si>
    <t>b'\xb4yu\xf5\xa7\xf5#\xefW\x93\xf1\xda\nw\x932\x89y\xe2R\xaf\t\xf9Y0kEo\xa4\xad\x17\xed'</t>
  </si>
  <si>
    <t>b'r\xb4\x1anW|\xbd\x87\xc4\x1c\x89*\x81\x154\xc2\xcf=90\x9c&gt;0\xc9\xad\xb2\x01\xfa\xca\xa8\xc1\xb6'</t>
  </si>
  <si>
    <t>b'\xb6\xdd#\xd5\xca\xe3\x92#\x9e[@\xe5l\xb1\xfc\x16\xa5\x93a\xaf\x98"V\x01Cfw\xdfD\\\xbc\xf2'</t>
  </si>
  <si>
    <t>b"\x12q\xc0\xc1\x07\xb5g\xd3\x86\x8e\xf1)W\x9dZ\x92\xfb\x8a\xd5\xfe:z3x\xef\xa4\xf3\x93o\xed'\xbb"</t>
  </si>
  <si>
    <t>b'k\x8d`\x06\xf1\xee\xe9\xa8\x10\x01\x91\xf9;\xcc\x8f0\x88`\\s\x0f\xb2=\xd6\x04\x8f4e$2\x8e0'</t>
  </si>
  <si>
    <t>b'k\xbd\x01\x92\x11B\xbc\x08cp%\xf7\x8e=\xe3(;\xd1ar\xe5\x03\xc2\x1ag\x9bPU\x93\x9f\xb6@'</t>
  </si>
  <si>
    <t>b"\xb8\xd16\xaa\xd6Rj\xe5'\x82\xe9\xa5\x91+\xae\xce\x82T\xa7\x1d\xbe\xb9&gt;\xeaa\xa6\xfaJ\x98\xd3\xb6\xd0"</t>
  </si>
  <si>
    <t>b'\xce\xf8\xddN\xf6\x02%\'R\xd6\xe0\x04\x14x"\xfb\x84\xd4.\x9b*\xb7\xb3E\xe0\x00\x9c\xcf\xae:\xb4U'</t>
  </si>
  <si>
    <t>b')/\xb9\x86\xc6\xfd\x13Kid\x15y7\x1c\xd2\x05_\x0b\x8cb\x08\xa9\x12\xeb\xaa)e\x1e\xa7]k\xa5'</t>
  </si>
  <si>
    <t>b'\xca\xe86\x0f\x1bD\xbe\xfa\xd6\x16\xc0\x9d\xf9\xfc\xf4\x86\xff{G\xcf\x88\xdb\x0c\xae\xf8\x94\x15}\xff\x1a\xab\x92'</t>
  </si>
  <si>
    <t>b'\xb6\x94\x06\xe1]\x16-\x83\xa1\xc0:\xf5\x88&gt;\xa0}W|\xc1\xb18\xf3\xb1\x9a\xf4j|*\xf6\xa2\xc1\xd3'</t>
  </si>
  <si>
    <t>b'U\xfa\xc2\xfdK\xcc/\xc8\x1ae\x19&gt;\xac\xac&gt;w\x01\x8d\x18\xf3s\x10\x1e\x07#\xa0fG\x94\xc2\x04\x82'</t>
  </si>
  <si>
    <t>b'\x96x4\x86\xecF\xc6\x179\x1a\xb2\x85\x0b\x1a\x1c\xad\xdc=\xedy\xbb\xee\xf6%\x94\x84U\xcf\x00\xc5T\xcc'</t>
  </si>
  <si>
    <t>b'$/@\x08\x00%\xc7\x12\xfe\x88\xaa\xb8\xd2\xb6ezR&lt;\xf2+\xf7@\xf8bP\xaa\x96\x9d\xbb\\\xef\x88'</t>
  </si>
  <si>
    <t>b'\x00\xbf\xe0*z\x8eww\xa1\xcc\xde\x00(|\r\xc0\xe3\xe5\x1eh\x0b\x84!\x97U\xe9\x17\xd9\xd4\xa9\xf9K'</t>
  </si>
  <si>
    <t>b'&lt;\xfd\x86\x93.\xa5\xf8\x11\xbc\x87\\\xfd\xe3Ra\xc6\x18/&lt;hw\xe8J&lt;?\x1b0\x08:\x8b\x15\x03'</t>
  </si>
  <si>
    <t>b"y'\n\xeb\x7f(\xd6\t\x0b\xc4\x0e\x0fN\\t\x89!,'\xcb\xa1\x83\x92\xce\xc0\xc5\xc4\xcc\\\xc0=\x87"</t>
  </si>
  <si>
    <t>b"\xd6vY\xec+\xb1j.\xba\xd5&amp;\xc3\xa1\xd3h?\x0b\xf3\xe3'\x8a\xdb\xa9={2\xef\xf1\xfe\xd7\x99\xce"</t>
  </si>
  <si>
    <t>b'\x14\x0b\x14\x8a\xb4\xd8\x99\xdcO(\x8b\xe2\x12\xb2\x91\xfd3\x9a\xb924\xf8\xc1\xed\xc4\x9ff\x10\xabw\xa7a'</t>
  </si>
  <si>
    <t>b'\xb3\xe9\xdd\x05\x136\x13\x14J\xc8J\xd2\xa2\xb4\x90\x88\x99&gt;\xe0\xbf]N\x07#\x13\xb9y\xe1\xae\x88+p'</t>
  </si>
  <si>
    <t>b'\xdb;2\x9aj\xaac\xfe\x05w\x04wH\xe4\xa4\x18\xf8\\0U\x16\xech\xe6\xa0.\xe2\x93\xccV\xd7\xf7'</t>
  </si>
  <si>
    <t>b'\x08\xc1\xbf]b!\x9f\xda\xefL\x9a\xe3H\xc3l\x19.\xbc6\xb2\x15\xad\x06E\xf6c\xf4U\xec\xab\x9f\xda'</t>
  </si>
  <si>
    <t>b'z\xc3]\x7f\x17\x84\x9e\xffYt\xf0|\x16\xad\xdbk5\xa9I\xd3{5\x99e\xc5\xfaL{L\x1904'</t>
  </si>
  <si>
    <t>b'\x8f\x9c\x81+}\xfaAT\xa95+H\xa8\x9f\x08\xca\xcd\x05\x15\xf0\xdc\xffMRV-Ob\x99\xd1\xae\xb7'</t>
  </si>
  <si>
    <t>b'W,\xfd\xc0\x17z-\xe9!\x17\xfa\xf6d\x01\xd8\xa8\x8c-\x9f\xe0DQ.kU\x11;O\xe4\xc2\x9d\x89'</t>
  </si>
  <si>
    <t>b'\xf2\n\x8a\xdaS\x9a\x7fB\xcc\xac\x1d\xc2Q\x95*?\x9bY\x1b\x91\x99\x15\xee\x1fV\xb7A\x8d\xf9(hO'</t>
  </si>
  <si>
    <t>b'n\xefN\x04\x04`kc\xdf%\xa4\xaa{w\xb6l\x85@\x83\xd7\xeaMp\t\xf2=\x9e\x139\x11\x1d5'</t>
  </si>
  <si>
    <t>b'\xcb\x88;\x9f\xb1r \xa2\xc6\x90\xdc\xe6j\xad\x86\xb9+\x11S .k\xb1\x9cToq\xc9\xf0\xe9\xf0\xb2'</t>
  </si>
  <si>
    <t>b'\x19\x08U3z\xc0\xe8\xcb\xb1\xb4\x8c\x13o\xb6V32,6"\xa39\xaeh\xf2\x16\x81N3\xff\xb4\x12'</t>
  </si>
  <si>
    <t>b'\xf0j\xaf\xed\x18\x97\x0c\xe6\xacU\xe5\xce\x02\xee&gt;$\x88NO\xf9i\xd1\x9e\x16\xf5\xa8\xac\xc2\xad\x11\xf1\x12'</t>
  </si>
  <si>
    <t>b'\x82\x7fF\xa9\xc7J\xcc\x0f\xff\xe9D\xcf\xae,\xe2\xa3\xa9B\x1e\x12\xc6\x18{\xa2T\xeaX[\\P\x7fn'</t>
  </si>
  <si>
    <t>b'6M\xbb$\xe6\n\xd5\xeb\x82C\xf5M\xbd&gt;\x10\x14\xf5]\xb9@\xec\xa2D\xa7\x13\xb0\xe6\x94\x13\x12\x17\xa3'</t>
  </si>
  <si>
    <t>b'\xd9\xe7\xb1\x0b\xfb\x9a\x9e\xa3\x04o\xf5mIQ\xfep&gt;j0\x89zY\xed\xb1\x15\x85\xc5\xed\xb1A\xebJ'</t>
  </si>
  <si>
    <t>b'\xdb6\xa6\xd0\x89\x14G3;\x08\x05=\x9f\x8d\x02\xb3\xcc\xb3C\x18\xe35\xa5\x9fz\x90\xd0\xc0G\x91\xc0d'</t>
  </si>
  <si>
    <t>b'\xff\xc9U\xcas\x909\x04[J\xc9\xe0\xf0r\xf6z\xad\xbe\xb1m\xd4\xa8i)M\xe9\xb6\xdc\x179k\xde'</t>
  </si>
  <si>
    <t>b'\x7f\xa3\xe8)\x93@F\xc1\x0f\x8cpm\x7fKw\t\x87T\x86&amp;\xaf\xee\xa70\x08(\xcdp\xb5\xd8O\x94'</t>
  </si>
  <si>
    <t>b'\xf9i:\x1a\x1c\xb0\xf0\x86+\xb9\xeb\xaa\xb9Z\xca8\xbbQ\x94eXF\xd1\xe7\x91\xa5\xdc\xb8\x8e\x08\x1c\x89'</t>
  </si>
  <si>
    <t>b'!\xbb\xbf\xf2\xbd25\x81\xe273\xc0\xab\xa2\x8ei\xa40\x1dE]5\xbc\x1bv\xd3Ml!raG'</t>
  </si>
  <si>
    <t>b"\x13\xf77\xb9\xc1\xfaR\xdbI\xdc\x7f\x9f\xf0\xd2J\x04\xd6\xfa\x8e\xbd\x91'\x1c8\xe5\xb1\x03\x08*\xfaf="</t>
  </si>
  <si>
    <t>b'\xd7\xdd\xf0\x10\x03a\xd43\x03\xed*.d\x94\xcc\x1d\xd7\x03V\xd1\x9d\x9b\xea\xa4\x9d\x08\x9d\x9a(\xf6u\xe2'</t>
  </si>
  <si>
    <t>b'Y\xad\xfe\xe0-\x92\xb1\x07\xa3IC\xab\xbaD\xe3\xcc\xc5\xa0\xb3\x83\xf3|kEP&amp;b\xc5\xba\x93\xeb}'</t>
  </si>
  <si>
    <t>b'CJF\xde\xde\xe4\xe4v\xe0\xbb\x13\x9b;2R\xf2ZZL`\xf0\x0b\xe3\x89h\xa3;T\xf6^Q\xe6'</t>
  </si>
  <si>
    <t>b'\xe1\x13fg8\xc6\xad\\\x91:z\x8a\xc1\xa5\xe6"-\xb3\xf1\x0f+\xe8\xf9\xdb\xba\x8b\xc1Q\xce\x18\xd2r'</t>
  </si>
  <si>
    <t>b'\xa0\xcc0\x1f,B\xd3n\x02]\x92\xef\xf7\x7f\x99\xfd\x06\xcb\xbc\xa4\xa5{y\x95\xdf\xa3\xc8\x95\x12\x1c*y'</t>
  </si>
  <si>
    <t>b'!\xdd\xc5\x86\xfb\x9d\xd90J/*\x9d\xf9E\x1d)\xc8\xd0\x00\x97_\xfb\xda\xb5\x9b\x14d\x8c\xdb\xcf\x90\x9a'</t>
  </si>
  <si>
    <t>b"\xd0\xd2\xb4\xd5B{\x9aW\x94\x0e\xa1\xf2y\xfbE\x19R9\xd7\x99\xeb'\x88\xbaz7\xc9\x02\x1c\xafv\xcd"</t>
  </si>
  <si>
    <t>b'%\xeb\xc9\xf8\x00\xfdD\x84W\xe9ID\xa1\x9f\x8f\xa5\xe9\xd9I+L0\xbfa\xa7I\x84\x8d\x11\x81[\x86'</t>
  </si>
  <si>
    <t>b'O&amp;\xc2\x95\x92\x85\xb7\xcc+\x97cu*?I5\x05\xbe\xe1\x0f\xba\xae\xed\x0b\xc8\x10\xbb\r\xf9\x06}3'</t>
  </si>
  <si>
    <t>b'\x87\xbc\xc9\x04\x99J\x0c\xbe\x89\xf6\x07\\\x92\x17{:\xea\x8d\xbf\xafj\x18$\xcd\xc5r\t\x13\xce\xfb\xd5@'</t>
  </si>
  <si>
    <t>b'\xd2x\xc1\xa5\xcd\xa7J\xe0\xf1\xf6\xb4/w\xab\x14\xa1O~\x14\xfa\xe9\xf6\xae;\xdc5\xf1\x1cg\xd2\x1b\xac'</t>
  </si>
  <si>
    <t>b"\x87\x1c\xc9Z\x15wqw1'\xd6\xe5|nN\xb6\xe4E\x1a\xc4o\xb3\x86=\xb2\x056Z\xfd\x16\xc5\xeb"</t>
  </si>
  <si>
    <t>b'[\xdb\x80\xa8\x0f\x0f\xb5\x82T\x1a\xb1\xa2\xf8\x18\xd4\xf8\xc8&gt;\x9a[i\nI\xc4\xb5\x1e\xd4\xc6\xb1\xe5\x13:'</t>
  </si>
  <si>
    <t>b'\xe1\xf7\xd5\xf1\x99\xc6\xd0\xf9\xfbv\x82i+\xa5\x03\x9d6\xe9\xb1YP\x08%&gt;Bg\xb69\xa6*T^'</t>
  </si>
  <si>
    <t>b'\xb5V\xd4\x00\xa5&gt;h\xfb\xdaU\xed\xfc_\x8fV\xe6\xa4?c\x98\xb4Wr\xfd\xe1$\x1d\x96&amp;\xc7\x0b\x06'</t>
  </si>
  <si>
    <t>b'\x03_\xdermTJW\xbf\xc3\xa2\xdd*\xf5\x18\x8a1\xea\x03\xc1\x99l\xd1"\xe6\xbbbe\x16::Y'</t>
  </si>
  <si>
    <t>b"\xe6\xdd'\x1b\x01\xd0\x15a\xcc\xba\xb3\x1a\x1fV\xa9\xce\x12\x05\xabG\x1e&amp;_-\xaa(6%\x8c\r\xf5\x87"</t>
  </si>
  <si>
    <t>b'\xdb&amp;\x8d\x19a\x11\x96\xbc\xa4\xe9\x1c\x12o\x13i\xac\xe5x\xd9\x91\x8d\xa9\x0b D\xb3\x81R\xd9\x8bq+'</t>
  </si>
  <si>
    <t>b'\xe2\x06\x08S~\xca\xd4\xba$Q\'pX\xb3\xef\x0c"`\x8f:\x12\x81\xf5\xb9u\xed\xe7\xa2\x0c\x10\x8fv'</t>
  </si>
  <si>
    <t>b'\x86\x9d\x96\x1e\xf4\xd2\xfd\xc7\xb5_s\xa8\xb6\xe0S\xb3\xd3\x02t\xdd[7\xd5b\xc5\xa5x.TX\x93\x9a'</t>
  </si>
  <si>
    <t>b'\x1f\x81\x197\x83\xfb\x815\xa5~\xda\x1f\x1f\xbe\x15y\x8b\x11\xf7#\xb3\x19\x0b\xe10c\x90d\xdf\x84\n\xb1'</t>
  </si>
  <si>
    <t>b'\xb7\xfeqv\x01\x82&lt;\xfdV\x99\x10&gt;+\xec\xfd\x15y\xd4\xdf\xe9\xaf1\x15-\x8b\n\xb3\xdcx\x0bw\xd2'</t>
  </si>
  <si>
    <t>b'\xdc\xd6\xe4jL\x7f1\x11\xd3\xf5Ux\x89\x13\xf4BY\xf8\xc4\x82f\xf4\x91\xaa\xfcV\x8a\x82J\xc9\xecJ'</t>
  </si>
  <si>
    <t>b'\x93\xf8\\\x12\xe3\xbd\x03\x8b\xb9\\\x0f\xd9\xf0\x018\x82\xcb\xdd\xcd-\xe2O\xbf9U\x02&gt;wM\xc5\xe7d'</t>
  </si>
  <si>
    <t>b'(ug\xb5z\xc6\x9d\xb4\xa1W\xd8\x96&lt;F\x9do\x05\x0e\x08\xf2\x01Q\x9a\xa8+\x88\xc8\xfcTD\x87&amp;'</t>
  </si>
  <si>
    <t>b'\x95\xb1\x17\xf5&amp;X}l\x91\xb2|\xfb\xec\x15\xce\xe1\r\x0e&gt;\x89A\xd2\xbd\x86t\x99\r$\xe3\xe4Z%'</t>
  </si>
  <si>
    <t>b'\x84\xc3\x06Lh\xc8\x0cY\x9b\xb1\xdc^O\x13YO\xc2\xa9\xec\x8b\x02*^\xe8\xb5\xe1P\x96\xb4\xd2t\xf8'</t>
  </si>
  <si>
    <t>b'\xf0\x89\xbe\xce\xed(\xcd\x1a\x84\xd1\x86*h4\xc4Mhi7jw\xd1\xb1\x97\x17\x15&lt;\x089b\xd9\x14'</t>
  </si>
  <si>
    <t>b'\xe9(\x81A\xaa\xd1l\xa65G\x9f\xb4\xd1D\xe0K\xe7C0\x03U\xa03\xbe\xc5 \x8c\xe7\x8a\xf5\x17\x94'</t>
  </si>
  <si>
    <t>b'\x9d\xefV\xc3\x87X\x89.qD\x06qt\xf6I\xe1n8\xe6z\xd0\xa0(_\xa3M\xf7\xda\xbbn\xce\x92'</t>
  </si>
  <si>
    <t>b'\x85\x89\xe5\xefG\xa1\xde\x08\xc89\xf6\x9b\x94\xe5\x9e\xb8\\@S\xcb\xf9}e\xfdx;\x81B\xbfoN\x1b'</t>
  </si>
  <si>
    <t>b'\xa6\x9a\xf1\x10\xe7\x86\xb6.\x1d\x8d\xc8#\xc3e\xa4\x13\xc5\x188\x03v\xe1(k\xe1\x0c\xaf%W;\xd2C'</t>
  </si>
  <si>
    <t>b'\xd4#\xd9\x91\xdfL\xf9:I\x06C-,C\xe2\xe1\xed\xa5\x8cE\x80;\xb3c\xb2\xd2g7C\x9d\x83['</t>
  </si>
  <si>
    <t>b'\xe5\x07\xee\xac\xc7SY\xbc|3\xaf\x7f\x80\x19\x88\x87\xe2\xccIJ\xbfr\xeb\x11\xa4;\x13u\xfbP4\x1f'</t>
  </si>
  <si>
    <t>b'\xeb\xd2\xb7\x80\xc0(\xea\xc3\xb3]LE\xc4l\xf4\xfcx]\xb1\xf5P,\x7fwQ\x1co\x8f\x13\xb3\xf7\xd2'</t>
  </si>
  <si>
    <t>b'U\xc5\x08X\xf4\xffb\xb1t\xee\xb1\xa2\x1e\xb4\xbd\xeb+\xcd)\x00\xdf\xdf\xda\x95\x1b\x1e\xca"\xf9\xa8\xdf&gt;'</t>
  </si>
  <si>
    <t>b'\xa7\xb3\x15\x15\xfd\xdbM\x8a`\xd1y\x80w\xda\xd8?\xc5RcQ\x99\xad&gt;\xd6\x8eC@\xde\xff7jH'</t>
  </si>
  <si>
    <t>b'\x1ek\xa5q\x07\x9d`\xa6$\x11i\xd1q7wV\x91\x82\xdd\x82\xd8\x11s}2\xea[,\xb6\x16,\xab'</t>
  </si>
  <si>
    <t>b'\xe8z\x81\xb9\xef@n\xa0\x0e\x1c7\x93\x17\xd0{\x1bp\xb7z7/\xbd\x84p\xc2\xfc\x82=\xcf#\xba\xfa'</t>
  </si>
  <si>
    <t>b'\xa0?x$o\xfb\xc5\x7f\xcd:\xc9\x1fd\x16\x17\xb5\xecV31PE\\)OLr\x11h\xab\x06\x98'</t>
  </si>
  <si>
    <t>b"\x1b\xd8_\xb6\xabX\xe1\xa819\x96\xc9?E\x86\xa7x]\x90\xce,\x98[\x01#o\xdaTs\xf7'\x0c"</t>
  </si>
  <si>
    <t>b'\xcb \xa6\xfc\n\x12\xf2\xb1\xdb\xff\xedZgd\x1c\x8c\x00\xb1V(9\xf4=g\xb3w\x90\n\x8dqt\xa3'</t>
  </si>
  <si>
    <t>b'Y\xba\xc5\xe7\xf3L\xa0\x1d,[\x0c\x83\x08\xbc\xaa\xfb\xea\x00\x9e.)]a\xc5;\x12\xb1\x8a=\xb2t"'</t>
  </si>
  <si>
    <t>b'\xbe\x8f\x9aX\x15\xe9\xb0\xe3iJI~s\x14\xb1\x13\x99\x01\xee&amp;X\xd1\xc0\x1a0\xfbD$I\xa8\xaf\xb9'</t>
  </si>
  <si>
    <t>b'\x12\x9e+]a3\xfd\xe6\xea\xee+%\x82\x87\xd3\xc0\xc3\xb6\xa7\xfa\x89l\xc8\xaa\xb5Q\x87\x1e\xb2\x12\xdfG'</t>
  </si>
  <si>
    <t>b"\xcf#\xb7\x17\xc7fK\r\x8e\x14\xcf)\x1f@s\xc6\x95gi\x12&lt;\xc6p\xd3\xe4\xd6'\xb6\xda\xc8&lt;\xfd"</t>
  </si>
  <si>
    <t>b'\x1d\x0e4\x98\x9eMRP\x8f\xd2\x90\x8b\\h\xf4\xa9\x07\x8a\xe7\xd2\xad\x7fE\xb7~iV7\xb2,:,'</t>
  </si>
  <si>
    <t>b'(\xfa\xe9W\xfc"\xed\xa5?yP\x9b\x07\x12^\x8d\xd5\x9b7\xcdG\x1deH\xf4\xc8G\xf4\x95\xad\x07P'</t>
  </si>
  <si>
    <t>b'8V\xec\xdb\x98$\xf6\xd2Eql\xfb\xa8C\x8c[\x1c=d\x83\xe3\x87_\xd3v\x0e\x99\x9e\x8b?\xab\xad'</t>
  </si>
  <si>
    <t>b'B\x90\xf6\xc6F\x9a\x02\x7f\x01\x9a~%v\x11\x87\x03\x89G\xdf_\xe2\xcatXW\x0f&lt;\xae\xc9\xbd\xd2\x0f'</t>
  </si>
  <si>
    <t>b"\xa5\xf3q\x0e?=\x8c)\x05\xa8\xa3\xff~\xe6\xb2|'\xc2\x00\xfa\x15\xf3\x9aW\xbf\xab\x99*w\xf4\xeb\xc0"</t>
  </si>
  <si>
    <t>b'O\x96\xfc\xf8.\xba\xfe\x0c[i\xb2dT%\xd2\x19\xd3Td\xaf\xe9X}z\xb5\xe8\x9d\xdf\xed\x84\x0e\x10'</t>
  </si>
  <si>
    <t>b'\xdf\x9f\xb2\xaa@\x920_\xca`\xfe\xe7\x9c\xf3\xf2\xd1\x88\x8eH\x1d\x95\xda\x89\x9e+\x15z\x92zV\x00\xef'</t>
  </si>
  <si>
    <t>b'\x1b\xbc\xfda\xa9\xb2\t\xf5;p1\xa2\x14\xb5\xdf\xaa\x86Y\x96r\x8e\xd0#ES\x9b\xe9\xe0\x9b\x1ac\xe6'</t>
  </si>
  <si>
    <t>b'3~}\xd0*\xd9\x1e\xda\xd2\xc8\x80\xcf\x99J\xfa\xa5.;\xe8,n\x87u\xc0y\xebl\xd0\xa6\xd2\xf1\x07'</t>
  </si>
  <si>
    <t>b'\x89\x00C\x807\xb3\xbb\xd3`\x90\x0c\xca\xceK\xbc\xff\xcc\x8c\xce/]J\xb1L\x0b\xa0\xbd\x18^\xbf(\x8f'</t>
  </si>
  <si>
    <t>b'\x14?G\xd0b&amp;\xc0\xe4/\x10\xb8\x87vk\xb4\xc0\xa0,\xba\xb3\x0e`\xc4,\xa3@b%\xad\x15\x117'</t>
  </si>
  <si>
    <t>b'\xd3D\x00E\x01y\xfa\x0frYp=\x95\xb5\x18\xd4\x86\xee\xd2!\x11\xef\xaf{\xcfE)v\xd8\xdd&gt;\xd4'</t>
  </si>
  <si>
    <t>b"!\xa0%$nA\x01\x19\xb7x\x8c\x1f\xaf\xc5\xb9\x9as\x07\xb7\x9bMX\x9c`!\xdf!\x9b'%\x8c\x85"</t>
  </si>
  <si>
    <t>b"\x92\x00\\\xd7o\x93\x98i\xddM\xf6[\x9c;\xc5\x1cw\xdb='+\x06\x18\xcfL\x04\x1cm\xe1\xf8\xaf\x80"</t>
  </si>
  <si>
    <t>b's\x19\x82\xab@\xeb\xd1\xf045v\xc7QW\xc67@\xea\xe1v;\xd9&gt;\xe1\xfa(\xc62s\n\x06\xac'</t>
  </si>
  <si>
    <t>b'\xdc4\xc6\x13\xf0\xdaU\xd7\xc9\x8f\xe0\xc6\t\x1c\xcc\n\xba\xb8\xf1\xd9\xb9mPC|Y\x93\xfa\xf0\xca\x86j'</t>
  </si>
  <si>
    <t>b'?`\x01\xb7\xdf\xde\x1c\xa7\xd5\n\x84\x07wU\xad\xe1\x05\x18\xbdi\x9b\xce\xa8\xb0[q44\xe5\x1eI['</t>
  </si>
  <si>
    <t>b'\xd3\xadZ\x9el\xe9C\xf8\x8c~5\x04/\xd2\xbe\xf6\xd6\x99\x18T\x9a-\xeb{R\xba\xc3\xd0\xb7\x85\x11='</t>
  </si>
  <si>
    <t>b'\xfc\x85&gt;=\x8e\xc2_\x01;(\xc4p^4\x98#\x98;\x80\xf1\xf7\xd9?\x18\xe3\xd9\x88S\xe5\xc8\x86\x1c'</t>
  </si>
  <si>
    <t>b'\x92\x92A\x8c\xe3\xae\x8d/\xfa\xe3\xb4\xae\xf7\x88\x1d\x9b\xb1-\x83\x86\x8c\xea\te\x15\x90N[~&lt;\xf5I'</t>
  </si>
  <si>
    <t>b'|6`\xcf\xb2\xc7D\x96\xbf\xc9e\xc1Iha]\xc0l\xf8\xdf{\xcc\xce\xad\xfb\x1e\x07A\xba\xc5\xb1\xd9'</t>
  </si>
  <si>
    <t>b'\x87\x8f9\xca\xf1\x02\xc8\x89T?P\xaa\xd1\nd\xba\xf7\xf2\x8d\xddT\x17C\x1e\xcc\x10\xf9\xe3\x08\x7f\xb3('</t>
  </si>
  <si>
    <t>b"'X\xd6\xc67\x8el\xf0[\x1b\x96\xa7}&lt;\x03\xd7\x1e\xb2\\\x88/V\xf3\x1c|\r);|5u\xfe"</t>
  </si>
  <si>
    <t>b'\xea\xbd\x18\xb2/\xd2F\xe9\xcde\x05\xedH\xef\x88\xf2\x13\x14\xdd\xe2\xa1\xe3\x8e\x85}\xe0\xec\xeb*T r'</t>
  </si>
  <si>
    <t>b"=\xe9\x9d\x16]X\x08\x08o\x1f\xd2\xb3\xb6\xc9\x9a\xa4\x01\x9ef\xbbI&lt;\xef\xc9\x02\xe5\xab\x10u'Up"</t>
  </si>
  <si>
    <t>b'\xdah\x94,Og\x18\x11\xf7\x9c\xf3\x99F\x08\x04\x01\xab\x8d\x1b\xd4c\x96V\xb8-u\x16}\x99\xa4Em'</t>
  </si>
  <si>
    <t>b'\x08\xd0\x95\x8a&lt;\xe3N\x8c\x14\xd9\xbe\xfc\xaa\xf8k!\xab\xb8{\xe8\xfdv\xa2\xad(T\x1dO\x07\xcdu+'</t>
  </si>
  <si>
    <t>b'E\xa1\x8b\xa0e\x8d\xadm\x00,\x13\xc1S\xffb\xcc\x82\xee|\xab\xc7\xc1\xac\xd24#\xb6\x9cs \xe4\x85'</t>
  </si>
  <si>
    <t>b'=\xd0f\xcb\xe0m&lt;%*\x0b\x1e\x99az\x92\xa0\xb3\xafs&gt;,\x8b\x06\x14b\x0b\xe0\xdf\x87\xb8N\x8e'</t>
  </si>
  <si>
    <t>b'\x01\xd5\x17+\xad\xb3\\\x17+\x93\xc8\xab4\xfaf\xb7\n\x05\x1a\xebi(\x1f\xdej\x91k6\x82\xa0&lt;\xa2'</t>
  </si>
  <si>
    <t>b'\xa0U\x8c\xdb\x02y\xbb\xfb-s\x10\xb1y\x0e\x11m\xf0\xf4Y\x9ffb\x92\x8agTRW\x06\xe6\xa1\xe6'</t>
  </si>
  <si>
    <t>b'\x97\xa8\xb4F\xf2\xcf\xf8\xa7\xca\x03\xf1=T,t\xb8\xf7\xcd\xe4\x0b[\xb8\xbf\xd1N\xbc\x00^5\x93\xf0\xb1'</t>
  </si>
  <si>
    <t>b'K_~[\x1f\xb1\xfd-\xa8\xb4V,Yb\xa3rb\x1fU\x92c\x87q\x94/\x91V\xd9\xe4\xf2\xd0~'</t>
  </si>
  <si>
    <t>b'd\xa3\xfa\xac\xe3u\xd9\xac\x98bTT\xcc\xca;6\xa1\x84\x17M\xc5\xed\x1d\x04RFD\x02\x9dv\xe0o'</t>
  </si>
  <si>
    <t>b'\xc7 \x11b\x13q8p\xe6F\xa4h\xb9\xdc&lt;J\xa4\x845\x85\xd2iu\xf7\xb4^\rO0i\xc6&amp;'</t>
  </si>
  <si>
    <t>b'u\xb1o\x94\x84?\xafv\x87\x17bB}\x84b\x9f\xb2\xdd\xed\xe7nB*\x8f\xae\x02}\x07\xeb4\x1d\xff'</t>
  </si>
  <si>
    <t>b'\xca\xe2H\x02\x9b6\x94LR\xb2\xedj\xa5Y8\xbe#M\x9f\xe2\x90lhy\xcfToh\x9f\xe7\xc4\xeb'</t>
  </si>
  <si>
    <t>b'(\x90\x8d\xf0\x99\n4af\xde~5u\x97(m\'"\x86\x1b\x94\xf2\xc7\xf7\x10:\xf9\t\xe1s\xed\x08'</t>
  </si>
  <si>
    <t>b'\x92N\xcb+m\xb5\xe2b\x1b"\xd5\xe9\xdd\xe2\x8d\xe6qJE\xae\x9a6B\x94\xe1\xe9\xb7\x9b\xcc\tkM'</t>
  </si>
  <si>
    <t>b'\t\xe5\x10\xe1\xd5G\xccO\xe6W!\xd4\x06V+\xf0*\x85\x05\x00\xb3\xecmM\x86\x9f\xa4\x8f\xef9\xf5\x89'</t>
  </si>
  <si>
    <t>b'\xc3\xc3\xff\xc8\xea\xb1\x84\xb8\xbc[\x1a\x11(\x18\xfbk\xe6\xff\xf8}\xac\x80\x8a\xbeX\x0f\x93\xa7\x9e%&amp;\xd1'</t>
  </si>
  <si>
    <t>b"\xcd\x1a/*\x08\x0b\xe7p\x9c\x85\xeb\xf7%K\x1f\xbf\xc9\xdb\xcd\x94\xcd\xf0'\x11\x90|\xaa\xf1O\x01&amp;\xdc"</t>
  </si>
  <si>
    <t>b'\xd9Z\xe6\xf4\xba\xb4W\xdbY\xcf\x9d\xa3f\xe9\xa8\x06\xe2K`E\xe8*M\xa1\xb5\x92\xdb\x0f\xc9b\xc3\x9d'</t>
  </si>
  <si>
    <t>b's\xf4\xc4\x0b\x8e\xcd\xe4\x87\x8f36\xcbj\xe0\x14\xd2\x84W\xec\x8a\xad(r\x9a\x96\xce\xc7\xda\xa2\xda\x97A'</t>
  </si>
  <si>
    <t>b'\xcfak\xce\xf5\x93U\xa7Q\x93\x82\xd9\x0cM2\x87;a\xb2\x9d\r\x9fO\x87@\xbe\n\x15\x86*G\x92'</t>
  </si>
  <si>
    <t>b'&gt;K\xb8,3\xd0\xd9\xeb3\xd9\xe0m$f_\x885\x98 \x96:\xb8\x81\xf8\xf2\x05\x19#\xc4:\x02\x98'</t>
  </si>
  <si>
    <t>b'\xb2\xb9\xe0\xfa\x92[\x10\xe0\xf0\xc04\xf5\xee\xc2\xb2g\xe9\xf1(_ZG\xef8c\x8f0I_&lt;\xc1a'</t>
  </si>
  <si>
    <t>b'\xe0\xa7\x90\xfeD\xdd\n,\xe0z\x00h\x01\x16\xea)\xb5\x04b\x0co?\x88\xbf 0\x00\xf5\xd6\x87\x1ea'</t>
  </si>
  <si>
    <t>b'\xd4#\x1f\xbb\x1ev\x8b\xbd\x84\x11\xdcW\xaag\x11L\xea2\xaf.\xaf\x11\xa7\xc7\xf6\x90H@\xb8BJr'</t>
  </si>
  <si>
    <t>b'\x9a\x0e/D\x83#\xe3\xde\xae\x95\x1a\xe5\x1ah\n\xbd\x07I\xeb_\x00\x84\xb4ZqA[\x1b\x057\xf3\xa1'</t>
  </si>
  <si>
    <t>b'\xb7\x82\x88&lt;qnv\x96Y\x97\x1f[\xe6\x8b\xae\x13RP\x15\x1e\xd0\r\x9c\xff\x0b\xee\xa1M\xc9,\xba&amp;'</t>
  </si>
  <si>
    <t>b'M\x13\x19\xcd\xc4\xaa|w\x06\x16\r\t\xd1\xb8^\xed\x91\xd8k"&lt;\xf3\x83R\xbb\xbb\x7f\xc6\xa5\x9c^\xb7'</t>
  </si>
  <si>
    <t>b'\xc4\x0b\xa9\xa3rX\x1fv7\x12\xfe\x0c\xcd\xbd\x93C}\xc3\xd3\x97G\xf4p\xc9K\xd2\xbb\xabAk\xbc\xaf'</t>
  </si>
  <si>
    <t>b'\x16\x8c\x9e\x0e_\x89\xf9\x02\xa0o\xd2\x00=\xf4\x8d-*\xdf\xf0)\xe2\x9b\x0f\t\xdf\xe3r\x0e\xfd\xea\xa4\xb4'</t>
  </si>
  <si>
    <t>b'!9\x9d\xf2\xcf\x1dX\xf4\xeb\xbfiBC\x00\x99?\x7f@J\x91p\x867\xb5d\x0c\xd23\xb5(\x1f\x9e'</t>
  </si>
  <si>
    <t>b'\xcd\x00\xa2j\xc1\xb6\x18B\xac\xf2\xd2\xcf\x16\xfc@\xdcK\xf3@}#\xe5l9\x8c\x02)X|K\x06\xc4'</t>
  </si>
  <si>
    <t>b'e\xde\xb4\xc4.\x07\xed]\x89\x8ev\x90\x95\xd5\xac`3n\xcd4\x05 \x9d\x12\xff\xebd\xc5\xca\x95fY'</t>
  </si>
  <si>
    <t>b'\xa2\xdd\x9d*\xdd\xd8#\xc1\xc5\x06m\xff\x91Ul]M\xa7\xe2aM\x00-\xfa\xac\xa4Rb&lt;\xe2\xb9\xf2'</t>
  </si>
  <si>
    <t>b'X\xe4\xefmb\xa6\x97\x03?\xb2v\x18\x1dx\x9a\x02\xd0\xee"\xca\xf7\x80D\xedCRK\x99\x00\x0b\xc9\xa4'</t>
  </si>
  <si>
    <t>b'\x0e\xc7\xca:C\xd2`\xda\xa7\xf8u\r\xfc\xda+\x8e\x91u:\xbb\x95\xf2\xdar\xc7\xc8m\x93\xceh\xdfU'</t>
  </si>
  <si>
    <t>b'\xdb\x81\x01y\xc8\x05\xc2\xa6h\xd1_\xf7\xfaAnj\r\xbb\xf1\x0f\xe7\x99\xb2\xce\x06\x16\xda\xd1\xa2\xae\xb8\x03'</t>
  </si>
  <si>
    <t>b'z\t\xa1\n\xcd\xc8\xab\x8bT\x83\xc2?\xb4\xabu\xb3\x1a!\x19\xd7\xb0P\x7f\xf7r\xf0\xe8\xfc\xb5\x8d\xb2\\'</t>
  </si>
  <si>
    <t>b'\xfc \xb6\x8b\xc6e\x96\xdem:\x07\x12~\xc0/9\x97\xf2\x80\xfc\xc1X\xad\xd4\x98\xf2d\x06\x8e\x80\xf5\xea'</t>
  </si>
  <si>
    <t>b'\x9d&amp;\xcfw\x80\xd3a@.\x87\xc1Nbr2\xa3\xdc\x86+\xa4! \x88^\xc8\x15 J\x05-/\xa1'</t>
  </si>
  <si>
    <t>b'J\xa9E\n\x8bH\x1ak\x04\xb9=a\x1c\xc5\xae\xa0\x88\xd1\xb78;\xd0\xee\xb2\xd9\xea\xbb_\x8d)\xe6i'</t>
  </si>
  <si>
    <t>b'%$\xfa\x1d\xa0K\xf3\x8a\xff\xc9&gt;?\xb2L\xe1z~\xaa\x8b\xe7;\xc61\r\xe5\xe4&gt;83Q\xbf\x1b'</t>
  </si>
  <si>
    <t>b'\xf3\xccdP\xf9\x88\x8c\x91\xcb\xfcT\xf1V\xa3\xc5\n\x0f\xfd\xc5\xc0\xf5\x95\xa8&gt;*\xdcP\x8a\x08\xc2+\xd7'</t>
  </si>
  <si>
    <t>b'\xc1\x174\xbb\xf8&gt;\x86B\xa26\xd5\x8eCY#"a\x04\x9b\xd6\x07R;f%\xd6:\x8bV\xb1\xc8h'</t>
  </si>
  <si>
    <t>b'\x83aB5,\xfb\xa6h\xfcJg\x18O\x96y\x070Sq\xe0\x87\x9fjq\xc1\xc0G\t\xf8&gt;\x99\xa3'</t>
  </si>
  <si>
    <t>b'E"{\xfe\xe0\x14\x10p\x07\xe0\x8a\xa70\xc8&amp;P\xeczW\xca\x01\xe2\xab\xb7`Me\x9a\x96\xf5\x8d\xb6'</t>
  </si>
  <si>
    <t>b'U\xd6n\x0bQi0RI\x81\x1b\x05\xdd0c\xc7\x8a8B.\xccz\xe4V\xc4\xa1\x988\xaa]\xb9\x91'</t>
  </si>
  <si>
    <t>b'gt\xdd\xde\'\x8f\xb6\xda\xa1\x8dl"\xc2v\x15:\x1d\x9b#c\xf0d\x97W\xe9|Z@W\xcbD\x1c'</t>
  </si>
  <si>
    <t>b'\x165\xe8w\xe2S\xe98j\xc4\xe6\x16\x1b\x9f\x1f\xe6\x15"s\x00\x1b\xf9\xdc&lt;\x97\xdf\\\x95\xd9P\x0fb'</t>
  </si>
  <si>
    <t>b'\xdf\x01\xd5okA\x07Dx\x10\xfe\xaf\x92\xec\x11\xcf@b\x9b\xe8;\x83\x8d}\xdb\xa1\xca\x93\x9a\xd6.1'</t>
  </si>
  <si>
    <t>b":j\xa4_:\x97\xd3\xec%@\xb9\x1b\x89i2s\xad\xb7\x8d\x964^\x93K9\x175E\xf4$'m"</t>
  </si>
  <si>
    <t>b'\x81\x8a\xc6\xf9\xda"\xe0\x85v\x0e\xdaZ_\xc8K\xddb\xa81r\x91\xcd\xb5\xdd\xbd\xf8j\xbau\x04\xa3\x95'</t>
  </si>
  <si>
    <t>b'-\xbf\xf2i\x11\xc6\xf6\xd3j\xf2\xbd\xd0\xf7C\x02\xdb\xa5Y\x16\x0e\xbb\x1c\x85\xcb\xc4\t6;wp\xf9\xc6'</t>
  </si>
  <si>
    <t>b"\xddy\t)\xb4\xbb\xd9\xc8%X\xe2\x05\xbd\xcf'hnw:6i\x82\xf1\xb2\xa3\x1d;B\xe3\\\x05\xb2"</t>
  </si>
  <si>
    <t>b'-KO\x03\xc6Gkn\xa0t0\xda2\xb6\x05\x0b\x7fM\x99Mvp\xcf\x88\xc1r\r\x86(\xeb\x83\x90'</t>
  </si>
  <si>
    <t>b'&amp;,\x06\xc9N5\x8a\xd77\xa2@\xc6\x8c\xfb$}\xe1E\xaeV\xca\x8e\xa4\x1d@&lt;\x9d\xc9)\xfbb\x8b'</t>
  </si>
  <si>
    <t>b'u\xc7\xb5\x17\xd9\xee\x14a`\x99q\x7f\xe2M__\xe8+\x13\xabAuk\x97\x14{\x1aEd\xb4ZT'</t>
  </si>
  <si>
    <t>b'\xa3\xd6\x04\x94\x84\xae~p\x9f!\xb8bAE\x82\x91\x05X\xd8\xe3%F\xbfa\x87l\x8b\xb5\xa3\xb7\xeeh'</t>
  </si>
  <si>
    <t>b'\xd6p\xb8\xf0\x8bDM\xa4r\x0b\x02l\xa7:\x02\xbd\x00\x9e\x87\xb4\xc0]\x1e\xa4o\x16\xfb\xe8\xb5\xed}G'</t>
  </si>
  <si>
    <t>b'\xf8\xb4AN\xd9\xef\x9e\xba\xee\xd4q\xba\x17\xab\x01\x0f\xe3p\x92Q\xae\xf9\xd4\xb1C\xde6\xf0X\xbf\xbc\x1d'</t>
  </si>
  <si>
    <t>b'\xd6\x01\x1a\x13\x88\xa5\xd9\x86i\x9d&gt;9\xef\xfe\x14\xbf{\xc0\xea\x0e\x8e$\xa9\x15\x95Z{\x98\xe4\xc8\xbc\x9d'</t>
  </si>
  <si>
    <t>b'\x8b\x0f\x1c\xbc\xb2\x84DR\x93dL\xe3J\xf4.\xce\xdc\rSAiC\xf5d\xd6\xf9/\x1b\x84\x8eT@'</t>
  </si>
  <si>
    <t>b'\x11\xef\xb7\xc2%:G\xd3\xda\xdb\xc6\x7f4I\xd5\xe3\xed\x11\x89\x1b:\xb9&gt;8\x97\xdd&gt;\xbfhl\x0b\xc6'</t>
  </si>
  <si>
    <t>b'\x83\x0c"\xa0\x89(\xf1\xee7?\x16\xac\xe7GA\xceB\xd6\xf2\xbd\xc0\xb2\x0b\x8e\x12_\xddb\x83\xa3\x0c\xcc'</t>
  </si>
  <si>
    <t>b'eQ\xe9l\x89\xb3\xbb\x94$2\x95\xb8\xd4\x1f\xea&gt;\x95\xb7\x0e\xb6x\xf9\xd9)xU\xca\xea&gt;\xe9\xab]'</t>
  </si>
  <si>
    <t>b'\x9c\x83\xc4z\xcc\x80\x81\x03g\xf1f\xf2M\x01B\xb8\x81\xb3\xc0?&gt;\x80\x93\x84[\xd9\xab9q\xadw4'</t>
  </si>
  <si>
    <t>b'p\xf7\x0b\xf8k\xbe\x9b\xe7\x7f\x8c\x15\xa0)\xc7\x03\xb6\xcc4\xb0\x84\xc6\x1eq\x90\x03\xb4\xf2,\xa6#_\xf6'</t>
  </si>
  <si>
    <t>b'\x94Q\xf4d\xaa\x19Y\x1d+d2}\xdc\xfb`\x87\xe4\xd2\x86\xb6\xd2\x89\xe3\xe57\x80\xa1\xf9&lt;\x1c&amp;\xf2'</t>
  </si>
  <si>
    <t>b'\xff$5f5\x85\xbb\xc1\xf6*\x8d\xf9\xc1\x02\x97\x81\xb7\xafZO\x01\\f\xd6\xdb\xa5\xbex\xd2\x12}$'</t>
  </si>
  <si>
    <t>b'\x0fo`{\xca\x00\x7f\xdc\x93H/\x861\x99\xecAv\xd0\xc8Q[sl%\xab\x98\xa7\xfb\x9f\x9d\x85\xe2'</t>
  </si>
  <si>
    <t>b"l\x87\xb1#|\x8e\x86vq'MqR\x18X{u\xb0Ozk\x8b\xf0l\xb2\xabm`*\x1faH"</t>
  </si>
  <si>
    <t>b'\x94\xaew\xd3\xea:\xb9^]~\x1d\x8d\xcd)\xb1\x01\xb2\x12N\x87\x9a\xae:;*\xec\xb4\x82\\o\xdd;'</t>
  </si>
  <si>
    <t>b'JY/\xcfI\xc5\xf9nB/^\x88h\x90\x95\x82#\xb0v{\xcc\xc9e)J=w\xdd@\xa9W\xf6'</t>
  </si>
  <si>
    <t>b'5\x82&amp;P\xf9\\R\xa9N_\xa4\x95Q\xaa|\xa4\xa3\xd3\x9b=\x0b\xb0"\xd3\xf0~z`\xa2\xb8\xa5q'</t>
  </si>
  <si>
    <t>b'-m\xc0f\x0cy|\x99\x894\xe1\xd2\x05\xb9\x8f\xcd\xcf\x16G\t\xd7\xc9\xf7\xad\x9ehp\xb0&amp;a\r\x9a'</t>
  </si>
  <si>
    <t>b'\x9bC\xbb0\xc9%E\x8aq\xc1\x9e\xfa-N\x06c\xfe\x97\x88\x8d\x14ir\x96\x84\x11\x0c\x89\xfalpE'</t>
  </si>
  <si>
    <t>b'\xec3&amp;|\x17\t\xbe\x18\t\x080\xa0\xce\xbf\xbc}\xe4Z\x91\x87${\xe45\xb8?Og\xd3\x02\xcc\x10'</t>
  </si>
  <si>
    <t>b'\x1c\x9c\xce\xa6\x142G\x1cz\xd0a\xc7\xdf\xa7\xc8\xe5\x8b[u\xf4\xc5ym\x19\x9d\x90\x814\xef\xff\xe70'</t>
  </si>
  <si>
    <t>b'\x1b\x86j\xed\xbb\xf3\xa0\x84IL\x8c\xf8/\x8e$\x19\xc9\xbe\xa2\xf7\xc0\xc0\x91\x89\xac\xa0P\x0f\x9f\xc3\xa4\xac'</t>
  </si>
  <si>
    <t>b'\x89\xbe\xe7\xb75r\x03n\xd3\xc6\x8eD\x10H\xd8Le\xb6\xf4z\xe0\xdfU&lt;.[\xb77\xd4\x91a\x9b'</t>
  </si>
  <si>
    <t>b'yN\x0b\x08\xf8\xaf$\xeba\xa6\x1d\xd1\x0f;\xc2\x83)\xa7\xe0\x92\x90I9~\x80\xc3&amp;\xc6\x1e\x8c\xed\xbb'</t>
  </si>
  <si>
    <t>b'\x1at\xf2s\x96\xdd\x8a\x9a\x0e\xe8\xf3\ny\x18\xa3{\xd7\x85\xc1D\x07\x1c,\x90\x8e\xef\xa8h,\x19D\xbd'</t>
  </si>
  <si>
    <t>b'F\x8c\xacl\x8eE\xcf\x04\x13\xe4\x92\xf2wv\xcb\x0cvn|x$\xde \x174\xa0\xcfr5\xc8%\x10'</t>
  </si>
  <si>
    <t>b';\x89k\xcf\xe0\xc5\xef\xf7\x9f\x832?\xec\xba\x81\xb5\xd8\x9c\xb8\xbcl\xf0\xb8Y\xe3\x87\xd0+\x0f$\xf9\xf9'</t>
  </si>
  <si>
    <t>b'\xfc\xea\x1d\xb8\x00|\xa3\x0c9.d\x10O\xf6\xd0h\x14\xec\x0b\xed*1\xd0\xa7v\xa3#60\x18f\xc9'</t>
  </si>
  <si>
    <t>b':\r\xf0\xd5$\xd6T\xfds\x17\x8fyJ\xb4\x0e\x05%0]\xd9\xed\xa9\x87\x9f\xf6^\xd7:\x90.\xfeF'</t>
  </si>
  <si>
    <t>b'\xb3\xd9~;\x96\xf6\xb8p\x02\x7fH\x19\x11w\xc5\xd3\xa5\xaa\x8aW\x9d](A4(\xe3\x93\xcd\x1d[4'</t>
  </si>
  <si>
    <t>b'*\x11r\xe8p\xfa\x7f\xe5\xb9\xe7a\xc9&gt;\xd9\x88M\x19\x1cXt\xee\xce\x05!\xd6\x02\xceDV\xee\xf9\x84'</t>
  </si>
  <si>
    <t>b'\xe5\xdc\xcd\xc7\x8f\x98\x1b\xd8\xde\xc5\xc5\x7f\xa9\x0e\xae\x9f\xa3\xd4U\xc5W\x17\x93\xfb\xf1i\xa5G\xd1\xd6\xb4p'</t>
  </si>
  <si>
    <t>b'\xa8\xb9s\xa2\xb1\xe0\xd5\xd1\x8au\xf2\xc3?\xa6b\xd3\x11\xab\x11\xcd6\x97o\x8b\x99\x84~\xd5\xa6\xf4\x87\x8e'</t>
  </si>
  <si>
    <t>b'\xa5F-z\xe2\xf4ot\x13\x88\xe1\x7f\x9a\xaf\xb5K\x94zPkf\xe8\x0f\x00\xc5\x14\xfb\xf7O\xe1v\x99'</t>
  </si>
  <si>
    <t>b'\xa1\xf0W\xde\xf9}w;\x8a&amp;=\xaaQBC\xfe\x03B\xf1\x90!\x93\x10\x99Qh\x828\x81n.o'</t>
  </si>
  <si>
    <t>b'\xa4\x81\xedR\xaf\xb2\x8e\x1a\xbe]\x95q\xf2\xcb\x0e\xb8\x18d\xa2\xe0\x8cJ\xbf\x9e\xfa\\W\xf1\x02\t\xf6\x92'</t>
  </si>
  <si>
    <t>b'\x9esX\xa0\xb8\x07\x92\x88\xf5\xee8\xf8\xd5?\x83(\x8d\xc1\x9fw\x88.\x8b\xb0\xac7\x9f\x9dfj\t\xa2'</t>
  </si>
  <si>
    <t>b'\x83Ty\x8b\xee\x0e\x99\\\xbc\x0ee\xe4\x8b\xfaU\xdb\x87ae\x89j\x0b\xc3\x84\x84Q\x7f\xc8\xf2~\xc9\x07'</t>
  </si>
  <si>
    <t>b'\x07\x86(?\xb6\x04E\xb24\x9a\xb0g\x0e\x80\xec\xd5\x1e\xb0\x15U\x85\xf8S\xfd7\xe5\x8c\xd0\x8f\xe9\x0b\x1d'</t>
  </si>
  <si>
    <t>b'\xa2\x14\x8e\x04\x17\x94\x94\x84\xf3\xa2\xbfGM\xc3\xc4B\xe8r\xb1\x10\x12\x1c\xfca\xc2i[\xa7^\xea\xdd\x90'</t>
  </si>
  <si>
    <t>b"\xf7:/C\x13\xb4*_\x0e\xe1\xc7\xc92H\xe73'\x1b\xf1\xff\xe4\x1eVI\xfe\x7f\xbf\xdbpN\x94Z"</t>
  </si>
  <si>
    <t>b'\x92\xe1\x8e\xb1Cr{\xc5\x0f\xb9\x01\xc2\x17\xb2)\t?s\x1f\x1f.\xff\x95\x11\xda\x1chN\xd1\xcf\xec8'</t>
  </si>
  <si>
    <t>b'\x91\xf7\x96\xc6\xb2\xebmj\x98:D\xad\xb5\xfa\xfd\xb9\x13"\xea)1\xf9H^\x115\x8121\x01\xe9\xe4'</t>
  </si>
  <si>
    <t>b'BV\x9bp\xaa\xe7\x1b\xd3:\x0c\x95&lt;|\x82\xb3\xa2sY\xec\xe8\x8cu\x165\xc8\xa5(\x03\xda\x86#,'</t>
  </si>
  <si>
    <t>b'u_*\xd8Z2}+\xdc\xe896u\xab\xf5\xe4.P\xca\xfaF\xb4\xb1\x8c\x1f,\xa0\xa2\x8b\xcbJ\x04'</t>
  </si>
  <si>
    <t>b"~m\xe6)oAk\xa3\xc7\x01\xe3\xd6\x8f\xd9J'| \x08e^\xc4_\x7f\x83A\x0c\xbd\x06\n\xe3W"</t>
  </si>
  <si>
    <t>b'\xdc\xb1\x9b|\xce7\xda\xce\x87\xdd?8\xe5"\x81H\x89\xb9\xf5\r~\xd7\xc6\x9b\x12\xca@\xe1\xef\xa7\x00n'</t>
  </si>
  <si>
    <t>b'\xeb\xb39\xa7\x80;\xecH\x05\x122.l\xa7\x07\x15\xc8QI\xec\xe4Rz\xe9\x93\xc1\xb8\xd3-\x1ceT'</t>
  </si>
  <si>
    <t>b'\xd4\x97A\x84\xf9]\x01\x99Gs\xb2=T\xa7\xf1h\x1c\x95\x7fs\xee\xd7\x86\x10\xc0\xa8s~\xd7\xeb\xaf\x94'</t>
  </si>
  <si>
    <t>b'\xb4d\xc4\xa2\x90\x00\x0c\xfbfm\x7f\xb9\xd8;\xcb\xbf|\x8eQ1\xbc\xe6\xd3wt\xbc\xf5\xab\xfd\x8f\xb1\x1c'</t>
  </si>
  <si>
    <t>b'\x13]\x81\\H\xc5\x8c\x18e\xb1\xb0\x93\x0e\xa1$3\xc7i\x8dIw\x87\xd8\x9f\x12J{ y\x9f)U'</t>
  </si>
  <si>
    <t>b'&amp;hP\xb2\xf5\xac0\xde=\x96`T\x15q01\x0e7]\x8c\xe6\xb6\x15\xaaj\x02\xc7\x10I\xc7\xf6\x05'</t>
  </si>
  <si>
    <t>b'\x15\xa2-\x19\xdb_r\xc3\x12\xde\xf0\xcdo\x9bKy\x1b\x05O$\xfe\xb6\x99=l\xe3f6\xecw\xc9\xa1'</t>
  </si>
  <si>
    <t>b'\x84\xcb\x81\xb8\xdb\xb5\x99Y=\x18&lt;S_\xbf\x9e\\\x10\xa9Y&amp;\xdd*\x80$A\x1bq\x0b\xd1\xee\xac\xbd'</t>
  </si>
  <si>
    <t>b'\x12\x86\xd6\x88K\x084\xcc]\x05s\x0c8\xe4\xce\x0c\x86&gt;\xfby\xc77\xc7\xdbg\xe3\xf6P(\x12\xe2\xc9'</t>
  </si>
  <si>
    <t>b' l\xd8\xa8\xe5\xc7\xb6\xc6\rF\xe1\xbcD\xd8\x9b\xed\xfe\xf1t93\xf9\xf0\xd7\x06^j\x96\x01\xfcuO'</t>
  </si>
  <si>
    <t>b'n;\xa2\x13\xb1\\\xe0\x01\xd564\xbf\\\xe4\xcf\x06:&lt;\x04\xebu\xed@iY\xb6\xf6v\x85\xc2%\xac'</t>
  </si>
  <si>
    <t>b'\x12\xeef\xe6\xe6\x9att9\r\xe6\xc8\xabC*9\xbd5\x0ecnH\xe2o\x12\x83\x8d\xe1\xa1\x94a\xa5'</t>
  </si>
  <si>
    <t>b'@.?\xea\x7f\x17\xc5tF\x89:s=6\x07D\xbeZ\xadE\xfd\x13aR\xa7\x0e*\xf7\xbeQ\x97\xd4'</t>
  </si>
  <si>
    <t>b'\xa4uf9F\xb5\xb9,\nY\x00\r\x96I\xf0_\r\x8a\xf6sl\x9c\r\x9a&gt;\xbc_\xf6G&lt;0J'</t>
  </si>
  <si>
    <t>b't\r\xa3\xa9\xa0\xa5\xbbb\x9ew\x0c\x8b\x978\xf8?\x8e\x03\xffvE\xb6\x1c0\xc5,\xcb|\x8a\x7f$F'</t>
  </si>
  <si>
    <t>b'~\xbada\xe7KJQ\x83\xe4\x1a\xcd\x02I\x9b\x1e"G\xfd\x85j\xca\x84h\x0czI\xd1\x91z\xb0\x0b'</t>
  </si>
  <si>
    <t>b'9\xbe\xa2IS\x12\xba\xd8V\x8cL\x88\xa8\xa8\x8f\x7f\x93R\xcc\xe3n\xef\xb7\t\x9b\xea\xae1\xe0\x01\xe1~'</t>
  </si>
  <si>
    <t>b'4\x9c{\xb38B\xa0%\xa9R\xd8\xcd\x1er\x8b\x94\x90\xc1\x89\x16\x8a&lt;\x1f3\x7f\xe3\x19h\x02\xf3\xe5\xc2'</t>
  </si>
  <si>
    <t>b'\x12\xb0p\x9d\x14:B\xb6\xa9/\x8a\x8c\x13i\xd5\x91d\x8b2,m&gt;j\xbe\x9b\x7f3\xa4\xe6f\xa5\xa0'</t>
  </si>
  <si>
    <t>b'I\xa6\xda\xa0\xb9\xb7\xcd\xfb\xefu\xcf2J\x9e@\x81\xf1\xac!\xf2\xcb\xa9\xc0\x1f\x89\x06\xe8=\x8b\x90\x14\xbb'</t>
  </si>
  <si>
    <t>b'9\xc3_\x83\xd3\x060\x08\x04j\x8c-\xe5@\x96\xa0\x03*\x8e\x13\xc0\x0e\xfe\xeb\x97\x85\xb3\xeb\xe8,\xce&amp;'</t>
  </si>
  <si>
    <t>b'^\xb4\xee\x8d\xe2d\xe9D!\xbf\x8a\xaf\x7f\xacW\xce\xce:\x06^\x9e\x1bQ\x06! \x81}J\xfd\r\xe8'</t>
  </si>
  <si>
    <t>b'\xb3&amp;\x86w m\x967hW|\x10\x17\xb8\xd4-\xef\x86\xd1\x0bfST\x16t\x85\xb3y\xd3]&amp;\xad'</t>
  </si>
  <si>
    <t>b'Q\xc1\xf0\x9d\x06\xcd\xb8\x82\x98\xa8\n?\xf2/j|M\xf3\x8cu_&lt;3+\xec\xd3\\F\x14\x05\xb2w'</t>
  </si>
  <si>
    <t>b'&gt;\xc6&lt;1\xf0\x86\xddt+e\xa1\x86\x7f\x9c\xa9\xf6\x82\xf1U\xcbz\xa7S\x93l\x9fG_\xe7\xd8\x18\x85'</t>
  </si>
  <si>
    <t>b'6\x19\x83\xe2\xa4ddr\xabK\xac&amp;\xff&gt;7v\x9dzZ]\x98\xbd\x97\xc6\x02\x9d\x08Q\xe3\xde%E'</t>
  </si>
  <si>
    <t>b'\x11ZUzL\xeb\xbb\xd0b&lt;\xe3\x9cm\xa2\x85\xfd+}K\xac\xd6\x9d\x99\xa9\xe7\xfcO\x9f\xa8\xa8R\xb8'</t>
  </si>
  <si>
    <t>b'8\xb8\xbfST{"\xca\xad\xd2`\xa3&amp;\xabaA\x04;\xaf\x9e\xbc5\xfc4\xab\xb8s\xb4e\x8bA,'</t>
  </si>
  <si>
    <t>b'\xb2\xb8G1\x83e\xe5Yd\xdeXr\x1c\xcc\xd1$\xc0\x1b\xd4\xd5s%\xac\x00y.\x9ey\x8c\xbd\xdc\xef'</t>
  </si>
  <si>
    <t>b'\x01\xe5\xe4p\xf3\xf3`\x83~\x08\xacY\x0f\xa0\x17]7U2y\xe9\n@\x10Wn\x91\xc4|\x1c*\x00'</t>
  </si>
  <si>
    <t>b"\xda\xd9\x8e\x84\xce\xd5\xee\x9e\xe6\x9aU\x91\x0f\x82\x17\xafr\x1aAu\x87i}\xc5\x1e\x1f'A\x9c\xe6\xc9\xc1"</t>
  </si>
  <si>
    <t>b'\xc1\xd9\xb5\xed\xf5\x1b\x12V\xb8J\xb4\x9bA\xb7\x82\x1640a\x03\x90\x00/{\xde\x16\xf9\x94\xbbN\xfbY'</t>
  </si>
  <si>
    <t>b'\xb0\xe0\xf6\xc5\x8d\x97\x10\xf0+L\x1a\xe5\x8dq\xdbfTiV\x94\xe2\xf8\xae\xc7_ BZ\xa8y\xfd@'</t>
  </si>
  <si>
    <t>b':=c^\xdc\xfbG\xf9\xbb\x01\xd2\xa8\x16\x14\xe7e\x02\x83$\\\xc1\x8d\xd32#\xe6\x19\x87u|\x88#'</t>
  </si>
  <si>
    <t>b'\xc8\xd8\xf2i\xc0\xa3\x15X\\\xbct@\xd1\xdf\xa4\xbc\xfd\xc8\x15@u7\x1fD*\xe2\x91\xff\xa0T\xf0~'</t>
  </si>
  <si>
    <t>b'\x01\xb8\xc1\xe6/mP\xf8\xe3\x1a\x0f\x0e\xce\x18\xc1\xe8\x89Kc\xe8\xca!\xf9\xeea\x93/\x08\x81\x92\xc5\xd5'</t>
  </si>
  <si>
    <t>b'O\xb8\xac\xfaI\xbe\xa2e\x13\xd4\xbdi\xb1\xdf \xf4\x86\r,\xa4J\xcfc\x9e*~\x9a\xae\x8fX\xc7%'</t>
  </si>
  <si>
    <t>b'&lt;\xd8\n\x9e\xb8\x885f\xc4!q\x88e\x80\xd0\xc8\xc0{\xfd\x8b\xa6\xa4\xad\xaf\x0ed\x1e|\xa2C\x02\xb3'</t>
  </si>
  <si>
    <t>b'0\x81/\xe7\x8e\xc0\xff\x98\xc6vtX\xb1\x8c\xb35\x18\xe94\xbd\x0bJ72\xfd\xe3c[v;\xac5'</t>
  </si>
  <si>
    <t>b'\x15b\xade\xcc7\x0e\x97\x8e\x12\xd6\x8b-HE\xca0\x19)\xfeKJW\xca\xccGr\x9b7\n\xeaP'</t>
  </si>
  <si>
    <t>b'\xf1\x9a-.\xe5\xfa\xa1V\xc5&amp;x.\xe4V\xad"\xbd\xe6m&amp;\rVwf\xe6\r1\xd2]&gt;TH'</t>
  </si>
  <si>
    <t>b'Q=K\xd00!\xea\xd5\xec\xcf\nCR_q\xd3\xa4\xc9]\x87\x991\xfbF,Xjb\x87\xc9x\xab'</t>
  </si>
  <si>
    <t>b'\x87\xb8\x93Pq\x1f\x1a\xa8\xc3C8\xae\x0b\xf3\xb0k\x84Sf\x04\xf7\x9b+\xdeH^\xdb\x87|\xff\xc0X'</t>
  </si>
  <si>
    <t>b'\x1ci)\xc4T\x9c\x97h\x160\x8b\xaa\xc1\xc9\x0fC\\\xbd\xd0\x8c\xcd\x15\x16\xcew\xe9I\xae\x04\xdf\xb8\x07'</t>
  </si>
  <si>
    <t>b'\xa6\xec\xd5[x\xa0\x84\x16\xf7t`\x90?\xee\x07\xba\xe0\xae\xd2R\x05\x1ayqYc/\xbc\x8d\x85j?'</t>
  </si>
  <si>
    <t>b'\xbf\xd8\xb7\xbe\xd5\xc4yZ\xc6\x03\xa7W\xbf[M\x08\x11\x08\x1cr\x80\xf6z\xaa\xa7b\xd4\xde\x87\x05\xc3\xd7'</t>
  </si>
  <si>
    <t>b'\xc0;ReU\x97\xdd\xd7\x04\x8bt\xa3\xe9]\xa7\xbdR\xf51J\x87lH\xc0h\xbd2Ty\xaeH\x17'</t>
  </si>
  <si>
    <t>b'\xd5!\xcf\xb2\xbd\xff@\x9c\x94_\xfd=95\xa9\x0c\xd5\xae\xf0\x98&lt;\x8c\xc9sA\x0c&gt;U\x83~\xbaB'</t>
  </si>
  <si>
    <t>b'\x0b)\x91)\x9c\x1eL&gt;\xc4S\x8f\xc0\xa3h\xadj\xd0\xdd\x18\xa4\xca\x15F\xf8\xbd\xf9\xcc1\xa4\x89\x95\xb4'</t>
  </si>
  <si>
    <t>b"\x9aI\xbe\xddn\xdc\xe3\x1e\xea)\x04\xb5\x88\x16V\xc1'$\xe8A_}\xb0\x12\xd2DW\x90\xd5\x86\xb7\xb6"</t>
  </si>
  <si>
    <t>b'\x93\x8e\xf2\r\xa2\x0c\xa4\x8a\nE\x8f\xa3\xf9+\xeb\xedy\x14\x8b\x93\x88\x18e\x1f\x90\xbd\xe1\x1c\x8d2{\xf9'</t>
  </si>
  <si>
    <t>b'\r\xe9aFo\xb6\xae\x99r\x9f\x1cf\xfc2\x05\xe5\xa0\x0c\x93\xaetmm\xfe?\xc3\x84\x9fp\xee\x96&gt;'</t>
  </si>
  <si>
    <t>b'\x96\xe39=\xc1\x1d\x16\xc7c\n\x03\xdca\xd2?\n\x9e\xa0]R_\xfeIP\xb2\xf6\xe1k\xbd\xbdF\xf7'</t>
  </si>
  <si>
    <t>b'/\xce\x14EB\xc3T\xe2b\x8f\xbc\xe1\xcfR\xc2 \xee\xf7\xaa\xaf\xad\x9f\xf8\xe3\xe3\xb7D\xf74\xbd@\x17'</t>
  </si>
  <si>
    <t>b's$&amp;XQ\x89I\xa7Vi\t\x8b\xb5\xdac#\xcc\xb9o\xda\xc2\x81\xf5*n\xb9\xbe&lt;\x9d\x9b\xc2&lt;'</t>
  </si>
  <si>
    <t>b'yu\x96U\xaf\xed\x1f\x919\x0f\x9a\xcf*mi\xd6L\xe1xYm\xb9\x8d\xfe\x878(\x0bRj1\xb0'</t>
  </si>
  <si>
    <t>b'|\xc1\x90\xd1\xa3p\xbd\x8aKJu\'\xaf"\xa1\x1f\x15/^\x905\xc5F\x98\xe7_vy\x18\x9e\xd1\x95'</t>
  </si>
  <si>
    <t>b'j\xffm%ss\xd8\x05\xbbp\xf2\xd3\xb45Pg\xe2T\xc1@\x13\xc8xe \x11\xb3\xbd7\xe9e\t'</t>
  </si>
  <si>
    <t>b'2\xb6\x99\xa7\xda!\xbc\xc7\xa7\xe8@l\x9b\xb9\xaf\xc0\xe7&lt;\x16\xa3\xd4A\xad\xe6El6\xed\xfc\xe9\xa9\xa4'</t>
  </si>
  <si>
    <t>b"M\x96\xfd7\x95f\t\x05\x99\xfdw\xb0q%\xc1\x81\x16\xe2\xee\xf7q\xfa\xa2C\x16'\x8fQ\xd6%\x81\x00"</t>
  </si>
  <si>
    <t>b'\x89\xf2\x07\xe7\x8a\x11\xe5g\x83\x99\xc8r\xc1\xae\x02\xe2\xe1\x98\\\xc3\x0bS\xb7j\x9e\x0f\x8d\x8b\xf3\x1d\xff\n'</t>
  </si>
  <si>
    <t>b'\xa1\xc9\xb6\xb1A\x01a7\xb1K\xd6w\xca\xf6\x02\xbe\x80u5\xa6pr\x84\x9d\x19\xacfH\xfd\x90\x87`'</t>
  </si>
  <si>
    <t>b"p\xb8/\x85\xbd.do\xd8~\xccq4\xb6\xee\xa5i4e'&gt;J\x98\xf2\x06n:0\x88\xdb\xf1\x8d"</t>
  </si>
  <si>
    <t>b'7g\xc4\xa5\xaf\x95+\xa9\xb6v;\xbf\xf5\x8e\xba\xf5\xc0\xc2\xcfh*\xbc\xe9\x06l\xeb\x99\x96\xcc\x07\x08\xca'</t>
  </si>
  <si>
    <t>b'Q$\x1f\xff\xa9\xe9\xf8\xbb\xbe\x17\xff\xe6E-q0\x9c\xdd]0\xa1\x1f\x97\xfc\x98S\xaf\xe5\x17\xc8.q'</t>
  </si>
  <si>
    <t>b'\x0648\xc9\xa5\xa7\xe4\xa1\xc0\x93\xbf\x8e\x81\xa98\xeb\xc5+\xf1\xf3\xa8U@\x95\x12\xbe\xe6\x0eJ\x9d\xf5\xb0'</t>
  </si>
  <si>
    <t>b'\xd5\xc1\xfbe\xf3\xcbqM\x17\x93\x08\x01C\xe0\x1c\xc3=\xc5\xb3\x1c\xba?\x1fjO\x1d\xfcrao\x83\x88'</t>
  </si>
  <si>
    <t>b'Y\x8f\x86A\x1e\x0b\xa7N\x92\x02\x8fF\xf0\x08\xb8!\x08\xd6\xd5\xf1\x0f\x84Vti\xb4\x1a\xd6\x8a\xbc\xd7\x8e'</t>
  </si>
  <si>
    <t>b'%m\x90\x0er^\xbf\xb6V2\xb2\xf2\xf7\x1cc\xc9\xc4_\x8b\x1d\xcf\x95\xb2q\x9a\xbdn\xe7\xc1#\x88\x7f'</t>
  </si>
  <si>
    <t>b'\xd8\xc2t\x1e\xbc\xda\xd8\xfa\xe8\xcfT^A\xeb\xee\x87(O\xb5\xe4*\xe3\xcb\xb8\xc4\x97\xffUt\xbc\xb5!'</t>
  </si>
  <si>
    <t>b'\xf2\xd2\x9f\x0c\x8d\x02P\x99n\x01\xb4\xba\xe3"\x82z`{mR\xdb5\x7f\n\xb4%\xd7\xacK\xf9\x12\xb9'</t>
  </si>
  <si>
    <t>b'\xc0\x12\x91\xc7$\x83h\xdb\x0et\xe0\xcc\x84\x88\x99\x9b\x1dx\xaf v\xcd\x8d\t#An\xc7O\x8e6r'</t>
  </si>
  <si>
    <t>b'g\x1aA\x8d\xe5\xf3\xd3\x05M\xf4\x950\x8f\xdf\x98\x04\xcf_5\xc1\xe7\xdd.!F\xb8\xbbQ\xef\xd43\xae'</t>
  </si>
  <si>
    <t>b'V\xc9d;\xf8[&lt;\x90G\xd9\xd6Fh\xe4d\xdb}^\xff\x8c\xb5\\\xe0\xa8\xf5\x0b\xa7\xabI\xbf3\x17'</t>
  </si>
  <si>
    <t>b'\xc8#\xb9\x8f\xdd\xac~\x7fM\n\xe5Z\x1f\xa5\xa4\xdd\x9b\x80\xa6\\I\x9c\x97\x8dh\xc1m\xd9]\xf2\x99 '</t>
  </si>
  <si>
    <t>b'\x8f\xdfn\xea8Z\xb9\xa85\xd4\xd6\xc6\xdaY8\x8c\xb5\x14\xe0p\xc1\x1d\xab\x9c\xd9\xf7\x15\xfdd\xd5\x19\xa5'</t>
  </si>
  <si>
    <t>b'\xa3\x99\xcf\xb8\xcc4\x02n\xc0\x8c\x7f\xe8J\xe8\xa9\x07\xb8\xa7y&amp;\x8dH\xe4\xb3O\x16\x92*\xb3\x92\\2'</t>
  </si>
  <si>
    <t>b'\xc8\x13"vN &amp;\xf4\x00\xa7\x0b\x83@h-\xc9\x84\x0e\xbc\x18/&amp;\x9b1J\x89\x82\xe3\xa0\xb9we'</t>
  </si>
  <si>
    <t>b'j\xd5\x9d\xe0\xb5I\x07\x07GWxla\xfa\xc1\xd3H|U\x9b\x1c\xe1X\x9c\xad\x14M\xf73Lz\x92'</t>
  </si>
  <si>
    <t>b'V\xe4tOi\xc5O\x88[\x9b\x0b\x07\x9e_\nk5v\xd1h\x8a\xe9\xa1\xd1F\xeby\xf7\x14\xb5\xca\x8f'</t>
  </si>
  <si>
    <t>b"\x96\x16\xb0e_9\xbc'\xfe\xa9\xba\x17^\x82\xf1\xeb\xca\xf3G;\xf6B\x8ce\xd5{D'\x08E\xb3\xf6"</t>
  </si>
  <si>
    <t>b'\x05&amp;\xb3\xff\x1b\xd8\x1783\xe0\x8c\xe4\xaf+\xf3\x94v\xcf\x1a\x90\xba\xd4\xaa\x9c\x84\x92au\xe5\xa2\xc51'</t>
  </si>
  <si>
    <t>b'\xcf5\xa2\xf9\xb5\xbaAJ\xed\xd3]-\x97\xfc|t\xd0\xf4l\xb9\xa1zZ\xa9\xf9\xc98\x19k\x08\x92\xba'</t>
  </si>
  <si>
    <t>b"\xfb\x92\x94?\x9d;\xce\xdfM9\xdeh\x9d\xa2~t'\xbc3w\xd2\rA\x8d\x8c\x14\x10\xacF'\xa3["</t>
  </si>
  <si>
    <t>b'\xfa\xadh\xf5\x81\x9b;\xfb#\xa3Hf\x7f\xd1+\x98\xeb\xecXr\xfa-C\xef\x9a\xed\xa5\x15X$\xb0\xba'</t>
  </si>
  <si>
    <t>b'\xb1\x88\x96\x9c\xca\x1c\xc5\x18f\x04W\x04~O\xa5\x84~\xc2\x9e\xbf\x0f\xd4HG&gt;\x82\xa8\x8bvA\x0b\xc0'</t>
  </si>
  <si>
    <t>b'\xbex+\x96c\x81\xb4\x81\x1d\xd3\xd9\x92c\x88&gt;\xd6\xbd\xf8\x8e\x9b \x81C\x03xA\xc8\xa0\x9c\xa7U\x16'</t>
  </si>
  <si>
    <t>b'\xcbC\x8e\x1c^|\xf8\x8a\xfd&lt;o\x01s\xb99v\x90\xcaJ\x91\x86]J\xa2\\(\x98GI&amp;0\x01'</t>
  </si>
  <si>
    <t>b'\x85)\x14\xae\xa0\x98\xf6k^\xde\xe5&amp;\xe9\xfd\xbf\x8f\xbe\xe6{*\x97\xe7\xd0\x87\xee\xabt\x86\xe6\x1cmF'</t>
  </si>
  <si>
    <t>b'\xed\x9b\xb4\x17\x06\xe5\xba\xdf\x18\xe11\x95\xe7\x8d\x86\x07\x03\x81\xbe4T\\C\xf6\x02&gt;\xd3&amp;\x97\x9a6I'</t>
  </si>
  <si>
    <t>b'Dy4\xe3\xb9\xe4\xfb"|6H\x82\x07\xa9u\x83W\xaa\x1c\x02\xe8\xbda)3\xef\xfc\n\xd2c\xc2P'</t>
  </si>
  <si>
    <t>b'\x0ba\xbe\x1b\xe5\xe6\x82\xba\x8f\xf4\xcf\xaf\xb2\xff\xcc\xc0\xffLC\xb7\xa8}\xe7\x03\xa8\x15*\x9f\xd3)\x06='</t>
  </si>
  <si>
    <t>b'h\xcb\x94\xde\x863\x9a\xc3\xaf#\xe5\xee`2\xcbG\xc5\xe4ss\x15A\x05\xc2\xcc\xa5\xb3\xb9\x1fX+q'</t>
  </si>
  <si>
    <t>b'tC\x14c\x07\x82\x8c+C\xf1&gt;\xdbCCl\x97h\xf7@\xe9\x8a\xd2\xcd[\xc7m\xe4\xa3\xa0h\xa5\xd5'</t>
  </si>
  <si>
    <t>583xx</t>
  </si>
  <si>
    <t>b'b\x17\x08\xd6k\xaag\x14\xd5\x9d\xb4\xe41\x85\xd1\xca\x81\xa4T\x8b\x92\x16sV\xb1}\x16bf\xd0\xd0\x91'</t>
  </si>
  <si>
    <t>b'\x80\xe9`\xa8\xf2\x9e\xa23\x13x\xa3\xfaC)\xe8\xbdh\xc5\xbbIV\x9b\xa2F\x14jj\xe5sZBF'</t>
  </si>
  <si>
    <t>b"\x11\xe4a\xab\x0cB\x84\x8f\xd1Z\xd9'\xaauD\xac\x148\xe7\xae\x1e\x1b\x08\xb8\xd6Yf\x95\xdd\xaf)q"</t>
  </si>
  <si>
    <t>b'\x83\xf0\x83\x05\x9de\xf7bYI\xb2\xa4\xb8\xbf\\U`9Y\xc2\x1e\xffi\\\xbb\x92\xd3\x1a\x85\xde&lt;\x9f'</t>
  </si>
  <si>
    <t>b'\x99%4\xf1\x96]\xbc\x92\x08\xf2\x9c\xe9\x17\x8e\x05\xc6R|\xdf+t~\x9e\xd4\x92\xfa\xb4\xd0Ec\xff\x05'</t>
  </si>
  <si>
    <t>b'f\xca\x0c\x03\xb5\xd3\xbe\x16q\x01\xa3\xe7\x0f\x05\xa5|\xdaH8\xa8&lt;\xc6\x0b.1\xf6C\x9c9 /\xc9'</t>
  </si>
  <si>
    <t>b'@\xe3\xf0\x86\xd8\xeev\xf8\x1fJ\x82J\x0eHEM\x7f\xa3Da)o,\xf3\x05\xed\xaa\xf8\xbb\x8d\xc6\x9b'</t>
  </si>
  <si>
    <t>b'\xc7\xe0s3\x13U/T(\x19\xaf\xe1\xf2\xfd\xa7\xa2\xeb\xe3"\xabY\x08\xdf\x03\xc1\xb8\x9c \xfc\x9b\xbaT'</t>
  </si>
  <si>
    <t>b'\x8a\xf6\xf3\xb4=R\x01\xb4h\x99\x88\x03\xd5|\x01\xcb&lt;\xa5\xdc\xee\xb6WB\xff\x88\xb9\x07\x81\x005C\x8c'</t>
  </si>
  <si>
    <t>b"E\x04\x9d\xf40'UJ^q\x06\x1e\xf3\xc4*\xadh\xcd\xd5\x9e\x8d[6\x10!\x13\x83\xe3x\xedip"</t>
  </si>
  <si>
    <t>b'\x90\xf1\xe37r\xd1\xd0\xfd\x87\xe8\x01k\xa8h\xc8B$\x03\x1c\xc5\x19\x92\xd7&amp;\xedn\x01\x05\x06\x8f\xed\x1b'</t>
  </si>
  <si>
    <t>b'\xca\xd8\xcc4\xd4q\xbe\xce\x03_\xfb:\x13\xf0\xb0\xad@&gt;\xb0)SZ\xda&amp;\x98-\xf5S\xf9y\x98W'</t>
  </si>
  <si>
    <t>b'\xa6O&amp;\xbf\x0c\xb8\x8e\x98e\xab\x1c\xc1\x0b\xbf^\xc5\xe1P*(Jz\xd0h\x06MO\xd3\xf7!\xa8x'</t>
  </si>
  <si>
    <t>b'X\xc2&gt;\x18\xc3Y\xa5\xfb\xde\x8dQ}\xd1P\x1c\x13\xb2\x9e\xce\xb6d\xc2Bc\xe7SK\xe5\xf4\n\x93\xca'</t>
  </si>
  <si>
    <t>b'\x9a\x07\xf5\x94\xc1\xb0p\xf8\xda\xaf\xa7\xa3s\x14\x82\xd7\xe9L\xf2\x13x\xdb\xd9S\xaf$j\xb0\xaa\xcb\xe4j'</t>
  </si>
  <si>
    <t>b'\xfc\xbd\xf4\xea0\xbcp\x89\x16|O\x17\xc6\x98\xce\xe9FZ\xe8+\xa8\xf0\xdd\xdfk=\xf8X\xb3\xbf\xe3Y'</t>
  </si>
  <si>
    <t>b'\xf9\xf3\xa1%\x13S\x9ep\x14\x0e\\\xe6\xa5.\x15\xf3\xea\x14\xcf\xf5\x90\'\xb3"\x90\x9c\'\xa0B\x99S\xcf'</t>
  </si>
  <si>
    <t>b'43\x9d]\xe7_\xd3}\xa5\x0f\x904\x8a\xf1\xf5\x0b\xcd/\x96\rv\xbcN\xac\x1d\x9cK-\xfbY\x9bo'</t>
  </si>
  <si>
    <t>b'\xff\xd1[\xb7&lt;\x824\xcdW8\x8at\xa7\x05R\x8a\x8f]\xeaFk?\xfc\x84\xc0\xb1:H\xee#\xdb\r'</t>
  </si>
  <si>
    <t>b'R\xd0\x8d\x0e\x8a\x18\rk\xc2rf\xaf\xe8\x8d\xdb\xc0\rm\xe9\x08\x81\n!M\xfb\xa1 \x94Jd\x91\x8c'</t>
  </si>
  <si>
    <t>b']\xd1\x81A\xc0J\xad\x9f\\\xedE]&amp;5\xb7f\x16\xca\xc8\x98Y\x80\xa1!}O\xbe\xac\xc4L\x14\xf6'</t>
  </si>
  <si>
    <t>b'1\x89\xefVR\x1c\xd8\xe7]\xde\xc6\x1f\x0bmC3\xb7J\xf8M\x1a\x04\xb7\x12\x8cq\xc4*\xfe\xcf&amp;O'</t>
  </si>
  <si>
    <t>b'm\xb5\x86\xc0&lt;\x9f*\xaaFC\xebY\x18\xe7\xb6\xb5\x86\xd7\xb6K3/2oZ\r\x85\x91^\xd4\xce7'</t>
  </si>
  <si>
    <t>b"\x13\xc5|\xcc\x92\xf8\xbd'\xed\x1d\x8f\xeb\n\xae\x9aN$\xfb\xe2\xb8\xca\xdc\x0f\x15\x13\x06\x11\x10[\x85\xcb\x0b"</t>
  </si>
  <si>
    <t>b'\xb7w\x9a\xa6E\x0c/\xd0\xa1\x13\x9a\xeb\xa7Cv\x88(\xc1+\x89i\x8e2\xfa\x1bm\x8d\xff\x94\xcc0\x96'</t>
  </si>
  <si>
    <t>b'\xc3\xd0@EjT\t)\xf1l\x063\xf6\xf5\xa4&gt;\xe804%|&amp;\x94&gt;"ZI\x8br\xaa\x95\x0e'</t>
  </si>
  <si>
    <t>b'\x91\xd4\xe6\xbf\xd3_;\xab#\xe1\x03\x88\xc7\xfb\xb2\xcb\x07o\xa4"CW&gt;~f\xba\xf1\xfe\x08\x9a\xcd\x1d'</t>
  </si>
  <si>
    <t>b'\x05o\x82\xb4\x8c\xfe\xb5\x07|\xdd\x1f\x11\\#\xd7\x10-\x96\xc6H\xcaed\xe7\xc4(u\x86&gt;]\x04\xc1'</t>
  </si>
  <si>
    <t>b'I\xfa;G%\xbb\xf5(\xf2\xf7.\xb7A\x03\x1c\xce\x7f[\xb7P\xf3\xb7\x95\xbag\x08\x82} =\xe0\xc5'</t>
  </si>
  <si>
    <t>b"\x10#\xfcL\xebE&gt;\xdciz\xbe'\x7f\xc4\x1c\x91\x14\xe8\x01\x04@\xea3~,\xd5\x0f\xc4\xcf\x1f\xf1\x97"</t>
  </si>
  <si>
    <t>b'\x1e6\xeeP\xbcH\x8cy7\xe6a\x8b\x0e\x19j\xae\xab\xc0\xd3\x98\xf6\x05\xc0\x98y\xfc\xb3\x04N\x1e\x0e\xdc'</t>
  </si>
  <si>
    <t>b'\xfb\x8d\xa5\xce\x9fh\xeb\xbc\xff&gt;\xe2jM\xb19\xa7Z\xc8&lt;\xe7|\x7f\xe8\x89\xd6\xa7\x0e\xb1*p\xce\x85'</t>
  </si>
  <si>
    <t>b"\x08\x9cQ\x0b\x93\xdf\x99_\x98'\x82j\xeb\xf57\x0e94\xdf\xda \x19\xad*\xc8\xb8\xea\xf9*\x17\xc5]"</t>
  </si>
  <si>
    <t>b'\xd6\xa7\x80U}F\x88(W\x99Y[aJ\x17\x1a\x83{V\x9f\xc2\xa0\xae-\xb4\x9b\x8f? \xa226'</t>
  </si>
  <si>
    <t>b'\rp\xc8B\x9dL\xfa\n\xa2\x18\x88QGxX\x16&gt;\rL\xc1\xc9\xbe\xa5\x16\xa3B\x1e\xbcA\xbb\xfa7'</t>
  </si>
  <si>
    <t>b'\xfc\xd9`\xaaQ\r\xe8\x00\x95f\x07\xf6\x86\x08\x7f&gt;\xf4\xdc_\xf8&amp;Vq\xb8\x1b\xf3b\xb1p\x0f\xda\x0f'</t>
  </si>
  <si>
    <t>b'\xcd\xe1_d\xcd\x98\x1c\xcc\x02^\x1cF\x9b\x7f\x9c\xc8\xf0\xa8]W"\xa1\x80\x1b\'Z\xc3\x18\x86W\xba\x83'</t>
  </si>
  <si>
    <t>b'\x97*\xca\xed\x06^uM\xa8\x1e\x9a\xfcXk\xef\x00\x1eAyi\n\xfa\x1c\xf0G\xcf\xac\x1a\xee\x97lF'</t>
  </si>
  <si>
    <t>b'3\xdbI\rN$/\xbe\xbc\xe2\x85\xd8(\xfe\xb2\xf5`JSy\xe7\xc3\xdb@\xcb\xbd\xca\xa0i\x96\x08}'</t>
  </si>
  <si>
    <t>b'\xc0\x99\xf0\xba\xbc&lt;@\xbb\xdd?\x02\xc0\xe0\xe7\xa8\r\xf6\x05\x00\xf7\xf7{o\x81\x0b\xa8p&lt;\x03\xcb\x94\xac'</t>
  </si>
  <si>
    <t>b'\x82\xcd4\xee\xce\xf6\xdci\xe1\xf4\xb26\xf1\xfe\xecD \xf2O5\xb28\xb6g\xcd\x96\x0e\x1f#\x87\xa6\xfc'</t>
  </si>
  <si>
    <t>b'\xc2\x86\x90VBW\xa2N\x12\xbc\x94l\xfd\xfb?\xc8\xc1\xd8fV\x93\xd6\xe264\xd8\xd0&amp;|\xfb8%'</t>
  </si>
  <si>
    <t>b'\xb9 \xaf\xc6\x83\xb7\xd7\x9e\x95+\xab\x12\x7f\x14\xdd\x8d\x92\xdd\x1av [\xaf\x9d\xf7\x92Q&amp;\x9bO\xa7Z'</t>
  </si>
  <si>
    <t>b'\xf9\xbb\xcf\x0f\xce\x90\xaf\xd0\x1d\xe6\x9dm\n\x0f\x84\xb4\xa8\x88z\xff\x05\x81\xcb\x8b\xfcp\xf1-\xc8&lt;^S'</t>
  </si>
  <si>
    <t>b'8\xedaUF\x14\x92y\xc5(\xd9*?\xaa\x8d\xc4\xcf\xab\x9c\xd2\x82\xa8\xca\x1f\xc4\xca\xa8\xdd+\xa9\xa8]'</t>
  </si>
  <si>
    <t>b'\xff\x08d\xc9T\xd4\x1a\xa7\xb1&lt;\x89Rh\xa9V\xe0\xe0\xbdoJX\xffX\xb6\xfbG\xd4Ka\xc7\x07\x86'</t>
  </si>
  <si>
    <t>b's\xa4\x90\x1bm\xa3]\xf5\xb3\x8b\xc2^\xf6\xb2\xbbD\xc4\xff\xdf\xb4\xf4\xe9x\xe5\xae`\xc8\x92\xb2\xa9\xd4\x92'</t>
  </si>
  <si>
    <t>b'\x15\xee\xe9\xf8\xc0\xaas\xde\x95\xe5P\xdf\x1f\xf6~\'\xff?n\x0b\r\xac\xbd\xfdv\t\xe1K\x9d\xa4"!'</t>
  </si>
  <si>
    <t>b'\xa0S!\xa3\xec5\xab\x11%*m"\x06\x1eS\x94|eV\xdd\x16U,\x13\xea\x9a\xc6\x90\x15s\x96\xb1'</t>
  </si>
  <si>
    <t>b'\x0e\x95\xda\x01S\rH3\xf5\x8b\x1c\xfe\x86u\xee\xb1a\x18L&lt;\xa6\xacji\xa7\xdcWF\x81\x85)\xe7'</t>
  </si>
  <si>
    <t>b'q\xf5\x95Q\xee\xd6_\x9a}\x00\x94\xfc\xca&lt;\x02k\xe8a\xd0\xdc\xd6\xe4\xd0&amp;\x8c\xba\xc1;\xb8\xaad\xea'</t>
  </si>
  <si>
    <t>b"\x9ea\xfbd=ma\x0bW\xb7\xfa\xb6'\x0c\xbd\x06\x9fB\xc0\xe2\x1a\x88\xc6\x03\xc8\x02/\x81\xb9uff"</t>
  </si>
  <si>
    <t>b'Y\xd1\x91\xcb\xdd\x0f\xfa\xcb\x87\x84\x87\x8e\xb3\xf2\x91\xa93\x0bJ6\x9e|G\xb6\xc0\x01\n\x8b\x88%\xc0\x10'</t>
  </si>
  <si>
    <t>b'G|]g\xe3\xe1\x00,\xb2\x9f\xb3\x8b\xc2@\xbc(A\x1a!\x1f\x91%\xb6\x05Y\x93\xc1\x00D\xd5\xa8\xa4'</t>
  </si>
  <si>
    <t>b"9\xc0:\xbe\xe5\xd4\xc7\xfa\x7f'\xd5L\xce\xbb\xd4S\x18\xa4VC\xeb\xfc\xd3\xfe\xbe\xb3X\xd7n\x8aj\xfc"</t>
  </si>
  <si>
    <t>b'\xe87O\x83\xf5B3^\xd2\r\xc1i\xf4\x0c\xef\xef\x1d\xc1\xcc\x08\xbb\xcb6\xbc^\xb5\x97B1\r:\x1a'</t>
  </si>
  <si>
    <t>b'\xf25\xbay\xc5iD7\xd0\x97\x98\xf3\xb6\x94\x8b\x8e\xd5\x02\xff\xd8\x08q\xe5\xf5I\xce\x86}l\xcd3;'</t>
  </si>
  <si>
    <t>b'\xd7\xc8\xe8\x9b\xe7_c\xea\xcd?z\xfd\xc2\xc4SkY*\xf0\xfc]{)e\x1b\xe4~\xadO\xfdm4'</t>
  </si>
  <si>
    <t>b':\xd4MC\xa6\xdam\xe3J\xd6W\xc4\x89nB\xe4\xcf\x08\xdcl{kA2M\xb9F#\xec\x8e\xa8O'</t>
  </si>
  <si>
    <t>b'\x07\xcc\\\x14H\xb9\x08)2\x12\riu\xc2\x0e\xd0\xf8l\xeb6\xd0\x88\xb26\x04I\xf4\xc2\x021\xae\xaa'</t>
  </si>
  <si>
    <t>b'e\x87~7\xcbx\x91z}\x0c\xf8\xd9o\xcf\x1eP\x8ck\x8dP0l-w\x98MB\xcc\xee\xec\xef\xb9'</t>
  </si>
  <si>
    <t>b'\xa9\x9e/\x86a\xc3*\xe8\x9b\xc2La\xfaOzT\x16e\x83\xb3wQ\xfdQ\x8b\xbb\xd8\xaa\xf1;\xe4X'</t>
  </si>
  <si>
    <t>b'T\x9bg\x89\x82i\x06\xab\x14I~\xf187H\x83F \x8a\x9a(\xc0\t\xdc?\x071\xfc\x15\\c\xad'</t>
  </si>
  <si>
    <t>b'0\xe3=\xb9G\xf9\xee{\xef&lt;\x16\x06\x84t\xf1\n\x00T\tCR\xe3n\xf3S3\xc9\x8aQ\xc2%u'</t>
  </si>
  <si>
    <t>b'\xc3\xf4\x03U$\xfd\xbf}\xcceCk,vx\xea%\x12\x80\xe3\x97\xfc\x82T]H\xe4*\r\x95\x04\xb1'</t>
  </si>
  <si>
    <t>b'/\x88\x89\x189\x96-\x8e;\xc0\x95\xf1l\x15\xd1\xf9?\xa0\xa3\x91\xd7\x13\xc6\xaen\x8e\xb3\x90\x8d\x85\xb2R'</t>
  </si>
  <si>
    <t>b'\x98=\x86Ug\xf8\xe0\xb3\xea-\xe0\xccd@\x0c\xf7\r$\xb2\xca\xc8]\xe2\xf2\xae\x8aD=7\x9f[\x84'</t>
  </si>
  <si>
    <t>b'\xd2\xe3\xd0\x1f\x10\x890R\x80&amp;\xfa\x86o\x94\xe8\x9fx\xa6\xd3\xd5\x08\xae\xa4\xe1\xda^\x19\xb0:y\xd2\xb0'</t>
  </si>
  <si>
    <t>b'\n\x072\xab\xcc\xbe\nF\xbb\xf0\x9b\xd6\x0f\xc2\x9d\xdb\xadP\x88\x7f\xb1\xe8\xbc\xaf\xd4\x0f5\xba\xfc\xf9\xf5\xf5'</t>
  </si>
  <si>
    <t>b':\xd5\xbdD\x10\xb8\x1fS\xd2\x9d\xba\x85\xf0\xa7RO\xcd\xa2\x9b^\xe1Z\x1e\xfb1\xf89\xe15I&lt;\xc1'</t>
  </si>
  <si>
    <t>b"\xd7\t\xd7'\xb1;\xff\\\x0f\xeb\x8e\xb0\xc7\x10\x14L#\xe4\x1f[\x18\xe7N\x81\x83A\x9e\xccqfM\xbf"</t>
  </si>
  <si>
    <t>b'c\xfe\xc24#\xab+\xd7c\xdedJ\x1cX\x9e$r\xbdEh\xc1\xc1\x01\xf8vQ7\xd8d8\xff\xe4'</t>
  </si>
  <si>
    <t>b'\x06\x7f\x14\xeb\x0ex/\xe3\xf3\x15\xd2\xbe=Fz6\xfa\xab\x98\xf5\x0f\xda$\x17\x9aS\x1b\xc8\x0f{"1'</t>
  </si>
  <si>
    <t>b'\x05\xa9!)@\x1d\x14n\x93\xae\x1c\xa2\xe2\x9e\xeb\xb2u\xf1\xae@\xe6V\x84\x9b\xceP\xca\xb7"H\xf2='</t>
  </si>
  <si>
    <t>b'/\xd3\\\xf2\xda\xe4?\x97\x81&lt;\x92\x18\x99\xc4\xa9\xcaD\x98\xad\x8d\nH(\x9e\xe2\n\xc8x\xbf..\xed'</t>
  </si>
  <si>
    <t>b':\xd4\x84*{\xf8Tq7\x94\xaar%Oi\xffq\x98\xe9\x93\xa0\x0fVm\\&lt;C\xb4\x96\xd1GU'</t>
  </si>
  <si>
    <t>b'%\xb6\xd8\xb9b\xcdD\x0b\xa5Z0\x10N\x02\xb0n*$\x00\x90\x9b\xbc\x03\xa8D[\xcf\xdc\xf6\xaa\xd6\x8d'</t>
  </si>
  <si>
    <t>b'\x90(\xc7\xaf\xbb\xee\xe5\xc9\x8bC2i\xa8\xe7g$d=\x13KY\\`\x9e\xaf\xe8\xc9.i\xe4z\xf1'</t>
  </si>
  <si>
    <t>b'\xff\xb4\xdd)\xae&lt;\x89\r\xe2\xe5\xbfwj\x1b\xa2\xc5#\x7f\x9a\xb1q\x04R\x15\xbdr\x94\x7f \x8b\x14n'</t>
  </si>
  <si>
    <t>b'\xb2\x83L\x07\xce\x19\xfeK\xc6+Ru\xeb9z\x03\x14(\xban\xa9#\x9e\x11q\xb4H\x07u\xbe\x19\x12'</t>
  </si>
  <si>
    <t>b'\x13"\x11\xc4\x10\xccT\xe2\xb2\xfe\xd1\x90h\x06-q\xbf6\x8dsO\xe9\xe6\xf3\xa1\xc3\xed\x14\xeeZ\xd5\xc4'</t>
  </si>
  <si>
    <t>b'@\x04lA\xfc\xb7\x19\x83\x7f\xdcdVr\xb1\xd1\xcc}\xc7\x91\x04&gt;n\x81\xc6\x1c\xaa\xc5\x06t&gt;\x8f\xb3'</t>
  </si>
  <si>
    <t>b'D\x81\xa9c\r{\xf1D\xb8u\x0b\xc7u\x8e\x00\x12\xd1b\x89r#\xb9u\xc2u=\x81\xe5p&gt;GH'</t>
  </si>
  <si>
    <t>b"\x8d\x87\x9d\xf9&gt;'\xb9\x94\xc4\xc3O\xc0\xdc\x90\x03\xe9X\xdf\xd3\x81\x87G\xda\xe8\x9b\xb7\xa7O\x9dy\x0fQ"</t>
  </si>
  <si>
    <t>b'\xe24a\x9aTHW\xe4\xb6\tq\xb5\xda\xab\xf0\xa0)\x1b\xefq\xf8\x8d\xe5P\xc3\xbf\xe2NS~\x05\xa3'</t>
  </si>
  <si>
    <t>b'\xab\xd4{\xc6\x99\xb1\x87P\xcc\xcb\xbe\xcdj\xc3\xf6\xd2o\x80\xde\x9f,\xb9/\xad\x82\xd2\x86I\xc3\xa6d\x87'</t>
  </si>
  <si>
    <t>b'\x98\x18\x08P\xbf\xcb\x12\xa7\x82\x1e\xeb&lt;h\xbd\xe0[\xeamFn\xc2dm\xd4\x1d\x06\x1d\x1ey9i\xec'</t>
  </si>
  <si>
    <t>b'\xe1\xff\xc8V\xbdQ\xff85X\xbb\x95\xeeo\xdd\x0c\xb3~l\xa8"\xe3;\xde!A\'\x89\xe5\xcfjN'</t>
  </si>
  <si>
    <t>b'\xaf\x1c\x0f\x02\xd2\xe5\xab\xbe\xd6\xf832\x08\x19Z\x11{\x12\xef\x9c\xd3k6Mr\xd0\xa8\xf7\xebc\r\r'</t>
  </si>
  <si>
    <t>b'\xc9s\xca\x156\x99N=Z\x19%\xa6\x0ew\xec\xe7\xc5M:g\x7f\x85&lt;\xa2\x88Z\xddltjXH'</t>
  </si>
  <si>
    <t>b'\xdc\xb0\x17\x9fp\xa2\x12\x11\x9d\x08\x9c\xa3\xe7|\x0b\x08j\xf4P\xbb\x14\x04\xd2&lt;\x90\x93\xcd\x1ba\x8d\xdf\x98'</t>
  </si>
  <si>
    <t>b'\x81\x9bR\x8e\x9c\xdf\xaaN}!\xe9\x10\xf6\xe5\xfe8\xc8\xac\xed\x08.;)\xaf!\xcbx\x1e\xcd\xec/|'</t>
  </si>
  <si>
    <t>b'\x99\xb6\xd8\x0f\x9c\xb4\xe4\x88\xec\x8e\x80\xfa3\xc5\x05\x82\xb8\xe5\r,a4Fb\xcek\xd0J\xbf\x85-Q'</t>
  </si>
  <si>
    <t>b'\x01\xf1#\x91\xb3=\x08\xf7)\x95I6=\xe4\xc0\x05\x8e\x19Q\x9a\x187\xf7\x16F\x05\xc5\x82K\xec\xcb\x10'</t>
  </si>
  <si>
    <t>b'\xc4\xce\xfd\xd3q\xbb\xf0\xeaF\xb9\x02\x7f\x03\x95c0\xb9sq\xde-\xe0c\x8d_\xe4\x9f\xed(\xa7\x14\x00'</t>
  </si>
  <si>
    <t>b']j\xeb+G\xd5\x13\xfa\r\xbc\x91\x81\xa2\xf0a\xd9\x0b\x05\\)\xb4\xaa\xca\x9f\x0cZ\xec\x11\xc5\x9c\xf3\x17'</t>
  </si>
  <si>
    <t>b'\xec\xd7e?\xd4\xcc\xe0\xce\x16d\xa7\x08\xe8\xb3\xaba&gt;\xa7ea\xae\xcb\xf9\r\xd4\xc7\xb4\x96\xa2\\\x01\xe6'</t>
  </si>
  <si>
    <t>b'\x91\xd7\xe4cM\xcb)\x8cm\xdaO\xae\xed\x9e"\xa7\xd43\x998\x0b\x9e\xf1\xcc\xd4\x00\xcb\xd6\x8fW\x00\xbf'</t>
  </si>
  <si>
    <t>b'\xc1]]P\xbe\x82\xaf&amp;\xaa\xf1\xce\xa0\xfa\x8c\x10d\x90\xa7b[\xb1\\\x1c\xb9b\xba\x9f\xa7\xcb\xe6\\\x8e'</t>
  </si>
  <si>
    <t>b'/\xad\xca\xa1H\x14p\xd9q\x13\xa8z\xcd^D \x16\xde\xea\xb0\x80U\x1d\x87\xe5\x05\xbe\xd5\xdb\x04\x07\x1d'</t>
  </si>
  <si>
    <t>b'4\xe9H\x12\xdf\x84\x04\xf2\x8f\x1e\x80\\=\x9alu `\x87\xdc\x92\x83\xe16\x83\xb4\xd9\x9c^3&gt;C'</t>
  </si>
  <si>
    <t>b'\x82sg\x83\xe9\xd1\x98ig\x8c\xa9\x0c\xb3\x9d\xff\xbd\x10\xac\x03wD\x96\x96\xd4\xb7\xf4\xc4h\xbf\xb1|R'</t>
  </si>
  <si>
    <t>b"\xc5\x0c\xd7\x0e\x0eG\xbbi N\xa2\x16+\xb1O2a\xe4\xde\xdf'\x14\x8c\xa4-Wpy\xcc\xa8I\xc4"</t>
  </si>
  <si>
    <t>b"+p\x19.q\xa2\x0bc\x93)\x96\x83RdZ*' \x99$h\xd5E\x0b\xa6&lt;C\xc1\x0e\xf4\x97v"</t>
  </si>
  <si>
    <t>b'\\\x07~\xaf"\xebL\xa3\xe5\x9aI\x1f/\xf2\xc4\xd2\xd1Q8 \xe8\x92\xcb2\xc2H"\xdd\xbb-+\x9e'</t>
  </si>
  <si>
    <t>b'\xb5\x94\x16/\xbe\xce\x9551\xd5/\xfe\x05gP2\xa3&lt;\xf0\xc3pI\xc2\x9e\xf4\xe0\xd1\xae\xc9JtL'</t>
  </si>
  <si>
    <t>b"\x9c)\xb10',U\xcf\xd9aXh\x8a\xb3\xedM\xf4n\xc4\xc3\xcf.\x87\xdaPe\x047\xc2\xe4\x83\xd9"</t>
  </si>
  <si>
    <t>b'&lt;\xb2\xe50\xa8#\x99\x90\xc9??ilmn?\xf7;U\x19q\x08\xbe\x1f \xdc\x7f\x82K\x03$\xb4'</t>
  </si>
  <si>
    <t>b'\xe2UK_\x94V\x85\x1d\x7f}\xd0$\xd2C\xe0\xd6\xf2\x13\xf1/\x05\x1a h\x7fkF3\xf4\x92rJ'</t>
  </si>
  <si>
    <t>b'\x9d\xde\xfe!\x0e6\x1e-\x06\x9a\xf7\xaff\xf9#z\xec!\xde3u\xc0\xc3A\xdb?e\xa4!:\x9f\xce'</t>
  </si>
  <si>
    <t>b'\xcc4\x06\x9e\xfb\x99\xd2\xab\x9eH\xaa\x85^\t\xe5\xdc\xdf\xe5jd7-\xf9\xe6\x1f\xd2\x97\xd5\x1a\x85V\xd1'</t>
  </si>
  <si>
    <t>b'\xb2d\x0f\x0e#\xb1\x88\xf3HRC\x97b\xfeo\x161P\xb7\xfe\x8aCQ\x1e\x89\x89\\\xa9a\\\xa6\x82'</t>
  </si>
  <si>
    <t>b'l\xcf\x14\x05\x97n\xd2\x88\xd9\xca=V\x1d\xd8\x99\xb8viW`]&gt;0\xddK\xb2\x11\xda\xaf*S1'</t>
  </si>
  <si>
    <t>b'\x19\x120\xbd\xcd$!+[\xc8\xe00\x82n\x0c\x86&lt;\xf4.\xa3\xe7\x9a\xe37\xce)\xc2y\xc1\x8d3\xef'</t>
  </si>
  <si>
    <t>b'\xeb\xda\x13\xe0&lt;\xea\xfc\xc2!\xe2\x96\x98"!b]@\xc6\xc7Ksq_\xc4\x15g\xabH\xc8\x00\xd4\xd2'</t>
  </si>
  <si>
    <t>b'\xf8\x8b\x1c4\xfa\xb7X\xea\xc4H\x99\xd3\xbb\xcc\x8f\xc3\xf1\x13{\x11^\xc53\x03jl\xe9\x96\xaelS\xbc'</t>
  </si>
  <si>
    <t>b')\xc8\xc3\xd6&lt;\x03A\xa7q\x82\x9e!x\xba\x96\x8aK\xdd\x8a\xffl_M\xfay\x0b\x131\xc7\xc04\xf7'</t>
  </si>
  <si>
    <t>b'\xf9\xf1\xae\x96\xaa\x96*\x8f\xbcT\x7f\xae\xab0f\xf1\x8bX"pa.~y5\xda\xe5\xa3\xdc\xb9|\x0c'</t>
  </si>
  <si>
    <t>b'\x06\x82\x92dAgaI=\xd3Z\xd1/\xf6\xb4\xfb\xbcX:\x01*\xac\xa2q^\xa6\x0fXj\xfe\xc1\x9c'</t>
  </si>
  <si>
    <t>b'\xa4\xdaS\xe06\x93\xea\x95B\x88\xa0\x9ez\x03\xcd\xf0\xceAN\xb7d\x82\x86\x13\xb4~\x984E\xa0\x81L'</t>
  </si>
  <si>
    <t>b'\x0fKJ$AG\xdfR6D`\x01\x7f\x12Q\xcb\xe1\x85\xa8\x15/\x9b\x8fQ\xd4\xf0[\x82\x02\xe0\xad\xed'</t>
  </si>
  <si>
    <t>b'\x82\xd6\xb8\x0f\xfcX\x1c\x1f\xd8g\x0c\xeep\xd9xG1y\xa5\xc9:\xc9\xc3\xd8D\xdb8\xab\xdf\xd5\xee\xd2'</t>
  </si>
  <si>
    <t>b'\x88\xca\x1a\x10\xfc\x1a.\xd5M\x1b\x12|\xa2\xe5Z[\xb6\x87\x13\x87Q\xe0p&gt;\xf3w?=\x84\x8dt,'</t>
  </si>
  <si>
    <t>b';\xf2\x1atV\xb6\xeb\xe9\x95\x85P(aXh\x9e\xf3\x17\xea\xef\x0535L\t\xdb\xf4\x16\xc3C\xac\x1d'</t>
  </si>
  <si>
    <t>b'z\x84\x8a[6y\x89\xe8\xda(`\xf8%\xa0d(&gt;&lt;\x181^\xb6K\xe3\xf2\xc6\xcd\xf9#\xa0H4'</t>
  </si>
  <si>
    <t>b'\xfd\x00\xe45\xd8\xce8u\x04\x80\x1a\x89V\xa0\xdd\xda\xe1\xfct\x88\x1a{0\x06\x0c_\x0b\x9dG$wN'</t>
  </si>
  <si>
    <t>b'Os\x15\xd7x\x1aRQ\xaa.\x1e\xbb\xa8IU\x8eI\x1a\xe3\x89\x9e\x88\xf1%G"\x9c\xff\xa6j\x00\x93'</t>
  </si>
  <si>
    <t>b'\xce\xcb\x08\x7fOh\x07~e\xbc\xcc%]\xb1\xfe\x80\xb2\x81Z18\xd0\x1c\x00"\xe2\xb5\xb2\x8b\xfb`\xba'</t>
  </si>
  <si>
    <t>b'Jd\xdbO\xd9/E;\x0f\xa6\xd3\xf0\xe6\xe6\x80\x14\x17\xf7\xdb\x1d\xc6 ]\x1d\x15js\xf6\x9b(,}'</t>
  </si>
  <si>
    <t>b'$\xa5\xa6\xb9\xea\x7f\x9e\xb0\xab\x05\x13\xe5\xb0\xcd\x9d7\xe1/\xc8\xc1\xa2\xa1\x95U\x92\xa0\xbd8@\xd5\x840'</t>
  </si>
  <si>
    <t>b'\x12+\xd7W\x15S\xadQ\xad\xb1H\x83\x13\xdc\x01&lt;\xd2\x82\x13\x1cO\t\xe5k\xf2\xee&amp;+\x84\x12\x15h'</t>
  </si>
  <si>
    <t>b'\x83\xae&amp;8\xad\xb8\xc5r\x0f\xa1\xf2\x0cF\x89\xef\x8b\xf0\xc0\x0bk\x9c\x15\x02\x1c\xe4\xcd\xbe\xf7\xbb\x02\x02\xfc'</t>
  </si>
  <si>
    <t>b'qE\xa6a\xa3e\xffm\xabi\x0b\x9a\x82#\xfc[;\x04\xe7\xb7\xae\xf3\x07S\xb1\xc5&lt;h@Q\x81\xcb'</t>
  </si>
  <si>
    <t>b'\x93\xc6\xd2\xe7\x04\xbbQ\xd0&gt;\xb1jI\xe5\xe0\xea\xdaWq\x1d\x820I\x1a\x86\xef\x07\xa4\xd6O\x95-\x15'</t>
  </si>
  <si>
    <t>b'\xfd\x05\xda\xaaH\x98K\xba\x93\x0b\xf7\x1a$~;\xd8\xfa\xdc\xdd8?"\xa5\xc6\xee\xd7\xf2f\xb3\xed^\x92'</t>
  </si>
  <si>
    <t>b'^\x15Q\xb5\x00nj\xaf\xa3\x8a\x0fA\xef\x8a\xcfbf\xf3\xd1q\xde\xfa*@/P\x12EF\x8b\xca\xa7'</t>
  </si>
  <si>
    <t>b'\xf4R\xd2_X\xa4\x13r\xef8\xf4\x8a\x85\xb97\xb0\x0f\x10}.\x93L\xc0\xf8\xf8!A,\xb4\xf2=['</t>
  </si>
  <si>
    <t>b'\x05xk\xc4\x86M\xb5SO/\x8f\xd6\xc8\xf7\xf5N33\x8bG\xc7\x1d\xfd,\xc6\xf7\x0ca\x7f\x85%\x8f'</t>
  </si>
  <si>
    <t>b'\x08\x97\xffd\x89\xad\x87&amp;\xbeSFl\xff;\xe1\xf7T\xb3\xa5\xbe\xae-k\t9\x90\xe9\xfen\x10Jm'</t>
  </si>
  <si>
    <t>b'h6%\xdd \xc1\xeb\x02oZ\x8f\x96\xfb\x13\xee\xa4F\x19\xd33k\x80\x93\\[\xa7\x16\x83L\x89\xa5\xe4'</t>
  </si>
  <si>
    <t>b'\xf8\xf9-j(\xc4_\xfeA\x82\xc6\xc4\xe5\xc6\xe0\xd56\xaeaW3\xe2\xaf\xa3\x8dw\xf1:\x81\x04\xcf\xc7'</t>
  </si>
  <si>
    <t>b'\x9f7\xf7~b\xda*\xeb\xd7\xe7\xb5\xbc\xb4}\xdd\xcdtC\xd1\x94\xfc\xe3\x01y{\x14\x9e\x08\xec\x02*\xf0'</t>
  </si>
  <si>
    <t>b'\xadB\xda\xcc_*\xdf\xe2\xee@Q\xb1\x81V?\xb1\xb8\xd6\xcab`\x86\xd9\x90\x08\x1a8\xc3p\xack_'</t>
  </si>
  <si>
    <t>b'\x81\xe2g\x82\x1d\xde\xe3=\xee\xf2\x94\xd1\x83\xd31\xcd\xe0\xecS\xfc\x9e5O0\xcbk.C\x81h\t\x8f'</t>
  </si>
  <si>
    <t>b'\x98;(\xfb\x8e\xc8\x93\xa4_\x94W\r\xd5\x8a\x1c\x18N\x12h\x9d\xc3(g\xb0a\xcb!;\xb9\xa55_'</t>
  </si>
  <si>
    <t>b'\xb2&amp;\x0f\x14\xc9\x87\xc0\x9a\xd4\x9e3\xc7L])b\x9a\x90X\x8e\x16\x16\x886\x08F\xb9E\xf6*\xa9\xf0'</t>
  </si>
  <si>
    <t>b'\xedzC\xb5\x1f\x193\xe3\x068\\]\x02c\x9f\xb3\r\x0f\xa5\xb6\xdfw\xaf8\xf8\x8d=\xc5p\xee\x80\xcd'</t>
  </si>
  <si>
    <t>b'\x02\xe2\xb2]\xa8\x00\x82-\xd3\x9ckq\x1bN\x8d\xef\x9f\xcb(vM\n\x93?\xd3\xa7\x01}\xc1\xdc?\x93'</t>
  </si>
  <si>
    <t>b'\x1cU\xe8\t\xeej5\x992v\xe6-\x84\xb8\xdaM*V\x11"\x05\xf3\x9e\x00\\\x86\xdc\x83\xfeh\x04='</t>
  </si>
  <si>
    <t>b'\xa0(F\x98\xb1R\x07K\xca\xdfeL,\x97\x9fc8\x1c\x9e7\xa9\xb0\xba\xccD\x084\x01\x83vg\xd3'</t>
  </si>
  <si>
    <t>b'M\xbe\xe3\x05\x96\x10\rI\xef6\x89\x7f\x86\xec\x1e\xaf\x94\xaf{\xd2C[\xc9\xa1M\xf2I\xba2\xd2D\x92'</t>
  </si>
  <si>
    <t>b'\xa9\xc0\x93eU\x83\xe3\x17\x9ee%\x07C\x98\x15\x14\x83\x89\xd0\x00%\xbe\xd12;\xf3(4#`\x8b\xb9'</t>
  </si>
  <si>
    <t>b'Jqxb\x18\xfd,&lt;&lt;\xfeT\x885\xf4\xa3\x89\xf54:\xdc\xd1R\x13\xf9\xd3\xd9]\xce\xe4\x19j\x82'</t>
  </si>
  <si>
    <t>b'\x82\xee\x8a;\xa8\x87EI\x89]\x02\xe3b\x12\x9c\x83J6\x0c\x03\xb2\xbb\xff|AZ\xdaEC\x805\xd0'</t>
  </si>
  <si>
    <t>b'D\xbd1,#\xb1\xc9\r\xe6n\xdeR\x82\x17wRn\x85i\xca\x0f\xab(q\xe01&gt;aI\x1d\x84v'</t>
  </si>
  <si>
    <t>b'\xb9\x12\xa5?\x1b\x1d\x9f\xf9N\x04\xe8\xc3\x95\x1aN\xf2v\xcdjO#\x1dh\x9f3\xd9\xb1?!\xfa\xf7D'</t>
  </si>
  <si>
    <t>b'\x1dL \x0c\xe4L\xc4+9&amp;]\xa5\xfa\x8cx\x14\x01\x1e}\xf0P@\xfd\x14mW56\xcc\x862\xeb'</t>
  </si>
  <si>
    <t>b'7\x8a\xd1/\xea\xc43\xb3\xfb\x0f\x06\xf0m\xdc6\xef\xe6`\x83Y\x18\r^\xd2\x9b\xed^\xe6\xeeb\x03\xd4'</t>
  </si>
  <si>
    <t>b'\x01\xeb\xf3\xf4\xd5H|\x84U\x8b\xf0$4\x02A\x08\xea\xc4\xc4;\xce\xf3\xa2\xc3RW\x1d2\r\xa9\xd1\xcd'</t>
  </si>
  <si>
    <t>b'\x8a(\xc1\x025)\xcb\x92\x91w\xe1}\xd6kw\x1b\xa8f\xc9z\xde\xf8\x8a\x89IK^O\x82Z\xb9A'</t>
  </si>
  <si>
    <t>b"\xa9\xa1\x95\xeaB\xbeo#\x07\xca\xa4k\x14;fQ\xea\xe6\xb7%'@;\xa0 \x98\xb7q+\x11\xe0\xf2"</t>
  </si>
  <si>
    <t>b'\xb3\xb2]\xa7O\xcf\x94\xcc\x00Z\xdeR&gt;fL\xd3#\x06Z\xe6\xb4\x8b\x909\x17\xfc\xb7\x96\xb0\x92\x00\x0c'</t>
  </si>
  <si>
    <t>b'\xaa\xeb\xd3\xd9\xf6\xa9`2\x8c\xec\xe7\xaa\xfe\x1a\xff\xf0\x0cE2\xca\xf2\xe6uP\x00\xf7\x90\x9b\xb7F\xc3\xf9'</t>
  </si>
  <si>
    <t>b"\xf3\x16]\xde\x90\xc6,\xc2\xbb\xe8M\x8f\x012Q\x14o* \x9a\xaf\xeby\x9e-l\xf4\x1e+\xab'\x9a"</t>
  </si>
  <si>
    <t>b"\xc1\xfb\xe5d\xb2\xe1\xc3\x1b\x82!'\xbfjIM\x91D\x15\xe9/\xb0-9\x0b4\x03\xb6\xcfk\xa9\x9c\xf3"</t>
  </si>
  <si>
    <t>b'\x00\x9a\xb2Fb+}\x87\x9bB N/.C\xdfc}\r\xc7\xd1\xa8\xf2\x14\x04\xc2\xbbU\xac\xbf\x1c:'</t>
  </si>
  <si>
    <t>b'\xe1\xe0\xb6\x08\xb9\xec\xc7\xfc\x84\xc6\xf0\xda|U&gt;[J,Rq\x0c\xad\xda\xdb\n\x03*\xf8\xfd\xb4\x1fc'</t>
  </si>
  <si>
    <t>b'\x11sfs\x83\x17\xa6\xbb\x06\xe7\xbd\xbak\xec$\xe5\x186\xe3\x0f\xf5S\xd7K\\\xbe\xe1\xfd\x8aY]_'</t>
  </si>
  <si>
    <t>b'\x03\x89\xd3 =\x9a,\x9e\x1e\x91\xf3\x83\xe1h\xaeWkoN\\\xb0\xf7\xb4\x04\xd4\x85\xb2\x94\xa9V\x01+'</t>
  </si>
  <si>
    <t>b'\xd3U\x886\x06\xbc\xa6"8\xc3R\\\xed\x8b\xe1I&lt;]\xb8\xf2T\xc5n\xdf\x93\xf7\xa0&amp;\xe3#/\xe8'</t>
  </si>
  <si>
    <t>b'~ \xba+l\x93\xeb\xd21\xd6\x04M\x17\xab\x0b.\xd5\xec\x8c\xe1\xe2\xe8\xda.\xac\x159\x08\x0f~\xa4\xbf'</t>
  </si>
  <si>
    <t>b'f\x9aJ\xdb-\x0b\xaa\xb8\xf8?\xce\xa4\xad$V|V\xa2\xa9\xd8d_\t\x0ev\xa2\xad\xf9s\xeaB$'</t>
  </si>
  <si>
    <t>b'\x044b\xcc\x980\xf1\xd6\xe2g#k\xac\x0e\x04:\xa4\xdb\x1e\xca\x96bJ\xa2\xaeb\xd5\x92i8Z\x05'</t>
  </si>
  <si>
    <t>b'&amp;.\x90[X\xb56o\xa3 \xcf\x9c\x7fo\x174\x9b\xe1\xf9\x1d\xe9\x83}@Mk\xf5\xd2f!\xa9}'</t>
  </si>
  <si>
    <t>b'\x93w\xe3(\xcd\x1b\x16Z:\x17\xcb\xea\xbc\xa7\x19zg \xb1%\xc7\x8c9\xbb\xa91\x1b5\x9bo\xf5b'</t>
  </si>
  <si>
    <t>b'\xc1\xe6\x04\xcd\x99\xa5\xf5\x99D\x9e\xcf\xd9\xe2\xf4Bq\xa7*T:\xb3\xee\xcb\x113w\xda\x98\n(t\x98'</t>
  </si>
  <si>
    <t>b'\xd5.\x88\\&gt;\xb9\xed5\xbb\xd5\xd2\xbf\xa9\x15VI\xca\x1f\x05\xd9\xbe_\x99\x95\xf1\xe2&lt;@N\xc0\xdf\\'</t>
  </si>
  <si>
    <t>b"\x16\xb5\x9a\xbb{\t}\x8f'\xe1\xec\x14\x7f\xf4\tbX\x8fT\xdd\xc0\x07\xbf\xe8\x1co\x92\x95\xdd\xdc\xb1\x14"</t>
  </si>
  <si>
    <t>b'\xaa\x1e\xb3_\xf3;\x0c\xb1\x0e\xe8\x8e{v\xb3q`E\xcd\xb8y\x05\xbelL\xda\x8d\n\xe6`V)\xf4'</t>
  </si>
  <si>
    <t>b'm\x90\xdb*\xe1Z\x1a\xcaD_8\x05&gt;\x877\xf6"\x911\xd8\xabZx\x0e\xe8\xd5(Q\x98\x9b\x04\x1a'</t>
  </si>
  <si>
    <t>b'\r\xbb(\xa9\x9a\xc6KSG\xa84\x13\x17-&amp;S\x82\x8elT\xc2d\xc8&amp;U\xbd\x16"S\xa6\x06\x7f'</t>
  </si>
  <si>
    <t>b'c\xf1?\x98\xd8\xd9A\xac\xb4\x9a\x11\x04\xaf\xd0;K\xca\x01\xad\xd5\x85\xc6d\x89=\xe9,{I\x9dua'</t>
  </si>
  <si>
    <t>b'Q\x8f\xdb\xba\x9a\xd3\x1dh\xcb+\xd2DH\xb6\x82\xbf\xa3\x11\xb70\xf0\xbb\t\xe0\xf4\x1f\x1d\xcfGN\xef+'</t>
  </si>
  <si>
    <t>b'\xce\x1d\xc8\x19a\x99\x1a\xfc\x16\x81\x8f\xc5\xa1\x12MA\xca\xef\x05V\x06\xe4\xba#\x1b\x0e\xcay@\xf9\x1e@'</t>
  </si>
  <si>
    <t>b'M\xb7+\xd3J\xe4\x1f\x97\x94\xda`#\xc1\xec\x03\xa6%Z_~\xe6?N\x8c\x15w\xdb+\xae\x0fj\xe4'</t>
  </si>
  <si>
    <t>b'\xcd\xf0\xf16l\x04\xcd\\B\x95\x8c%q\xc7r(\xe4\xe4\x8d\xf3\xd0\xcc$, \x9a\xbf!\x9d\x15e\xa4'</t>
  </si>
  <si>
    <t>b'\x1c\x825|\xfe\x9fWYd\xd2\xa1#Tw\xbb\xfb\xd7j\xf0\x02\x9bZLM\r\x8cI*J_7\xfd'</t>
  </si>
  <si>
    <t>b'PO\xdf\xd4X?b?\xd7q\xcc\x89gE\xf2\x08\x14\xb6s\x8e=I\nTNo\xccZ\x00v0\x02'</t>
  </si>
  <si>
    <t>b'6L\xc2L;B3\xd1\x02\xe1\xe3\xd87\xb0\xae\xdbk\xbe\xa1\xf1\x00_\xef\x11_\x89f\xacK7\xb8\xb5'</t>
  </si>
  <si>
    <t>b'k\xfa\x94\x1b\xa9\xf2l\x97\xb3\x93?z\xd8U\xf0D\xd3\xb2Q3%V\x9f\xfc\x833\xfb\x12c\xaa&amp;\xdb'</t>
  </si>
  <si>
    <t>b'\xb2\xa7\xdb\xdc\x83\xe8Y\xf9\x12\xd5\xff/U\nlL\x91\x88\xc7R\xfcV?\xe2\x1dw\xc3\x84\xaf_x\xe6'</t>
  </si>
  <si>
    <t>b'\xd1\x11\x0e%\x1dr\xa0\xeb/\x0c. \xa1T\xd0\xbc\xec\x08\x162M-\xf5\n%_?\x05\xde\x86\x15\x81'</t>
  </si>
  <si>
    <t>b'\x8b\xda\x9e~e\xf6\xa0\xfa\xe7\xf60\x1cz+\t\xf6q/8D4X\xa2\xd1\x015R\xa0\x19\xc2\xd5R'</t>
  </si>
  <si>
    <t>b'E4)C\x01\xabO\x1b2&amp;\xd3\x99\x93\x95\x1c\xb5\xb3j\xc9\xc8\xdb\r\x08\x84\xb9\xd1\xf1\\nsp\x8a'</t>
  </si>
  <si>
    <t>b'2]-\xf6\xd3\xf2\xe7\x17@_yK\xc2D\x1ef\t\x1f\x0e\x1f4\xb9\xf8\x1e\xec\x04\x04\x8aE\x7f\x94\xfe'</t>
  </si>
  <si>
    <t>b'L\x03\t&lt;\xa9\xf3\xc3\xe2\xb8;\xbc\x12\xa5\xc9[~rF\xfa}Ea\x90\x9e\xe3Qh\xb0 \xa9?c'</t>
  </si>
  <si>
    <t>b'M\x15Y\x8a\xfb\x95lcTw\xb4\xf1\x14,U\xc2\x86\xab\xf4\xdc\xa4\xf5\xaf\xd8+;\x03\xfe\x84\xcc\xd3\x1e'</t>
  </si>
  <si>
    <t>b"\xd1\xf5V^\xd3'7\x19\xd8LH\xe7\xa4d\xd7D\x8f\xf9\xbb\xc8\n\x8bE\xa5\x11h\x02\x16\x1f\xa3\xd7\x00"</t>
  </si>
  <si>
    <t>b'\xb8\x18\xbb\xfe\xfa\x9c\xd5u\xa8\xcal\xc4\x8diB\x9f\xe4\x12\xc6\xaf\r\xc7\xed\x1cf7\xa25J\x14\xc7_'</t>
  </si>
  <si>
    <t>b'\xcb-J\xad\x17\xa7v\x9b\x01\xbf$BsZ\xe9\x91\x05\x8e\xce\x16\x97S\xbdo5zv\xc5\xb4\xc7*\xed'</t>
  </si>
  <si>
    <t>b'\x08\xa4\xc6\x1f6\xad/\xe4\xa8\x12\xc9@_\xc4N\x11T\xef\xb5\xcc\x804\xfe0*\x85D\xb8\xfa)\x0b\xb9'</t>
  </si>
  <si>
    <t>b"{\x8f\xb1\x8b\x9f\x91\xb0Vh\xd0\xbb\x18\x8d\x93m\xdfX\x95\xf4\xe4\xf8\x9d\xa3\xf7\xfft\x89\x1c\xa5\xbf'\x07"</t>
  </si>
  <si>
    <t>b'j\x87T[9-V\x7f1\xf0\x19\xd3~\x8bz^\xc2\xd0*&amp;\x10\t\xf8\x81\xb9\xabc\x93l?\x83\xaf'</t>
  </si>
  <si>
    <t>b's\x0f8\xcf6\xff\rV:\xff\x89\x12\x95\xa6eB\xb8\xbc\x8c\x08\r\xa1\n\xda\x9b38\x1c^\xaa\x15\xc4'</t>
  </si>
  <si>
    <t>b'\xf2RT\x0eh\x89:\x8b\x90D\xa3\x88G$\xa8\xe3\x11/\xaa7\xe2\x13\x81\xd9\x98\xd5Gy9\xc7\xc1\x1f'</t>
  </si>
  <si>
    <t>b'G\xd4\xb7\x9e\x9eK\xbc\xf3\xa2\xac\xa7\x9c\x85|&amp;q\xdf`\xb6s\x1d\xc6\x95\xef\x03Y0\xf87\xd5\x11n'</t>
  </si>
  <si>
    <t>b'\xeb!a#\xc90\x03\t\xb8\xc1\xae(#\x91\x0f6\xe9\xde\x86C\n\xa2\x80H\xc2B\xb1\x83Xm\x8b\xa5'</t>
  </si>
  <si>
    <t>b'\x1ft[\xc7\xc0z\xdc\xb7%\x88[\x13\xffd\x0e\xc5Y\xb0n\xa2\xb1\x89d\xcd\xf9\xa9\xd0\xa9O\xd1C\x02'</t>
  </si>
  <si>
    <t>b'\xb4\xfd\xc2\x06\x95\xc3O\xea\xc9)\x15,B\xf0\n\xcc\xa3Yu\xe8\xcb\x03(\xb4\x15\x81\xb39\x8a\x03Qn'</t>
  </si>
  <si>
    <t>b'3"\xfar\xb6\x97\xf4\xf2\xbf\x82\xcfSn9{\xc7\xbe\x03\x85&gt;,K\xed\n\xd7\xb4fJ\xc0\x86K\x92'</t>
  </si>
  <si>
    <t>b'\xa4$\x82q\xf9\xb5\xf5\xe95\xfa6\xb7\xab\xf2\xa2\x13\xff\x15\x1d\xbc\x93\x8b\xea\xd1\xd3`K\x08\xf4\xaf ;'</t>
  </si>
  <si>
    <t>b'`5\xcd\x80\xd7\x19\x99\xf48\x1a\x9c\xfd\xb9\xbe\xc1TQ\xc1UJ]\xb4T}R\x04!,\xcb\xba\x83\xbe'</t>
  </si>
  <si>
    <t>b'#\xeb\x0e\xbf\x19\xb4\x05\x16\xe0&gt;"\x1c\x07\xd3p\xdc\xbe8\xd5\x0f\xfd\xc3#()\x00z\xcf\xf4\xd5\x9a\xc9'</t>
  </si>
  <si>
    <t>b'\xad\x06\xea\xb0c`\x01\x82\xe1f\x1f\xf1|,\x18g\xba\xd7FO\x93\xadR\xfe\xe3NJ\xa5\xe1\xb4\\\x0b'</t>
  </si>
  <si>
    <t>b'K&amp;O\xb7\xe5fC\xaaoq\x14\xfb8\xa6\xbd\x9d\x0f\xcc\xf8I)\x9b\x91\xf5\xd5\x98\x05\x9d\xdf\xcbcE'</t>
  </si>
  <si>
    <t>b"\xb6u0\x1e\x02d\xc7p\xad\xb5\xb2`\xa9/\xdb\x15\x15^X\x8bW\t\xa0Ze'\xb93r\x9ae\x9f"</t>
  </si>
  <si>
    <t>b'.\x02(\x94\xb3M0\x03\x0bs\xecuK1\xf4O@\x89+\xd8\xc8\x1b?\xdf\x8a$gI\x95,z&lt;'</t>
  </si>
  <si>
    <t>b'R\x1f\xca\xd2\xb4\x0f\xc2z\xb0\x8f|_)\x08\xa4k\xacVbE\xe4M\xb9\xfe\x15\xde\x03\xfa\xd8\x7f\x13k'</t>
  </si>
  <si>
    <t>b';E\x9e\xe3_\xa5\xfd\x8fx\x88u\x96!\x91\xb3\x86\x11\x9d%\xfc\x88k\xbd\xc14e\x93\x88d+\xdf\xfe'</t>
  </si>
  <si>
    <t>b'\xb1\x94\xaah\xab\xdd\'\x92j\xfa\xd6{\xe3VxYG\xa0&lt;"\xe1\x9a1\xe1?q\xb0U\xee\x15\x84\\'</t>
  </si>
  <si>
    <t>b'\xa1\xfd\x89\x7f\x98\xba\x17\x92\xed\x01\xd30\x039\xcdYlS\x13\xcf\x10\x9cv\x1f2\xb9\x80\x83\xc8\xb7\xc6D'</t>
  </si>
  <si>
    <t>b'\xcb\x19\x17\x0ce\xea\xech\xc9\xd6\xd23\xcem\xaez\x81\x95\xca~^\xcca\xc6\xe5\x92-\x19kZTh'</t>
  </si>
  <si>
    <t>b'\xb4{*k\xf2p\x1c\x86\xa0e|\xea\x91\x85\xde\xadY\xf3Z(E\xd6NP\xbcw\\oX\xc3g\xff'</t>
  </si>
  <si>
    <t>b'\x12;/\x80\xdbL\xf2s\xea\xd1\x89ym\xbd\x17s^\x9a\x8e\xbe5\xae\xc6#Ne\x00\t\xbe\xa22F'</t>
  </si>
  <si>
    <t>b' \x17\x85&gt;\\\x9f\xb7\x0cH\xa7I\\W\xa4\xb9r\x06\x83w/\x08?Ah\x9a\x80h\x8e\xc9\xe8~\x91'</t>
  </si>
  <si>
    <t>b'u\xcf\xb7m\xc0$\xc3\x10\xbd]\xf0\xf3,\xb9\x85\x17\xd5k\xaa\xc6\x94\x9fhS\xee\xc6%\xc8\r&amp;9s'</t>
  </si>
  <si>
    <t>b",\xd1\x16\xfe)\xfd\x91\xc7\xb7b\xee4\x13\r\x04\xe3&lt;\xaa\x1b\t\xb6OZ\xea\xd7\x9aS'\x9eh\x86\xec"</t>
  </si>
  <si>
    <t>b'\xac\xb1s\xd0\x9e4sq\xc8\xc3\xddw~\x16\x12\x14\xd1\xe6\xcea\x1f\xdc\x9d\x1b\x91\xca\xa5C^B7\xf3'</t>
  </si>
  <si>
    <t>b'\xb3byWQbT\x1e\xa4\xba\xd2\xe9Z\xcc\xd1\x82\xf4\xf8\x18\x9e0,\x7f\xd1\xdaa]kQ\xddr\xa4'</t>
  </si>
  <si>
    <t>b'\x0cD\xd9\x94\xbf\xc8Ps5\x1e\xd5V\xad(!\x1b\x85\xdb\xd3\xda=\xa5\x8bGrK\x99\x86V\xb1\x1b-'</t>
  </si>
  <si>
    <t>b'#\x98\xaa\xdd\xae\xd7U9\xe1e\xf3t\xc5\xb1OX4\xafD\x85\xff_\xb7\xd1!\xb7A\xd3n\xb7\xd7\x17'</t>
  </si>
  <si>
    <t>b'\xfb\x86vO8\xc3-\x04\x1a-g\xb8\xb3\x15\xffRX\xedN\xb9\xb4\xfd\xf3\xbb\xdd\xd2\xdc\xc7\xa4\xb0\x96\xd2'</t>
  </si>
  <si>
    <t>b'\x90#\xff\xd6\xd2\xebOl"*\xc47\xb6\xcb\x89\'\x04\xc2\x15\x9b\x84_\x7f2,.w\x9e\x01+\xad\xba'</t>
  </si>
  <si>
    <t>b'\x8e\x03\xd4\nc\x1d&amp;\x0bC\xb3\x17\xf8\xf4\xb5\xb53uw}\xb9$f\xd3\x1e\xed`\x97\x1eB\x94A\x19'</t>
  </si>
  <si>
    <t>b'G\xb2q\xcf\xbe\xd7\xec:=\r\xc9\xa8\xd7\x00\xe8F=\x01\xc7\x10\xf3\xf0!&lt;\x05W\xdbb\xb9\xd1\x97"'</t>
  </si>
  <si>
    <t>b"\xbf\x81\x16'kI\x04\x14\x0f\x1d\xe5\xc7w\x9e@\xda\xa5R\x81\xbe\x1fJ tH@\xf4\x96\x93\x16n\xa3"</t>
  </si>
  <si>
    <t>b'\x99\x8b\x01&gt;\x18X\r&lt;J\x94=\xd8\xed\xfbe\x93\x88\x00\xab9#+o\xb0\xdb\xeecy\xeb\x08g\xdb'</t>
  </si>
  <si>
    <t>b'!\xab:\xf7=\xd6\x0e\x02_\n\xc1Z/B\xa7\xd3\xbf\xc9\xcf\xa5+\x1a\x11\xc5-\xefG\x87%\xa6\xc4h'</t>
  </si>
  <si>
    <t>b'\xbfMx.\x9b\x80~r\x97\x87\x00PE\xb5\xf7R\xa9\'&lt;\xbb\t\x1f\xa8\x1d9\xf3\x11\x81"\xd8\xe6\x98'</t>
  </si>
  <si>
    <t>b'\x90\xb5\x15\xe1\xd1\x9a\x1e]\xfb9b*W/}\xf4Z\x7f!\xcb\xef\x1bb\x18p\x82\xa7w\x8c:\xb9I'</t>
  </si>
  <si>
    <t>b'wI\x19h\x9e\xc8he\x80\xf0)/\xa9\xb2\xfb=\x8c]\x1aR\x8d\x85\xfcP\x82\x0bS\tC\xef\x9a\xdd'</t>
  </si>
  <si>
    <t>b':H\xa5\x9b\xa8\xb4ut"\x8c\xe4\xa6\x9f$q\x14\xd80&lt;%\xb0\x98c\x17m\x82\xad\xe2j\x83&amp;\xb0'</t>
  </si>
  <si>
    <t>b"y\x85\x81{X#\xe3Y|\x8e\r\xf2\x87\xdd\x14\xe9&amp;J\xf5F\xef\x9ci'\xfd \x89l\xc5\x04\xb5\xd5"</t>
  </si>
  <si>
    <t>b'"\x7f\x154\x9a\xfbJ\x1cI\x01| f\x9a\xa3\xaf\xe2\xa0\xb1\xf0rH\xa9|3\xce\x1d\xa8\xf3,\xba\x18'</t>
  </si>
  <si>
    <t>b"?\xb1n\x11\x87Ennq\x13\xd0)l\xba:\xc6F\x86\xd1\xbf\x83\x9a_\x1d-_w\xe1&lt;\xaeI'"</t>
  </si>
  <si>
    <t>b'|\x85\xf7\xe171\xadxI\x0fY\x89\x90\x01\x96%\x8c!\xaf\xdd\xaa\x9b \x97\x91\xae\xb6\xfb\x1f\x13\xbf\x9e'</t>
  </si>
  <si>
    <t>b'*\xc4)9\xc6\xffk\xea\x1f\xff\x1e\xfa\x10T9-\xf2&gt;\xae\xa7n/ \xd99i\xc7\xc7hO\xb8\xdd'</t>
  </si>
  <si>
    <t>b'\xc1S\x9c\xcd\xa9$\xaa\xce\xba\xe9\x8f\xae\xb1\xd8\x16]\xad\xbe\xa8k2\xf6\x05\x1e\x19\xc7\xaf^\x92\xe4\x8dH'</t>
  </si>
  <si>
    <t>b'\x16\x11\x88\x0e.\xca\xc9\x85\xd2\x9a\x1a\xc1,\xd3\x87\x1b\x90z\x1bQc\xac\xf2\xf3\x1f\xf7\x99\xc6[M\xa6\x11'</t>
  </si>
  <si>
    <t>b'^\x9b\x03\xbc\x1fS\xaa\xfe\xa6D&amp;\xb4\xa6\x0en\xf7\xf8\x16\xf0\x90\x9e\xcf*\xf20\xf23j\xca\x95\xde,'</t>
  </si>
  <si>
    <t>b'\x17\xbeU\x98\xc6O\xb1%?p\xa5(NgN\xa9\xa2"Z\xb1.\x9bI\x1e\x1c_7/D\xf4\xf6y'</t>
  </si>
  <si>
    <t>b'"|\xa91\x97\xed\t\x13\x01\x96W&gt;\x1b\xcc\xb9}+\x17mJ\x03\xb1:(S(\x0c\x99\xe3\x81\xe9%'</t>
  </si>
  <si>
    <t>b'P+\xae)\xb3~i\xde\x91dW\xf8\xb6c\xdc\xf2\xf7\xed\x9a\x95\x9e:E\xc5D\xc0c\xcf\xb0\xd4\xeb_'</t>
  </si>
  <si>
    <t>b'\xe3P\xf0\x81\xc9\x05\x1a\xf1Z\xa4\xe1\x85H\xc2:\xe5%-)\x8a\x18RTh\x8c^0U+nS\xf6'</t>
  </si>
  <si>
    <t>b'\x18\xd6\xa7P\x1a7=\xdd\x1c\xe1\xda\n!\x14\xd7\xbcRM\xf3\x11o#\xf6\xb6+\xb0\x02t\xf1gKO'</t>
  </si>
  <si>
    <t>b'\xd1"\\,\xdb\xbe\xbd\xef#G\x8e\xf8\xe8\x06\xdf0\xf2\xf7W\xd9\xb9\xd4vK\xce\x02\x06Ju\xbc\xc7\xe8'</t>
  </si>
  <si>
    <t>b"B\x18\x83\xbca\xc2\xde\xad\x8d*_k8\xe3\x11\x91\x8d5\xc2J\xc0\xd7\n\x8b\xd3\xab'\xaa\x94\xc0\xa7\x1d"</t>
  </si>
  <si>
    <t>b'\xbfa3\x93]\xe4\xe5\x8d\x86\xbd\x10\rX"\xe78^d\x9b\xb4\xd2(\x9ev\xfb(\xc9\x84\xbd\xf1\x14*'</t>
  </si>
  <si>
    <t>b']\xce\xa1\x1bX\x11\x07\xc3\xca\xe6\xbc\xb4A\x04\x92\x7f\x18\xdc\xfe\xf0a_M\x182\xb1X;Q=\xce/'</t>
  </si>
  <si>
    <t>b'\xc4?2Z\x91\x89\x9b\xb9\x185\n|~\x07\x0bI\xe4g\xfeZ\xf4\xd2\x1e\xe4\xb2\xeb&amp;\xca1@L{'</t>
  </si>
  <si>
    <t>b"\x7fG\x84\xca\xf4\x1b&gt;slU\x07U\xc3\xd4\x9d=\xe3\xaf\xf7\x0b\xa9\x1a\x00%/O0&lt;P\x8b\xd2'"</t>
  </si>
  <si>
    <t>b'\xb2\xb4\x00\x99\xf7\xc6Y\xfel\x91\xf0L+\xf6\xef\x07\x13\x18&amp;a7\x9e\xee\xec^#\t\xd4\x1d\x19ZB'</t>
  </si>
  <si>
    <t>b'\xd0\x11\xa7\x8f\x9e\x00\xea\x1cl\x9a\xd1\xfd\xed\xebl\x90\xac{\xac\x808\xd5\xab#\xcdv\x0c\xc2n\xd4\x11\x9e'</t>
  </si>
  <si>
    <t>b'\x1f8x\x96\xde*\xf2\xe2\x1f=\x1aUz\xc8\xdf{\x0cW\x05\x02\x9e\xe6\xda\x1f\x08\xb7\xc2k\x03\x11S\x08'</t>
  </si>
  <si>
    <t>b'\xbd\xc4.:-\xb9\xda\xa7\xf7\x1f\n\xd6\xa0\x88\xc0\xa4\x81kT\xef/\xe8E/$\xbe\xc6\x90\xa64\x9d\xb1'</t>
  </si>
  <si>
    <t>b"[=~\xbd\xeb\xd1\x07g\x01U\x00U\xd5\x95'\x0c\xfd`g&amp;\xe7\xc7\xe6\x1e\xac\xc1OB\x9aF\xf4'"</t>
  </si>
  <si>
    <t>b'\xb5\xed\xc44\xed\xc3-U\xe1\xf8F\x87p\xb4\xc5\xc5\xfc\xa1g~\xdfp\x86X@O:\xec\xce\x1e\xc5M'</t>
  </si>
  <si>
    <t>b'\xd3\xc1\xdf\xca\xc1\x052\xf1\x98\x07H0\xf6y\xb16\x0fu\xcc\x98j\xa7pl9\xff\x94\xbc\xe5WF\xa4'</t>
  </si>
  <si>
    <t>b'\x9de\x8d\xfcK\xddD\xd5p\xaa\xe1\x18\t8S\xc5\x08\xf7\x0b\xfd\x8f\xf8\xe1H\x9e\xe76\xcd\xf7\xd9d\x0b'</t>
  </si>
  <si>
    <t>b'@\x88dv\xa4w\xee\x99\xfd\xbd\x8b\xce\xad+3\x8c-C\xcbNql\xe3\xbe\xbb\xa6\xfd\xe1\x14\x1f\x05\xa1'</t>
  </si>
  <si>
    <t>b'\xe4\xd1\xc7\x08\x0b\x14\x08\x16\xd4r\xb1\xd0\x04F\x87:i\x8c7\x85\x986,\xd0&amp;0\xa3l&lt;\xfef\xd7'</t>
  </si>
  <si>
    <t>b'\x1f\xca\xfb.\xe5\xd78S\x81O\x87\x86\x99\xbbR\x0b\x85\x94\x13\xea\x0ey\x08\x88\xbb\x8ax\xf5\x8d\x08\x87\xf4'</t>
  </si>
  <si>
    <t>b'\xe9\xce\xee\xa1~s\xe7\x83T.C\x13QWsD\xa6\xe0\xb2hj\xb2\x87\xd0\x80\x1e\xeb\xc8\xd13\xa8\xca'</t>
  </si>
  <si>
    <t>b'\x8b\x1ca\xf9\xd1)\xac\xc3\xf0\x82\xad\xd9ak\xc8\x90f}sY\x9c""\xcf\x1aC\xa8,e\xdf\x9cI'</t>
  </si>
  <si>
    <t>b'\x03\xb0\xe3\xaa\xee\xb3\xa3\x89\xfaW\xdef\xb2\x9a\xd7\x8c\xe2b\xb7C\xa6\x83V\x07\xc2DL\xef-\x98aZ'</t>
  </si>
  <si>
    <t>b'n\xda;;\x1b0\xe2\xc7\x86\xb19\xd7\xd4\xd9\x14Q\x1a\xc8.Q\xa9LB\x92.D\xfc|\x07\xc3\xc2\x83'</t>
  </si>
  <si>
    <t>b"\xe9]SS]'=\xa1\x10\xa8\x1d\xda\x92\x1br\xd1G\x9f\xe4dq\xc5X7V\x9c\xffs\xa9X\xa5u"</t>
  </si>
  <si>
    <t>b'\xe4\x1c,\xc7\x07\xb2~\xed$\xfe(\xa3\xc8\xdb\xdb\xf2\xad\x7f\xce\xb0\xcafd4\xaa\xd5k`:Z\xaa\xf6'</t>
  </si>
  <si>
    <t>b'\xd4W@\xe0U\xcc\xf8\xb3@\xc4\xea\xa3qO\xf7\x00\x8fU3\xfe&lt;I2\x95\xd2^!\xb6\xa375\xdd'</t>
  </si>
  <si>
    <t>b'&lt;Su"(G\xb4\x87\x1a\xb2\x99{tBEuzI/\xdb\x076Q\x8b\x02z\x11\x13NF\x16R'</t>
  </si>
  <si>
    <t>b'\xcc\xbf\xd89\x89\x1e7\x94\xf4\x01m#\xb0\xf2U(\x04\xe7h\xbe)\x9bq\x1eS\xe0\x89|\x8bC9\xab'</t>
  </si>
  <si>
    <t>b'\xb8\x08s\xbeE\xd5\xb9w\x08\x1d9F\x90\x1ax?\xd4\xd2\xe6k?\xd4\x1b!\xfbj\xbfw\xcc\xf7\x90\xa2'</t>
  </si>
  <si>
    <t>b"\x11H\x89Vr\xbdT\xa3_{\xb4\xd9o\xb3\xf1 \xde\xda\xc0o\x87\x08\xbf\x11\xfa\xeb\xed'\n=d\x1f"</t>
  </si>
  <si>
    <t>b'\xa3\x96\xed\xef\x01r\xb5\x85R\xdaDc\xd2\xc8\xf1\x86\x19r,\x99\x9c0OU\x02+\xb3n\x84\x02d\xb4'</t>
  </si>
  <si>
    <t>b'\x132|\x9f\xd2@\x92\xf4\xdc\x93A\x98^\xa5\xb1\x91ha\x98\xccJD\xa6\xeb\xc4[\xf4O\xd7\xf0\xc5)'</t>
  </si>
  <si>
    <t>b'\xffU9\xc7=-\x9fH\x11r|\xf9\x03I\x1a\xeeL\xff\xa8\x96\xe5r\x93AAH\xd6X\x14\x85\xfd\x9c'</t>
  </si>
  <si>
    <t>b'\xf7\xa8\x06\x9b\x7f(\xe2\xceY\xcew\xaa\xfa;v\x84\xf9s\xdfjV5\x13\x89\xc3\xc6\xae\x84r\xe5\x16/'</t>
  </si>
  <si>
    <t>b'\x04\xb4\t\xf9\xf0Y\xa2\xc8\xc3\xc3\x02YV\xcb)?\xf5\x8bn\x0e1\x929\xb2\xb7HA\x8c\xcd/\x04z'</t>
  </si>
  <si>
    <t>b'Z6]\x9eR\xc9\x8e\x11K\xc0\xb5\x95\xbb)\xc979\rN1\xa75\x05\xf3(\xcbd\x03\x9f`\xa2\x8e'</t>
  </si>
  <si>
    <t>b"M\x1b]\x8d\xbef\x98\x03)\x19I\x1a\xcfO\xd0\xd0\x85 '\xe8\xf3\nh\xcb\xd0\xa1#0\x83f\xce9"</t>
  </si>
  <si>
    <t>b'c\x1c\x10\x05\xdd\x98Pkn"\x00d\xae\x7fj\xe1Y\x87+@e+\xd8S$1\x0e\xbf\xd7\x13l\x18'</t>
  </si>
  <si>
    <t>b'@*\xbc%\xd4f\xab\xe2\xb1\x9eO0ft\x02S\xfc\x80\x814\x0f\xf8zS\xb0U\xd0\x07R\xdb\xf5\xbb'</t>
  </si>
  <si>
    <t>b'#Ut\x81u\xbb]c\xb9vY\xea\x16\x1d\xc8\x9a\x03\xcfD&lt;\xa7\r\xba\xd9\t\xa7\xe3\x0b1\xb7\xb5\xba'</t>
  </si>
  <si>
    <t>b'!\x18\x02\x80t\xbf\n"\xfe\xd3K\xd5\xd8+w2e\x8c\x00\xf9\xf6\x98\x92\xf9\x9db\x9e)\xd6\xd7\x0f\xd5'</t>
  </si>
  <si>
    <t>b'l\xdf\xce\xbf\x18\x02\x99\n}:&amp;(N\x9e\x18f-\xdeVy\x93\xc3\x87\xed)\x10\x8d?\x11B\xd9\x82'</t>
  </si>
  <si>
    <t>b'\r\x14(\xb3\x8c\xb2C\xa5\xd5\xfb\xaf^\x99\xff3A\x19j8\xd2B\xf2mC\xbd\x087\xa1]\x08u('</t>
  </si>
  <si>
    <t>b'{\xb7\xf9\x9f}t\xc8\xb9!B\xd1\xf8\x84\xa7\x98\x16\x12\xa7W-\xd8\x88\xe1\xcdEe\x05E\xa1\xf5\n/'</t>
  </si>
  <si>
    <t>b'\xfe\xf3e\x16@\x11\xa6\xd5C]\x86\x99\x18\xef\x9c\xfe\xd4\xaaaMw!\xedt@\xf7\xacx\xd4\xcd\x96~'</t>
  </si>
  <si>
    <t>b'\x81$\xc7\xfci\x85U\x1a|\xf7\xcf\xda\xd5\xad\xe4\x9d\x87\xcd^\xf9-\x87$\x13R\x1cE\xcc\xc2S,\xbc'</t>
  </si>
  <si>
    <t>b'Z\x91\x13$3zS\x88\x0c\xe98\xe1\xb6Ku^\x80"\x16\x89\x1b\xbf\xa1\xecr\xb8\xeet\x8e\x8a\x85\x1f'</t>
  </si>
  <si>
    <t>b'\x06\xa8`\xc9\xcc\xef\x82\x0bI,\x9fdtF\x97i\xf7]\xaf\xea\xef\x17\x7fl\xdc~g\x05\x01\xb1(\xc4'</t>
  </si>
  <si>
    <t>b"C-\x11`\x17\x106C|\x8a\xba\xe0\xea'l\x92\xb0q\x9f\x07\xe2\x81\x9d\xb8%\xc6\xf5J\xe477\x14"</t>
  </si>
  <si>
    <t>b'_q\xc2\xe7\xd1\x83O^\x0e\xa2\\\x0e\x15\xe0\xa7\xee\x03o\xac\xff\x97\x05+0\xdeM\xce\xe2\xa4\xfe\x02H'</t>
  </si>
  <si>
    <t>b'\xc5X:\x84\x89\xd4k\x86\x91\x8c\xa5\xb0rX\r\xfe~%\x91\xbd\x1a\xd6WV\xa5\x84\xa3\xfbS\x0e\x0c\x18'</t>
  </si>
  <si>
    <t>b'8#h\xf8\x98\\\xe4\x863J\x11O}\x1f\x90\x11d\xc8\xcbf\x9c\xd3l\xf1\x08I\xa7\xad\xc3\xe48\x85'</t>
  </si>
  <si>
    <t>b'D\xdb\x17\xd4\x0e\xddyfvE\x86\x0f\xbc\xc7uI&amp;e\x02\x89\xa4\x11\xa81\x16\xfb\xd7\xee\xfbE\xbf\xac'</t>
  </si>
  <si>
    <t>b'\xbb\xb3\xae,U(\x07\x9eF6\xe7VR\xff\x85\x1e\x08\x86\x19&gt;&lt;\xc6\x0c"Y\xd1+`\xbb[\xedd'</t>
  </si>
  <si>
    <t>b'\xf1n\x8a\\+?\x14G\x9fj\xa9\x1c\xcd;n^\xe2Po\x0bW\xfeH\x0e\xbd\xbd\xac\xb2\x96_+v'</t>
  </si>
  <si>
    <t>b'q\xd5\xf6\xa6!3E\xd8b`\xe7~\xad\x91\x1f\x9f\x18\xa4\x07\xbb!&amp;s\x83\xa0k\xac\x07j\xfd\x90\xd4'</t>
  </si>
  <si>
    <t>b'\xb5\xe9\xa3\x9e\x85]&amp;\xa7\xd1\xe7q\xa1\xc1a\x0c\x8d\xd4D\x01M7\xdd\xc0\x97\x1d\xaa\x9f\xae\xc4\xf6\xf7\x0c'</t>
  </si>
  <si>
    <t>b'\x9a/1\x11\xd5\xc3\x8f\x8d\xf0r\xd8wM\xb7/\xa7;\xbe\x9c\xc4Z\xca\xc0 \xce\x06;\xd4\x00\xcc\x9d\x0f'</t>
  </si>
  <si>
    <t>b'\x1ar\xea$5&gt;)1\xb2\x89\x96\xe2\x19}Z\xa6\xb1w\x14\xeb \x04a\xcf\xe0\x93\x07Q\x1e\xef\xa7\x90'</t>
  </si>
  <si>
    <t>b'.\x98X\x19\xe1\xe2!\xd65X\x02\x82\xe2\x7f\xc4@G\xcf\xca[\x98\xaa\x10\xa0,\x07c\x96\r\x16{~'</t>
  </si>
  <si>
    <t>b'&amp;o\xf6\xdb\xd7\xeb[\xf7#\xf2\xd9O\xf9hes\x1c\xc0\xf0\x15\x1aD\xd7p\x85\xab5\xden\x015/'</t>
  </si>
  <si>
    <t>b'\x16\xd0~F\xdd\xee\x86\x0c\x8aA\xc3\x18\x96\x85&lt;]\x15J\xb8r\xa0oP\xe7\t\x85[\xd3\x9fY\xb8\xdb'</t>
  </si>
  <si>
    <t>b'-\xd1\x90zc\xdb\xaa\xf8\xa8\x9b\x1f\xed\x08M\xa2$\xdc\r\x9d`N\xc5\xf2T\xa3\xce&amp;\xaci\xd4\xe2\xe7'</t>
  </si>
  <si>
    <t>b'\xf0M\xda\xe1\xc5\xb1y\x8b\xb8\xd3tI\x0c\xa0A!\xc5\xc6P\xab\xe9\xf2\xd0Y\xb1\xfeA\xd1\xb3%\xb2e'</t>
  </si>
  <si>
    <t>b'z]\xb1\n7\x1b\xa2\x9f\xa0.\xf4157\xd6\xa1\xf9:\xcb-`\x8bj\xb3\xd8Zo\xc77\x9d{J'</t>
  </si>
  <si>
    <t>b'K2\xab\r\x04\xed\xe42Ndd4\xf2\x9e\xcc 9\x07\xe5uGlP\xef\xafyk\xc4\xf8r2I'</t>
  </si>
  <si>
    <t>b'\xd4\xac\x1c0\xa6D\xf2\x848vn\n\x0f_\xb5\xafpN\xde\xa0\x85\xef\x85g\xf6\x97n\xfe,\\*\xad'</t>
  </si>
  <si>
    <t>b'\xb6\xd6\xa60\xda!\x97\x02\xcaa#\x9f\xf8\xbb\xee a\xaeqi\xe6\xbf\n\x94\xb1g\xb9\xa35\xca\x11\x01'</t>
  </si>
  <si>
    <t>b'\x88*A\xaa\xe7\xce0\x0f\x9cxg"\xb5\xa4\x06\xd0\xe4\xd0\xcf\x84]D!Q\xe0\xf9\xc7\x1f\xfeVN\xe7'</t>
  </si>
  <si>
    <t>b'\xe5[[\xbb\x81\x11\xab\xde\xb6\xc1\xc8\xe0S\xba|T\x99\xc9EO\xbf[s\x95Z2K\x01"\xf0Q\xc5'</t>
  </si>
  <si>
    <t>b'\x9a\xdfz~\x8c\x82\xb9\xf6\x18C\xe8\x8a\xd3O\x15H\xb6\xa3\x11\xc5\xad\xcer\xc6\xddV\xf2O\xce\x0b\x8c\xd1'</t>
  </si>
  <si>
    <t>b'\x8f|\x87R\x11\x15\x86\xf2\xaauZ\x93/\x11\x16\xee5\xcay\xfa\x96\x0e\xd43xS\xec\x12$\xb4#Y'</t>
  </si>
  <si>
    <t>b'\x0c\x11\xb4|\x98\x91\xde\xb7gA\xc0\xfe\xcc\xcf&gt;ni\xab\xe5\xfa\xb9G\xa0WP\x0c-9\xcaY\x05\xcd'</t>
  </si>
  <si>
    <t>b'\xd9F\xc6|s99\x01/P\xdfd\x1c\xb6\xf5\x06HJ\xeaR.\x16\xa4\xdd7\xf6#!*\xcf)\xc1'</t>
  </si>
  <si>
    <t>b'9\xacR\xcf_/Mr\xfa(K\xcf\xd4\xc7u6O\xbc\x15\xdbm\x81\xc4@Bj\x13v\xe7\xc0)^'</t>
  </si>
  <si>
    <t>b'\x13\x8c\xd4\x99c*\xfa:\xba\xc7\xb7d\xd9\x18\xc6\xb3\xae\xfd}\xb8~\xee9\xe9\xd9;\xd9\xc8\xf5\xbe\xf6\xdc'</t>
  </si>
  <si>
    <t>b'\xa7\xe6\x02|\x13y3\x02O\xf5KI\xa4\x98\x86Wd1\x92=\x86\x14\x0ec\xb6K\xc9\xcf\x80q\xf5#'</t>
  </si>
  <si>
    <t>b'\xb5\x9c:He\xa9\xe9c%\x97r\x12\xddA\xf6\xa9\x84~\xe6\xcb\x96\x99\xd4\xa9\x0c-\xf5$\x8a\xd83\x1b'</t>
  </si>
  <si>
    <t>b'%\xe2\xb2\xd8u \xb4K\x7f=\xf0\xa7GD\x9d\x87\xd4\x1e[\xa6\xd4sQ\xbd\xaf\xf9\x9c3&lt;\x9dG\xc8'</t>
  </si>
  <si>
    <t>b'\x07&lt;\xb9\x04fL\xa2\xa5\x03O\x97\x0c\x0c\xe677\x12\x01Y\xed\xdf\xeeq\xe0\xea\xfa\xd8\xeb\xd1\x9d\xe8\x1c'</t>
  </si>
  <si>
    <t>b"\xe1\xf6\xc4'\x95\x9d9W\xdb\xd5\xd5\xef\t\xf2!\xb2s%2\xad&amp;gL'\xdaW\xdf\xc1\xdaO\x98z"</t>
  </si>
  <si>
    <t>b',\x98u\xca\xe4\xe3\xf5&gt;\xfd=\xc2d\xfc\x1dfe\xdbO\xb4pL\xd6\x1d\xf7Sx\xd2\x8f\x06z\xa0!'</t>
  </si>
  <si>
    <t>b'\xae\xb37\xf8?\x00`\xab\x16\x98\t\x84:\xfc\xb2P\xc3&gt;N\xc2\x07\xda\x93\xee\xb6\x9e\x92m\xe8f\x9eZ'</t>
  </si>
  <si>
    <t>b'*\xd0\x808{g\xa8\xd2s\x91\x87.hK;\xdc\x8f6\x90\xbe\x8e@M\x8c\r\xb6\xdb\x82\xa7\xd7\xbcr'</t>
  </si>
  <si>
    <t>b'/0\xc2\x16\xc2Y\x16\x04\x81H\xa4\xf2\x01z\xd6\x97\x1d\xc1\xc1\xc3\x1b\x890\x9b~\x94Av\xdc \xac\r'</t>
  </si>
  <si>
    <t>b'`\xc9i\x12#\xec\xe8\xc7&gt;1\x11\xe32\x7f\xce\\}\xd60*\xe4Z\x9d^\x9bOA\xdbD\xd7\xb0e'</t>
  </si>
  <si>
    <t>b'/\xd7\x94\xc8i\x8eZkP{\xfb&amp;\x88\xdf\xfb\x12\xa9\xf3\xd4\xf1&gt;\xc58\xdd\xaa\nh&gt;2\xa38g'</t>
  </si>
  <si>
    <t>b'\x82\x94E\x089[s\xde\xd6M?\xed\x1f\xc3\x92\x8bp\xb0T\x01g$\t:\x9b\x99\xabjk\xbf\x07\xf7'</t>
  </si>
  <si>
    <t>b"\x1a\xb2'^\xc7\xf5\xbbjZ\x91\xc2\x9a\nCC\x1b\xf8u\xd5\xd2\x08\x17\xf9n\xf5AMK\x08&gt;=\xcd"</t>
  </si>
  <si>
    <t>b'n\x8e\xa0V6\xd8\x06j\x8b\xbeJ\xe1~\xbd\xbc1\xb9\xeeA\\\xce\xe1\xfa\x84v\x80\xdf\xc0\xa2\xf6&lt;`'</t>
  </si>
  <si>
    <t>b'\x13Wl\xbb y\xb5O\xadO\xd6\xb1\x13\x02\xe7\xb8K\xa1\x88\xec\xa1\xbe\xe1tz\xeaB\xe4\x8ejW\r'</t>
  </si>
  <si>
    <t>b'\x8c/Dk\x86\x89\xf1\xe8\xe2P\x1c\xd5\xfa?t\xa9S\x803eZ\xe0^\x1e\x06\xec]\x01\xd8\xb3\x9f\xeb'</t>
  </si>
  <si>
    <t>b'\x89\xf1\x0f]5\xca&amp;\x8e\x8f6\x17yzx\xd9\xce$\x19\x8dWExy\x80\xe6\xf3\xc85w*\x1a\x12'</t>
  </si>
  <si>
    <t>b'\x8e\x81\n\xea!8\xec\xbb\x03\xbe{l.6G8Q\xeb\x06\\A[\xc0\x87o(m\xb2\xa7\xb0\xdf\xf2'</t>
  </si>
  <si>
    <t>b'\x8ec\x0c\x96]\x81B\xd7,\xdblKU\xc7I\x85\xecz(\xee\xf5\x1d\x9c\xd7\xb8\xe7\xf8{\x9a\xbd\x84\xa2'</t>
  </si>
  <si>
    <t>b'\tE\xff\xd7\xd2\x06\xfb\xa3 \xad\x1cUW/`\x9c[\xea\x80\x98Zo\xde\xdc\x81\xad\x1f\xb06T\xe0H'</t>
  </si>
  <si>
    <t>b'\xd0 \xeb\xc8\xd28y\x8f\x88\r\xe0\xff\xa1\xfbT/K\xe50\xc7pR\x89l\xdd\xe7&gt;\xdaS\x9d\n|'</t>
  </si>
  <si>
    <t>b'k\x05\x8b\x856y\x95\x8d\xa9\x05o\xd4\xb4\xbd\x9f\x8fmq\xf7i\xdd\\\x1f\xc8\x0c&amp;\xd2&gt;\x89\xec\xb8\xe7'</t>
  </si>
  <si>
    <t>b'\xed\xbe%r\xd8\xefw\xe3\xd6F.@\xcd\x13\xcfLL\\\x97\x8dV\xea^\x88{\x96\xc2L"\x8c\ta'</t>
  </si>
  <si>
    <t>b'\xcb\xe0G|\xcf\x0b\xd7O-\x1b\x9eb\\M\x88)&lt;t\x0b$2\xb7\xf0\x98$\x16b;\xab*\xee\xbf'</t>
  </si>
  <si>
    <t>b'J\t\xfe\xbd 7u\xd5\xdf\xb6\xad\x97!\xae\xc4\xb5\xee\x1a\xd85\xd5vH{\xc2\xcf\x13[k\x82\x0c\x14'</t>
  </si>
  <si>
    <t>b'\x035\x97\x9d\x9dJ\xd0T\xcf\xd2\x96TtH\xf9\xebf\xae)DP^W\xad\x8a\x92\xb2\xafJB\xc2\xdd'</t>
  </si>
  <si>
    <t>b'D[9\x00\xbc)X\x05\x1f\t\x87\x8dhd\x0elB\xef\x0f\xc95BD\x7f\xbb\xed\x13\x02\xa7\x8dq\xfd'</t>
  </si>
  <si>
    <t>b'\x15\xf8\xd1k\xc9L\x81"y\x99o\xd5;\xc1&amp;\xdb@\xfc\x0bD\xc4T\xbb\xd9\x18Nc)^\x8f\xbdS'</t>
  </si>
  <si>
    <t>b'XR\xcd\xa5`\xb1D\x1fpt~U\x8f\xf3{\x8dFs\x87_\xa6Nr\xb2\x8a\xd73\x01,\xd4\xf1-'</t>
  </si>
  <si>
    <t>b'c\xd8G~\xd1\xd8\x86+\xa2\x1d\x19\x01\xa5\x11\xaa\xa4\x8f\xfa\xeen\x87\x18`\xa5\xbawW\xe0\xd3\xad\x99\x8e'</t>
  </si>
  <si>
    <t>b'\x8c\xbc\x85\xfdG\xe5\xfe\xb5#\x7fn\xb5\xda\x16\xccH\xf9C\xb8-J\xd0\xcb\'q\x11\xcb"\xbc\xa9$$'</t>
  </si>
  <si>
    <t>b'\xbc!\xa02\xfc\x15Z*\xccQp"\x8d\xda\xc2\xff\xc7\xadHw\x02E\xbc2:O\xfd\xd0\xd5g\xcc%'</t>
  </si>
  <si>
    <t>b'\x80-~\xa9\x15\xfd\x85,\xcb\xb7G\x1b\x102\xa8\xe5)#i\xde\xad\x95.\xb0\xefM\xae\xc7\xce\xe3Se'</t>
  </si>
  <si>
    <t>b'\xc5\x15\x066\xf4\x0c\x91l\x04\xb5-A\xf5C\xd6\xe3\xb8\xf8\x0c&gt;\x9c\xe9\x17\xe7$\x7f\xb96m\xde\xc0\x98'</t>
  </si>
  <si>
    <t>b'_0\xdf\x8bFh\x8dG\xb1\x8d\xb5j\xcfKE\x896\x9e\xa9[\x1b\x87\x8b\x0f\xcd\xcd\xaenX\xd4\xd0c'</t>
  </si>
  <si>
    <t>b',\x0c\xb9\xdf\xb2\xca$\xb1\xf2\xe8\xd2kX \x1d\x96\x90\xbb`\xea\xdc\xe9\xbb0Hh\x80\xc9\xad\xd2\xedR'</t>
  </si>
  <si>
    <t>b"\x19cD\x8c\xa5\x9df\xb1&lt;\xe4\\\x83j\x96\xa7\x16;\xc1:&amp;\xf2\xb3\x9fv\xdeX:\xcd'\x9d\xd4\xf9"</t>
  </si>
  <si>
    <t>b'\xb7`\x1ajlbB\x92"\xc4\xe9\xb6\x95\xcf\xa8\xedP/4\xdc\xfc\x85\x8aS\xa4\xa99\xa3\xcf\x11\x1aO'</t>
  </si>
  <si>
    <t>b'\x9a\xb1\xf7\xfcV(\xd1\xa1 ;\t\xaeM(\x87^\x0fuH3/\xa1\xc6\x81i\xc8\x89DX\x04\xeb\xd4'</t>
  </si>
  <si>
    <t>b'\tI\xb7\xec\x9c\x82_\xf3\xdcf\xe9.\xd6\xce\xbcv\xae\xa2\xeb\x07{@\x91\xa2\xcfr\x9c\xf4\x1cU\xb2m'</t>
  </si>
  <si>
    <t>b'\xc8\x9d\xe0\x9f\x8bd\xf1\x9af\xb2M\xc2T\rt=\xdc\xcf\x1b@yI\x16g\xf7\x119\xd0\x81GBL'</t>
  </si>
  <si>
    <t>b'\xd7&gt;] \xdb@\x1e\xdd\x16\xd5p\xf7\x8c\xf4\x07\xf1\x96V\x06\xdc\x93\x0cU\x7f\x0byL\x9d\xbd6\xc8j'</t>
  </si>
  <si>
    <t>b'6l]-\x17\xf67\xcf\xd3\r\xa4z\xa4\ne[sJ\xd0\xb2\x04\x0e8+\xea\xc8\x83\x128\x1e\x89u'</t>
  </si>
  <si>
    <t>b'W\xa0\xbe\xd3\xa5vp$\xdf\xa9\xaf65{4\xb3\xc3\x84\x9d\xf4\xec\xb5\xbaR\xa0\xc0\x96\xd4/\xb5=\x8e'</t>
  </si>
  <si>
    <t>b'\xa6\xc4\xee%6o\xd9\x91\xd8\xff\xe7\x0c\xcf\xec\xb3&amp;\xef\xba4T\xbe Z\xb0\x13\xff\x13\xac\x7fo\xe16'</t>
  </si>
  <si>
    <t>b'\x0e[\x06\x9dUC\xbc!\x1a\xcc\xdf\xc3\xa2@\xd0\xa5\xc6Ah\x98\xd3})\x12\x80Kq\xaar\xdb\xf9\x11'</t>
  </si>
  <si>
    <t>b'\xc4\xaaNf\x07b+\xfc0\xda\xd5S\xba\\6\xfbo\x08\x82aj\xbeW\x96\x94E\xc6oh\xd5\xd8W'</t>
  </si>
  <si>
    <t>b'QeT\xf98oxn\x86%\xcfRY\n*\t\x98\x1fW7\xb5\xe6\xc7l\x9a\xe6\x91\xe9\x91\x82\xe4\xa8'</t>
  </si>
  <si>
    <t>b'\x12m\x0e7}\x18y\xafa\xb2\xb37\x07\xf0\x8d\xf6$6\xe7\x85[-\x9cV.d\xe4V\xa6\xc7\x86B'</t>
  </si>
  <si>
    <t>b'\xa3\xe4\x92\x01\x8fM.\xc9Rp:N\x8d\xbd\xaa\xfb\x1e\xa2\x9e\xde\x9c\xd3\x88}\xff\xecH\xa3\xc2(\x99('</t>
  </si>
  <si>
    <t>b"\x7f\xd8\xa4\x7f%\xc1[l\xe1\xe1\x9du&lt;\xf4\x903t\xe8'\xf4)5\x7f\xff\x9e\x0bI'P\xed\xfb4"</t>
  </si>
  <si>
    <t>b"]\xf7\x9b\xc2@d)NB\x9c\x19`0\xa3\x05&lt;\xd1|\x1aB'\xe8\x1dlD2\xaaS`\x9aH&gt;"</t>
  </si>
  <si>
    <t>b'T\x0b\xdf\xaa1\x87b\x19\x14\xdc\xf3[\xb3\xce\xe7\x97\xce\xf0\\T`=\xc07\xc6\xda\x0e\x83\rT\xba\x01'</t>
  </si>
  <si>
    <t>b"]Un\\\x84\x1a\x90\x911\x12\x14'X\x0b\x14\xeb;q\xcc\xc3\x16\xbdm\xd2\x10[\x8a\x08j\x89\x7f2"</t>
  </si>
  <si>
    <t>586xx</t>
  </si>
  <si>
    <t>b'\xb0\xa2Ub\xa1\xd09\x1atj\x02RI\xad\xef\xcd\xfa\x0e\xcb\xfd%b\xeb\xc0\xd3\xf8\x96\xf9|J.\x14'</t>
  </si>
  <si>
    <t>b'\x9d\xc4\xb5_A~\xf2_or\x80\x06\t#\xd8\x96\x02\x00kC\xae\xe3~\xb1c\x88\x15C-O{E'</t>
  </si>
  <si>
    <t>b'\xcd\x1e\x9d]^e|\xef\x99r\xec\xfb\xdd0\x1a;\x9f\x11\x04\x0c\xf1\x19i\x0cO\xa6/\x13\xafM\x86@'</t>
  </si>
  <si>
    <t>b'\xc6\x91\xf1j\xe8nl\xfc\x94\xc1\x11\xad\x0603 \x84\x97\x9b\x16\x7f\x14\x08\x01\xc3\x80\xf3\xfc\x145\xcc\xa0'</t>
  </si>
  <si>
    <t>b'\xc4U{\xa9L\x18\xe39\xd2m\xce1t\xcd\xecOO\x14b\xff\xec*\xb7\x8b\xf2k\xb7\x08dIN&amp;'</t>
  </si>
  <si>
    <t>b'-\x85-\x86\x80r\x99\x86\xf1(\xa6~\xf0}\x0fGS\x82&gt;\x94\x1dw\xe8\x80\xc6\xd5j\xa4\xe9\x80@\xe9'</t>
  </si>
  <si>
    <t>b'\x9e/\xc8\x9b\xbf\xcb\x82\xe2"\xa2\xa8\xaa\x00\xf89BYn\x1cp\x86\x03\x16\xf9\xf5\xd5\xc9\x15}\x90s\xb2'</t>
  </si>
  <si>
    <t>b'\xad\x1b\x8f\xd1\x12Tl\xc3H\xde\xc7\x1eB\x94\r\x9a\\[U\xb6\xee \xe2)t\x1f\xa9`\x10\xe8)2'</t>
  </si>
  <si>
    <t>b'\xc0\xb5"P\xd1"\x91\xb2\xac=\xcf\xe7\xa1\xe12r\xc0^3F\x90 \xe3\x9f\x10u\n\x0c\xb0UH\''</t>
  </si>
  <si>
    <t>b'\xe4C\xdat\x88-\xa9\xf1\xaaL\xc7\x86\xb5\x81\xea\xbb\xe1;\xb3K4F\xe8\xf69\xe0X-7\x1f\x85\xed'</t>
  </si>
  <si>
    <t>b'\xf7\xbb\r\xafJz7\xf9\xe4\xd2@\xb9k\x16\xb1\x9e\x85\xb1\xedi\xd3\xddu\x02\xbd\x08\x89{\xe3y\xc4\xd7'</t>
  </si>
  <si>
    <t>b'o\x8d!\x97\xe4\xae:0+&gt;\x18p\x0bN\xa8kf\xea\xa0z\xa7k\x08\x9e2\x97?\x05\xf5\xb9\xf5y'</t>
  </si>
  <si>
    <t>b'rUL\x9f\xc2\x08\x00\x89$\x06q\x941\x9a\x9eAl\xc9\xe7@F\x03\xe1\x9aD\x04&amp;\x10\x04\x8e&amp;\x99'</t>
  </si>
  <si>
    <t>b'\xcf-\x9c\xab\xc3&amp;\x94\x84\xc1\xf8\xa9\x1ch.vu\xd0\xa4\x8c\xaf\x82\xed?\xac6\xb2\xe1\xc8Q\xc7\x85\x19'</t>
  </si>
  <si>
    <t>b'=M\xf5\xb9$\xd0h\x05&gt;\x11\r\xa9\x1e\xd2~F#\xb4\x8c\xf0s\x15\xe5\x8e5 \xf7\xa7\x1cwC\x84'</t>
  </si>
  <si>
    <t>b'\xd6\x87\xe3\xf6{\xfb\x8a_\x1a\xb0BV\xc7}D\xa3t\xa8!\x0e\x1bK\xd3\xf5\xb5\xf4z37J\xe1,'</t>
  </si>
  <si>
    <t>b'\xed:\xccY\xe6\xec\xcf\x16zv\xf6\xff\x8f\xb1\xcb\\\x7fVl?\xc17h\x17\x92i\xb6\x94`\x81W\x9b'</t>
  </si>
  <si>
    <t>b'B[\xec\x87 \xf4\x16\xd4\xd5\x854\xb1\xba\xba\x10h\xac\xbf\x90TNLm\xe6\xb4\xc5}t\xea\x02\xfc\xbe'</t>
  </si>
  <si>
    <t>b"\x00\x95g\x04\x1d\xfa\xda\xd9\x18\xad\xdb\xca\x82t\xa9D\x93\xb9!'|\xd9h\xb6\xd1\xe5\x922\x8b\x1aa$"</t>
  </si>
  <si>
    <t>b'\xb1f(\xc2\xeea\x86v&amp;\xc5\xd4/\xd4\xbd\x8dK.u\xe9A\xc2\xd1{\x0f\x8cP\x82:\x847\x12\x92'</t>
  </si>
  <si>
    <t>b'\xfb\xea\xcd/\x93\x13j\xa7\xf4\xc9\xc7&gt;\xd1a\xca\n\xbd\xf9\xc8\x0fQ\xc8\xd8\xcfO\xd4\x01\xc2\x19\xeb\xeaR'</t>
  </si>
  <si>
    <t>b'\x81G\x81\xb4\xf0Cnw\x91qV\xde\xe0\xb7\xa3\xb4\x10$\x0b\x14\xe3\xd0fE&lt;\xc0d7U\x9a*o'</t>
  </si>
  <si>
    <t>b'\x14i\xb9o\xd3\xab\xb9\x1f\x88\xc9O\t\xfaM\xa9\xc6\xe5\x03\x19\x8eI\xfd\x9c\x96E\xed3\x9c\n\xfe\xd0\x0c'</t>
  </si>
  <si>
    <t>b'\x9f\x96(5,L`\xb5\xbe\x02?\x9e\x0f\xba\xc1-\x88\x00\tH\xdb\xfa\x94D\x1e\x0bKW\x0b\xc0\xcc\x85'</t>
  </si>
  <si>
    <t>b'h\xbb\x8c\xe6,\x91\xbc)\xde\xe3\xc7c\x88\xfc\x9a\x82&lt;\xc70\x89\x02\xf0\xb1\xeb@\xb5T\x12\x0b\xf4\x9a3'</t>
  </si>
  <si>
    <t>b'\xaa\x9e)\xf7\x90uQ\x1eN\xb6\xb0\x07\xc6Z\xaaWg\x7fE(\x92&lt;B\xa8\xb9\xf17\x03\x14\xf8\xe8O'</t>
  </si>
  <si>
    <t>b'R!\xach\x82\xb9[mm\x90\xc5\xeb\xff\xf2Eg\x02\x97\x85C\x0f\x0b\x82\xfes\xb9\x9fl(\xcd@4'</t>
  </si>
  <si>
    <t>b'^\x9f\x81d$\x16Hx\xba\xe4\xdbT\xcdR\x01\x0f\xc7\xe7G\x04\rI"\xef9\xcb%rC\xcd\xc7\x8e'</t>
  </si>
  <si>
    <t>b'\x06D\x1b\x06\x9bj\xb6\xb3\x1b,Q\xff\x99\xcb&lt;V\xe6T\xfe\r\xa2\xdb&amp;\xa6\x9f\x11\xbeM\x03+EL'</t>
  </si>
  <si>
    <t>b'\x80\xad\xc0\xe4\xacK\xe70bV4L\x87\xa3(\xea\xc3\x81\xf4\r\x19\xca\xcc\x81$\xadQ \xadk:\x9b'</t>
  </si>
  <si>
    <t>b'\xde\xe0\x92t\x00\xe7\xfcf\xe3q\xe0\x19\xe8\xa3\xed\xde\x80\xd8O\xf07\t\xc2\xfe\x9eY\x9e\xbb%\xafO\\'</t>
  </si>
  <si>
    <t>b'{&lt;\x85\x88\x03\xdc\x10:y\xads&amp;\x98\xf1j\x12^w:\x8f20\x1c\xb4\xef/K\x15\xbc@\xf8^'</t>
  </si>
  <si>
    <t>b'\xfd\xca\xd9\x81\x87\x9e\x19[\xb2\xaf\xd1\xa3\xbe\x98\x04\xc0\x99\xa5+\xff\xaf&amp;A\xb3\xd3oW\t\xf7o\xcf\xf1'</t>
  </si>
  <si>
    <t>b"\xc5\rh \x0b\x80:\xedK\x04\xb5'\xc02\xb8qR:\x17\xa4\xeb&amp;\xb0\xd7\x13\xe10\xd5\x1d\xd1\xfd\xc4"</t>
  </si>
  <si>
    <t>b'\xeb\\8u\x91\xf0sW\xf2\xff\xfe\x18@\xa4\xc6\xf9F!\xfa\x88\xd5\x0b\x9cj\xab\x9a\xd2ozr=`'</t>
  </si>
  <si>
    <t>b'\x0e\xc2\xda\x8f\xc0\x93\x89\xa0\x81q\x9d\xa3\xea\xe8\xfb\xfe\xcf\xe1\xc0&lt;\x01g\xd8\xe6\x10\xe3\xd9\x93\xd8\x85\xcca'</t>
  </si>
  <si>
    <t>b'\x94\xba|\xb1\xeac\xe1;\x1ci-\x86\xa8\xbb\x81P\xf1  \xacW\xf8\xed\xc5jw\xd8\xf4\x0e\xf7\x07&amp;'</t>
  </si>
  <si>
    <t>b'\x19\x87\xb7Y\xe7;\x86l|\xc9\xa8b\x9dv\x92\x93Od\xc8\x19\x82i\x8c*\x96\xea\xa6\x0e3\xdeOT'</t>
  </si>
  <si>
    <t>b'\xa6\x97^L\x8b\x1a(\xc9\x8b\xb1\x05s\xc3\xc9\x1dm\xebP\x9e\xf38\x8c\x0f\xe6\xb8RG\xcc\xfdV-\xdf'</t>
  </si>
  <si>
    <t>b'\x83N\xdeA\x18\x87*\xc8\xf8\x1cz:\xbc?y\x8e8\x17m\xb8\x1d\xc4\x80\x84\xb3\xedTTB\xbf\x8a\xab'</t>
  </si>
  <si>
    <t>b'\t6\x13\xcc\xda_Q\x90\xe9\x19\x92\xa3V\x05\xce\xa8u\x05\xffP\x87\xb2\x10\xca\xdb\xe9\xb7\xa1\x0b\xf7\xe7\x1e'</t>
  </si>
  <si>
    <t>b'\xd6\xdf\x19\xa0C#e\xbe\xcc\xaar\x8a\xfc\x9a\x8d9rv\xb0\xc5\xe6D;\x9e \x1e\xc3/p\xd8\x83\xb6'</t>
  </si>
  <si>
    <t>b'\x1d\xa8Hn&lt;\xe7\x01\xdd\x9f\xe0\x03\xcel\x871\xd4DiO\x81\x85\x88?&gt;\xbc\xce\xa8\x92\xa9\xadd\xfc'</t>
  </si>
  <si>
    <t>b'\xf7\x07\x9ef6Y\xd2\x08z\x0c\xfd\xf0wK.\xcf\x00\xcc\x86\x19I\xad*C\x8c\xd5*\xa8G\xd6c{'</t>
  </si>
  <si>
    <t>b'\x12\x8aU\xd7mK\xeaZ6\x90\x8dp\x1a\xcc\xe2\xa8d\x93x\x1a\x9e\xde\xbe(\xd9\x16\x16\x11\x1c\x1f\x134'</t>
  </si>
  <si>
    <t>b'\x01\xd8\x825\xc6H\xed\xfa\xa1\x03\xdb\xef\xfd\xc4U\x7f\xf3\xa7\x19\r\xa9s\xf8\x97\x90+\x8fC\xe9\xb1OA'</t>
  </si>
  <si>
    <t>b'B\x7f:\xc6^#\x18\x06\x9c\xbdH\xb2\xa3g\x05&amp;\xe3\xfa1iy\xcb\xd6Q\x11\xfd\xdc0\xff\x06\xcd"'</t>
  </si>
  <si>
    <t>b'\xe2\xd7\xd0p"\x9b/z\x18\x0f\xb3*R\xdf\xd5\x13\xfe@\xe1\x12\xd3\x8c\x89\x98RF\xc9\x18A+\x0e+'</t>
  </si>
  <si>
    <t>b'\x10\xc7#\xbc\xd4u\x8f/\xeer\xa5p\x1f\xc4\x05\xe9\xcf{;\xf9\xc6!\x95lV\xfd\xad\x7f\xd8C\xe5\xc4'</t>
  </si>
  <si>
    <t>b'\x0e\xf0\x06\x05\xbc\x983$\x8c\xf2\xce$c\xcc\xa5\x9e\xd8\x1e\xd5\xb46\x8d\x9a\x90\xac\x11(\x9aeDN\n'</t>
  </si>
  <si>
    <t>b'\xf6\xffW\x14\x9e\xe7\x8bQ\x99]\x84E}[\xedp\xdc\xb7{\xc0]\xed&gt;_\xe9@6\xd0\xc4{\x8d\x8b'</t>
  </si>
  <si>
    <t>b'\x0b\xd6\x7f\xbc\xa3\x98X\x0b\xff\xc9\xc8skS\xd2\xcb5\xfb\x9e\xe9\x1f\x02H\x00\x83N\xde\xd1F\xbcO\x06'</t>
  </si>
  <si>
    <t>b'\xcb"\xd7\xc0\xfd\xcd\x0fo\xf2\x9aY\xffnLh\xdd\xe7\x0f\x98M\xc51_%e2\xa1\x02V\xee\xc4\xcf'</t>
  </si>
  <si>
    <t>b'\xe9\x83\xa7Q\xa2\x1d\xb7\x8a\xb1K\x96^\x87"\xfb\x1b8\xa6p(\x0fM\x90\x1a\x93\x11&lt;\x14\xd0e\xafU'</t>
  </si>
  <si>
    <t>b'\xe8\x97\x1e%\xae\x0fmj\x02\xe7 \x08\xe4?\xc6\xc4\xdag\xb5[*Y\xf6\x15\r\x80\x91\xdem\xfd\xc5\xf3'</t>
  </si>
  <si>
    <t>b'\xb3(R\xf8yI\x8d\xe5\xa3\x97c\xd2\xbd\x99&lt;\xeb\x1a\x16\x1c\t\xeb\xd5`\xc3\xb5\xfa\x08\xaf\x13O\x98D'</t>
  </si>
  <si>
    <t>b'\xb8\x88 B\x14u\x98\x81\xd7\x0fD\xfa\x8f\x04\xb1\xe8\x85`N\xc7wz\x9f\xf6\xf5\x8e\xfd\xdfNI\xf1\xec'</t>
  </si>
  <si>
    <t>b'\xf4t\x82\\\x01\xa5j\xfc\xbb\xfa\x03\xb09FT\t\xe8\x97\xd9\x93\xe0\x80\xccd\x03\xfb\xd56zD\xe5\xb3'</t>
  </si>
  <si>
    <t>b'\x0b\x92U\xc4\x85~\xc9m\xdbm\xc7\xa0{\xa9^\xf7-\xfel\xe4\xb6\x00\x01\xa4\x99\x8b\xe9\xfe\xde\xf1\xd7#'</t>
  </si>
  <si>
    <t>b'\x07\xae\xb6\xce\xa8\x9aS\x8e^\xa0\xe2\x01NN\xce$\xee\xb8wZ\xe2-\xabPX\x88\x81\xaf\xf0\xa6\x83\xd5'</t>
  </si>
  <si>
    <t>b'\xbeA\x7f\x8a;a\xfd\xca\x06\xf3\xd5!\x97p\x02\x1c\xbf\x7f2\xc7Q~\xd3\x9c\xf9mU\xcc,hIU'</t>
  </si>
  <si>
    <t>b'\x19\x01\r\xfaG\xf4\xf2\xba\x8f\xce\xe0\t{\x92J/\x17\xb9\xd0n\xdaE\xa3$\x80\xdb\x14\xf8\x805\xb8\xc0'</t>
  </si>
  <si>
    <t>b'\x1c\x07w\x0c\x98\x8d\x98F\xb1\xea\xd1\xb3;\xcc\xf9\xb2\x07w&amp;\xe6`\x1d\xd9\xe3]H\xbc]7e\x9d"'</t>
  </si>
  <si>
    <t>b'\xf7|\x8a{\x8e\x10\xe61-\xe64{b\xb4\xeaZ\x83\xaa\xa5L\xe2MI\x95\x1e\xd6\rZD\xf0i\xc8'</t>
  </si>
  <si>
    <t>b'\xebZ\x03r\xe8\xaf\x7f\x13S\x9fG\xab\x8b&amp;[U\xcd\xb1\xf0R\x86\xc2\xb0\x14\x06A=\xc6tb\xeb\x83'</t>
  </si>
  <si>
    <t>b'\xb6\xb3\x1bw2\xc9\x96\xae\xd5\xc4\x16\xd7\x1c\x0b{\xa2\x8eK\x87\x96v\\\x84\x03(\xf1\x8c\xaa\xe1I\xcd\x0f'</t>
  </si>
  <si>
    <t>b'\xa3\xa7\xc9\xf3\x84~\x87@M_\x88\xf5\xa2Z\x85\xdf(\x11]\x92J\xb9V\x8cm\x11R\xfdS\xb9\x16\x8c'</t>
  </si>
  <si>
    <t>b'\xc1\xc6X\xa2\x96\xd1\xb42\x14e\x14\xf9\x9c\xc0.Ku\x1e\x1f\xb5$\xee\xd6\xc8L\xc3y\xf0%\x12\xbbK'</t>
  </si>
  <si>
    <t>b'\r\xd6\xf7\xcev\xdb\r\xc3@6W\x05)&lt;\xa5=Xr\xe2b\x02"B:k\xee\xc5\xe4\xacg\xe8\t'</t>
  </si>
  <si>
    <t>b'\x0e\xeb\x1f\x1a=\x94\x9e!\xfd\x83v\xae]\x15\xc5\xfb\xab\x1af` \x1d\x1c\xb7wP#\x9e6\x89\xdd\\'</t>
  </si>
  <si>
    <t>b'\x89JF\x83\xef\xcb\x0e\x8a}u]\x0c\xa5\xfcx\xfb\x85\x14&amp;\xb9\xaf_\xb1\x1f\xd5n&gt;\x99\xefF\xaf*'</t>
  </si>
  <si>
    <t>b'\xaam\xfd\xebu!\x0c\xf6\x85p\x80DF\xa5\xbb\xa5\xff\xa2i\xd21x&amp;3\x8c\x801S\xaf\xcd:\x97'</t>
  </si>
  <si>
    <t>b'\xdc\\\x1e\xa0o`\xc0\xd1\xfam\xdb\x04\xf0\xbc\xd3\x18N\x0cs\x01Q\xef\xa1\xc9\x00}\x84|M\x1eL\xd3'</t>
  </si>
  <si>
    <t>b'`e\xa4\xcf\xea\xeb\x9a2\x02ho\x80o\xf7-1\xb4\xa7lB\x95#\xf3\xa4{\xc5\x88\xef\x83E\xf4|'</t>
  </si>
  <si>
    <t>b'K\x18_\xc5\xc0v\xe9\xe6\xb3\x1aC\x8c\xe2\x1f3\xd4\xdfq\xa2\xa6\xe1]\x92EQ&lt;\r\xca\xe5\xa8\xec\xcb'</t>
  </si>
  <si>
    <t>b"\xae\x1d'{f\xb3Z\x17\xe5\x16\x9a\xafn\xc7\xd3(ll+Y\x05kh]\xd7\xee`w\x80\xa9\xd9\xe0"</t>
  </si>
  <si>
    <t>b'2y\xee\xdePN\x96\x93\r\xa0\xd4Y\xcfU\xb8\x0bm\x15\xc4\xdc`\xb6\x04Ih\xe8F\xd6\xceh\x8a$'</t>
  </si>
  <si>
    <t>b'\xe7\x9b0@k\xa4\xe4\xa1\r\xb2\x899/\x13R#\x92\x04\xbc|l\xc2\xd4\xe8\xe6\xf89\xe3\x89[\xd0\xf1'</t>
  </si>
  <si>
    <t>b'&amp;g1\xf9\xd6t\xf4\n\x8b\xb77\xcdZ\xa1\x08\xb7\x0f\xb5\x1c\x93O\r\x9b\x03j\x91\xcf~:\xb2\xdc\x0e'</t>
  </si>
  <si>
    <t>b'\xae\xa0\t?B\xbel\x99\xc9*\xf9\xe9\x8e\xb04\xf0\xf2k \xd6\xfbWQ=\x03nZ{\xb6bB\xd7'</t>
  </si>
  <si>
    <t>b'\xd5\x13\x0b\xd2\rv\x97\x19t\x1at\xa3\xe3\x86\xc6k\xda\xd8\xa6\xdc\x04R\xc5\xf8\xc8u|\xe4\xa8\xcd\xca\xa1'</t>
  </si>
  <si>
    <t>b'a\xa30\x96\x8cm\x11\xc7\xaf\x1d"\x06\xf2#.\x0e\x13\xdbz\x12}\x9dh\x0b\x8f\x897\x0f\x80\xe2\xff\x04'</t>
  </si>
  <si>
    <t>b'\x95~\x01\x04\x86!l5G\xdd\x90\xcaR\x9b:k\xac\xd0\xa5$\t&amp;p\xd3p\xce\x95\xfa\xd5\xb9\x87?'</t>
  </si>
  <si>
    <t>b'\xd0\xb6\n\xd8\xa1_7\xce\x07\x1eP\xb6\xd53\x04\x966W\xf2\x189\xde\x16z\x07g\xf0\x0869\x84\x18'</t>
  </si>
  <si>
    <t>b"\x1b\\G\x04p\x03\xfb\xb3\xa6,(\x97\x02\\\xfex\xb7\xf3\xc2f\xbeG\xb0@\x9e\xe0OS9E?'"</t>
  </si>
  <si>
    <t>b'\xeci\xfbB&amp;6\x1f\xa0\xd0\x94z\x99\xe3Nh(\xe3V\xcc\x194\x95\x91\x1a\xc3\x19\xaf\x15FaOr'</t>
  </si>
  <si>
    <t>b'\xe5\xaf`kpx\xd5\x02\xf0jL&amp;+\x15\x1b\x94\x92(i\xccz\xf7ve0X\xe95f\xcc\xf4U'</t>
  </si>
  <si>
    <t>b'\x85\x06\xe28o\xf4\n\x83ty;K\xe5\xa4)\x81t\x12\x8a#\xe0H4\x93\xf8e\r?\xc6\xcd\x1b\xa3'</t>
  </si>
  <si>
    <t>b'%\x1e\x1f\xf6\xf5\xd8\x86\xe4QP\x12\x7fa\x0b\xd9\xfd\r|\x85\xa6\x1d\xdaP1,|\xcbk\xa6\xc7]H'</t>
  </si>
  <si>
    <t>b"Mw!u\xb60Y\xfc\xd2J\xb5\x17T\x12\xd3\xec\x9f0\xc8\xd4t\xaf\x8e\xabp\x05\x81\x01\xe8\xd5'0"</t>
  </si>
  <si>
    <t>b'\xec\xfd\x83\xd6\t\xad\xfeP\x03\xe8\xefB\x1eBy\xd3\xea?\xd4D\x1b\xb5q\x9aL\xc1(C\x14:v\x8f'</t>
  </si>
  <si>
    <t>b'C\xa8\xe1\xcct\x9cL\xd0\xdc\xdf\xacw$\x19\x8a\xcc6\xed\xd9\xf0\x19^5\x10\xbfA\x1b\xdd)|E&amp;'</t>
  </si>
  <si>
    <t>b'\xed\xe6G\xfb\x99\xda|/\xb2 u\xae.5\t4|\x81:eFt\xbc\x12\x07\xf6&gt;\x85\xa6#3\x81'</t>
  </si>
  <si>
    <t>b'\xbf\xc2\xf9\x16a\x12\r\xd1\x94\xe8\xfe\x91\xfd\xeaIV1$:\xf0\xbd\xcd2\xa3\xc98\x1f$\xf9\xdcq\xa7'</t>
  </si>
  <si>
    <t>b'\xf8\xc3\x83\x99\xc5G\xcd\x19\xe2\x94@\xa3\xa6\xb8\xc6\x85\x0b\xe7$\xa8\xee\xaa&lt;\x10Ep*\x19I\xf0k\x82'</t>
  </si>
  <si>
    <t>b"\xbe\xebg(\xfd\xc86\xe1\xea!\x0fB\xb6\xd6\xa4\xdd\x00G\xd9\x1b\xc9\x93\xd9\xef\xe7!\x14'\xc4\xcc&lt;\x13"</t>
  </si>
  <si>
    <t>b"-\xa2\x90\x8a\xb1\xf5y\x97M\xafa\x87 ;!\xd2\xdf'J\x7f{\x7f\x15N\xe6\x92Q\xba\xe4\x1f\xc0G"</t>
  </si>
  <si>
    <t>b'\xccM\x8f\xc0\xa4\xd9y\x0b$o\xf2\xcb\x8a\xe6P\xac\xfcc\xf5\xee\xd6/-\x927\x04\x1d\xaej\xda\xceR'</t>
  </si>
  <si>
    <t>b'm\xd0\xacyY\xd3`\x15\xf0k\x16\xfc\xfc1\xadsT\x8a@\xb0e:@\xe5\x17\xb95h\x1a\xfb\xf7\x93'</t>
  </si>
  <si>
    <t>b'\xb9\xed\xb5`\xab\x18\\\xb5)\xe1\x12_\x8d\xf6}\x10\x10\x95\x8eo\x02(5\xe5\x8bpS\x8fN\x15\xfd\x1b'</t>
  </si>
  <si>
    <t>b')\\{\xaf&gt;\xf2YA\xae}\x17\xca\xb6\x8d\x9c\xe5#\xb4JP\x97\x94\xc7\xe3\xb6\x0b\x12sOs\xa4\xe9'</t>
  </si>
  <si>
    <t>b'\xe6\x97\x877\xcbv1\xb1#&lt;\xa5tz\xf9\xcf\x90\x8b\xab\x8c\xda\x92\xa8\x83[\xd9\xcb5\xff%V-m'</t>
  </si>
  <si>
    <t>b'\x82\x12$\x96\xed\x1eq0#;\xde\xf7\xb8\xf1\xbf\x10\xa9\xe9\xf3\x8d\xa9\xd1\x16Q\x89t\xd4~\xc0R`D'</t>
  </si>
  <si>
    <t>b'M9kz\xe5\x02\xb1\x83\x10\xbbu)\x1a\xc6\x1a\xd6[ZU\xd7o\xd9\xe1*t\xae\xfc\xc2]\x82|d'</t>
  </si>
  <si>
    <t>b'\x93\xf1\xe4!i\xe8\xa3\xb9\xc7l1\x05imW&lt;\xc8\x9bM\x9f\xe0r\xa4\x96\xa5\x1da\xe3\xb1\xf6tH'</t>
  </si>
  <si>
    <t>b'\xff\x7f\xae\t0\x90H\xae\xd9QuY\x08\t\xdd\xd7(uv\xd7\xf5\x0f\xf7^\xe9\xf2N\xec-\xeb4\xbe'</t>
  </si>
  <si>
    <t>b'\xae4\xf4\xf66Dl-\xa4q\xfa&gt;T %\xd2\xb6\xcb}\xb1\x1cQ\xea\xfe\xb8\x05`\xe9\xea\xec\xd0\x1b'</t>
  </si>
  <si>
    <t>b'\x84L\xed\xe6\xe7D\x86\x84\x95\x80V\x177\xd1\x88\x9e\x8f\xc0I\xc3\x95\x9b\xa6V\xd2V\xd4\xfd\x94\xd7Q\xe9'</t>
  </si>
  <si>
    <t>b'\xe6\xb3\x141\xf20A2\x87\xb7\x08j\xb0\x07\xb32\x82\xa3\x03\xc14\xa2d\xab\xe6\x86(\x84~P\xbcx'</t>
  </si>
  <si>
    <t>b'e\xc8r[\xad\x9b\xb2-@\xb8\x14u\x16\xc9\x9c\x0f\xbe\xf4\x020\x00\xeb\x8f\xa2\xfe\xe9\x83\xa7I\x88\x8aR'</t>
  </si>
  <si>
    <t>b'\rx\x1d\x16\x13+\xf7\xc3\x19\x94\xae\xe7\x92[\x99+\xb4\xc2\x96\xd6\xdat\x10)\xde\xa3\xaeLh\x829g'</t>
  </si>
  <si>
    <t>b'\xf2s@`j`\xd6\xd6\x16(\xf6N\xf2\xdd.\xd7M\x9d\x00\xbb\xd9\xf7\xfb\xe8l\xd7&amp;e\xb7"\xcbv'</t>
  </si>
  <si>
    <t>b'`\x13M\xd0\xdc\xa0\x03\xaf6:5\x07\xe1\xcfdc\x1eMV|p\x16==q\xc0\x87\xe1\xab\xcf\x13\xac'</t>
  </si>
  <si>
    <t>b'\x12a[D\x9e-\xdf6\xbep\x011\x15lz\xa4&gt;\xc2\xe3oa\xb0\xfe*\xa3q\x1fT\xcf\xee\x9e\x8e'</t>
  </si>
  <si>
    <t>b'\t\x85P\x10Yr\x1e\xc6$]:$\xbf*\x9e+m\x9c\x18\xda\xf9\xeb+\x1d\xe3\nq|D9&lt;\x1b'</t>
  </si>
  <si>
    <t>b'%\xbf\x83\xcd\xd3\xf9j\x99G\xb1\xedI\xc5^\xc3v\x03n\x00\x17\xe5\x10\x80e\xa8\r`\x8c\xe7A\x9c\x9a'</t>
  </si>
  <si>
    <t>b'Js\x1e\xec0\x17\xfa"k\x0c\xfb_m/\xc7\xd4\x07O\x97\'\x1d\xf0UY\xacLf$\xcb\xd3+\xc4'</t>
  </si>
  <si>
    <t>b"\xf9\xf9\x8d\xcc\xcf\x90{Z\xe3\xea\xb7K\xdf\x82'\x00]\xcf\xa0\x93\xe2\xcd\xed\xe0P\xf7\xb1$=\x14\xe1$"</t>
  </si>
  <si>
    <t>b'i\xe4St\x93MB+\x18\xc1\xe4\xceU\xe5Q\xad\xc4K\xf79\xcf\xf4\x86\xaa\xf7\x93\x91bw\xfe\xf1D'</t>
  </si>
  <si>
    <t>b'+\xd9\x99\xcaIT\xdd\xaa\xde\xd7\x9cA\x9ag\xbc]vL\x01\x19]\x84\xf6\x8edh\xe4\x87\x05\xb1\xbc\xff'</t>
  </si>
  <si>
    <t>b'\xea\xc1\x0f\xd5\x04K\xc2\x7frK!\xb0\xa8\x0fq\xbe\x10\x9c\x9fB;/EsKP!\x9b\x10_\xc0\xb9'</t>
  </si>
  <si>
    <t>b'd\xb79\xff\x10`\x01\x8c\x1b\xd9F\x02,~\x85!\xfa\x98.\xd2H\x04\x82\x95\xa9\xc2\xf1{Q\xc1\xbdz'</t>
  </si>
  <si>
    <t>b'\x87\xf7\xf5]\xa8\n\x7f\x069\xaa"\xbd\x93\xd5\x9b+X\xb4&gt;\xe4\xd4z\x9ea\x89\xaaB\xbc\x12\x9d\xe6%'</t>
  </si>
  <si>
    <t>b'\xc7\xd454\x13\x1a64\xed\xac\xf6}\x9aqGE\xd9\xb5M\x13\xff\xe0H\x95;\xbf\\\xfe\xf0\x8bY\x0b'</t>
  </si>
  <si>
    <t>b'\xf4\x81\xa4\xca\xcb\xd9\xc8\x15\xf8b\xcc\xec\xf7\xf9\n\xc8\xd3\xa9\xa3\x82=.\xdb\xa3\xaa\x10S\x07\x107\x08$'</t>
  </si>
  <si>
    <t>b'\xca\xc1|GB\x9d\xc3\x86{6\x10v\x0e&amp;w\x7fwY\\\xda\x999\xe2\x9aH\x92\xe3\xae\x97\xce"\xfb'</t>
  </si>
  <si>
    <t>b'D%d\x9e\x1cB\xbde\xa6b$F\xea\xa3\xbb\xf9\xcc&amp;\xe3\xd7\xf2\xb4\xc2s\xc38C~\xb4\xdf(B'</t>
  </si>
  <si>
    <t>b"[E\xe3\x93\x84M\xc9\xef\xe0UP\x15&gt;:8\xb7\x96\xd0*\x89\xc3M\xe0\xa31\xd1\xe8\xc4'\xa8\xc9\x9d"</t>
  </si>
  <si>
    <t>b'c\xcb*:U\x97\x95\xcd\xe5\xa4\x92$\x88*L\xa1\xaaS\xd3L\x01F\x08(\x1a\xe9\xa3\xee\x19\xeb\xf9d'</t>
  </si>
  <si>
    <t>b')\x05\xe1\xe7\xf3\x94=N\xc4\x82\x9e!\x89:\x8a\xbdb\xf7S\xe6S\xbe=\xef`\xe3;\x1eh\xff-T'</t>
  </si>
  <si>
    <t>b'G\xbe\xd0\x85\x87\x1c\x16\x9b\xc5\xaf\xfag\xb1\xd7 e\x08\x0bmS\xd2fS\x93\xd2\xf0\x82\xcd\xb6,7\xbc'</t>
  </si>
  <si>
    <t>b'\xfc"\x91Tv\x91\xaa{\xc92\x19M\\\xdcX\xfbn)d\xec\x9d\x94\xb3\xed"\x8e\xe8\x8aw\xd6CD'</t>
  </si>
  <si>
    <t>b"\xaamQI\x0b\xbdNTL\xb1\xb2b\x12&gt;\xf41'\xca\x97\x18|`#\xf6\x81\x93B\xff2\x10R\x02"</t>
  </si>
  <si>
    <t>b'\x15\x9f\xa9\xae?\x9c\xfc\x7f\x85Z\xf3\x81sL\xe4\x92\x10\r\xb2\xd1\x1cb\x92\xe4\x84\xa4%\xe2\xcb\x9eXa'</t>
  </si>
  <si>
    <t>b'B\x8b\xe8\xc2\xb1W\x91-|\xfc\xfd\xd1\x85tQ\r\xe1\x89.\nI\xd8w9\xa0\x9a\xf7\x1fG\x99\x7fn'</t>
  </si>
  <si>
    <t>b"4\xd2\xe4\xf3\xd4\xab\xef\x06J\xf2\xab\xa6\x1c'\xbc\x81!\xc5\xa4\xec\xf9\xfb\xec`\x86\xf0\xe8\xcf&lt;\tp\xc9"</t>
  </si>
  <si>
    <t>b'$O\r\x13B\x18\xb4\x0c\xb0Z|\x96$\xf1z6\xbd\xa7\xbb\xd8S\xd4\x9d\xc67\xf4f\r\xdfVT '</t>
  </si>
  <si>
    <t>b'\xf1p\xbd8K\x86hH\xff\xf2\xacl8\xbc\x02\x07"\xcf\x9d\x93\x8b\xa1\xaftX\xfb2\x9d\xf2\xf1\x9eA'</t>
  </si>
  <si>
    <t>b'\xe5\xf5h)\x14T\x99G\xcf\xaeS\x87\xaf\x80\x80\xa1\xd2"\x84\xdb\x94\xc1MO\x04\x8a\x136*\xec\x7f5'</t>
  </si>
  <si>
    <t>b'.h\x0b\xb7]cZ\x89\xb2\x9eG\xd5\x17\xaf\r\x08x\xa06\x1d\x07\x80j\xa7\xfb\x90G\xc1Z\xe66\xdd'</t>
  </si>
  <si>
    <t>b'\xde\xfa\xd8k4\xb9b\xb2\x85\xb3,\x01\x18=\xba\xd9M\xe6\r\x12\xe6\xffv\xf6\x0e\x7f\x0f\x89+7;\xfa'</t>
  </si>
  <si>
    <t>b'\xbd\x1a=0\xe0\xb2\xb2)j8\xc8qF8 kU\x88u\x1e0\tv\xe3\xab\x81\xd66E\x07\x19\xe0'</t>
  </si>
  <si>
    <t>b'\x8d\x8f5\x1b\xf4\xdbN\x1c\x18\x0cs\xe7\x9b \x1a\xfe\xa5{\xe6\xbf\x0c\xfe\x10\x97\xc8#\xc0U@\xc6:\xf4'</t>
  </si>
  <si>
    <t>b'v;7\x1e\x1a\x85\x97\xb47Q\x02\x92\xc1^W["\xe6\xf2\xfc?\xff\xe1\x9dk(\xda\x97Db\x9a]'</t>
  </si>
  <si>
    <t>b'C\xab\xac\x1c\x92f\xee\xe0\xd9\x18O\xab=e\xef\xb6\xc6\x0e\xa0Jc\xa1\xee&lt;\xfc9\xbd.\xd8\xb3\x12\xd7'</t>
  </si>
  <si>
    <t>b'F\x97E\x1b\x04&lt;\xf4\xef\xfd\xdc\xa0\x9e\xe0s\x142\xd3)Z&lt;K\xd8r\x0b\xf4NI\x95\xf7)\xe7q'</t>
  </si>
  <si>
    <t>b'\xcfU\xa4\xd9\xe3\xa0N\xcbzw\xdb\xbf\xd6\xf0Y{\xa6\xe8\xf3\xe6\xe0\x9f\xa09\x83\xa3\xf5\xf4\xfb\xcb\x8d\xf5'</t>
  </si>
  <si>
    <t>b'W\xee\x83@\x9f\nS(\xe7\xd6\xfc\t\x1f\xd4LY\xb6\xfa\xfaV\x1c\x9fr\xac\xed\x17\xef\xce\xa8\xc5\x81z'</t>
  </si>
  <si>
    <t>b'1\xc2p\xdaoHd\xf74\n\xd2D\xaa\x1d\x0b\xd8+{/*\xf0\x15\xe0\x921,)\x0f#_\x01\x8e'</t>
  </si>
  <si>
    <t>b'G(\xf1\xa4\xe8\xf4)\xc7\x16\xab\xbb \xb1g.\x9c(\xe3\xf6\x87\xf8\xf6\x06;\x83c\xea\xeb%J)\x97'</t>
  </si>
  <si>
    <t>b'\x14[x\x9c\xdc\xd3e\xdbB\xc2\x90\x97#"\xfa-\x1f\x12\xb7\xca\xbb\xac\x8a\x8a\x83-*{\x89\xbeAq'</t>
  </si>
  <si>
    <t>b'\xeb\xfd\x0b\x10\xde\x07\x83\xc0\x91@\xa0\xed\x8f/\xae\xa7\x90i\x16\xa7\\\xd2\x96!\xf3\xf6\x93\x97k\x80\xb0V'</t>
  </si>
  <si>
    <t>b'N\xd4\x94e\xcc\xcaM\xa1\\\xbd\xad\x8e\x1f@\xa7\xbef\x14\xe7=\xb02%\xbfw\xfd\xa1\xfa\x10O\x12\xed'</t>
  </si>
  <si>
    <t>b'\x8b\x1f\xab\xae\xac\xd53[\xdf\xd6#\xb1gXi\xb0,\x88i3\xadAg2\xf8P\xb0\xfc\xf4\xecI\xfa'</t>
  </si>
  <si>
    <t>b'\xf4-\xe4\xb8z\xf1=\x18\x8d{\x86\xa0\x80g\xd0\x95\xae=Vfq\x97-\xfb\xe9\xdc\xf3.\xee\x0ciL'</t>
  </si>
  <si>
    <t>b'oc\xfc\xc9(\x14\xed\xdd{\x98\xf4\xf3c\xd9,\xea/\xbf\xe1\xfd\xa5\xdf\xf5\xecS\x90\xf0/\x9d\xed\xba\x1f'</t>
  </si>
  <si>
    <t>b'%S\x14H\xc1v\xb3\x80,k\x18\x98\xa4\x01\xa4\xa2\xe8\xd3\nz~\x96\xeex\x1dv\x982o\xd1\x1cD'</t>
  </si>
  <si>
    <t>b'\x88}\x08\x8e\xca\xc2\xcf\xa6\x1e\xbf\x1f[\xb0Lf_\xa3\xc8^\xb5\xd2\xc1M\xdbV\x93\x8e\xda\x1a\xbb\xc9H'</t>
  </si>
  <si>
    <t>b'\xfb\x9a\xa8N\x84\x7f=\xc1\xc9\t\x04\xfb\xe8\x82\x1a\xff`\xf0Q7V\xea\xa8\n\xa1\xd8\x88D\xf4b\x01o'</t>
  </si>
  <si>
    <t>b'\x86\xff\x868?q]\xf2[\xfeJL\xea1\x89\xbe\xea\x00\r(\xc5\xa2\xd6\x1e\x1b0CyeC\x87\xf3'</t>
  </si>
  <si>
    <t>b"0\xb4\xc0\xfe\xcd'\x08:\x16\xbc\xd3\xb6\xac\x04\xc9c\xfd\xe0\xdf\\\xa8\xeffS\xe4g\xc6\xd5D\xfb\xd5\xe6"</t>
  </si>
  <si>
    <t>b'6\x18\x03\xd0\n\x93\xf1\xcfh\x90=\xce\x06\xa7\xbd\x9e\xafBY\x10\xafh&lt;]\xf0\xc4\xa9X\x91\xf1\x04\xce'</t>
  </si>
  <si>
    <t>b'j\xd6\x13\xad\xe9X\x11\x19.\x01ooy\x1f\xef^\xecZ\x80|\xc1\xb8\x19D#{\xb6s\x818N\x0b'</t>
  </si>
  <si>
    <t>b'\xe0N\xdf\xc7\xb4\x9a/\xac\xbf\xdf\xd7[\x83\xb3\xd5\xf9\xb2\xedV\xcc\xa3\xbc\xbd\xfd\xa4u\xcd\x9d%\x08\x00G'</t>
  </si>
  <si>
    <t>b'OnU\xca\x82Q\xe6\x8dF\x94)\xdb\xb1\x85\xdb\xac\x0e\xdeLT\xd1s\xfe9M\xad\x0eki\x8d\x06\x9c'</t>
  </si>
  <si>
    <t>b'\x83\xc8\xbc\xe6\xa8A\xb1\xc9\x103\xe6\xfa\x9ai\xaft\xbdT%\x0fd\xa0\xf6\xd5ej\xad$\x8aR\x06\xd4'</t>
  </si>
  <si>
    <t>b'~\xee\xfbV\x1d\xafO\xffX\xd8\x11\xf1\x80\xe7\xffNO\x18YIrv#\xbc\xe4\xf7(UI\xefN\xc8'</t>
  </si>
  <si>
    <t>b'\x1a7i\xe6\xd7\xc70\x12e\xe5\xd7\x9f\x97\xc7f\xb5Q\xf2\xcf\xf1,\xab\x8f\xe6\x00/\xf2\x16\xa2\x85\x12\xad'</t>
  </si>
  <si>
    <t>b'\xdd\x12@\xbd\xa6\xc5\xa8\xe1\xaf\x05/z\xc0/]:\x84\x10\xd2\xc9\xea\xd0\xe9\x1d\xeeu\xe1\xbf*\xac\xfe\xfc'</t>
  </si>
  <si>
    <t>b'|\xd8({\\Vk\x9c\x026n\xc9\xef|Ua\xadn1\xe3\xd92\x10\xbbaOD\xd3I\xac]\xc3'</t>
  </si>
  <si>
    <t>b'Cu\xac_\x833\xc9\xba\x9c\x81&lt;s^h\x15\x00\xbe\xdaR\xfaD\xa7\xd6\x97\xdd\x9c6\xe4G\xce\x19\xa4'</t>
  </si>
  <si>
    <t>b'?p\x9f\x16O{!m\xc0\x86\xe8rC\x07\n\xbfX\x96@\x19Xv\xaf\r\xbb,\xbdS\xaf\tCW'</t>
  </si>
  <si>
    <t>b"ZZ&amp;f\\e\xd1DJ\x99B\xf6\x13\xfc}\xe6\x1d\xb4t\xbb\x06Q\x9f\x06M\x03\x8a\x8cB\xc0\x9c'"</t>
  </si>
  <si>
    <t>b'\xe4\xd0\xed\xb3S\xe7eT\x1e\xb5P\x998*\x7f\xde\x0fK\x1d\xc79\x1f\n\x16\x9d\x90Z\x1b\x81\xc2\xb9\x95'</t>
  </si>
  <si>
    <t>b'\xb4\xe3\x0eG\xf1\xc2\x93\x1b\xc6\x14l3\x97\xa8o\xcb\xe8\xeb\x8e\xf5\xd3\xb8\xaf)\x19\x92\x0f\x86\x7f99V'</t>
  </si>
  <si>
    <t>b'g\xe8\xa99\x0f\xae\x83\xa5\xb2\x9f\x1c\x08{\xe7\xf7\xf2\xbb\x90\xe5\xa9J\x84W\'?\xd8\xbe"E\xb7\x18\xec'</t>
  </si>
  <si>
    <t>b'l\x8bB\xf0!\xe51Ml\x83w\xb2\xbb\xa1\r\xe2`+\xdc\xb5\xa4\x17\x1a\x81\x81\x19\xde\xd2\x16\x88\x1c\x98'</t>
  </si>
  <si>
    <t>b'\xf9\x99\xeb$\xbe\x11i=g\xd66\t\xd6W\x87\xa3\xa6n\xdb\x8c\xf9I\xe4H\xe3\xa6U\x94\xb2\xb9}5'</t>
  </si>
  <si>
    <t>b"\xd2\xcd\x0c\x8e\xbf\xe4\xc0\x1b\xca\x14'\xab\x9a\x0b\xd1\xa8\xc8%Xf\xb5\x98&amp;Be\x1csgK\xb8.L"</t>
  </si>
  <si>
    <t>b'\xc1\x7f\xdb\x9a\x93\x84h\x93\x0c2\x88\x8a\xa7\xd3`L\xcd\x89\xe1\xeb\x9d:\x8b\x7fn\xa9\xbb\xfe\xa3\xe1\xa1w'</t>
  </si>
  <si>
    <t>b'w\xb5\xe0h\x03k\x02\t\x91\x0fYF\xbc\xe1-\x1fSj\xe3\xae\xbd\xcc\x98\x1f(\xb1\xbf\xcd\xf16\xccV'</t>
  </si>
  <si>
    <t>b'O\tt1x(~\xd2\xe6qj\xe4Im\xe2\xd4\xc9\xd5\xca\xb3XG~\xe7\x9d\xdc\x0cq\xee\x83\xb7\xcf'</t>
  </si>
  <si>
    <t>b'\xad\xb8\x0e\xe74\xf5\xd7Y\xabm0\xc3\xd9\xcd\x9c\xd7\xd8\xf1\xcbY\xd3\x04\x8f\xfd\xb0Kn\x7f\xb0\xb13X'</t>
  </si>
  <si>
    <t>b"\x94f\xa2w\xfb\x19\x9e\xa8Db(O\x8f[\x9d'F\x91%\x07\x8d\xff[Iu\xca\xaf\x02\xab\x83\x91\xa9"</t>
  </si>
  <si>
    <t>b'\x17~\xf5Y\xad\x19G\xb2\x15B|\xe1i\xae\x1d\\\xae\xb4\xf3iZ2\xa7\xb0E\x9f~*+\x96\xb0c'</t>
  </si>
  <si>
    <t>b'&amp;\x16\xd9Z\r\xd6\xfa\x14\x0f\xacK\xf3\xf6\xa1jkmS\x8a\xa0\xf2e\xe0m\x83\xb1\xa5\xb5\x95\xb7\xb6!'</t>
  </si>
  <si>
    <t>b"\xddm\xe7\xdem\xc1\xf6\x9au\xd5\x82\xac\xe3T\x1d\xbc!R\x96F\xa3\xb5\xf9\xafp\xb0\x17n\x8d\xaa'\xf0"</t>
  </si>
  <si>
    <t>b'\xe4wX\xe0\xd3\xf6\xb5\xf6\x8f\x10-\xa0\\\xe2&lt;N\x1cm\x10Jx\xc1u`^U\xf8\xf0e~\xe0\xbd'</t>
  </si>
  <si>
    <t>b'\x11\xb0\xc1\x0e\xacP\xa6y\xeb\xfb\xf2\x14\x84\xda\x1fA\x1b\xfb"\xd2rV\x86\xb5r\x1d\\\xd7\xf7\xeeu\xbb'</t>
  </si>
  <si>
    <t>b'\xc5\x82\xa5\tz\xc8e\x95*\xf9\xd4\xfa\xab\x07\xba{\xf7\x18\xfa!c\xbc\xf1\xd0\xe8\xdf\xa0\xc7\xb6J\x7fy'</t>
  </si>
  <si>
    <t>b'u\x87"\xf0\x177\xbe\xebp\xe0\x16\x19\xbe\xa2\x022\x83\x8cr\xb7\x08\xb8\x80s\x16/\xcb\xa7\xdbc\x83\xd6'</t>
  </si>
  <si>
    <t>b'U\x8d\x9bm\x9bM\xe3\xc3\xf3!\xa7C\x95x2\xd9\x89\x8d\xbfz\xfa5\xc5*p\x95\xfe\x00}aM\x81'</t>
  </si>
  <si>
    <t>b'\xad\xd6\t9\xf8\xad\xa1\x9a\xb7\x8aI\xca5:\x9b\t\x8aq\xcbV\xe6PP \xacq\n\xd9_\xa3]\x15'</t>
  </si>
  <si>
    <t>b'\xa1\x13\x16@`\x05\\\x87\x9f\xed\xd0$V\r\xe3\x12\x18\xd2\xf0\xc9tz\xe9bA\x1d\xa6iL\xd5\x12\xb6'</t>
  </si>
  <si>
    <t>b'aR\x1dq[]\xaa\x1e\x92\x01\xcc\xa48\xc6\xbf\xb5\xcal\xc1\x95Z\x7f\x10\x8d\xef\xb3]W2\xf6\xbe\x18'</t>
  </si>
  <si>
    <t>b'\x99\xa2\xa0:QL\xf3\x1c\xc8\x96\xcd$)\x04\xe3\x8eeA\x19\xbdk`\xd3s\xd1\xb1\xba\xe0r\xf6\x9c0'</t>
  </si>
  <si>
    <t>b'(\xf4\xb3\xd9w\x95A_\xc6\xc0\xa9,\xa1"\xd7\x0cZ\xd5\x9e\xb0\x00\xcc-\x17\xbf2\xf3N\x1e\x89\xc2q'</t>
  </si>
  <si>
    <t>b'wN.\xba\x862\xfa\xe5t\x9f\xd6,\xf7\xe48\x19\xa6\x1c\x90\t\x1bZ\xfe"\xd0\rK\x17\x00\xd9\xc3\xec'</t>
  </si>
  <si>
    <t>b'\xa5\xb9\x9f\x90\xa3[Ty\x98R\x86z\x04\xc5\x83\xb3~\x99a\xcd\xf7/\xdb\xd4*\xd9\xa6C\xfb&lt;\x03\xb4'</t>
  </si>
  <si>
    <t>b'\x8b\x94C^\xfe\xdc!\x1d\xea\x11\x81\xfa\xaf-S\x1b:\xedi\xf7\xfd\x92\x92\x98L\x95\x8a\xd1\xc1*#\xb4'</t>
  </si>
  <si>
    <t>b'\xf6\nF\xab\xc3\x83\x05YL\x15\\\x87&gt;z\xac\xbe\xad\xa2ykuW\x90HbZhV2\xc5\x15d'</t>
  </si>
  <si>
    <t>b')I\xbdr\xd9\xf4\xb8\xd6\xa9+\xd6\xb6\xadf\xc4\x1d!\xf9,{.\xeb]\x85~\xf0\xd9?3.\xee\xab'</t>
  </si>
  <si>
    <t>b'\x1f\xa6Bd\xed:\xae\xad\x8e\xa1\xd3HO\x9c\x1d\x07\xdb!\xb0U\xc4\xf2Q\xa2\xd0|\x04\xcf\xfe\x95\xc5\\'</t>
  </si>
  <si>
    <t>b'\xdb\x14\x93\x94\x98b\x8d\x9b)^\x1d2bD\xe1$y)\xa2\xf8\xc4\n\xa9\xfa\x06\x93\x93\xe2q\x87\xdc}'</t>
  </si>
  <si>
    <t>b'\xa4\x15b\xcf\xcd\xfd\xa0\xae\xfb\x86\x83\x1dB\xc1\xd4\xf1\xa6\xea\x9bn\x92\x9cX\xcc\xdd"TJ\xa0&gt;\xd0\xab'</t>
  </si>
  <si>
    <t>b'3\x102\xba\x95\xd6\xbb\xd6\xc4\x0e\xfeW\x98*Q\xfc\x18\xd8\xff\x0e\xb7\xe5\xd8`?\xe68\x8b7\xab\xb2\xfa'</t>
  </si>
  <si>
    <t>b'c\xab\xf5\xbc&gt;\x81u\x91(W\xe9\xa33\xda\xa4\xd7yb\x12\xcd\xe8\x05e\xd8\x18P-4\xcf\xba\x88\xdc'</t>
  </si>
  <si>
    <t>b'\xa9\xc5\xbc\xe2\xcbK\xce \x04\x9aH\x97\xe3\x1d\xc2\xc0Q\xfd\xd0\xdf\xd3\x9d\x03\x13\x9b\xe93\x93L/\xa1\xdb'</t>
  </si>
  <si>
    <t>b'5\xecI\xaf\x99Y\xb3`m\xc8\x90\xdfKJ\x9a\xd6;\x08@\x8e1\x1c\x1cU\x08\x91\xaf\xf4\xf9O\x90\xb2'</t>
  </si>
  <si>
    <t>b'&gt;I\xc7\xadk\xc2s\xc6\xe8\x97)\xa4\x86Xk\x1b\t@\xe1K\xf7gsm\xb1\x86,R\x85\x9bW\x15'</t>
  </si>
  <si>
    <t>b'p\xd8\xcev\xf7\xec\xad\xf5\x81\x82\xb8\xad9\x80\xb6J\x14\xc4\xac\xe5j\x80\xf7\xca\xfbq\r7m\x90o\xc8'</t>
  </si>
  <si>
    <t>b'3\x89\xe3s\x9el\x9f\xfb\xe5Zt4&gt;fV\x9b\'U\x8bA\xa0z"t\x1f\xd1\n/\x81w4*'</t>
  </si>
  <si>
    <t>b"U\x8c\x08\xb9\x05{'\x94\rE#|\xef\xf4m\x14\xf7\xd2}\xb1\xd9\xb79\xa6\x9a5\xa2\xbfC\x147\xec"</t>
  </si>
  <si>
    <t>b"[(\xc6w\x80\x1e\xb4\xae\x8b\x1fW\x83\xaf\xe8\xa7}\x16\x0cr4\xa5\xce\xc2'\x10\xd7\xd4!\xb4q\xbeI"</t>
  </si>
  <si>
    <t>b'\xd0v\xb2\xe8\x00\x8e\x01T6}\xbc,&gt;\x8f&gt;x\x87\x01\xf2\x0e\x9bD\x12@i\xef\x81i\xfdc{%'</t>
  </si>
  <si>
    <t>b'8i\x93H\xa5\xe5q\xe3\x0c\x03W\xa3\xa4b\x80\x12\xd5\x86\x1a:iB\xec\xca\x84jzo\xa4\xaa\xd7\xc9'</t>
  </si>
  <si>
    <t>b'wdAh+\xee\xbe\xda\x9202\x90\xb7\x81\x8b\xc5\xe4q\xb7\xe0\xc8%3\xacZK&lt;\xc3\xa3\x04\x81\xd3'</t>
  </si>
  <si>
    <t>b'e2\xa2k\x7f\x83\xda\xce \xa5VeZ\xbe\xc8\x19\x06\xb13S\xfb\x9b\xc0 \xcf\xd2\xf6\x9f7\xa7{\x9c'</t>
  </si>
  <si>
    <t>b'\xdc@\xdd\\\x14"\x95\x91Y\xb0\x90\xfe\x03&lt;~_pP5\xf3`\x90\xfc\xd4H\xe9_\xf7\xa8\xa8\xc0\xb2'</t>
  </si>
  <si>
    <t>b'\xd7\xd4{\xb6\xc5m\xcb\xea\t\x88\xa9\xd9_\xbf\xc6FI\x17\x15Y\xd0\xfa2a\xe6o\x9eo\x0f\xda\xc0P'</t>
  </si>
  <si>
    <t>b'=\xc7 \xd9\xe4\xd6\x91\xa0\x82\xb6\\\xa4\x93\xf2\xf5\xc6\xef+g\xd6e\xff\xd9\xbf\xc6\xf8\x82)\xd6\x9c\xbb\xb5'</t>
  </si>
  <si>
    <t>b'\xb3\xd7J{\xfd\xa9\xd7\xe2\x84xS\x81\xbb\xcfv\xc0 \xf7\xde\x06T/\xc0$\xe0\x0fk5\x7fOO\xf8'</t>
  </si>
  <si>
    <t>b'\xbd\xd5\xb41\xb0\xafh\xa7\xfd=\x8a\xa69\x10\xba\xbfO\x85Q\x00\xf2\xe7\x03`&amp;\xd1\x85\xca\x92\x9e;\xc7'</t>
  </si>
  <si>
    <t>b'J\xf0\x98\xe7\xbb\x1btS\xb1\xf4\xe0\xc6\x981\xa5\xfe\x0c\x9f$\xe19s5\xa9\xe4\xb0\xa4\x9d\xf0\xde=\xae'</t>
  </si>
  <si>
    <t>b"\xab\x90\xb1\x9b\x85U\xf9S%\xa8T}E\x8d\x15\x85:[\xaa\x89%\xc7}\xae\xcf\xb5\xc3[d\x16'\xe5"</t>
  </si>
  <si>
    <t>b'\xb0%\x02\xb4QS\x89c\xbc\xb6\xde\xc2J\xddn\xb9j\xbb*\xf0\xa5O\xb5Y\xc2\xbd\xc6\xec=\x8c&amp;~'</t>
  </si>
  <si>
    <t>b'\xb4b\xf7\xf0\x11\x8bq\xb6\xc0\xf6\xca9\xd8t\xef\xbaS-G\xafr:\xa0\xfa)1\x9d\xc7\xf0\xcb\x89\x90'</t>
  </si>
  <si>
    <t>b'`\xfc\xea\xfd2\x01\x7f\x90\x0eMw{\xe7\xcci\x17/\xe5+/\xa7\x84\xe19K4u5\x8d\xf5`\xab'</t>
  </si>
  <si>
    <t>b"\xb5\xb2ve\xf3\x1d\xde\x05\xa9\xe6\xf2\xf5J@\xbcAn{\x06\xc5Q&gt;~z\xb9\xc0L3\xa5C'\xdc"</t>
  </si>
  <si>
    <t>b'\x14\x1c\r\xb3\xde\x87m\xbc\x91\x91\xf2dtq\xf9\t?\x10\x9c\xf2\xfc\xc0\xaf\x1e\x84r\xa4\xdfu\x8c\x01,'</t>
  </si>
  <si>
    <t>b'\xd8/[\x1f\x12n\xbd\x04\x04\x8e_\xf6\xdb\x87\x18\xbfz\xb0t\xebc\xa7\xa8\xf4I\xa5\xda\xff\x7f"\xab\xf8'</t>
  </si>
  <si>
    <t>b'rk\xe6\xf2\xda\xe3b\xfc,Glf*&amp;\xb79\xdd\xe5\xd8*_\x0bL\x85\x86\xef,\x19\xa0\xd5Y\xe3'</t>
  </si>
  <si>
    <t>b'\x04\xcd\x03\x83\x13D\x1f\xdd\xb3\x9c\x88\xf3\x99\xb8\xa0\x1e\x90\xb4\xde\x8dh\x931\xec\x18@\x94\x0e\x1a\xec\xbc@'</t>
  </si>
  <si>
    <t>b'\x9e)8\xba\xf9\xb4\xe7Z\xdf\xea\xaaU\x01\xe9L\xc9\x82\xb33\xb9 d\xb8\xfcF\x97\xe0[\x0f\x8f\x8aI'</t>
  </si>
  <si>
    <t>b'\\lz\xc4I$\xd5qD\xaf\x13\x8d,R\x90\xa3\x8d@\x8a\xd6\xf8!MW\x81C\xdeN\x99\x14\xb4\x15'</t>
  </si>
  <si>
    <t>b'\xfd\x83&gt;y\x1c\xaf\xca\xfd^O&amp;\xe3:\x8a\x800\x05\xfc$}\x8c\xc5\x1b\xb3\xd8\xb0x\x9d\x8b\xd6\x110'</t>
  </si>
  <si>
    <t>b'C\xd3\xb2\xa5\x03\n\x0f\x14/(=\xcd]\xcc\x04\xda\xd8\xaf\xfc\x98\xf9\x0b=tW+8R\x90\xf3t\x0f'</t>
  </si>
  <si>
    <t>b"\x166\xfd\xd2V\r!'\x95$\xfd\xba\x02nl\xc1\xf4\xe3\xc8!\x8e\x8f$\xfc\x8fa=\xc8\x1d\x11\x8f'"</t>
  </si>
  <si>
    <t>b'y\xa6*\xc6*\xa6\xfd\x00\xdb\xe7Xnk\xda\x9f\xb3\xc9O\x93\x1a\xde\xa0\x85\xd2\xb6\xe4\xe2I\xe1\x1e\xf2t'</t>
  </si>
  <si>
    <t>b'\x96\x96\x10\xcc]\xc62 \x91y\xfbdL\xfe/\x8d\xebE\x10\xcbG*\x0b\xe1\n\xb1\xd7\xf0\xe0:\x01S'</t>
  </si>
  <si>
    <t>b'\x82\x17?\x90\xe5\xe0\x1e\xa4\x80\xa96^\xd6\xfcQ\x04\x02\xc0[\xb6 \xb0x2\x05\xef\x8e\x8c3\x98/h'</t>
  </si>
  <si>
    <t>b'Fp\xc71\x13\xa9n#\xe6l\xc7q\x90\x02\xde\x90\xbe!A\xcb\xbf\x90\xa9N!"\xaeY\xea\x0c\xd6i'</t>
  </si>
  <si>
    <t>b'\x0c1YO\xf6\x17i\xc7|\x99\x88Q\x850\xdb@\x9a\x98\x9d\x12\xe4\xc4s\xdc\xcf\t/1\xffU\xb7\x82'</t>
  </si>
  <si>
    <t>b'y\xe9w\xd0\xb2\xc0ww/D\xceC\x15\xcd\x92\xa1\xbd\xed\xdc\xc9\xf1\xe9w\xd7\x90\x0b\xf23v\xc3#\xb8'</t>
  </si>
  <si>
    <t>b'\xb2N\x98\xd2\x18\xb6^deW?\xf3?\xce"g\xecU\xf9\x17q4\xab\xdc\xd2\x86\xf2U\x11r\x1ax'</t>
  </si>
  <si>
    <t>b'E\xf0]\xf0`\xc1$ \x97\xeb(\xd0\x8a\x96)i\x97~\rc\xaa\x93\x056t\x0f\x9c\xef\xb8\rC]'</t>
  </si>
  <si>
    <t>b'\xea\xe5S\x13\xb1\xc9\xb3\xcc\x01\xfa\x88y3%\xe5\xf8i\x7f\x9b\xce p\xdd\x94\x0b\x16\x19\\\x81\xa4\xa9\xb8'</t>
  </si>
  <si>
    <t>b"\x10\x14\xc7&gt;\xda\xef\xf9e\rM\xe2\xa9\x02(J\xfdV\xbc\x86'\xf4\\\x9b\xb6\xd5\xbcqv\x13V\x19K"</t>
  </si>
  <si>
    <t>b'\xc0\xc1%\x97.|0)\xbcD\xfdF@\xdc\x8d\xda\x99\x91\xc7$t\xb7\xfd\xd5\xa6\x8dr\x89.[x\x1d'</t>
  </si>
  <si>
    <t>b'\x12$\xe9\xb5\x06#\x03\x85\xeensD\x1a\x8a\x19\x1e\xa9\xc9\xbdz\x98\x1c&amp;Mr\xc8L\x9at\x9a\x01k'</t>
  </si>
  <si>
    <t>b'p*\xdf"\xd2\xcat!\xdf\x87\xd9\x91\xb8\x12\xf2._\xc1\xbc\xad\xaf23\xac\xbe#M~\xf9V\xa0\xc4'</t>
  </si>
  <si>
    <t>b'+Q\xda\x98[\x1d\xb5\xf9\xb6\x1d\x06MEG~6!%\x02\xb4\xe1\x91\xdfm\xff\x0f)\xfb-d\xc86'</t>
  </si>
  <si>
    <t>b'\xe6zp\xa5\xff\xb0\xaa7^\\\x1f\xbe:\xdb\xa7\xd3uE\x1bp4W\xb9\xef\xf3s0\xfcj68h'</t>
  </si>
  <si>
    <t>b'\x10\xdf\xac\xa2I\xad\xf5\xef-\xb7\xd6&gt;\x95\x18\x14\xe46H66\x0bw\xf7.Ro\x85E\xa8\xad\xaeo'</t>
  </si>
  <si>
    <t>b"\xcc\xd5\x06\xd5\xf7\\\x91.\x00J\xad$\xda'\rt|\xfb^\x00\xa3!6\x95\xe2\xfb\xef\xcd\x07\x02_\xab"</t>
  </si>
  <si>
    <t>b'\xbb\xe3]x\xecjH\x9c\xda\xc9\xcf\xb0FT\x8a4\xdc\x92i\x95\x07\xed\xf7\xe7\xb0\xa4\xc28tdDT'</t>
  </si>
  <si>
    <t>b'\xb7t\x90\xad\x00\xd6d\x98\xc0\x7f&lt;\xcd\x85c`\xbe`\xf7\x94h\x9e\xd5\xab\xdc\xa0\x08\xf3\xd4"\x85\xe1\xd2'</t>
  </si>
  <si>
    <t>b"\x03\xb8\xe4\x10*\xfb\xc7\xdd!\xb9\xae\xf7\xc0\xbf\x0b\x04\xf0\xdcR.Fs'\x17\xb38lq\x138\xa7\x90"</t>
  </si>
  <si>
    <t>b'\x14S\xcd)\x8f\x98\x08\x02\xa8\xc9\xd3\xd0\x18\xcb\xb6\x99\xf8\xaeAJH\xd9C\xe7vH\xfb\x0b\x88\x16\xbb\r'</t>
  </si>
  <si>
    <t>b'x\x1ax\xef\x13&amp;\xe1\x11,\x90\xa6\xb7\x17\xeb9X\x14\x88\x95\x19c\x94\x7f\xca\xb3\xff\x15~36d\xc5'</t>
  </si>
  <si>
    <t>b'o\x1d\x11o\xabD\xfbZ\x14\xa7\x00=\x10\xdag\xb6/o\xb0\xa8\x9b\x92&gt;+\xb6\x81\x00\xc2{Y\xa8R'</t>
  </si>
  <si>
    <t>b'.\x15Bk\xbe6"3\x1a\x04\xed\xc0\xafnS\xe5\'\xdc0\xe9p@\t#\x03\x9e8\x8f\xe4\x04\x96\xb1'</t>
  </si>
  <si>
    <t>b"S\xbb\xc9\x94\xb8\x85\xd1w]\x11\xf74'|\xf72\xd2\x8fP?L\xc6i\xd0\x9f\x82}\nU\xb9\xad\x18"</t>
  </si>
  <si>
    <t>b"'P\xb5\x987\xdf\xdd\xff\xa9C\x97\xb1R\x96\xbf_4^\xf8\xbb\x1bDM\xf2\xe5\xf2L\xe1\xb9\x97\x1f\xc9"</t>
  </si>
  <si>
    <t>b"\xcd\xe1]6\xd6_E\x9cs\xb9\xbb\x17\xdb\x10\xa8\x7f\xefV&gt;x\xc1\x13r\x96C'&lt;\xa2%jO\x96"</t>
  </si>
  <si>
    <t>b'\x00\xff[=N\xb9\xa8\x08P\xba\xf7\xef@\xf2!6\x8d&lt;$\xc7\xd77\xd7\xfc\xdd\x9bx\xd8\xd2\xc99\xf5'</t>
  </si>
  <si>
    <t>b'\x8b\xde(_\x8a=\xc6.\x11\xb8\x1e\xd9KN\xc1?\x0bW\x98\x83\xa5\xc0\x82u\x9d?\xb6\x8dR\x91\xfb\xb4'</t>
  </si>
  <si>
    <t>b'\xeb\xcf\xefj\n,\xe1\xb9\xc2\n\xf7^@)\xea\x94\x8ec\xf6H\xd1\xa7&gt;\x97.\x94\xfec\xe2\xfa0\xe2'</t>
  </si>
  <si>
    <t>b'w\x80\x84\xc6N+P\xae\xef{x}\xfe\xc0V\xc1\xa2\x88qr\xae\xdc\xe3\x91^\x7fd+\xdd\x05\x0b\x04'</t>
  </si>
  <si>
    <t>b'\xbf\x16\xbb\r\x7f|ny\x7f\xaf\xe7\xca\x8d\xcc\x17\xe3\xaa\n\x02\x8b_0 a\xa1;\xd2S2$\xc4`'</t>
  </si>
  <si>
    <t>b'n\xea\xd1N\xf8w\x10\xcc\xe3[w\xab9u\r\xf6EI \x91\xb0&gt;\x03\t(\xeaU\xc4\xa3W\xbc\xb9'</t>
  </si>
  <si>
    <t>b'\x02\xabc\xacI\x98\xc6{\x03\xd5\xc1\xeb\x00\xb3\xfbl\xe0)R\xbav\xc5\x91\x93\x14\x8e@\xad\x03T\x0f\xa5'</t>
  </si>
  <si>
    <t>b'\x9a\x1aR\xe1\xcbl\xe6\x93e\xf0\xdc\x80[\xd7\xf6\xcc\x16v\xbd\xf7-\x04\xde[z\xe0v\xab\xc7\x18\xeen'</t>
  </si>
  <si>
    <t>b'\xa2.\x07\xef\xdd\xdc6\xf1\xb0\x97\x15X\xa3\xd1\xd0\xaf\xe6$:&amp;j\x98\x18\x93e\xc8\xean\t\x080\xc4'</t>
  </si>
  <si>
    <t>b'A\xde\xfcdr\xa7\xf1O\x81\xe8\x91V\xd8\xf8c^\xb6\xa3[\xc0{\xeb0\x1c8\xf7\xc35\x81\xd4^['</t>
  </si>
  <si>
    <t>b'*\xc66-&lt;5I\xb5\xa1:QD\x8a\x11\xe3(J\xec\xa2$Kz*?\xb8\r\x03\xd7\xee\xe3\x06&amp;'</t>
  </si>
  <si>
    <t>b'0\xb2\xb4k\x15\xa9V\x00\xf3j\xa3kF\x00\xedd3\xdc{\xbf\n\xbe\xb4\x9f\xa24\xe5#&lt;?\x8d5'</t>
  </si>
  <si>
    <t>b'T\x10\x8e\xf8GN\xca\xe5)\xaa\xd4[\xb0[m\xa6Y\x8ej\x92b\x9a`\x05\xbdZ19\x01\xd9D\xd3'</t>
  </si>
  <si>
    <t>b'\r\xb3\xca\xf7S\x7f\x94\xaf\x03\xf03J\xa5\x04\xa3\xe8\xa0[\xf11\xaf(\xb6\xd8P\xa9\x93\x9c\x81\xa4H\xc0'</t>
  </si>
  <si>
    <t>b'\xdbM\x1e\xe6\xb2\xb4L\xf0\x1aa7\x84V2\x13\x90\x11\xc5\xae\xf9P\xe4\x02\xc4\xa77U;\x84\xcd\x1a\xb2'</t>
  </si>
  <si>
    <t>b"'`\xc5v\x84\xe6\xba`\x120\x96\x06\x81\xf4\xf9%j\xce\xd8\x19\xa3\xfevs\x92\xe2\xd9u\x06B\x01\xaf"</t>
  </si>
  <si>
    <t>b'\xea\x8b\x03\xbe\n\xde"t\x96\x9b`\xcc_\x8e\xaa\xdb\x1dX\t \x91s\x08\x81/\xdfY:1\xcd\xa0\x95'</t>
  </si>
  <si>
    <t>b'{\x93\x9a\xa0\xe99\x16\x08#\xc2\xad\x01JYa\xc4\x10p\xd6\xba\x8d_\xb3\x00\x9fw\xa2\xb7[\xc65\x0f'</t>
  </si>
  <si>
    <t>b'\xf1\xcb\x14T\xf1r\x88\x9f\xe1\x01\x9aic\xb4\xf0\x08\xc1\\\xb4\xaf\xb4\xf2\x9a\xebu5n\xce\x1b"\x84\x95'</t>
  </si>
  <si>
    <t>b'Z\xec^0\x1bR\xee\x9d+&amp;\xfd\xdc\xea\r\x16\xaa\x17\xf7^\xe6m\xa6.u,~\x16(\xb0\x01\x98\xa9'</t>
  </si>
  <si>
    <t>b'IV\x91\xad\x17\xed\x06ew\xe9\r\xc2\x81\x0c\xff\x98\xe3\xb5\\\x96\x93\xe3\xf1-\xae\xe4\x06\x88\x1f\xf3\xf82'</t>
  </si>
  <si>
    <t>b'\x1f\x9d\xd3\x11\xd0u\xa26\xe0N~\xb2\x03\xf23&lt;\xbd\xe1\x9d\xf6\xa4g\xf2\xd4`f3\x1a\xc5\x98\xc6s'</t>
  </si>
  <si>
    <t>b'\x19\xb1fK[\xb1iY\x9b\x8fHA\xf9\x14;|\x1d"79O\xb7\xb8\xcdR!v\xedT\x94\xdeN'</t>
  </si>
  <si>
    <t>b'E\xc5\xbfL\xbc\xafUX\xb2\xda\xdd0\x918\x1f\x11\xe79\xc1\x93\xfe[\xecI\xd3\xc9\xc7S%R\xd8\x1f'</t>
  </si>
  <si>
    <t>b'\x80\xd4\x9fV\x08\xe4\xa6{c[$\xfd\x16\x8e\x1a\xaf8\x88\xf8\xfd6\x0e\t\xbf\xaf\x03\x1c\x03\xdc`\xc3\xc9'</t>
  </si>
  <si>
    <t>b'xl\xb4\xe3\xcf\x84\x9dGI\x89\xfb\xe1\x9e\xd5\x12L\x8e.\x95\x930\xd94C\x1d\x89\x8c\x06\x88\xc4\x9f\x92'</t>
  </si>
  <si>
    <t>b'\xd3\xb2{\xb0\xb5\xb72\x1f\x90&gt;\x80-\xe6\xfb\xa6\x1a\xa6\xeb_\xffE&amp;\x0f$\xe4\x15\xd3\xd5\xda,C\xfd'</t>
  </si>
  <si>
    <t>b'\x9d\xb1\xd9\xd3;\xc1!\xec\x86D~\xf3\xd3\x12\x86\x96\xaa\xa4Z\xcb\xb5\xeck\x0e\xc7\xf6qK\xa9Y\x93\xdd'</t>
  </si>
  <si>
    <t>b'|\x14\xe20\xfbt\xbcu\xaa\x96\xa09\x8d\xe8\x95\xf5b\xa9?\x1c+\xb0xa\xef\x1dBh\xd1\xf6\xa0b'</t>
  </si>
  <si>
    <t>b'e\xcatkM\xe6\xdf\xe2\x025\xc9\xda\x01Qz\x7fI\x080\xba\x15/\n\x82\x94\xf4\x95\t$*\x8c\x85'</t>
  </si>
  <si>
    <t>b'\xfd\xce9\xaf\x1aW\x1a\xdb\xd6\xeb0=K\x05\xa8\xb9\xe3\x83\xb7\n\x8f\x95YT%\\lUE`\x1ep'</t>
  </si>
  <si>
    <t>b'\n%V\x16?\xd3\xef\xc7\x8d\xe1\x94\xe9\xe7L\x9au\\\x9fg1\x8a\xa7\x15\xc4\xf8\x11(\xb5\xfd\xbe\xafG'</t>
  </si>
  <si>
    <t>b'\x84f\x95g\x0e"3\x1cbe\x84\x12\x19^\x8f\xe3\xfa&gt;U\x1a!C\x9f\xb3Ic\x1eJ\xf5A\xaa\x04'</t>
  </si>
  <si>
    <t>b'^\xb9&gt;+\\q.9\xc1FpRz/kq_\xe7\xa9:\xca\xd3C\x89\x94.}\x03\x9f&lt;\xcf\x1d'</t>
  </si>
  <si>
    <t>b'\xeb*\xb9\xb2\xf7\x9f\xddB\xfa\xff*\xbb}V\x17\xd3\x82sX\x91A\xd7\x11B\xb0Q\xd8\xd3\x92\x1a\xd5Y'</t>
  </si>
  <si>
    <t>b'\x00\x87\xfe~\xa9{?\xea\x12o\xb8\xb8\xf7\x82:\xc9@\xaa\x85\xed\x9b\xdc\xa7)2\xa6 \x9b\xed\xdf\x07&gt;'</t>
  </si>
  <si>
    <t>b'\x1da\xc2a8#\x9d\x8c\xc1z\xddp\x83c9\x0e\x9f\x10}z\xcf\xf3\xf5;\xf9%gNu\x95K\xf1'</t>
  </si>
  <si>
    <t>b'\x90\xbd{d/B\xa5\x15\x9c\x03\x9b\x98u\x12\x9e\x97a\xc1T\xb2N\x16\xa3\x83\xc0!\x1f\xf5\x1eM%\x00'</t>
  </si>
  <si>
    <t>b'\xdf\xfc\xc6\xf2"L\xf8(\xd5/*\xa7\xeb&amp;4n\xf0d\\\xd1\x16\xdcq\x98\xa7\xa0vY\xfbaP\x9e'</t>
  </si>
  <si>
    <t>b'\xbcNn\xa1LPl\xe4`\xec\xceN\x9f\x1f\xe6\xb3\x8d\xe4\x97Y\xd4:\xe9\xd5\xac\xa8!\x05\x15Zn]'</t>
  </si>
  <si>
    <t>b'\x16oaq2\x7f\xb1n]\x8f*-\xa6\x08\x0cqm&gt;w\xd19\xdc&lt;~\xde^\x94\xab^\xcb\xb7\xf7'</t>
  </si>
  <si>
    <t>b'\xf9(F\xa9\x86|\x10\xc6\x1c~ \xc1\xc2\xd0\xa4z\xcd\x8f\xce\xfe\x86\xe1\xff\xc7.u&lt;\xb2+s\xeb\x80'</t>
  </si>
  <si>
    <t>b'\xf2d}\xa9\xf7\x16o~v\xde\x86\xe5\x83dx^\x94\x98\xd4\xb8"\xb5\xf1s\xbc\xf4\x92\xc2\xa5\xf3\xd2M'</t>
  </si>
  <si>
    <t>b"\xd0&gt;\te\xf8\x02\xe6=\x8a|Q'wE\x93\xcc\x8d6C\x14\x1ci\x1f{\xbf\x8a\x0e\xf5\xa9VTq"</t>
  </si>
  <si>
    <t>b'n\xd0\xfaL\x1a\xc3\xd4w\xd68\x0c\xf9\xba\xcb\xa7\x94\xc0\xe2-\xcab\x15\xddl#\x1f\xb4\xce\x89\x10g\xc8'</t>
  </si>
  <si>
    <t>b'\xd8\xf6\xb2H\xa6\xc7_KMD\xb1\xc3\n\xcb\x95\xf0\xbdK|\xae\x0b\xd1N\xcb\x06@\x00\xd9:\xc7\xd8\xcf'</t>
  </si>
  <si>
    <t>b'\xb4\xae#\x19\xf5;\x0b\xb1\xff&amp;\xa9\x1f\x83\x80\xef\xd4\x04\x8f#\xeek\xff\xea\x84$\xa2$\xf2\xa6jr\x16'</t>
  </si>
  <si>
    <t>b'4\x1f6bH\xf8"\x14&gt;\xf4\x88U\x80&gt;x\xde\x8c.\x98(a\xe0\x8d}\xb9sG\xb9QV\x94\xd4'</t>
  </si>
  <si>
    <t>b'$*\xc4\x98\xf2| \x81\xd0`\xf8\xd4}\xb5Z\xffLoL\xc9M\xc2y\xcfX\x96fI_Hf\xac'</t>
  </si>
  <si>
    <t>b'\xdd\xb7w(RM\xcc\x16\r\xf1^5A\xc7\xed\xd1\n+ \x8b\xa1\xc9t\xba\xcc\xdb\x16\xecv\xee\xf4\x17'</t>
  </si>
  <si>
    <t>b'\x1c{;YE\xdbF\xbf\x85M\x03\x19\x8b\x94\x1en\xa0\xce\xf2\xa7\xc8\xc1,\xa1\xf4\x9e\xec\x85\x9d\xba\xc6\x97'</t>
  </si>
  <si>
    <t>b';\x17\t\x86\xfe\xbfR&lt;L@\x88\xc3\xc4\x0fe\x9ah\xb7A]\x15\x8cO\xb8\xf5\x14\x8d\x97V\x02\x1dp'</t>
  </si>
  <si>
    <t>b'J\n\xa8(l\x8e\xc3CK\xf21\x90\xe8gP\xe8T\xa0\x82S{\xf2.?)\xad\xbb@(\xe6\xf2\xe3'</t>
  </si>
  <si>
    <t>b"\xbe\xb8\xeb\xdee\x05\xad'\xa1\x8f\x1e\xcd\xc9e\x0b!\x8f\x13\xe20\x15\xbe7\xae\xa4&amp;/\xdcE\x99&gt;\xdc"</t>
  </si>
  <si>
    <t>b'.\x94f^\xd2\xd3\x04ut\x0c\xfb\n}01\xe4\x90\xe7\x94X\x945\x8d\xb5\x8f^\xbeX\x9dE\xc9\xfd'</t>
  </si>
  <si>
    <t>b'\x17\xf3:\xf6n\x80\xc4D\xe8\x92\x9d\xe9&amp;\xd7\xe9\x04\xe1\xc9\x8e\x01\xbe8i\x18\x0f\xd5\xff5\xa0-)\x87'</t>
  </si>
  <si>
    <t>b'\xccf\xa4\xd1\x80\xf6\xb6=$\x01\x1e+\x99\x0c"\xe0\xc0X;\xdf\x99.\xbd\xb0\x0c]m?\xcc\xa6\xfa\x13'</t>
  </si>
  <si>
    <t>b'|}\xdd\xe4\xba@\xd40k\x1b\x80\x1fo\x8d(t\xa2k{\x9f\xd8\xb1\xd7\xb8f\xf6\x83\xfbF\xbfD\xc9'</t>
  </si>
  <si>
    <t>b'\xf1\xda\xda\xa3.\xac\xfa\x8c\xf6\xde\x89\x99;]\x80\xd5\x1f/\x1bo\xd6\xefp\xd4\x04\xd6\xd4^\x0b\xc7\x89\xa5'</t>
  </si>
  <si>
    <t>b"\x0c\xc4V\xcb\xc29m\x95\xb6\xf4u\xc9\xc4ZA\xa5J'\xcdF\xdc\x1c\x8d\xc7}\xec=\xf87\xb0\x13\x99"</t>
  </si>
  <si>
    <t>b'\xf5c\xbeF\xad,(\xbd3\x94beP\xb8\x1c\xf27\xc5\x85V^\x86\xae\xad&gt;&lt;\xcb\xd5X\x9fW\x17'</t>
  </si>
  <si>
    <t>b'7F|iIK&lt;&lt;\xc0\xe7\xd2\xa3Guk+\x0e9]\x80\x898\x06\x03P\xb1\xed\xe6\x1e\x13\x9a\xda'</t>
  </si>
  <si>
    <t>b'\xf6\xc5fj\xd34\x16\x1bWp\xde\x80\xb8\\_\xaa\xb1a\xdb,D\x04\xed\xa6\xf5\x11*\x04;\x88T\xdd'</t>
  </si>
  <si>
    <t>b"}\xae|j\xe7\xb7o\xc7\xd1\xa3\xaa\x9aI\xd6\xd3\x8a\xcd\xaf.\xaf\xf2|\x7f'{.\x1e\xbf\xf7\x9e\x0b\xcd"</t>
  </si>
  <si>
    <t>b'\x0f\x89\xa0_\xb7$tF\xc1h\xbd\xa1\x90f%E\x0e\xdc\x13#C\x88\xca3"\xed\x14\x8f\xdb\xd9`x'</t>
  </si>
  <si>
    <t>b'\x12\xbe=\xfb;\x85i\xf0\xf0\xde\x7f\xaai\xd3\x7f\xf5\x10\xf5\xba\x8d\xc6\xc4\x89\xa5\xa8\x14\xc1\xf8bVP^'</t>
  </si>
  <si>
    <t>b'0T\x8f\x05z\x89\x8c\xb3\x87\xf1\x16\x12$\x1ao\xb8]\xf1_7,\xb3\xf7\x08\xe7\x9a\x84\xff\x9d\x90\xea/'</t>
  </si>
  <si>
    <t>b'(\xebE\xe0\xd4V\xdb;\x17uxR}vW}(\xc0O\r\x98\xe8\xeeZ\xa9Y&lt;+\xcd|\xe5\x85'</t>
  </si>
  <si>
    <t>b"i\xea\xd1+\x94F'\xa2\xbe\x97\x1a \x86\x8d0b\xd5\xc32\xa0}\x9d\xd5G\x0c\xf6\x04\x9a\x9fW\x84w"</t>
  </si>
  <si>
    <t>b'\x08\xf0\x83+\xcc\xb7\x8d\t\xe5\xc8\n\x0ch\xaeF)\xba\xd3JI\x9a\x8d:aD\x9a\xdc\xc3\x8b\xfd5\x9d'</t>
  </si>
  <si>
    <t>b'q\xbc\xe3&amp;\xd0\xa1_\xa5\x82\xe8\t\x0c\xc3\xe6j\xc3+\x17T\x99dV\xd9R\xc0\xaa\xbf\xee\xca\xb33\xf6'</t>
  </si>
  <si>
    <t>b'S\xab&amp;\xe7\xb0\xa54|\x07o\x97\xc8IE9\x99\xa4\x10b\xbb\xca\x17X?\x94\xd2\xc7\t\xe8q/\xc6'</t>
  </si>
  <si>
    <t>b'k\xe7s4\x92\xc0\xa1\xb1R\xbe[\x08a\xfcsm\xbbZ`\x17\xad\xdd\x9ci\xdd/\x14r\x02]\x8eL'</t>
  </si>
  <si>
    <t>b"\xc0\xb5\xea\xa5\xeb\xec\xe3\x9a\xe9ywI,F\xdf\x86\x0b\xea!'\x92\xe1\xdbq\x0f\x97\xc5`\xde{aX"</t>
  </si>
  <si>
    <t>b'Ud\xf2\xc6s\xff\x89\x8bH/0\x99\x1e2m!\xfb\xb9*\xbf\xa9\x00T\xd3\xd0:}\xeb\xd8\xe6\xf8N'</t>
  </si>
  <si>
    <t>b"\xc8'1\xef\xa6\xd7RwT\xc8\xc2\xd4\xfcj\xb9\t\x8bY]M\xc4\xb1tF|Eq\x0c\x18t\xe8\x85"</t>
  </si>
  <si>
    <t>b'\xd4C\xa4\xa1\x07\x8c\xa7\x8b\x88\x87\xcc\x8cW\xcd\x87\xadbg%\xfb\xf8C\xc6\xb9l\xcfB\x93\xc8\xa75\xfd'</t>
  </si>
  <si>
    <t>b'4\xab\xe6!\x05\x88\xcf|\x04\x93\xda\xd4_\x98\xe3\x11+\x93\xd2\x9e"_Z\x8eE\x18\x85\x1b\xaa\x80st'</t>
  </si>
  <si>
    <t>b'}j\xb3\x9b\xc8Y\xf1\xb4\xe964\x9e\xaf \xb5y\xf65\x8f\xda73 \xd6\x16\x0fg\xdeH@\x80\xe9'</t>
  </si>
  <si>
    <t>b'\x8f\xde5\x0b\xed;\xa0"E\xfd\x7f\xa2E*Tw\x0f\x92\xd5p\x97:\xc3\xa5\xa7)\xd5\xd4\x01v \xad'</t>
  </si>
  <si>
    <t>b'\xea\xceE\xe6r\xd1\xf1\t\x88b\x97`^|\xd1\x88\x0c\x95=;\xc5o\x83\xcd\r\xa4d&amp;;\xc75)'</t>
  </si>
  <si>
    <t>b"\x9c\x1aH\xdf\x1f4C\xec\xf6\xfe\xd9\x99\x82\xea\x8d\xb0\x06\x9e\xc9{|y'\x98\xdd\xab\x1e\xde\xb9\x14\xcbQ"</t>
  </si>
  <si>
    <t>b'"\\\xbf\x81\xc8\xc1\x11%O\xedE\xac\xe1\xaf\x94W\xd2\x91\xdc\xf5\x116t".\xdf=N\xfab\x83\xba'</t>
  </si>
  <si>
    <t>b'w&lt;L;\xed\x8c0\xc0M;\xde\x04n\x14\xe7\xe9\xe7\x147t\x00r.0\xd7V\x84\xbc\r{9\x93'</t>
  </si>
  <si>
    <t>b'\xe6?\x9c4\xc6L[&gt;c\x813\xefW]\x16\xbb\x80(?\xb2\xba\x1f\xea\xdd\x88\xa6\x8b\xaa\xc8\x0b\xfd\xaf'</t>
  </si>
  <si>
    <t>b',5\xf5)KV.v`\x9eFVQ\xadp\xf0\xff\x0f\x9a#W\xfd\x7f\xe0\x8e\xeb\xab\x8b4\x0cMd'</t>
  </si>
  <si>
    <t>b'Dt\x93m\xb7I$s&gt;v\x99&gt;_\x10[\xb4\x7f\xe1\xe9\xa8\x95\xb5g\xc2D"\xb5|\xe2\x14j\x84'</t>
  </si>
  <si>
    <t>b'~\x96Z\x98V\x92\xd3f&amp;\\\x1b\xf3\x8e\xcdK\xa5\x8c\xb7\x1b\xc5\xc4\xf6\xb8\xa2k\xc0Ue\x9c51\x92'</t>
  </si>
  <si>
    <t>b'\xb9\xeesR\xf0\xfb\xceP\xb9)\x80\x93Y\x0b1\xa0Z\x07\x18sJa\xb8\xe3\xaad\xf7\x93\x88\xb6\x81\x0f'</t>
  </si>
  <si>
    <t>b'\xeaDqG2\xe0\x93\xf3\xae\x02\xca\x13\xd0\xb9\xd7\x8d~\xdc\xe1\xf5F\xbc/\x015\xdb\xad\x15Y\xbc\xf8\x93'</t>
  </si>
  <si>
    <t>b'm1\xdf\x89\xcfX\x8a\x1coq\x01cB\x8a\x1d\x80\x10\xfd\xef\x14}\xe4\x05^Al\xabH\x0fu\xbe\t'</t>
  </si>
  <si>
    <t>b'U\x12\x85v\x83\xe9_\x9b-&gt;53n\x9cu\x8eO\x0e\xb9:\t\x0f\xc0^7\x02(3\xad\xf0ZG'</t>
  </si>
  <si>
    <t>b'iv\x0c\xf6\xae\t^\xb6^)u\x03(\xa6I}(\x9f\xc3w\xa0G\x9b\xd6\xcd3\xf9\x1dI\xd1\xa2\xdd'</t>
  </si>
  <si>
    <t>b'\x05\x107\xd8\xc6\xf2\x90\x92z\x12\xc9=~\x95\xe02\xd4.\xff\x1a5&lt;W&gt;\xa5:\xa5g;+\xa1\x82'</t>
  </si>
  <si>
    <t>b'\x0f\x9e|i\xc8cQ\xd7\xdb{\xed3\x94\x94\xed\xce\x08vY\xb2\xfc\x07X\xd2H\x07H\xe7\x94\xf0\x91\x84'</t>
  </si>
  <si>
    <t>b'\xa4\x8b\xc5\x14\xc1~\xe3\xfa\xcb\xf0\xbe\xdeo\xc8\xbaW`P6vNz\xd1\xb1~\xeb\xd9\xd2\x93\xc4$\xe0'</t>
  </si>
  <si>
    <t>b'`x\xc9\x83\xb2\xf7~\xa9\xdc@\xc3\xddT\xdaY\xa7\xc3\x0f\xf8\x18\x06\r\x9e%Z\x1d\xef\x0b\xecW~\xd0'</t>
  </si>
  <si>
    <t>b'IJ$u\xa7\x16\x19\xb78\xa4\xb8\xbb\x0eK\xc2\xbd\xbf\xf1&lt;lAw\xc1\x95\xfa:0^\x8a\xa3\x0fo'</t>
  </si>
  <si>
    <t>b'\xd5QX\x84\xdf\xab\x06\xf8\xe5\x05j\x95\xcd\x9f\x89b+\xee\xf6\xc9\xdd\xa0\x9bv\x9eNd\x91\xc4BSB'</t>
  </si>
  <si>
    <t>b'\x1cw\xa7B\xac\x05*\x1a\xe1\xd5\x14\xbe\x0f0\xc3\x85\xcd\x01\xc6Z\xa5\x9d\xbb\xad\xb3\x8d\x9az\x97\xc2\x1c\x9b'</t>
  </si>
  <si>
    <t>b'j\xee\xeb\xbb\xb1/v$e\x9fX\xd2\x81c?i\x8dYZ\x91\xeaLC=\x01\xbc\xf0\xdc\xd0\x93\x1a/'</t>
  </si>
  <si>
    <t>b"\x01zo\x94\xe1J\x87'V\xb8n\x80\xff\xc5\x17P\xcf\x8db\xad\xe1\xc5\xd3\xf7\rNY\xe5Xlz\x0c"</t>
  </si>
  <si>
    <t>b'\xce\xa0\xfe\x83\xd71\xe0+\xde\xd6h0y\xe7\xe7y$\xd2\xa5J\xdf\xe5/\xc4\x9d\xe3b\x81\xfb\xb7\xf4\x8b'</t>
  </si>
  <si>
    <t>b'\xa6\xca\xf6,1\xc5/ \xda\x9d\xd2AG\xa4f\xb6\x93\xb3\x80\xd5\x02\x04\x9b\xce\xe4\x13\xc6\xbe\xd9\xa4\x9c-'</t>
  </si>
  <si>
    <t>b'\xea\x82\xa2\x89\x0eL\x95\x98\xba\xd6\xf3\x18+\xfe\xe8\x8bi\x9dk\xb9\xc2u7\x06)\x8b\xe7\x8f\x1c:6\xf6'</t>
  </si>
  <si>
    <t>b'\xb8U\xcd:\xc9pt\xc5\xa0\x08\xbb\xf7hQ{)d\x03W\x1f\xbaqB\xca\x7f\xe3\x82\xb7\x95\xc2\xdf\xd4'</t>
  </si>
  <si>
    <t>b'\x90\xc9\x95d\xf4\xa1O\xc5FE\xfe(\xf5`\xe7\xa7\xd42\x90G\xe9c\x05\x7f\x8a\xda\x04\x08\x9d\x14\xbe\xc1'</t>
  </si>
  <si>
    <t>b"3\xa0'*\xd60\xb4G\xe2\xc9/\xc8\x83\t\xf0\xd8\xeb\xce\xd5\xfc\x94\xe8\x02\x02\xdc\xdb\xf9a4\xc5\xc7u"</t>
  </si>
  <si>
    <t>b'\xf4UO~U\xc2\xe2\x1d\x0c\xf4E\x10_\xf9(\x9f\xd0\xb2\xcb\\,\xee\x8d\xf1\xbc\xc0U\\\xe9:db'</t>
  </si>
  <si>
    <t>b'f\x96k\xd5\x99\xb4\xb4\x11\xf1\xd7\x93\xb0\x05F\xf7i\xbb$\xa34\xd0cO\x9dZ\xfa&lt;[\x9d\xb6\xd2\x08'</t>
  </si>
  <si>
    <t>b'\xbb\x10\t\xcb\xfd\x1cos\xf6\x86p\xd8\x0e\x8f\x05\xad\xaf&amp;&lt;\xc3\x19\x1ah\xfa\x1c\xcb\xb7\xd5q\xd2U\x8f'</t>
  </si>
  <si>
    <t>b'~\x1a\x9b\x00\xcb\x0b8\xd2m\xbb\x17M\xb6\xd5\xa1\x99\xe7\x9c\x00%\xb84\xf9\x1c\xa8t\x0e\x92f\x89J\xc2'</t>
  </si>
  <si>
    <t>b'f\xc1\xb7DU\x9d\xf3!q\xa2\xcbd\x8c\xfe\x0f\xcb\x95\xb9v\xcet8\xd0\xa6z\x93\xda\x1b\x8d2+Z'</t>
  </si>
  <si>
    <t>b'\xed%]\xf5\xdf\xb3\xe6\xf3\x19\x14F\x93AT\x02h\x86\xac\xa8\xaf\xb9;z\xf7\xcb\xd1[\xf0\xff{J\x99'</t>
  </si>
  <si>
    <t>b'\x14n~LyK\xcc\x94%\t\xc7\x8a\x081\xc1\xc3\xcex\n%3\xc7\x87\x92\xc7Z\xf5\x9e\xe1\xad\xe6\x0c'</t>
  </si>
  <si>
    <t>b'ju\xd0\x1e\xab,Yh\xb3\xd4\xcc\n\xd3n\xfd\x15&lt;\x1d\x93\xa9wT\x03?U\x0c\x9dM|\x82\x97o'</t>
  </si>
  <si>
    <t>b'pn\x7f B\x8ar\xcfY/]\xc6a\x893-\xd8)\xd4\x9a\xe9t\xfa\xe2\xbc\xd2\xdfvvN\x8bV'</t>
  </si>
  <si>
    <t>b'4\xa4Lb%\xf85\xf4\x11`\xcc\xeb%\xeb\xc9\x83\x0e]\xde\xb3\xf2\xbb6\x04}\x1a\x16\\\x93%\xff\x00'</t>
  </si>
  <si>
    <t>b"\x99{\xabPvJ`\xcd\xc0\xe1\xdcg\\\xfad'O\x8a\xddh\xec\xeeBA\xdf\t\x84\x9a\x14\x9b\x88F"</t>
  </si>
  <si>
    <t>b'X\x15S$L\xa2\xc2\xb2D\xc3\xe3\x8d\xa3\xe4\xc5x\xa5\x8f\xcalx\xd1-\xc0J\xec\x18\xb7\xaaG\x84\x14'</t>
  </si>
  <si>
    <t>b'\xdc*\x00\x1d\\\x83L\xa4\xe8\xa33doL\x9e\xfb\x0f\x0e\xb6\xaa\xa8C!z\xb3\xb5\x981\xad\x95\x03\xe2'</t>
  </si>
  <si>
    <t>b'\x1aP\xef}\xd0{lU\xbe\r\x1d\x1cg\xe7\xabA\x82~\x1d\x8f\x0f\xd1\x9e\xf2\xfc\xdd\x0b\r_\xb1\xf9\r'</t>
  </si>
  <si>
    <t>b'M\x03J!\x854S#\xaeM\xb2\xb6i\x01\xc0Eq\xe8\xcf\x98_!\x80\xc5e\x8e\xe29$\xbc\xb8T'</t>
  </si>
  <si>
    <t>b"w\xc2\x92{\x8eOO\xcf\x02e\xa8V\x00\x7f\xa1\x1f\xb6A\xd5\xe9'`W\xac@\xef\xf9q\x17\xfa\xc7%"</t>
  </si>
  <si>
    <t>b'\xdc9\xce\xb8,*\x0f\xf2\x19\xab\xe9\x0f\xb0.\x8f3\xe3\xab\xac\x03\x7f3d=\xa1v1\xd2P0\x82P'</t>
  </si>
  <si>
    <t>b'\x06P\xfd\xda\xca\x19{\xce\xec\x8f-;]\x88Z$q\xed\xd6\x92 \xff\xd9 iJ\xf3\x99g\xe8\xac\xb2'</t>
  </si>
  <si>
    <t>b'\xd7+%MvL\xe8\xdbi\x0b#;%\x175\x98fj\x85\xc2\xf5\xfc\xf5i\x03\x0eM_&gt;sf['</t>
  </si>
  <si>
    <t>b'%B\x83\xd8\x0f\xdfQ\x00I\xdb\xca\xfaS\xe6\xc8\x9f\x06\x1e\x19_\xb5\x1a\x9c\x94U|\xe1\x08&amp;f\xa3\t'</t>
  </si>
  <si>
    <t>b'\xcd\xa47C\x93C\xac\xd3\xae\xe68\xb0\xe9\xbc0\xb1\xf8\xbd\xd4\x99\xcc9\xb8)\x1b\xc2N\xecdA\xee\x84'</t>
  </si>
  <si>
    <t>b'\xf7m\x90\x80U\xcb.P\x06\xa5\x0bPAW\xafD\xa3\xfb\xce]\x1a\xdf\x13a\xdf\x91\xd7,[8\x03\xfc'</t>
  </si>
  <si>
    <t>b':+\x10_\x01e{&lt;9&gt;\x9e*\x1c%\x19\xb9\xb84N\xb1\x81\xe0\x1eJ\xaf\xde\xa6\x93#\xb2\xa4_'</t>
  </si>
  <si>
    <t>b'\x7f\t4\xd2*0\xc59\x9bF\xd4\xbc31\xf4x\r\x8e5\xee\xccV\x81\xb1\xeb\xd5\x9b\x13\xb85Y"'</t>
  </si>
  <si>
    <t>b'\x02\xb93\xa7\xd2\x98\xf4\xe9\x102\xb4\x7f\xf9\xe0,\xbfP.\xb3\x93]1^!\x99_\xcf\xfa\xf8\x90\x90#'</t>
  </si>
  <si>
    <t>b'\xa2\xbd\x80ghE\\\xe9\xc0\\\xc7\xd0\xbd\x9eI\xe9bZ\xfd\xe1V\x87\xee`\xfa\x18\x90D\x0fN\xad&amp;'</t>
  </si>
  <si>
    <t>b'\xea.\xacD\r\x03\xeb7\x88\x92x\xa7\xfb\x80\xa4L\xc4\xfeH\x8e#\x7fG\xcc2\xaa\xbf\xc4\xd0\xd2\xcbV'</t>
  </si>
  <si>
    <t>b'P_\xe6\x1b\xea={t\xe1\x0f\xb3H\xb3WA\xc3\xb5\xf8j+\r\xd4\xa1z\xdb\x0c[i\x99\xc0!H'</t>
  </si>
  <si>
    <t>b'\xed\xc4\xdb)\xe5\x96\xc5\x1d-pe\xf8\xf5\x14\xbe\xf1\xd4nE\x07\x9a\x02\xf0\x16O\x16\x17J\x9e\xff\x97\x8a'</t>
  </si>
  <si>
    <t>b'\x91CI&lt;\x8ba\xb33d$\n\xa0f\xd9R\xf0\x15\xe25\x89-vI[\xb3yIi,\x13\x15#'</t>
  </si>
  <si>
    <t>b'y]\xab\x8b\xa7\x9f\xb6[uD\xa3\xcd[\x1a\xde[\xdcm\x9c$\x8d\x01\xf3\x87\x806\xf7\xa2\xc0\x1a#\xb2'</t>
  </si>
  <si>
    <t>b'\xdf\xc4\x82\xb8\xd5\xa9K\x81\xf8\xd7\x8c\x05V\xca\xf5\x94+\xc3\xfbQE\x0e~\xbf&lt;\xe5 \xf2:c;\n'</t>
  </si>
  <si>
    <t>b'H\xae\xab\xd0Dk\xf1{d\x13w\x8a\xad\xa2\xe4\x9c\xebMv\x9271\xbd4\xaa3BO(\xc6\xe4\t'</t>
  </si>
  <si>
    <t>b'\xfa~\xdc%I\xf0j\xd3\x81\x95\x81\t\xe4\x81K\\|\xd5\\pL\xc3\x8b\x02\xb3\x1d&lt;\x7f"\x85\x00\x84'</t>
  </si>
  <si>
    <t>b'\xe0\xdd#\n\xf5t\x8f\xed&lt; u\xc6\xa9va\x9d\xff\xaa\xb6\xedW\t\xbd\xa4\x9a\xce\xbc3\xf8/\xd4I'</t>
  </si>
  <si>
    <t>b"d\xbax.\n3\x9fb\xda\xffKxW\xdd\x02&amp;%\xe4)N\xff\xa8&lt;K\xb3\xd9\xd8h~L'#"</t>
  </si>
  <si>
    <t>b'\x82\xd0\xc8\xb4\xea\xfaWi\xa6~\xed\xcb\xf6\n\xb8?\x04\x1a\xff\xc0\xb0\x1c0\xb2\xb6\x12\xd48\x11\xc4\xe0\xfe'</t>
  </si>
  <si>
    <t>b'\xd3\xd2Pn\x14\r\xc4oTh\xe8\xc4\x08\xa3)\xf5@\x1a=\xb7\xec\xdd\x93\x86\xb3U\\E\x0b\xce\xafQ'</t>
  </si>
  <si>
    <t>b'X\x9e\xa2^\xceA\xf2\xf1BL&gt;\xd7\x8f\x1cK\xbe1j}]R,$&lt;\xc7t\xfbGS\xf2G\xd8'</t>
  </si>
  <si>
    <t>b'/\xfb3\x89kI\x7f\xaf\x1f\xcd\xef\xf6\x03\x8f\x85\x19S\xff\xb03\xb8%\xd8\x9b\xf7\xb0\xf1$\xf4\r\xce\x11'</t>
  </si>
  <si>
    <t>b'\x06\xb4\xd2u8\x7f]\xb9\xfb&gt;\xa5:s\x9d\xcb\xd3\xe0\xb8,R\x88\xe8\xc8u[\xae\xca\x98&amp;Z\xf0o'</t>
  </si>
  <si>
    <t>b'n\xbf\x80\xe6\x8f\xd2V\xc9ZL\x8dU\xe8*Y"\xb7\\\x10\n\xf4\xb4W\x97\xab\xbd\xc5\x87\x86\xfe\x16\x92'</t>
  </si>
  <si>
    <t>b'?\xc2g\x0c\xa50\xd8\xd5)-\xed\xaf\xfa\xdf$s\xc9\xd3Kv\x9a\xfbU\x1f\x9a\x08\xaa\xe8\xf8\x875\xb5'</t>
  </si>
  <si>
    <t>b'EU\x8b\xad\x1a\x12j%\x07\x1b\xca]\x93\xb2\x1d\xcb7X\xc4C.\xdd\x03\xe7\xf77\xf3\x15\xbe\x86\x07b'</t>
  </si>
  <si>
    <t>b'\xd0\xa7\xbdr\xfa\xa61\x08!we6W\x8f\x84\r\\\x8f\xd8B\xfe\xbf5\xeb\x14\xea\x8d\x1e\xac?\xdb\x14'</t>
  </si>
  <si>
    <t>b'ii\xa8=i\x02_\xa9\x03v\x1a@\x81.kj\x82\xff\x97\x12\xd0p\x9a\xe0\xa0l\x8ek\x11\xc4\xf8\xfe'</t>
  </si>
  <si>
    <t>b'\xd9tH\x18HC/T\x9d\\\x87\xba\\q\x91`cN\x9c\xaa\xda\x05\x8e32\x83\xcasB\xe5\xdf)'</t>
  </si>
  <si>
    <t>b'\xefYp\x13\x94J\xe6\xc8\x90~\xd7\xe7\xa3{\xac\x8b)L\x97\x8cL\xa5\xa0\xf7\xb3\xbap\x02\xc2\r\x04\xfc'</t>
  </si>
  <si>
    <t>b'\xa0\xbe\xb0\xa8s\xe5\xfe&amp;\xd5\x8e\x1ev^#\xdcv\xd5w{\xfb\nM&amp;\x16\xf5#G \xe4\xcd\x90F'</t>
  </si>
  <si>
    <t>b"z\xb1p\xd3\xf7-4\x1f'&lt;e)\xe6\xc6\x93\xcd\xd0u7a\xb0\x1b\x1eQ{:;\x08\x11t\xa9P"</t>
  </si>
  <si>
    <t>b'U\xbf\xdd\xf8x\xdcm=\xe2H=M\x1a\xeck\x05\r\xdb\x1f\xf2\xb0\xec.\xf93\ti\xa2K\n]@'</t>
  </si>
  <si>
    <t>b'\x7f)\xdf\xd2\x942nx\xdd\xa1\xe2\x0f\xf6\x04&lt;\xe2)oE\x13\xccFy\xa8x\xce\xf8\x16~\xdc!5'</t>
  </si>
  <si>
    <t>b'V\xb8yX\x9c\x87fs\x1a\x01\xb4\x7f\x81\x036p\xf3S\xd7.x:+\x7f\xe8\x95/\x01j\xb7\x13\xd0'</t>
  </si>
  <si>
    <t>b'/k\x92\x9f\x9a\x02t$8(B\xbf\xf4\xa0\xc41\x9b\x14&amp;\x1bs/\x1c\x17M\x14\x1a\xf6\x93\x05\x18\x13'</t>
  </si>
  <si>
    <t>b'\x00\x0b\x08v\xbf9\xd4\xdfb0\x14\xb5\xcc\x94\x8e6\x9c\xb8rJ\x99$\x88\xe7Q\xd5\xf0\xdc-\x0fL\xd3'</t>
  </si>
  <si>
    <t>b'\xf0Q!\xcf\r\xaez\xff\xdd\xe0H\xd2h\xeaS`]\xcb\x99\x9f\x16\xde$_\xb0\xe6\n\x80^qa\x98'</t>
  </si>
  <si>
    <t>b".g?\x05p\x8e\xd5\x95&lt;\t\xa7\xe0\xd4\xaf\xc7\xc7\x0cF\xbcq'\xe8\xc4\x92Y\x0cn\xb2\t\xd9\xceD"</t>
  </si>
  <si>
    <t>b'9\xb3\xb0|\xd48Z;\xae~\xbaJY\x97\xc9l\xebEM\x99\x85\xda\xc8Sm\x8a\xcf\xf2\xc1\xc4\xecD'</t>
  </si>
  <si>
    <t>b'\xffz?5+\xcbg\x93\xa3\xb0\xc4\xd9lJ\x8af\xc2\x1cg\t|\xe5E\xfe\xe4D\nc\x08Vp\xba'</t>
  </si>
  <si>
    <t>b'\xaf\xb4\xe9Qe\xb7\x96\x9a\x08G\xa3\x81\xf7\xf1\nx#\x0e1\x19\xce6\xfed\x01\xba\xa0\xa6\xdb\xf8\xcd\x00'</t>
  </si>
  <si>
    <t>b'b`\xa9\x05f\x99R\xc8\x8b\xda\x7f\x01\xc6UEL\xa4\xf7\xd0\xdb)\x89\xfa\x18\xc5\x14\xa0\xc5\xcbN\x11\xe8'</t>
  </si>
  <si>
    <t>b'nxg\xaeQ\x15r\x05i\x03u\xde\x13=\x01.\xda\xe9\xca\x0cO\xb5\x8e\xe0N\x93\xaa4\xf76\xe1R'</t>
  </si>
  <si>
    <t>b'\xd5t\xc2\x85\xb8\x81\xd0\xa6P\xf6\xc7\xe3\xd03N;q\xdcK\xba\x10\xff\xbb\x1e\xb3i\x97\x8c\xa8\xeb\x83\xfe'</t>
  </si>
  <si>
    <t>b'\xaf\x12L\x91\x0e`\xe2\xc1\x18\xbb)\xf3\xf7\x92\x0eo\xf2\xa4\xa2@iR\xc2\xac\x9d*V4\xedU6\xed'</t>
  </si>
  <si>
    <t>b'\xa1 \x01\xb7O\xde\x15\xa0iGaE\xce\x16\xce\x82\xef\xdd\xa4uQ\x92\x85\x81\xf1u\xf1\xd8\xa1\xbb\xf4}'</t>
  </si>
  <si>
    <t>b'\xdd}\xfd;s.F=b\xfd\x99\xa0X\xc4\xf3g\x1c $A\x97\x0c\xe4^\x84\xec\x07\xbdp\xf2\x89\x83'</t>
  </si>
  <si>
    <t>b"\xfdD1\xb8\x87\x08\x89\x7f\xae\x97\xb1\xc1a\xaa\x94v\x0f\xd3\xe1'\xb1\xfa\x1bEak\xdd`\x9b#\x9b;"</t>
  </si>
  <si>
    <t>b'\x17\xf2\xb5\xcd\x14\xb3\x05~\x10\x04\xca/\x9a\x9b\x9d\xbb\xcbC\xf3\xa9\x9dS\xa4"0\x8f\xb1H\xca*\x92\t'</t>
  </si>
  <si>
    <t>b'\xdf\x1e;\xed\x94\xaa\xb8\xa9\x00\x16\xf1NFO\x8fR\xe5aD\xb3\x8e\x049\x9c\xa6CV\xca\xa8\xc8\x1b\x97'</t>
  </si>
  <si>
    <t>b'\x90\\W\xe8\x06\xc1\xdb\xf69\xbcH\xd8\xc0\xac\xf3\xe0sTI^;A\xe65\xa9\x95\xa9~u\x88\x0f('</t>
  </si>
  <si>
    <t>b"\x19\x87\xefQ\xe6\\C\x151'^\xde\x1a.\x11\x83\x83\xe7\xebyF|\xf0\xd3\xc0\x02\x8b\xbdE]@\xf3"</t>
  </si>
  <si>
    <t>b"\xe6E\x0b\xc7\x16\xca|i\x99'\x9eea\x10\xc4&gt;\x80\xbf\xd6\x11$mj\x0c\x9a\xd6&lt;c\x9e&lt;Ci"</t>
  </si>
  <si>
    <t>b'\x82\x9f\xd3\xefcU\xb6\xfb:R\xb4bb\x8c\xa6\xc8\xa5\xa86\xaa\x01A\x01\xcc\xffq\xe7\xf1\x03\x84\x88\xac'</t>
  </si>
  <si>
    <t>b'\xf1`;P\xa9\xfc\xcf\x1c\x01\x0c\xd3\xdbi"\x05\xb9\x179"\xca\xe5\x0fK\xb7^\xea\xe2\xac\xdc\x15 s'</t>
  </si>
  <si>
    <t>b'-O\xdd\xe4\xe2\xf2+\xbc\xeaC&amp;U@\x14JnT\x9f8L\xc4\xe1\xc1\x13_\xd2\xb2\xcd\xee\xe1\xfb\x11'</t>
  </si>
  <si>
    <t>b"&lt;\xf7s\xe4I\x0fbX\xfa\\\x1c\xf4\x9a\x8d\xfah\x91\x9f'2X\xcb\x10d~75\xd1.\xa5\x92\xd5"</t>
  </si>
  <si>
    <t>b'!f\xb1\xb4R\xda\x05\x9f\xc8\x13*L\xd3\x94\xd9\xb0\x8a\x7f\xc8Yq\x96EX\xb6\xf2"CW\xa7\xe9g'</t>
  </si>
  <si>
    <t>b'#"\xa8\xdc\xa3`\xa8w\x16\xd4\x85\xfa[\xf9PZ\xeb\xd5\x1d\xf8U\xfdA\xba\xbf\xd3n\xc4\xb62\x032'</t>
  </si>
  <si>
    <t>b'\xe4M\xa3|\xf2\xd5\xb4C\xa4\xfb\xe3\xd1\x8dRCu\xd8\xcc\xd7\xf4_\xc3\xadc\x9e\x04\xad?\xcc%E\xe5'</t>
  </si>
  <si>
    <t>b'M\x9c\xdf`\xc7\xa17Y\x07w\xc6\x99k_\x08-\xcew\xb0\xc6\x83\xc2\x95\x1d\xa9\xeb\x1d\x8b\x14uQ~'</t>
  </si>
  <si>
    <t>b'\x849z\xe3b.\x1a\x8d\x08%\x11\x1f\xb0\xd3\xb2\x92\xff\xa1\xbf92]\x1d\xb3\xb0\xf0\xbe\xca8\x95\xb7\x9b'</t>
  </si>
  <si>
    <t>b'yj9&amp;\xafo\xc7aV\x9bt\x15&gt;`\x98:\xa3E\x9c\xfd\xdb\xdf\x0b[\xa6\xd4\tB\xc3\xfb-Z'</t>
  </si>
  <si>
    <t>b'\xe3\x97\x8d\x92\x84I\x93\x1aR2\xf72\xb0:\xfd\xc0cI{\xcb:\x1a\xc1\xc7\xcc\xabR\xc4i\xa8]\xd2'</t>
  </si>
  <si>
    <t>b'\xe8yr\xe9A&amp;\xbc\xfe\x04\x04\xc7v\xf3\xa2\xeb*q\xc0\n\x1e\xf7\xc6&gt;q\xfa\x82Z\x1b#\xb8O\x85'</t>
  </si>
  <si>
    <t>b'\xff&amp;\x0fi\x89\xdc\xfa\xb2\xe5[\xee\xdd\xb4\x06_\x0cec~xT@\xef\x12J\xef6I\xc5a:\xf3'</t>
  </si>
  <si>
    <t>b'\xc3\x1a\xa3\x1b\xa2\xb4\xabP+&gt;\x02sF\xc9\x9cR\xe1J\xdc\xf4\x02\xce\x8d\xdaR3\x9c[\x98\xa3\xbf\x8b'</t>
  </si>
  <si>
    <t>b'\x94\xedr\xd2tp\xc7\x95\xc7&lt;W\xa7\x06\x8a\xaa\x87\x0f\x86\xf7\xba\xf6\xce6\xe3&lt;\x83\t.-s4\xfb'</t>
  </si>
  <si>
    <t>b'\xda\x84n\xc8\xf4G7\xff\x1c\x92\x92\x82wy\xa0\xfc\xa9\x8f\x15;\xd3\x17\x92\x97?\xa1\xbd\xe3\xa2iW5'</t>
  </si>
  <si>
    <t>b'Eb\xb6\xe5\xb0&amp;~g\x9f\xa9E\rofc.\xdb@\x81d]\xa0n\xa1\xb7\xe2\xc3l/\xc2\xe6o'</t>
  </si>
  <si>
    <t>b'~j&amp;Z\xe6sV\xc7\xad\x01\xaaP&gt;I`/\xe9hU\xa3$k\x12\x00k\x8d\x07\xdaP\x8b\xe2\x92'</t>
  </si>
  <si>
    <t>b'\x93\x1d\x10\xd6\xd0\x9d\xb5t\x02Vb]\xbbjc\xc0cp\x01f\x03\xcb~\x9b\xf6\xd5N\xd2&lt;8\xaew'</t>
  </si>
  <si>
    <t>b'\xcd\xd5\xd3\xa9\x1f\xf2A\xc2\xfc\xb2\xea\xbb\x80\xa2\xd7\xd4r0\xf4\x94\xc7\xa9\x04\xfdm\xcf\xb4V\xaem\x01f'</t>
  </si>
  <si>
    <t>b'W\xeb\xac\xa8\x8c{\xee\xee\x1a\x7fQ\xad\xe2\x1d\x08\xde\xd6\xd6\xdf\xcd:H\x9a\xc3\x86V\xec\xf7/\x95\x8di'</t>
  </si>
  <si>
    <t>b'F\xa4\x1dN\xc7y-d\x01\xf4\xf1\xe2\xf7\xae\xa92\xac\x19\xd1\x917\x86%\xbe\xff\xdfdG\x1d\xc9k\xf6'</t>
  </si>
  <si>
    <t>b'\xab\xd1\x8d\x19\xa7\xf0\xfa?\x9dE\xce$\xcc\x9b\xd0U\xa2\x91\x87h\xe4r\x16\xee``R4\x87\xba;_'</t>
  </si>
  <si>
    <t>b'`l\x16I\xd9\x0e@\x96\xd2\xf4\xd6W\xf3[\x08.\xb4\xc1%\x80\xc3d\xa7\r\xcd\xbf\n\xef\xdfi\x15\xab'</t>
  </si>
  <si>
    <t>b'\x16w\x07\x1eA\x06K\x0e3(\x1dE\x18\xb1!\x94\xff\t\xf4\xe9\xe4I\xf5 \xd6\xd6\x0f\xe2\xa8\xb1\r '</t>
  </si>
  <si>
    <t>b'\x04\xda\x9c\xad\x8c\xa7\x15@\x9b\x12\x96F\xba\x97\x11f\xa1\xcd=J\x0c\xf8\xbb\xbc\x89\x91y\xe1\x94\xce\xf7\x12'</t>
  </si>
  <si>
    <t>b'bbA\xf3|niI-Y\xb7\xb6A0\xffBv\xc4\x83\xf9/\xd4\r\xe0\x9b\xee\xa7~\x92\xe3\x93\x18'</t>
  </si>
  <si>
    <t>b'#\xc7\x80\xe5\xa5\xb5N\xeb4y!\xe7x\x9a.\xe2b*\xe8\xc9EU\xca\x9fI\x17\x7f\xee\x8f\xe3T\n'</t>
  </si>
  <si>
    <t>b'zE\x13pPkL\xe6\x89\x82\xe0\xe7Bd\xe3\xf5:\x87\x1dps\x95\x10\x80k\xa0\r\x97\xac\xdf-F'</t>
  </si>
  <si>
    <t>b'G\x99\xce\xe0\x16*q.\x0e\x14\xc7:\x8a06\xb53\xc2\xd0\xf8\xca\xe4\xefad\xc8\x9dUb\x03X\xd5'</t>
  </si>
  <si>
    <t>b's\xedO\x87\xc2%\xd6\xb32\xb3"k\xecZ\xaf \xfaw\xf5G\xa1\x8a\x15P\xe4lfr\xa9\x0e\xb0\xbd'</t>
  </si>
  <si>
    <t>b'\xa1\x95\xe3!\xc7\xeb%\xd1\xb1\xfcf\xaew\xe5\xa2\xe2T\x87\x0b\xe0bs,\xbc9\xc0\xdf\xa2\xe8U\x98\xdd'</t>
  </si>
  <si>
    <t>b'\xd9\xa6\xda\xf4\xa4\xb9\xf7\xee\x04\xb8+q\xb9 \xfey\xa3\xfa\xf2\xb5\xd8\xac9\xd8\xa8\xca\x07\x9b\xdaw\xf3w'</t>
  </si>
  <si>
    <t>b"{M\xd8\x12\x9b\xd6\xeb\x82\xe8\xd7M7aXM\x07$M\x95~'\xd3&lt;\xc3\xdb\x96\xde\x84~\xa1d\xbd"</t>
  </si>
  <si>
    <t>b'\x90\xe9!2\xafK;I\xb4\r\x95\xd2\xf9\xfc\x8d6\xdaM\x1a\xcca\xaa\x8cR\xf6\xc8o\x81\xdf\xc6\xe9\xf2'</t>
  </si>
  <si>
    <t>b'\xf1\xc2\xa9\xff`\x7f\x01Z\xee\x99&gt;\xd0\x98\xb1:\xf7\xfe\x97\xe5\xc3K\xa2\xfe\x1a(\x99\xc6\xae\x8e\xf7\x1d\x94'</t>
  </si>
  <si>
    <t>b'\xe5\xc3\xb8\x13TQ\x82\xa1\xc1?V\xc8c\x94\xab\xef\x03G\x00\xa3?\x18\xc6&lt;\x92\x19(\x10\xbc(4t'</t>
  </si>
  <si>
    <t>b'\xc0\xc8\xad\x03\x94\xfbVS\x98a&gt;\x82\x93\x933\xc1\xa3\xf7B\xdc\x03$\xe4c\xb9\x0eylM\x1dz\x05'</t>
  </si>
  <si>
    <t>b':\x96\xf6\xef\x07\xdf#\x9cG\xadX\x11@%\xb65\xb0G\xe3\xec\xa3\xe6M\x11`p+\xf8\x87)\x8b\xb7'</t>
  </si>
  <si>
    <t>b'^b\xb3\xfbp\xffN\xb8\xf6\x849\xf80t0\x84HE\x9d\x1amm\xa7\x0e\xf0C\x85\x02\x02]%h'</t>
  </si>
  <si>
    <t>b'n\x02\xf7#\xa1\x17\x80K!.e\xdb\xc4\xa6\r\xc0\x93\xa1"\x0fH\x9f\xd0c\x86\xd4\x7ftp"\x00\x0f'</t>
  </si>
  <si>
    <t>b'\x96\xa8\xf5g\xc6\xa0\x18\xe1\xd9E\x90\xb3K:\x9d\xb4Q\xf4\x85\x006$\xb8Y\xee\xfemv\xe0wu\xe5'</t>
  </si>
  <si>
    <t>b'\xd1\xb4\x922\x05\xfe\x13\x04k]&lt;\xe8\x0b\xac/\xb8o\xb4\x1b\x86V\xef\xe4\x9f#\x863}\xc5\x1bW\xa6'</t>
  </si>
  <si>
    <t>b'R\n\t]S\xb0C\x0f\x19oT\x16\x1b\xa5l\x99\t\xaa\x86Y\x1c\x9a\xady\x01#_\xaf|\x16\x81!'</t>
  </si>
  <si>
    <t>b'\xc2^\xa7\xd2\x19\xe4h\xa0K\xca\xfb/X\xefO\xea\xad\x8bF\xda9\xb8hd:\xe4\x80\x82i\x18\xec;'</t>
  </si>
  <si>
    <t>b"\xfe\xef\x1c\xe8La\x17\x99\x92U'\xdb\xa1)\x14\xbe\xf6}\xff\x15\xa3\x88X\xd3$S\xfa{_\xfcbk"</t>
  </si>
  <si>
    <t>b'\xdd\x93K\xa2\xc4\x11\xf2=j\x8b\xbf\xcc\x04\xd0wQ\xde\x95\xc7HW\xd3O\xa1\xf2Z\xfe\xcf\xdf\xed&gt;)'</t>
  </si>
  <si>
    <t>b')Bs:\x97\x00\xe2\x84M\xe2\x1e\x1d5\tc\x95\xf8\xa1Hy\x0cm\xeff\xa7\x06#\xcf\x8e\x9bW%'</t>
  </si>
  <si>
    <t>b'\xfd\xb4D&gt;t_#\x8d\x11\x91\xe6j\xc3\x0e\xc5^\xaa\xa1!\xbc_Pu\r\xb0R\x01\xae\x13V\xb8B'</t>
  </si>
  <si>
    <t>b'\xe5Q\xed\xe2\x82W[\xc0W\x9d\xbf\x00^\x92`cuD\x93!\xe1\xf7it\x15\xfc\x8dO\xa3\x9c|"'</t>
  </si>
  <si>
    <t>b"3\xea\xaa\xabb\x7f\xaeW$\xe7Wl\xbf2\xe3?\xcd\xdaQ)\xb7\xf5a\x8aL\x9e'T\r\x14\xb3\xb1"</t>
  </si>
  <si>
    <t>b'\xe2\x98\xbc\xf8\x9e\xcdd\xff\x80w\xd6\xbf\x95\xcf`P\xbc\xa7\xf8Rh\xaeqFu\xfe\x11\x0eG\xcf\x92?'</t>
  </si>
  <si>
    <t>b'\xd9\xf4\x9a\x96\xfa\x01:\xe9Y\t\x84F\xda\x9c\x90\\\x13\x84\xe1\xbb\x88\x11\x8b&lt;\x1c\xea\x16\xaa\xf0\xdd\xf3\xb6'</t>
  </si>
  <si>
    <t>b"\x9f\xb9\xf1~\x08\xea\xa7\x9f\x05\xe3'\xe4\xb0\x10\n\xfcn\xd2b\x1a\x192&lt;-:$\xea\x18\x8bx&amp;\xb1"</t>
  </si>
  <si>
    <t>b'\xc23*@\xfc[\xc6\x9fo*].\xaaW|\xc4fi}\xc4\xcb\x9fggh\xa4\xa6Z\x16:\xde\x05'</t>
  </si>
  <si>
    <t>b'\x93n\x85\x14_\xcc\xf9\x84\x0eO\xb8\xaf&lt;\x9e\x89\xde6i\xf4\xaf=\xb4k\xefr\x171\xba\x83\xb1\xa0\xb8'</t>
  </si>
  <si>
    <t>b'\xc2\xe4\xe7\xfa\x0e6"X(\xd1\x18\xbf^\x8e\xf5\xab\\I\x92\xe2@\xae\xc4M\xfc\xe2\xf86\xd3\xcd\xc2\x07'</t>
  </si>
  <si>
    <t>b'\x18\x81W\xf8_\xfcN\xa3\x94\xab\x00;\x7f4\xa7z\xeb\xf3;\xd2\xf6]m\xe2\xd2&amp;\x06\xfa8f-`'</t>
  </si>
  <si>
    <t>b"\xb0\xb6\x05\xa23_\xa2\xcd'[\x84\x88\x92\x94\xfd-I5\x93\xabZ\xf3\xd5\x81sc\x96N\xd7\xbe\xbf\xff"</t>
  </si>
  <si>
    <t>b'\x99\xe6\x9e^\x93\x08\x98R\x13\x00}\xb7\x05ZN\xc9\xf0|\xd54N\xb3e\xfa\xf9\x9e\xbe\xe4\xde-\x96g'</t>
  </si>
  <si>
    <t>b'"J\x05\xe7\xefS\xec#\x9di`@\xdf\x8el\xcf5\xb6c\x7f\xb9\x18\x97aK\x06\xc7Cs0.+'</t>
  </si>
  <si>
    <t>b'\x05\xe5\xb7bu\xb8\xea]\x0f\xd5\xb9f\xf7\x90\xa3"\x18\xbaQ{\x1c\x88\xa2`=\x86\x1a\x93\x99\xa9:\xaf'</t>
  </si>
  <si>
    <t>b'\x81\x01P&gt;Z6(\xc0N\xd3@)\x15\x80\xb1c\xd4\xadl\x1b\xb7\xd4!\xd2[\x82\xcd\xab\x8a\xab\x1b\xfc'</t>
  </si>
  <si>
    <t>b'3q\xaa\xdd\xf1V\xb1\xb7\xa6\x91\x9d#\xc5&lt;{\xee\x8f\xc6\x1e\xe6.\x86\xfe:5\xaa\x9f\xcb\x91\x96\x16I'</t>
  </si>
  <si>
    <t>b'P\x8cL\x15^CEa\xbc\r\x1cN.\x1a\x8ca\xbaM$\xb8\x17y%\xce\x84\x88@;\x0c\xcf"\x81'</t>
  </si>
  <si>
    <t>b'hK\xeaNn\x17\xb1^\x83\xa7\xdad\x19p#\xa0\xef\xe80\xb2\x0b\xfaH\xf8&lt;\xdf\x9fgDmDp'</t>
  </si>
  <si>
    <t>b'\xd1\x19\xe5\xc8\x0c$\x0e\x87\xae\xf15n\xe0\x95\x83B\x94~\xc6\xf0\xc7\xc0&lt;\x98FG\xeedp\t.\x81'</t>
  </si>
  <si>
    <t>b'\xb8}\xaf\xa6\xbe1Y$\x15\xb7HN\xe7\xc5\xbb\x13\xea\x7f\x1f\xe1\xa7\x8d\x16\x81.B\xe1\xa8\x1a_\xb6v'</t>
  </si>
  <si>
    <t>b'\x9dS\x17^\x1e\xd78)\x93\x14d\xd6,\xf9\xac8\xe7\x8b\x95,\xb1\x88\xb7\x9a$\x9f\x1d\xd3\xa2\x95:z'</t>
  </si>
  <si>
    <t>b'\x8a\x13\xef\xc3\xce\xa1\xb3&lt;[\xbf\x07\x91#\xef\xd5Bc\x0cj\x06\xce\x9b!\x89m\xdb$c\xae&lt;\xa2\xd5'</t>
  </si>
  <si>
    <t>b'\x94\xe6\xce\x04\xfb3\x9c7\xd7\x89\x80\xa3\xd5\xab\x93\xdf\xb3\xf5\xb7`\\\x83\x01\xff2\xcc\x8f\xfc\xa0\xf7J)'</t>
  </si>
  <si>
    <t>b'\xf1\xe0\xd8\xa2\xd2D\xc4E\\\xdfS\x12\xc4\x8e+$Kmg\x02V\r\nX\x9f\xce.F\xabGeX'</t>
  </si>
  <si>
    <t>b"'|&gt;\xfa[}\x9e\xa6\xd3\xfbA\xedOT\x1a\xf6=\xafY9\x8b\x99\x85`\xb0\x1bt\xc6\x06\xac\xf4w"</t>
  </si>
  <si>
    <t>b'8y\xd5z-oB\x84V\xcd\x12\xb2\x16"\xaf\x8d\xeb\x1et\xf9\xc9T\x9b\xc6\xecn\xcf\xb7\x0f(\xe7\\'</t>
  </si>
  <si>
    <t>b'\xd8G\x89\x1f XYb\x1b\x92\t\x90\xac\xc6s\xac;\xd4\xaf\x02\xb0y\x82\x922[\x10z\xd7\x86t\xf6'</t>
  </si>
  <si>
    <t>b'xJ\x86\x13\xd0\xa5\x990\xa499\x8a\xf6\xcc\r\xcbn\xc5\x83\xa8\xe9\xcc)I\xb6*D\x1d55\xb8F'</t>
  </si>
  <si>
    <t>b'\x93\x8fa\xf3\x9a\xd1\x92\xbcG\x9a\xb6\xd3\x1bXxPV\x08K\xc0\xa0Hl\xe9:\x9dyB\n\xacu\x01'</t>
  </si>
  <si>
    <t>b'\xb5W\x85\xb1\x97\r\xcf\xd7\xb0\xcf\xea\xaf\xdf&amp;\xfe\x1f\xcb\xea\xb6\xda\xc6\xc0$\x90*L\xa3\xb6\x98\xbd8\x84'</t>
  </si>
  <si>
    <t>b"x\xb5\xc1\x92e\x9dKZ\xd2'\xefX\x9d\xb8\x86\x19\xf0\xebq\x19J\x0b8\x06\xf3\t\xbe\x8d-\xabS\x13"</t>
  </si>
  <si>
    <t>b'b+\x81x4*\x13[\x06\xf9\xe7\xbe\x1c\n\x90\xb4$9\xcdb\xe2\xa1\xedQ`\xe03}\xfb\xb3@['</t>
  </si>
  <si>
    <t>b'\xad\xd2(5\xba\x81N\xd8B\x86H\x91r\xe5\x14q\x80\xf2\x89\x91\x90\xd8xE\x82\x84\xd3\x06\xa5MS\x01'</t>
  </si>
  <si>
    <t>b'\x0b\x87}\x8f\xa1E\x1dX!\xf8\x81x\x06G(\xeeT\xe6\x80U\x97q\x94\x87N\x1c\x14\x8c\xe8\n\xa3u'</t>
  </si>
  <si>
    <t>b':v\t\xce\x1c@Ru\xd0\xb2%\x7f\x08\xf4\x04\xf2\xe2\xee8\xdd\x1eF\x9c\xf8x\xf6\xe47_\xabu\xc7'</t>
  </si>
  <si>
    <t>b'ln@g0E\xbe7\xc5\xa7\x89\xbd\xef\xb8\xc5\x0bv\xac"\x92vX\x95\xde\xe4t\x00_c{\x11R'</t>
  </si>
  <si>
    <t>b'\xb3d0\xde\\?\x86\x82Qm\xff1\x05\xfe\x1ft~\x81w\xcf\xeeg\x1b\xb9\xba)A\xecA\x88\x81\x86'</t>
  </si>
  <si>
    <t>b'\x1a(\xa0\xb6?\xc3$\x8f.1\x9d92\xf5%&amp;\x10}4\xbbZ\x05\x1b\x89A_5\xac\xdc\x02\xdc\xf1'</t>
  </si>
  <si>
    <t>b'\x81N\xc0\xeb\xd8\x19\x0ci\xf4\xcc\xe9;i\xd10\xea\xb0\xb5\x85\xa5A\xdb~:K\x8a\x05E\xca\x91\x1c\xec'</t>
  </si>
  <si>
    <t>b'\xbdQ\x04\x9eA\x11\xed\xe2\x1d\xda\nxF\x92\xf4\x18Z\xaa\xf5\xc5\xd0\xbfR%\xb8\x01}o\xd7\x13\x03N'</t>
  </si>
  <si>
    <t>b'4\x10{*\x89N\x87\xa9G\x90"\x82\xd7\x08\xe3N\r\xc8\xa3\x13\x92\xf9\xe3l\xb7\xeb\x89\x08\xd5\x1b\x06z'</t>
  </si>
  <si>
    <t>b'\xc3\x9f\x1f)\x97{+\x8eKR\xf6\xcc\x9b\x8d\n\xad\x0b\x9f\xccj\x87\x840\x1c\x04\xed\xfe\xe0iZ\xd3/'</t>
  </si>
  <si>
    <t>b'\xe7\xac?\x8a\x9b\xaa\xa7\xdb2\x8f5\xe2\xc3\xfd\xe7\x1e~\\B8d+Q\xc8J\x06\xaa\x82\xfb\xf5\xdf\xfb'</t>
  </si>
  <si>
    <t>b']\x15L)\x82_\xb3qG\x0c&amp;\xe1Am\xb6\x1a\x91m5q\xfe\x8c\x18\xb7\x04_\x9f\x9b\xf4d\xa5\xf4'</t>
  </si>
  <si>
    <t>b'\xbc|\x00;D\xd1\x8c\xdd\x16\x1f]Q,n\x8a\x80\x03^ag\x04\xe2w\xee\xca\xff\x03\xed\xd0\x9a\xd1S'</t>
  </si>
  <si>
    <t>b'gU\xca\xa5H\xc5\xc5\x88&amp;\xfe\xb6\xc6\xa2\x86\xbb\x85\xbbs\xcd\xfd\x88\xea\xa6\xe2|G&gt;h\x7f\x83\xb8\xa0'</t>
  </si>
  <si>
    <t>b'\x9d\xe4\x7f\xa9N\xb7\xcc^+B\x1a\x0c\x01zP\xc8\x92R\xf4a\x85,\xfb\xb1O#\xc4\xc4d!\xa4\xed'</t>
  </si>
  <si>
    <t>b'\xb1\xfe\nw\xc2\xd9\x8d$9{\xef\x91\xa2S\x94l\xcb\xd7\x96U\x99\x18Tyu(\xd2\x889\xdak\x9e'</t>
  </si>
  <si>
    <t>b'\x1b\x13T\xd5\xe1\xcc\xd8\xd3\x13\x8cj,\xeb\xb3\x88\xa8\n\x95a\x17\x95s\xe4\x9b4J2\xfc\xcamv '</t>
  </si>
  <si>
    <t>b'\x06O\xea\x06\xceyl*\xac%O\n\x9d\xfb.\x13H\x1a\xe5+\xd5\xdc\x0enP\xf4m\xce\xaa\x99\xb4X'</t>
  </si>
  <si>
    <t>b"r\t\xba\x81\xa4Tv\xe1\xec\xb0m\xa6\x10\xdd@\xd9\x80\xad\xa4#\x14H\xc6\x10n\x86}b\x03\x88'm"</t>
  </si>
  <si>
    <t>b'\x11;-lW\x84\x85W+\xd8\xd6t\x01\xfb~\xbc\x16\xfc\xef\xfb\x91\xcb\xdd\xe8\xfc\xb74\x80n\x82?\x9d'</t>
  </si>
  <si>
    <t>b'H\xf1mO\xf1\x1a\xe8/\x0c\xfcd6\x9c\xd3\xc6&gt;\xb9\xb7\x1a0\xb8W\xf4\xeb =\xed\x1a`\xdb\xe0d'</t>
  </si>
  <si>
    <t>b"\x08\xa6\xc0\x0b\x83\xb3\xb5\xe91\xcc{\xff\xe5\x1e\xae\xefk*\xe1\xdb:G'\x96:;\xfb\xdf\x89\x99\x943"</t>
  </si>
  <si>
    <t>b'\xe3*a?\xc3\xf4uZ+\x10\xc9\xc0\xbd\xc6\xb6h\x90:,W\xe0\t\x1a\xb7\xac\xbaZ\xb9\xf4 \x0f\xab'</t>
  </si>
  <si>
    <t>b'\xbb\n\x83\x11\x02R\x8c\xac\xb6At~\xab\x16\\\xc7\xdc\xbdzM\xc2,\xc7\xee#\xdd\x1d\xe5D\xf1\xc1C'</t>
  </si>
  <si>
    <t>b'\xdf\x9c\xc1&amp;t\xc7q,f\xa5H\x18\x81\xd1\xc38 \x9fj^3\xc1eu\xcc\xfe\xa3z\x03\xd0\x00\x00'</t>
  </si>
  <si>
    <t>b'\xb1\xc8R/s\x89\xee\x1dD\x06\x88\xfa\xda\xf4*j\xd4\x80\x95\xc2\x85\xc9&amp;(\xcc\xea\xfe=\xab/\x16:'</t>
  </si>
  <si>
    <t>b'\xd3n\xe7\x85\x06\xc6!\x02\xc0\xb8\x07\xfb;&lt;\xce\x06\xb3\xe6PH\xf5\x98`\n\x81(\xcb\x9d&amp;M\xc3y'</t>
  </si>
  <si>
    <t>b't\x95r\xd8\x18.\xe6\xa6\xc5Y\xbcuU\xb9T\xfc!\x7f\xab\x8d\x19\x83\x88\xd6\x94\xf0\xd4\x88!\xdab\xd0'</t>
  </si>
  <si>
    <t>b'\x1c,_)\xe23Yq\x95\xc8\xc4\\\x9cX\xb8\x1a\x91Z\xc8o\x13Z\x1e\xae\xc0\x89\xd9O\xfb%:\x1c'</t>
  </si>
  <si>
    <t>b'\xbcmy\xcfas\xd4\xe5\xc1b\xb2\xd5\xe8a\x97\xb04\x88=\xbc\x08\x16\x8dR\xd4\xc3f\n\xadz6B'</t>
  </si>
  <si>
    <t>b'\xf2\xe9e;\xddy`1\xf6\xc2c7\xa3\x17?\x9ac8\xb6\xbc:\xbb\x0eS\x96\x00\xff\x0c\x0b\x8e6m'</t>
  </si>
  <si>
    <t>b'Tk_\x95\x8f_\xf3vKC\xf3\x8d\\\xe6WR\xd7\xd8s\xe4\x8c\xa46\x0e\x8b\xbdL\xdc#q\xdcc'</t>
  </si>
  <si>
    <t>b'Z\x9b\x8b\xff\x1b\xfb\x8d\x03\xf4r\xf0\xcd\xc8\xfa`\x0e\xd2\xa8\xee\x88\x0e]\xa2\xa8\xf0&gt;\xe2\xae\x19G\x909'</t>
  </si>
  <si>
    <t>b'%\xdf#\xdd\xc9\xd4z\x16F\x1d\xbc\x8d(\x90\x96\xe6\x924F\xf2\xfcU\xf6\xd5\xe0\xdc\xbe\xd3\x18#\x7fK'</t>
  </si>
  <si>
    <t>b'\xdc\xf0\x9fb\x8bL\x7f\xdc\xc4\x9b\xa9\x05`l&amp;\x88b\xe7\xbe\x0b\xa42\x9f\xe3M6\x80\xf5Agu\xc4'</t>
  </si>
  <si>
    <t>b'v\xf6\x81\xf1H\xa4\x9dr\x17W.m\xe9\r\xfd\xa7%-\x1f_\xbf\xefQ\xaec\xa7\x88\x1dD\xa2}J'</t>
  </si>
  <si>
    <t>b'\x8e\x92\xbfw\xd6\x9a\x8d\xabB\x06\x83X\xc6s\xc9\xf6d~\xd6~E\xed\xd9]K\xb78\x0bB\xc9\xb5a'</t>
  </si>
  <si>
    <t>b'\x9e\xf3\x83\xc5\x08)Q\x85\xa2\x84\x8c^\xf7\xa0K5\x18H\x95\x00\xf3\xbf\xa9W\xc2\r\xe5\xd4\x93\xc0\xff\x8c'</t>
  </si>
  <si>
    <t>b'\x8d&gt;\xa2\xe2pLC\xa7\xf3\xce\xa8\xb5\r\xa1e\xc8\xb5\x19=\x07Y\x03\xb9\x86\n\xca\xf3\xab\xc6\xa2\xa0\xb1'</t>
  </si>
  <si>
    <t>b'\x04\xf4y\xe9\xe8F\xd8Bk\x8coDE\tP\xe6\xac\x17^C\xc4*\xf9\xff\xa6\x1e*\xba-ai\xf0'</t>
  </si>
  <si>
    <t>b'\xd2\xc5\xbc\x86\x96\x8b\x04N\xb1\xd37PJ@Dk\xca\xdb\x81\xdb(4X\x14m]\x12\xc6\xb51\xa9\x95'</t>
  </si>
  <si>
    <t>b'\xec.\x12\xbb\xd8#\xaf\xae\x0e\xdf\xce\xe6\x0f5\xaf\xa7t\xaa\xadq\xcc\x86\xb7\x0e&lt;\xef(\x013\x1a\x8f\r'</t>
  </si>
  <si>
    <t>b'\x91\x16\x89\xf2E?\xbe\xb9\x13\x8e\x91=L8\x0e\x15\x99\x05E\x96\x87Y\xe7\x82.\xb5\xd6f\xcf\xfcqH'</t>
  </si>
  <si>
    <t>b'\\\x1d\xa2\x1a?\xd7\xf7\xc64-\x11\xe1R\x98]\x88\x90(\xcbOI"\xdb\x81\xc2\xcd\x7f\x9c\x1d+\x18h'</t>
  </si>
  <si>
    <t>b'\xb2\x87\x12\x08\xc2\xa03\x12\x0f\x9aZ%y?\xff\x06H:\xef`pmw\xae\x9b\xb7\x89\x95\x18\xe8\x8eN'</t>
  </si>
  <si>
    <t>b'\xfb\xed\xb4\x19\xe4|Zl\xb6\xef\x8e\x14\x87\x0b0`a\xe3\x0b\x9d\x00s"\x05\xbaFG\xf7\x98\xf7y\xd3'</t>
  </si>
  <si>
    <t>b'\xc42\x83\xfd\xdb\xfdJ\x9e \xdd\x98\t\x19\xc6-n\x9b\xac\x85\x13\xc0\r5\xf9XX\rGO\x04\xf0\x10'</t>
  </si>
  <si>
    <t>b'\xb3\x1a\xe8]\xf6\xec\xc79\xa1dL\xcfz$%\x1e(\xbc4\xb2\xc5\xa8"\xf9\xbe\xf2\xf7\x00\xf5\x82\xc3J'</t>
  </si>
  <si>
    <t>b'\xa0~M\x95Ux\x03\x962\x8a\xd3`h\x98\xbe\xbeJ\x9f\xe0\x90\xe0\xd1z\xf4~xM+\x00\x84\xdd{'</t>
  </si>
  <si>
    <t>b'\xb9S-\x9b\xee\x91SW\x96?\xc3\xaf]`\t\x84\xa4\x1f\x04\xb9F\x12\xc5\xe7%\x8a\xfb\xb8r\r\x98\xdb'</t>
  </si>
  <si>
    <t>b'Y\x80\xe12\xb9\xa7\xf4h\x80A\xd4\xe6M\xa1PR\xe6\xc4\xdb\xa0\xbd\xf7\xeaYx\xe43\xdfcb\x95\xd4'</t>
  </si>
  <si>
    <t>b'\xb6\x008\xa9\xd4Z\x14\xe8\xff\xa8%\xb1n\x17\x93\x15\xd2\xec\x8d\x8e\x98J\xb5\xeaG,*\x90k3q|'</t>
  </si>
  <si>
    <t>b"\xfd\xbaD\xa2e\x10\xc5!\xce`Y\n&gt;\xc0 \x02\x93dn\x0b\xcc\x0b'\x8d\xb3\xdd\xaf[J\x8d\xebc"</t>
  </si>
  <si>
    <t>b'\xe0j\x8c{\xbcY|\x90\xbfd\x8c\x98g6\xd1QF\xbeDW\xa6\xc0\x14=\xaez]^\xb09{\x84'</t>
  </si>
  <si>
    <t>b'\xb0U=\x0e\x92zJF\x1ep~\xd1\xf4\x9b\xdb4\x86\xe6{8\x1a\xce\xab\xf9\xe7\x88\xc5&amp;a\xcb\x84\x86'</t>
  </si>
  <si>
    <t>b'\xb6\xc2O\xa4\xd6[\xfc\xcc\xf4\xc1\x82\xe3\x13\x10\x0b\xfe\x1a\xe7\x9d~\xbb&amp;L\xdb\xf2\xfa&gt;\xf9\xaeoZ\x85'</t>
  </si>
  <si>
    <t>b'\xdd\x932\xf6\xeah\xc7\xaa\x96=\xda\x85\x82\xaf}\xe9\xcd\xb6QD\xbd5\xc8m$_\x16\xd6y9dz'</t>
  </si>
  <si>
    <t>b'\x83\xedyis_R\xfa\xe7Kq\xd5\x9b\xf3b\xf6\xe8\x16\xbb\xa3\xd0\xc4\x1aR\xd8\x10\xcc\x9b\x13\x08\x8d\xf5'</t>
  </si>
  <si>
    <t>b'lG\xfd\xd3\xa1\x9e\xec|\x86\xc3\xda\xe0\xf6\x99\xf6\x10Z:J\x1au\xed\xc5\xcb\x89\xd2\x9e\xfcb\x0e\xec\xaf'</t>
  </si>
  <si>
    <t>b'\xab\x99{\x0f\x84\xcf,\xf4\xc6\x96\xd3;\x14#\xb3\x1c\x19b\x8bE\x8a\xef\x15G\x0ep\xa3u\xcb\x9a\xd9\xb9'</t>
  </si>
  <si>
    <t>b'\x88f\xc1\x98\xe1~\xab\xf0?\x8a\x00\x86y\xfd\x00\x08QL\x9f\n\x88\xe7t\xafc\xc2\r62\xde\xff\x1c'</t>
  </si>
  <si>
    <t>b'g\x89\xfa\x1b\x86\xb14Yan\x88?oK]z\xc5\xa0\x03\x0e\xdf\x05\xc7+\xd0\xaa\xc5\xa3{\xd5\x87\xdc'</t>
  </si>
  <si>
    <t>b'\xb4o\x88IAF+\xee\x82\xbc%\x1e5\xcf\x00.\x9b\xbbi\xd3v\x1aH\xb2{t\x8f\xb1f \xa0\xeb'</t>
  </si>
  <si>
    <t>b'\x06\r~\xcd0\xacP\xbc\xf5\xe2nD\xc6F\x02\xf0\xbf\xea\x84g\x7f\x90Q\x17\x9b&gt;f\x18\x83\xdb\x0f\xdb'</t>
  </si>
  <si>
    <t>b'\x8f\x9c\xf9\xb6\xebqy\x97\x1e\xac\xcc\xc0\xa7r\x982\x92\xf9\xc7.;\x7f\x8dJ\xac#\xfb\xf0@L\xc0\xdb'</t>
  </si>
  <si>
    <t>b'_\xcf\xeb\x04\xb3E\xf1\xe3\xdb\xf3\xf0\xbdt\xc2\x87l\xec\xad8l\xb6\x83*y\xf6m6\x91\\\x99\xfd\xbc'</t>
  </si>
  <si>
    <t>b'\xf2\x84\xf7pU\xf82(\xd94\x85\xe1\xdff\x7f\x91\r\xbf8\xaf\xa1\xc8\x8a\xf2\xcc\xd50\x9f\xf2\x94\x90\x0b'</t>
  </si>
  <si>
    <t>b'OU@b^/\xfb\xb2\x92\xf08\x94\xeb\xcc(\x97@U\x9c\xc4\x81:\x98\xc4\x86dN\x0e7s\xb2\xa1'</t>
  </si>
  <si>
    <t>b'\x85\xd6x\x81j\x81\xd8l\x8d\xa7\x95\xea6i@&lt;/\xaf\x08\xcd\xd3\x7f\xd3la1#\x03AI\x82\xb8'</t>
  </si>
  <si>
    <t>b'\xddsA\xbbO\xcaT\xab \xbf\x18\x16&lt;\x03\x02\xec\x1e \x07\xaeW\xaf\x89\xf9\xeb\xb8z\x15[C\x8a\x12'</t>
  </si>
  <si>
    <t>b'\x12H\x89\xa1\xd9\x04g\xab\xe9k\x01\xbc\xaf\xfa\xe4\x88\x16\x08\xf3\xc8\xb5^KLq\xe7\x9d\xf4\x00zU\x0b'</t>
  </si>
  <si>
    <t>b'\x91\xe7\xa11F\xcdcKDK\xe2\xe8}\x1a\xb7\x8e\xe4\x08\x9c\xd3\xb9\x88Tz\x9atq}\x9f&amp;\xfa\xcb'</t>
  </si>
  <si>
    <t>b"`C\xd6Qc\x8en\x7f\xb0xa\x81'\x0c\xeb\x1f(x\xcd\xe8\xd8\x05#\x83X\x1d\xa1\xf2\xe6\xf6(\x0f"</t>
  </si>
  <si>
    <t>b'\xb3\xa9\tG2\xad\x06\xa8\xc6\xd3_sm\x85\xc8\xc6\x80\xd2\x03?\xbd\xa2\xa5\xccG\xfel\xa3\xde\xae\x80\xf0'</t>
  </si>
  <si>
    <t>b'\xbf.\xc3\x89\t\xcd\xe8\x08O\xc8|\xbc\x92\x11\x11#j\xf9\x86\xa3\x11[\xaa\x98f1\xaf{\x94\xdc\xb4\x05'</t>
  </si>
  <si>
    <t>b'e\xcf\xf3~\xfa\xa2\xf9\xeav\xeb\x1c\xa8\xb9\xa9--o\xf6)\x06x\x075se\xc4\xc9l\nW\xaa\x16'</t>
  </si>
  <si>
    <t>b'\x05\xc5\x0c\xb2\x86\xce\x0b\x1c\xbcx\xe3\xc6\x91\xaf\xae!\xa3\xce\xff{\xf5\x19\x86I`i\xf4am\x80\xc93'</t>
  </si>
  <si>
    <t>b'\x12~\xb1\xc2\xd4\xa8kj\xeal\xb7"\x97&lt;\xd5\xbdJ,ew\xe4\xcb\xb3\x03\x951\xc0\xb0-\xe4\x8bM'</t>
  </si>
  <si>
    <t>b'u*\xfd(\xb6T\xd3\xd7H,\xf4\x10 \x9d\xccg\x1c\x9e\xdb\xe8fams\x7f9w\xaf\xed~\xdb\xa8'</t>
  </si>
  <si>
    <t>b'\xfb\xd6\xf5d\xda#H\x88\x80\x1d\xe8w\x97\x13\x97b\x83\xdc\xf3\xe0\xe2\xa5k,\xad\xcb\xfb\x19\xce\xe7Q\xec'</t>
  </si>
  <si>
    <t>b"\xfb\\c1\n\x18'p\xd7X\xf9\xf3\x08\xb4P1&amp;F\x83\x97\xa7\x9b\x04F\xc0\x80T\xb3\x88\x8arn"</t>
  </si>
  <si>
    <t>b'w\xdb\xf2kM]\x1c5\xf3xQ!G$\xdc&gt;v}~\xccX\xd2\xba\x1e\x8bFz\x9e_\x04 \x98'</t>
  </si>
  <si>
    <t>b'\xbad6}B\xcb\x8d\x98\xe9\xafz\x910\x19$\x19W3\xb3R Yd\x80\xcap\xe15\xaa\xcbF\xad'</t>
  </si>
  <si>
    <t>b'\xa4-\xcfn\x1c\xc0\x83\x96\xac\xbbu\x95\x1c\xfd\xef\t\x92\x94\xf2\xb6&gt;b\xc8r\x83MP\x91\xa8b\xf7|'</t>
  </si>
  <si>
    <t>b'!P\xfc\xcc*J5\xb0,$2A%k\xab|\xd3\xe1\x06\xd2\x17\x96\x00\xfa\xd9\x161e\xc7&gt;\x05J'</t>
  </si>
  <si>
    <t>b'!$l&amp;\x1a\xb3mTIzA\x1c\x8e\xce\xbfn\x04\n\xfa\xad\xb8D\x07A\x06O\xdc\xc5\xcd\xf2p\xdb'</t>
  </si>
  <si>
    <t>b'M\x83m\x06e\x12\x96O\xf9\xff\xf9-Q\xe1\xe0\xca\\\x99,\xa3\x1cHRVq\xa5\xd1\xa9\xd2\x14*.'</t>
  </si>
  <si>
    <t>b'\xefhn\xc5\xd6\x8d\x00\xda\xf3\xdf\\\xdb\xac\xbbX\xc9\x9bX\xee\xcf\x11{K\xc1\xfc|\xe7\xd7\xe9\x05\xc1\x8a'</t>
  </si>
  <si>
    <t>b'\xba\xf5P\xd1\x9c\xcb\xe1"X\x83-^\x10\xce\xc4\x15\xdaEt\xf4T\xe6`\x01-\xca@\xc7U\x00U\xf1'</t>
  </si>
  <si>
    <t>b'&amp;\x875\x81\x10?\x8d\xaaGOg\xb1\xce\xf3[Kw#\xee\x9eB\xb4\xb1\xc0\xa7\x8e]\xdd/Y\x9d\xbe'</t>
  </si>
  <si>
    <t>b'\xa6J\xf0e\xac\xb0\x80\xce\x0f\x9f\x87\xb8K\xe6/8\x85Z\x87\xc0\xf8B\x1e\xc6\xc7`\x84\xf3\xdace\xaf'</t>
  </si>
  <si>
    <t>b'\xec\xe6\x86\xfb&lt;\x89\x1c\xc8\xc4\x93\xf4\xbc\x1a\xce\xb7\xcd\xfd%\xf0\xbc\xe5\xd4\x89\xaf\x03[\xb2\xbc\x1c\xcd\xe4Y'</t>
  </si>
  <si>
    <t>b'?\xf0\xaa\x1ca\xe2B\x95E\xd2gL((\xf0\xd5M\xb36(\x12n\x82=C\r\xaf\x10v\x8b\xc9\t'</t>
  </si>
  <si>
    <t>b'th\x8e\xa1\xb3E\xb6\xff\xbe\xf2"\xc0\x9f\x07&gt;_\xce\x01\xdcn\x85\x1d&lt;!4c%\xd4\xd6Mo\xb5'</t>
  </si>
  <si>
    <t>b'\x02\xe7[\xa7\xea0g\r\x043\xea\xe2\xe7-X_\n4\x03\xd3\xa6\xbf+\xc5\x89\x87\x8c\xc01\xb1F\xa3'</t>
  </si>
  <si>
    <t>b'v-\x99\xed&gt;m8\xb7\xf0z\xfc\x14\xd0\x0e\xb1R\xa1\x94\xb8\xafr,\xab\xfc\x01\x99\x02bW-$A'</t>
  </si>
  <si>
    <t>b'\xdc\xa1\x86X`\xcf=\x91Z\x18\xc1\xb6\xd6\xd7\xeb\xa8\xf9\xc7\xcc\r\xe6Q\xa0\xfd\xb1U\xcf\xc5\xa91\xa4#'</t>
  </si>
  <si>
    <t>b'~\xd1\xbd=m%\x07m]i\x058\x17\xd7}\xf0\xa8o\xdd\xb0\xbf\xfe\xd7\x12#\x80\x0b\xfc\xe7|\xe6\x89'</t>
  </si>
  <si>
    <t>b'\xffNn\xcf\xfe\x9a\x8c\xb9\x02\xc1\x854\xc2\xfe\xa6x\t\xcb\x1bh\xe7\xb8\x0e\xbd\xc8\x9e\x13\xd6E\xad\x01&lt;'</t>
  </si>
  <si>
    <t>b'@#\xed\xed\xb9\xcd\xd4\x95\x18\xd9gGX\xd9\xa6T\xe0\xf3\x16\x89\xafJ\xe8g7"F\xea\x96,\xa5I'</t>
  </si>
  <si>
    <t>b' \xf2$\xdc\x13\xb3\x8e&lt;"0\xf5_\xe7\x0f\xdfK\x84&gt;N\x90&lt;\xf6\xa4\x00Q\xca%\x08\x96\x06-^'</t>
  </si>
  <si>
    <t>b'\xc9=x;D\x0c\x03\xcd\xe1Wn#^\xc9\x8b\xda\xf5\x1ds&amp;L\t\x9d\xbd\x80\xaf\xac:\xf6L\x88\\'</t>
  </si>
  <si>
    <t>b'Us\xb6\xd4F\x13fW0\xf1Z\xe9\xf7\xbf\xd7\xcb\xa8\xac\x89\xf2\xffEDJ\xc4\xf0\xf6\xa2\x82!\xc2\x95'</t>
  </si>
  <si>
    <t>b'\xcfR.\xc5\xaf\x07\xad\x8d)\x99:\xe4\xfe\x12j\xe2&gt;\xc7%k\xca.%g\xf7\xf5d)\x94Ai\x13'</t>
  </si>
  <si>
    <t>b'\x89n\n?\x8a\x15\xf3\x892U\x84\xc2\xa32\x10_\xf7\xe1\xb7\xa3\x85L)\xces\x9e\x9bm\x0f\xa5\\f'</t>
  </si>
  <si>
    <t>b'\x01&lt;g\x05\xc6\xd3\x1e\x0f\xc3\xa7\xf8\x05i@g\x03\x95\xda\xb6h=\xe4\x0b\x071yN\xaa\xbc\xcb\xae\x1b'</t>
  </si>
  <si>
    <t>b'!\x10\xaa\xfc`\x86b9\xb8KD\xf4\xd1\xcf\xa6\x83~\xb3\xb6\x97Y\x0e\xe0I\x8f\xd6\xc1\xa5\x8a\x06\x07\xdf'</t>
  </si>
  <si>
    <t>b'\xe0/i\xe4f\x89E\xeeH\xc5&gt;a\xd2\xe1\xd1\x08&amp;\xec1wYKq\x81\x15\x9c\x14l\xbe\xcbK\xfe'</t>
  </si>
  <si>
    <t>b'L\xdab\xcb_!Tv\xea)\xb9%\x97T=i5\x93\xe5z\xaa\xa8\xd8\xadW\x1b\x90t\xf4,\xf4 '</t>
  </si>
  <si>
    <t>b'aF0\xd6\xa2\xae\x92\x146\xda\xb3\xddIJD\xc46\xd7\xdd\xa7&amp;\x95\t\x82\xb0\xefR\\\xba\x0b\xbdr'</t>
  </si>
  <si>
    <t>b"\xf4\x0e:\xaf\xdf\xe4\x13\x91~[\x8d\xbf'!g\x944\x168\xbd)\x0c\xa6\x00\xef\r\xab\x02\xf4vO\x86"</t>
  </si>
  <si>
    <t>b"@9\xd5\xe95\xa5\xe1\x08\xd3\xb3\x8e\xac\\\x0e\xdf\xa9_@3\x0e'\xb6\xa3\x0c\xdb1D\xf7f\x13~'"</t>
  </si>
  <si>
    <t>b'\xa6Z\xaeC-\xfd\xde\xc2\x977o)\x88#\x1b\xd5f\xb0\xbeU\xeb9id=B\xc8\xee^0\xf3\x15'</t>
  </si>
  <si>
    <t>b'\xaa\xff\xce\xd7G\x17\x9e^\xbauj\x07\xc4re\x06\t\xa9c\xc7Q\xcd\xa6"H\xa1in\xe8t\xfcX'</t>
  </si>
  <si>
    <t>b'\x11__\xc0\x9fL\x1cr&lt;\x03\xaa\x05MQ\x96A/\xc6\x15o\x00\x9e\xe8F\xd7"\xcb\xfa\xe3\xd2\x851'</t>
  </si>
  <si>
    <t>b'&lt;D&amp;\x981\xf4di\xd8\xaf\xb5\x8d\xf8\x84\x14\xb4Wa\xdb\x82c\xe2\x9ap\x02\x84\xac\x87\xd5E\xc0f'</t>
  </si>
  <si>
    <t>b'\x98\x8a\xef\x8cG\x05\x02\x14\x97\xe1\x16\xc8\xb8\x02MNk\x1e\xa9\xe8\xe4\xccBBru\x7f\x8a6\x9e\xa6\xec'</t>
  </si>
  <si>
    <t>b'X\xf0:\xc8\x113\t\xa9\x02\xe6\x01\x97\xe3:\xe4tv\xc3\xc8\xa4\xb4b\xcad5\x03\xda\xca\xf8\xa1\x97\xee'</t>
  </si>
  <si>
    <t>b'\x84\xdf\xafD\xed\x0f\x03Pp\x9c\x88\x9a\xf7\t\xf9\xb1\x99\xd4N\x84\x12\xf4\xc3\xec\x14388\xc8\x14\x13\xeb'</t>
  </si>
  <si>
    <t>b'\x0c\x92\xa9B\xc3\xa0\xad\x19\xbe%\x93!\xf9\xdd$\xe2\xe5\xd0j\x83\xccR\xb4\x85\x80\xa5\x9fRX\xf3a\xcd'</t>
  </si>
  <si>
    <t>b'\xb9\x8b\xe0\xe8\xa7\x82e\x91\xb0s\xe9\xe90\x81\x80\xb6\x8b8~M\xb3\xf6y|\x9f\xa82\xf30\xfa\xe8\xe3'</t>
  </si>
  <si>
    <t>b'n\x1d\xeb&gt;v\xd0\xd6\x89\x12\xd6\xb1\x11ql\xfbD+\xf3\xd2{\xb6\xb2xG\xb8I\xcd4\x8f\xe2I\x9b'</t>
  </si>
  <si>
    <t>b'\x16\xc8cf\xab\x98\xad\x03o\xf1/"Z=\xeb"\xca&gt;\xbf\x94\xba&amp;\xb8\xb3\xf4\xad\xc49C\xad\xe0\x9b'</t>
  </si>
  <si>
    <t>b"&lt;\xd4#\xc62\xc3\xed\xba\xff\xc3f\x0f\xba#'cs\xaa\xa9\x85\x98\xdc\x81A\xd0d\xc1\x18Z\xaa\x0fH"</t>
  </si>
  <si>
    <t>b'\xf6\xd9\nO\xb8b*\x9a\x10\xd9\xf5\xec\xca\xc9\xbf4x\x03\xcd\xa2KP\xdb\xca\xb8\xcb1\x08\r@\xd8\x98'</t>
  </si>
  <si>
    <t>b'\xab\x81\n\xec!\xbd\xb0\xe9;\x9d[\x8b\xf3\x8b\xb2\xc5\x96\x9ew\x12|\xd5/\x05mK\xc3\xdcW\x01\x96T'</t>
  </si>
  <si>
    <t>b'B\x91:\x12\xd1\xd3QI\xc5\x01\xa1\xd4e\xe1^\xd0\xfd@\x8fZ\x93\xbe(\xf8R\xbf~\xa9\xd4%g\x9d'</t>
  </si>
  <si>
    <t>b'\xeb\x87[\xdf|\xf2X\xac\xfd{Q\x8e\xf4\x90\xfcH&lt;C8(\xd6\xdb\xe3\xb4v\x19\xfaQ\x16\x1b&lt;\xe5'</t>
  </si>
  <si>
    <t>b'\x0bg\x8f\x02}\xe8V2\xd1In8e\x10|\xff\x0bL\x83c\x89\xbdK;\xdcT\xfa\xe0\x00U\x92t'</t>
  </si>
  <si>
    <t>b"\xb4\xd2\xd7\xa4\xf2\xa1\xed\xdf\xe8&amp;\xf7'\xdd&lt;\xa4\x04\xa3\x97\xb3\xf5\xd0uS:\x17\xb6\xbb\xcf\xcf\xcf\xe4\x86"</t>
  </si>
  <si>
    <t>b'\x81\x06\x93T;q\xa7a\xf6\xbf\x19\xae\x849\x94\xa1\xda\x93y  0\xb4\x86t\x9c\xa9K+\x03\x06\x14'</t>
  </si>
  <si>
    <t>b'a9=\xc0;%\xef\x1eb\xdc\xa7\xf5\x94\xc0\x1d\xe6oI\xa8f-\x80\xb3gC\xf4\x19\x07\x9c\xf1_\xf3'</t>
  </si>
  <si>
    <t>b'n\xbd\xf5\xa4\x80\xb9\x9a\xb0\x93\xf58Z\x97c\xd6GFTo\xc5\xe7M\x05\r0\x06+\xef\xef|6\xbd'</t>
  </si>
  <si>
    <t>b'\xa7\x80\xc4\xed\xc4\xc7hL\n7\x1b\xac@\x02\x9e8\xb0T\xd3#\xf9u\xb3\xf6\xe5`C\x8b\xed#dM'</t>
  </si>
  <si>
    <t>b'mZ\xda/\xca\xf8\xb3\xc4\x82k\xae\x85\xab\x06y\xb1\xd4\xf8\xb7\x13U{\xa1\x11\xf7\x8bq\xfd\xe9\xc8\xb5\xe6'</t>
  </si>
  <si>
    <t>b'\x80)+\xad}\xdf\xbd\xd9\xea\x90]\xbb\xc8\x91\xaf\xa3\xa53\xf5\xbd\xfb-\x07\xd2yk\x0e)\xc1\x99\x9f\xc1'</t>
  </si>
  <si>
    <t>b'%?\x81\xab\xeez1\xc3u"\xd2f\xda\x19\x8d\x05f&lt;\x94\xff\xa3\x97\xcd\xe5oF\xb4}\x17+\x8e_'</t>
  </si>
  <si>
    <t>b'\xcf\xef\xd0\x19\xc2\xe9+\xb6\xca\xe9$\xb5Q;\xee|\xe7H2\xcej\x16\xfd\x8aDc`\xc6\x9b-\xb5\xe5'</t>
  </si>
  <si>
    <t>b'\xd7\x05[\x0b\xeeM\xfc\xfd\xef\xe8 A\x04\xab\xd5\xa3\x9a\x01%\xa5\x1f\xfeA\xb0\x9e6L\x08\xa1\xac\x96L'</t>
  </si>
  <si>
    <t>b"\xb0\x08\n\x14\x9b\xaa\xd4F\x02'\x8c\x1a\xa7\xd3)\xf0\xa5\x8epL\xe0\xd3^\x0ciN\xd1\xe8\xb4\xb8o\xb6"</t>
  </si>
  <si>
    <t>b'\xa4\x18\xa2\xfb\xc61F\x93P\x00\xc5o\xd0\xbe\xd0\x9b\x0b\x1bH\xed$\x1e\x149\xd9+\xf8\x935H\x14Q'</t>
  </si>
  <si>
    <t>b'\x92F\xc5M\xbb\xe5\xa9\n&lt;\xb3y\xad\x0f,\xab\xd5\x07Q\x94Q\x12\xac\x0b\xb1\xeb\x08\x8c\x93\xcbj\xa6!'</t>
  </si>
  <si>
    <t>b"\x94y/\xbd\xe5\x98\xba\xe7~\x05*\x95-8\xc0yO\xaex]\x13\x13\x1c7\xf8-1&lt;\xe07l'"</t>
  </si>
  <si>
    <t>b'w1\xddE\x0e\xc5:2~M\x1b\xc4\xa0\xbb\xc9oz\xed7\x14\xbex\xe3\xbd\x00\xfcK\xab\xa8\xb2\xce,'</t>
  </si>
  <si>
    <t>b'o\xd7\x13\xc98\x91](!\xcc\x1b"WI;\x9eu\xb3=s3\x92\x92r\x80e\xf1*\x9fj\x9d/'</t>
  </si>
  <si>
    <t>b'\xb4\xb9\xb5\xf4\xf0*\xde[N\x15e\xf2\xd5\xc7hr\xfb\xf5\xa6C}m\xf7W\xc7m\x01\x87\xe6\x93\x03p'</t>
  </si>
  <si>
    <t>b'\xd7&amp;T6\xbb\x9a\xf5~d^\xa4\xb63tE\x9a\xa9\xfe5\x90\x19r6\xf4\x85\x995\xf0\xa4@K\xdc'</t>
  </si>
  <si>
    <t>b'HM\xceG\xc97\x90F\xbb\xbc\x00\x13\xeabO6\x9a\x02\xca\x18\xa2T\x8f\xdc\xb2"\xc7\xb9m\xad\xa2\xe0'</t>
  </si>
  <si>
    <t>b'\x17hq\xe3\xb4\x11\x03\x93\xd1"\xa02-n\xdb\xdc\xbc_O\xb3\xf1CB\xc8\x14\xd9\x99Q`\xb2\x1f\xbf'</t>
  </si>
  <si>
    <t>b'\xfc.\xa4\xb5\x0f\xee\xc3vj|3\x0c\xb0/\xd45\x03\xa3@\x9fw\xb9\x05m\x97?5\xe4V\x0c\x11\x98'</t>
  </si>
  <si>
    <t>b'\xe4\x83\xca\x9c&amp;\xfc\xe5\xb1\x0c\x06/\xdd\x11A9\x0b\xbc\x16\x83\xa6?\x03W\x17\xd0\xbb\x06\x06D\xdb\xf1y'</t>
  </si>
  <si>
    <t>b'1\xddX\xfe\xe6\x7f\x89\xf2v\xaccz\xf5\xacD\xe3\xc5\xe1\xfe\xe6N\xf7\xdb\xb9\xd2\xd6A8_\xd9rk'</t>
  </si>
  <si>
    <t>b"#D\xc1\x85|\xdf\xc8\xe4\xef\x98\xe4\xb3:\xaeA\xe4\x05=;\xe8\xac\x08\x18'\x1a\xbc\tE\x19\xe3\xc1\xe0"</t>
  </si>
  <si>
    <t>b'\xd1\xda\xc7Y(U\x1d\xf5\xb8\n\x841\xa7\x04\xde}\nTr!U\x04\xc2!5\xec\xbf\xfcY\xb9\x80\xe9'</t>
  </si>
  <si>
    <t>b'\x85%=JJ8\xb6\x0c\xe7\xc5_LL`\x11\x82p\xe9\xf3y\x96\r\x066\x94\x0c\xa1\x91\x95\x81?2'</t>
  </si>
  <si>
    <t>b'\\\x11\xe7S\xf2\xa7\x9ag\xaabUaS\xe3\xc1&amp;\xbb\xc9\xa9{\x9c&amp;\x9f\x85\x86\xb8\xcf,\xbe\xaa\xf4\xb3'</t>
  </si>
  <si>
    <t>b'\xb9\x81\xfb\x15X\xfb\xb6\x15^L\xee*\xf9nV\x0edhOSN\x95\xd8e5\x1b\x85\x05w\x12\x11\x06'</t>
  </si>
  <si>
    <t>b'\xe2\xb6\xd9\xe0P8A\x9e\xd0\x9a\xb3Q2M\x8d\x968\xc0%\x1b0w\xed\x8c\xe4y\xd5-(\x99\xab\xad'</t>
  </si>
  <si>
    <t>b'\x86\xa0\xee\x1b[Qi8\xe1\x0c\xa5\xb7d\xd9\x1fy\xe7(\x838QhP\xbd\xabk\xce~5\xbe\x88\xca'</t>
  </si>
  <si>
    <t>b'\xa0;v#\xc4&lt;c\xee\x8c"\xb58\x9bh\xe5VM\xa6\xcf\x86\x12`\xb0\x94\n\x15\x95S\x17\x87\xf8s'</t>
  </si>
  <si>
    <t>b"\x1d\xd8|f'\x99W&amp;\xcb\xba&gt;P\x11P\x9d\x88\xed=\x1d~\x00}\xf5gJD\xe3\xc9\x0f\xf7\xee\n"</t>
  </si>
  <si>
    <t>b'\xda\xd7:\x88\xb3,\x98\xf55F\x0e\xf1y\xa8*\xac\xe1\xc2?\xd9\x88\x08&amp;m\xba\xe5\xedU\xddc\x0f\x08'</t>
  </si>
  <si>
    <t>b'\xc5@\x05\xae\xe5\xf5!\xee\xd6\xa2\x05,\xe2\x87a\xbeE\xbbn}\x1d\x1f\xf6\x84v\xb4\xf7\xf2IP\xd4\x1a'</t>
  </si>
  <si>
    <t>b'\xcd*5\x99\xaf\xb2G\x9c\xdc=\xaeE|\x90\xd8\x1e\x1dny\xc3\x8f3\x03\xd2\xc6\x1dW\xf4(\x1a\xd6H'</t>
  </si>
  <si>
    <t>b'\x81g\x88H\xa8\x9d\xaf3e\xa1/9.\x02\xc5\xd1x\xdc\xa5 _\xba\xc1\t\xf7\xad+\xe2\x03\x97\xbd\x9b'</t>
  </si>
  <si>
    <t>b'B\xd6A=\xd8\x83\xdb\xcf\xd6&amp;\xfc\xbbx\x85\xf6\x8c\\P\x0c\x885t\xb7O+\xae\xee\xcd\xbcI\xe5\xc4'</t>
  </si>
  <si>
    <t>b'\xe4\x1c)\xd9\xd2f9\xc4L\x19\x96\xe9D&amp;C\x04\x88\xfa\x05\xee\xa6\x9f\x19\x1b5\x04\xcc\xaf\x8b\xeb\xdd\xe8'</t>
  </si>
  <si>
    <t>b'\x9cg`ci\x12\xe3\xd9a\x89a\xc8\x87\xc1\x15D\xd8\x15&lt;`\x043D\xf8hG2\xda\xa9,\xc8&lt;'</t>
  </si>
  <si>
    <t>b'h~\xde\xac\xb3]\n\xb8\xd7NN\x9d\x88xz\xf9\xbc\xa9\x10\xcc\xbd\xb5\xb5\xed\xf0\xd4P\r/\xca\x95\xc6'</t>
  </si>
  <si>
    <t>838xx</t>
  </si>
  <si>
    <t>b'oZg\xcd\x85\x18\xf5\xfa\x85Vx]\xa2Q\'\xc0\xe3\xb4\xbc\xf0}\xab\xc9&lt;\x1e"T/3go\xd5'</t>
  </si>
  <si>
    <t>b'{q\xbf\xc1\xf5\x9fJ-\xb5\xca\x18\x14(\xfdTV\x05\xfa\x93blAC\x0c\x19\xeb\xe8\x06:$[\x13'</t>
  </si>
  <si>
    <t>b'@\x84pR\xa4\xbe\x8f;\x9b\xb8I\x8d\x12|\x11DK\x81\xeas\xb2\xe8\xb2:z\xe6\x8c\x10\xab\xcf\xacv'</t>
  </si>
  <si>
    <t>b'x\xf6\x145.\xc3\x8e\xb2\xf0\x0b\x1cG\x9d\x14\x17\xd0\xa8\x84o\xac"\xdc\xd7\xea\x7f\xb3\xcc\xaf\xb1\xc3\x820'</t>
  </si>
  <si>
    <t>b'x\xeaF\xef\xe2\x88\x1e\x14z2\x8e\x9a\xea\x89\xc1;\x8c{\\\xef\xd3\xa3\x96F\xb6\x87\x10\xfd\x8e\xd0\xfc\xfb'</t>
  </si>
  <si>
    <t>b't\xb8)\x1f\x08\xeb\xb2\xaa\xff\x90\xb3\xdck\xd5\xdf"\x04K\x02;\x90\x95z\xb8\x94\x88c\xfep\xa5\xbcF'</t>
  </si>
  <si>
    <t>b'\x83\xfd@\xf3\xd4\xb4\xb0`s$\xf0\xb0I\xe8\x06\x00\xba\xd79A\xad\x13\xd5\xb3\xa6"\xb6\xf3\xef\x9f\xd9\xe0'</t>
  </si>
  <si>
    <t>b"\xd3\xf6\xdf\xf1\xc2j\t\x0b\xc9\x12\x7f\x96&lt;\xe9d\xf7x\xf7\xb3\xd2\xddo\xc8n\xd9I's\xdez\xfa\x1f"</t>
  </si>
  <si>
    <t>b'v\xce\x17N\x91\xf1\x13\xc9\xad\x89\xe3\xa0~\xdft*\xe1&gt;\x9c\xbcvr\xd3\xfb\xd4\x01\xbe\x85\xf7\x9f\x83\xe6'</t>
  </si>
  <si>
    <t>b'\x198\xd1\t\x15\x05\xde9O\x05\xae\xd6\x15[u\x9en\xf2v\x9e0\xff\xe6\x17\xb0\xb3\x8f_\x859"D'</t>
  </si>
  <si>
    <t>b'C\xc9\xc1\xb20\xf8\xdd&gt;W\xac(\xa8\x8d\xf4\x1b\x84n\xf4w\xb0v\xd3\xdf\x9en\x1aW\xa4V|#&lt;'</t>
  </si>
  <si>
    <t>b'\x93&gt;\xf85E\x0b\x7fo\t\x82\xdfq8\xca\xc0\xf0\x88u\x91)N\xb0G&gt;\xcc\xae&lt;e\x8a4\xb3\xbc'</t>
  </si>
  <si>
    <t>b'@\xf30\\E\x1c*eU\x15SyX\xd7\x08\x04 \xdb\x9b\x08\xd2\xbe\xec\xdbJ\x90\xd3V\xfe"\xba\xa6'</t>
  </si>
  <si>
    <t>b"I/e\xee\xcf\xa8kHX\xa8O4\x0c\xa8\xcc\xfaL\xa2Tt\xb2\xfc+\x9a\x90\xaey5'\xb6\xb3\xb2"</t>
  </si>
  <si>
    <t>b'?\xebl=\x03\xde\x08"K\x91o\x89inO\xdevb\xc2^\xd6\xaa\x84\x05\xfd)\x1e\xac\xa6\x08\xa8L'</t>
  </si>
  <si>
    <t>b'x\xbap#\xe3\x9d\t\x1a\x9fF\xbd\xaa\x8e\x04\n&lt;X\x97\xb1k9\x88\xdfz\xcc\xf5+g\xd4J\n_'</t>
  </si>
  <si>
    <t>b'y\x17\xeb\xa2\x11\xcc\xa2\x08\xf6#\xeeV\x84\x1dP#q\x8d\xd0\x04)\x1e`@\xed\x9f\xa6\xa6O\xd0\xf0\x8d'</t>
  </si>
  <si>
    <t>b'p\xe8\xbe\xb9\x80\x83-\x1d]8\x87\x04A\xae\xb0\xc9c5\xe1\xaa\xcfG\x82\xfej\xdc8\x1f\xa6q\xfd\x88'</t>
  </si>
  <si>
    <t>b']\xcd\xcc\xbf\x9bN\x10\x8a\xea*\x89\x91.g\x88\xa9\x89\x1e\xa6\xe8\\\xd9|e\xc7\x08\x01\xfassC\x81'</t>
  </si>
  <si>
    <t>b'\xc6\x94+\xbe\xb6\x1co\xc1\x82\n\x972oY-\xd6"Y\x01\x88\xdc\x1c6\xb3}V=\xd5\xa3\x0c\xc4='</t>
  </si>
  <si>
    <t>b'\xabeF\x11\xa0U*\xec\x91\xb1\x0b\x0eIN&lt;\x04\xbd"\xfa\x02\x19|\x17\x83\nU\xbeI&lt;~\x00\x01'</t>
  </si>
  <si>
    <t>b'\x84\xad\xefJ\x92h\xd6\x98\xcc\xf0\x80\x1b\x95\xeb:\xe4[{\x01\xbcf\xb5\xdc\xbe\x0f\xd0\x14\x7f8\x19\xf8\\'</t>
  </si>
  <si>
    <t>b'\xfb\x86F\xddU\xa7\xf8\xd1\xe5\xf1*\x95\x18\x97\x99zo\xf3\xfb\xf5`\xb5\t\xd4R\xb9\xbf\x9b\x05(P\x0f'</t>
  </si>
  <si>
    <t>b'\x1f\x86/Q\xb4\x83E\xb9\t\xdfD7\x7f#N\xdd\xaa\xab\xaeb%\x86\xa3 \x04\xc4;\xac\x939v\x06'</t>
  </si>
  <si>
    <t>b'\x1d\xadM\xf2n2\x7f\xf7\xe2\x10\xbe\xfa\xdf@&lt;\xbe\xdc\x90\xa3\xfb\x8el\x818\x1dw\x8b\xfc\xa2\x8cz\xea'</t>
  </si>
  <si>
    <t>b'V\x97Y2\x8d\x1a\xa5\x0e\xc7A%\xa1\xc0\x16\x947\n\xe3\xbd\x80&gt;\xc8\x81\x95M\x88\xed(e\x15!\x87'</t>
  </si>
  <si>
    <t>b"\xb8\x82\x07\xde\xd8\x0bD\x8b\\Z\xe6G^|C\xd8_\x05\xdf\x0e%O\x0e}/\xe34\xca\xac\xa0'\x81"</t>
  </si>
  <si>
    <t>b'\x88\xf8\xa2\xe2\x1b\xc0\xacj\xe9\xf4\x02\xa3O~\xf1@XW\xe7\xcf&lt;\xef\xd5\xb4\x06\xc4\x82^\xdf\xbfD\xbc'</t>
  </si>
  <si>
    <t>b'\x0c\x8a\xa8\x03\\v \xf6l\xa8\xc9\x08)\x15\x1e \xbf\xca\xd1\xa5X\x99z\xfa\xde\xdd\x86i\xafg\xbcp'</t>
  </si>
  <si>
    <t>b'(\xea\x9e\x9b\x1f\xf6(\xf0\xb3v\xee\xb1K&lt;\xce\xf8\x88\xd4\x89\x9f\xb6\x08\xbe\xf4\x87\xf0\x00\n\xf7\x04w_'</t>
  </si>
  <si>
    <t>b'b\xe3\xe4\x12\xc4+\x11)\x19\xed\xe7?g.\xcf\x03\x9e\x9a\x98\xc4A\xbb\xee\x9a\xc4\xb0i1\xe3\x82\x85\x11'</t>
  </si>
  <si>
    <t>b'YK)n-\n\xec\x8d\x98P~`\xf6Qi\x1a\xf5\xdb\x94&gt;0\x17\xefS\x19\x934\xcd}\xcc\x91\x92'</t>
  </si>
  <si>
    <t>b'\xa0\xcf$i[S\x8c\xbd\x89&lt;\x06V,\xdd\xadk\xd2\xa2\xc0\x0e\xbeB\xbcp\x9apa\x04h\x0c\x82\x13'</t>
  </si>
  <si>
    <t>b's\x1e\x16\x0cKH~j\xf1&lt;\xef\xa1\xb3y\xa0\xe4\x10\xb0d\xf2\xea\xe1\x1a\x8a\xcd\xa7u\xb9s\n\x9e\x84'</t>
  </si>
  <si>
    <t>b'\xaeC\xa9Q\xb63X\xd19L\x0ed\xe0A\xf9bM\xd3\xcf\xeb0\xf5\xed\x0c\xca\xef\xdb"_\xa7\xdf`'</t>
  </si>
  <si>
    <t>b's\t\x05\x99\x9c\x12%DG@\x80E\xb3I\x98\xee\xd9\xcd\x0b\x86]KY\n\xdf\x91\xe4r\xb8\xee[\xa2'</t>
  </si>
  <si>
    <t>b'\x12\xe5Z\x88p\xf1;\xe8\xc0Z-~\xb4\x8f\x85\xdf\xbd\x93\xff+sHAQ\xe1?oyP\x1e\xaf\x0c'</t>
  </si>
  <si>
    <t>b'\xc6\xce\xb9|\xa9A0\xf0\xdd\xc05r\xa2\xcc\x94\x06\xabw\x182\x0fO\x1c\t\xda\xfe\xbe\xbf\xef\xf1\x87\xf7'</t>
  </si>
  <si>
    <t>b']\xe9\xfe\x8c@B\xcfr\x1c\xfe&lt;L\xdbi\xfc@\xa0y\xc8\x0c~\x95\x15R\xb2\x18\x11\x08\n!\xb4m'</t>
  </si>
  <si>
    <t>b"\xe2y\xb1\x08\x1b\xef\xf3&gt;\xb8&amp;\xd6\x96\xddB\xdc\x18\xcd\xc0&lt;\x9c'\xf3\xabP\x18\xb0\xe6roL\xcb\xd6"</t>
  </si>
  <si>
    <t>b'@\xcd\xe8\x0f:\xb1\xcb\xab\xb9\x809e\x9dE\x98\xde8P\xe9\xea}U%i\xc5\x08\xba\xbbt\xc3\xb2H'</t>
  </si>
  <si>
    <t>b'3J?\xac\xbc\xfe\xb7\x19\xedo\x9b\x90Q\xfd\xee\x9e\xf2\x03,JG$\xfaN\x1d\x04\x8d\x96\x83\xc9\x18='</t>
  </si>
  <si>
    <t>b'l,\xc7\xd9\x8d`\xb20\rT\x90v\x96\x19\xa9)\xce\x80\x16\x0446\xf6\xbcF\xadBv\xf9\x93\x98\xbc'</t>
  </si>
  <si>
    <t>b'\x9cu\xbf\xfe\xc9p\xd9\xcd\xf6\x93Q\xcfW\xa8H\xc8\x90F8\x8b\xa7\xda\xd4I&amp;F\xc1\xb0Ij\x8c\n'</t>
  </si>
  <si>
    <t>b"\xc4\x91\x87\xcd'\x1e\xa9\xae\xe8mAR\xf2\x15\x00\xf75&amp;\xe8\x1b\xc5\xc3\xd2\x15\xf2\xb3|WYn\x1b\x80"</t>
  </si>
  <si>
    <t>833xx</t>
  </si>
  <si>
    <t>b"&gt;\x80\x93\xc0|:P2'\xda+\xca!\tYW\x94\x17\xb21m\x07\xef\xba,\x87xK\xd0\xd7\xcf\xb6"</t>
  </si>
  <si>
    <t>b';S\x80\x17?n\xfa\xc2\xb3\x7fDB\xe6\xb0\xa2\x9a\xcd\xb9\x9b\xd4Dp\x8d4m\xd6e\xb2\x1f\xbc\x80\xeb'</t>
  </si>
  <si>
    <t>b'\xb9\xf3;\x86\x89\x1f\x17K\x96\xffx\xa6p\xb7\xd5\x85\xa8x,r\x84\x07btV\x93\xf0\xe42\xb5\xd9\xd2'</t>
  </si>
  <si>
    <t>b'Xu\x7f:\x05li^\x10\xc2\xde+X,\x1d\x1f\xfb\x92\xd2`9u\xad\x93\xe7F\x072\xc9"\xb3\x95'</t>
  </si>
  <si>
    <t>b'\x1f0F$\x1f\xa6?\x1eG\xfc\x9fY.j\x08\x98\x9e)D\x1b\x10\x8b\xb3\xfd\x99\xfd\xc5\x19t\xd4\xc5j'</t>
  </si>
  <si>
    <t>b'{\xb5\xfe&amp;\xde=\xa8C\xa3\xc978?\xb4\xe7\xf4\xbc\xc7m\xb8\xf2\xe2\x86\xa0aGGQ3\xc1\xe5\x16'</t>
  </si>
  <si>
    <t>b'\xdc\xf65d\x10\xb0\xf1N\x96w\xddNl\xd2r\x9b\xad\xfdV\xbd\xec\x0bT\xd3u#g\xe6\xd9\xe55\x97'</t>
  </si>
  <si>
    <t>b'B\xba\xd9\x01\x08\xd9\xef\xe4\x1d\x84\xf7~GL0\xff\xc75\xdc\x1eq\xcf\xf0tn?\x83\xe7\x0c;\r\xbc'</t>
  </si>
  <si>
    <t>b'\xe7\x03\x0c\x13R_5\xaa\x91\xab\x01C\xd5N\xf6\xf9v#.\xd4!\xf9\xfd\x0e\xb7{\xcc\xcb\xcc\x8e\xb2\xae'</t>
  </si>
  <si>
    <t>b"\xe7'\xd6\x07u\xd7\xb3p\x99\xc6\xa1\xbbu\x11\xb9\xb3\xbeeq@\xdd\xd45\xe9L\xbey\x94\x19\xd2\x92%"</t>
  </si>
  <si>
    <t>b'\xf9W\rT\xad\xf5&gt;\x8d\xa3\xef\xfe\x1c\xe2\xb3)hQZ\xf6\xf5\x0c\x97\xd3\xb2J\xbe\xc4\xf9R\x8d\xa8x'</t>
  </si>
  <si>
    <t>b'k?]5\xa8\x99\xca\xb9W\xa1\xfd\x7f\x85\xd4=QO\xd7~\x13\x90\xe8&gt;I9\x88\xe4\xd2\xb4^\xc2('</t>
  </si>
  <si>
    <t>b'\x1d\xc1\x90f\xdf\xa6\xf3\xcbzv\xc9h\xb6K\xa9\xeen\xad~|\xf5\xd8\x86Vx\xe5\xf8\xf6\xcd\x8d\xa7\xaa'</t>
  </si>
  <si>
    <t>b'nE0\x7f?"Wz\x1c\xb6\x01N\x06J@\xf908\xb7E\x08_\xed\xd6\x98\x11\xf8\x90-\x03\x11\xd6'</t>
  </si>
  <si>
    <t>b'\xaa\xb6{dc\x82*`~\x938\x8b&lt;u\xdd\xa3\xdb\xf2\x93S\xa0\xfb\xa0\xa2\xe4\xeb\x8cN\xc7\x8f\xf1b'</t>
  </si>
  <si>
    <t>b'D\x12`\xedo\x04dS\x06\xe8\xf5l\xc3\xf3\x18d\x8a\x9bi\xf9\x91q\xb20\xf2Q6\xff\xde\x07\x94\xf1'</t>
  </si>
  <si>
    <t>b'\xacT$\xa3.;Y\xd6\x9b\xd5O\xe0\xb9G\x9e\xd4 \x83\n\x84\xe8=\x95A\xaf\xc9s\x8c\xa3\x95D\xda'</t>
  </si>
  <si>
    <t>b'\xabL{^\x9feas\x80Qa\xfb\xbfv\xc9o\xaf\x16U\xebR\xf2\xea\xa1\xdd\xeb\xa8\xc41\xee|\xee'</t>
  </si>
  <si>
    <t>b'!\xa6\xc1\xca\x07\xa0\x9b\xd8\x9d\x1c;k\xb4\x81\xe5\xe6Q\xc2l\x0cN\xa6\xa6T\xe5\x82\xdd\x95N\x1e\xe9q'</t>
  </si>
  <si>
    <t>b'$x\x8c\xba=\xf8~W\xb6\xabX\xc0U\xd97\x0c\xd3\xf0\x02{D\xdaN?x\x03@\xf0\xe4\xa1\xf4D'</t>
  </si>
  <si>
    <t>b'\xbe\xe7\xb4\x15\xa6\xfc\xb8\x0c\xc3d\\\xe7]6(G\xd2\x18\x8e\xab\xbc&amp;+\x1c\xbf\x08w\xf8\xee%t\x01'</t>
  </si>
  <si>
    <t>b'\xf5\xac\xc9\xd5\x10\xe3\x96\xaah1\xf5\xa6\xa1`\xa7c2O\x88\x1d?e\xf8Z\xd1\xa3\xb3(\xebQ\x1d\xe5'</t>
  </si>
  <si>
    <t>b':\x0f\xa0\x82\xf31\x04w\xad\xcad\x9c\xe9w}\xbb\xd1\x82\xb9\xde\xeah\xe5(nT\xb1\xb1t\xf0\xfd\xea'</t>
  </si>
  <si>
    <t>b'Q-\x1f\xfe\x00w\x8bZ\x05Y\x86Y\xb7\x99\x7fc\xa1\xf5\x97\xae.|M\t\xe5\xdd\xa8#\x10\x95\xa0f'</t>
  </si>
  <si>
    <t>b'x\x84a\xf7\x9b\x00^\xad\xc4\x10(C,\x18\xbc\x88\xfc-\x17\xc3\xa3\xefl=T\xcaS\xaa9/&amp;h'</t>
  </si>
  <si>
    <t>b'4\x8013$\x82\xcc\xc0\x8b\x9d?&amp;\xe8\xf6\x0c\x8e\xff\xc44\xd3\\\x08\x8d\x1b.\xf1\x0br\xf7\xc2C\xef'</t>
  </si>
  <si>
    <t>b"t&lt;\xb0\xb4&lt;\xfe\x9d|\x03S'\xaa\x1dh|\xca}C;\xd8\xb7@d\x83LYR,\xe2\n\x91\x95"</t>
  </si>
  <si>
    <t>b'\x0buc9\x832L\xf0\x19B\xd11Zp\xd5\xa1\xd5\xb4\xa9=r\x9bI,Z(\x8buf\xa9?2'</t>
  </si>
  <si>
    <t>b'c\xee\xfd\xe3s\x05\x14\x06\xabwy\xfdt\xb7{&lt;%\xd7\x92\xf3f\x1eK\r\x05\xfbD\xc0\xea\xdfW4'</t>
  </si>
  <si>
    <t>b'\xc9\x8fm\xa5\x1b\xa2\xc4\x9d\x00\xb1C\xec,\xf4\\\xcb\x94\xc5%\xd6[J\xf3e\xaf\x04!\xbb\xd4\xed\xc7\xfa'</t>
  </si>
  <si>
    <t>b' 3\xcej\x83\xb9\x7f\xd7-\xa3p\x1dF~Ec\x99\xa3FYO\xd8\xbf\xb5\xbfH\np\x90\xfa\x83\xe2'</t>
  </si>
  <si>
    <t>b'J\x0e\x89\x86&lt;7Oz\x99iw\xe9\xdc:\x1dZ\xe6\x9b\x82\xa6ht\x1acUB)\xdb\xf9\xf6*c'</t>
  </si>
  <si>
    <t>b'\x08z\x92F\x17(\x08\xba\x96\x0f;\x06\x9d]\xfd\xfe\xcf\xb0\x0f??9\xaf\xb4\xb9\x92\xf2S\xd3O\xaa\xea'</t>
  </si>
  <si>
    <t>b'\x11\x0c\xd4IY\xc6\x86\x98\x9fA\xdc\xa8Vb\x93\xa0\xf4\xd4\xfb\xda\xa8\x97W\xb4E\xbd\xab[\xec\xe1H\xd2'</t>
  </si>
  <si>
    <t>b'\xef\x9c\xfd\xf4/\x97\xce2\xf7\x98\x80\xe1q\xed\x18\x17\x8b\xf5rn\xacb\xba\xf9M\xf3\xdbc9Mbz'</t>
  </si>
  <si>
    <t>b"\xae\xc1?\xf9\xe5\xbc\xb3\x95\xa54\xe8\x14\x80H\xb9^\x88&amp;'8T\xae\x14\t\x84N\x97\x92\x18D\x12-"</t>
  </si>
  <si>
    <t>b')\xeeU%fC\x93\xfa\xa8c\xc2Y\x80`x4\x03\x14\xac\x9dq\xf8\x0f*\x86\xe2\xaf4.$3r'</t>
  </si>
  <si>
    <t>b'\xa7]hE\x8d\x0e\x80\x96\xf1dw\xa2\xc7\xa7\x1c\xb6\x1c\xc4\xd1\xfc\x952f\xe44Qj\xdc\x80\xed\xdd\x93'</t>
  </si>
  <si>
    <t>b'p7\x17\xdf\xff\x10=\x83\x85\xc8YaL\x0c$\x17\xa8\x06Uv\x18\xe4\x98\xc1nb\xd2,&amp;w\xc6\xb6'</t>
  </si>
  <si>
    <t>b'Joi\x0c\x0e\x1f#\x93\x9a\xa0&lt;\xe7\x80\xad\x97e\xc4\ti\x10zw\x8dET\xf7)\x0f\xdd\xf4\xa7!'</t>
  </si>
  <si>
    <t>b'7\xacIYs{\xaa\x86\x9c\xd9P\xb5\x11\xab^(0:dR(9\xcd\xabe\x84\x0f\x15d\xbe\xcf\xb9'</t>
  </si>
  <si>
    <t>b'\xa4\xdb\xc1\xd1\x0e]M\x0e\xdcw\x9bn\x11\xc3\x05w\xf2\x03\xbe\xf0\xd4%\x03\xcd\xd93\xb80\xc1\xfc\x04i'</t>
  </si>
  <si>
    <t>b'\x9e\xb921\xc42\x9eb\xa7\xaaIt\x83\xf1\x9f(|\x04\x02\xe4\x80\xb5\xb7\xdci8LG\xa9\xa6\xeb\x1b'</t>
  </si>
  <si>
    <t>b'\x8e\xd5H\x8a\xf9\xc6\xee\x1c\xe3\xc8\xab@=nIDn\xect\x1a\x87//~j#\xad,a\x15*\xcb'</t>
  </si>
  <si>
    <t>b'\xd8n\xeba~0v\xad\xb5)\xb6\x1d\x9d\x13u\x8a\xda4\xd0\x1d\xf5%u\xabU0\xff\xe3\x88\xbb\x07\xca'</t>
  </si>
  <si>
    <t>b'\x95\x1a\x13w\xb9\xe1\xa9\x98\x86\x9e\x96\x0c\xf8\x82\x80J\xf1f^\x07\x1e\x13n]\xac\x1e\xec\xd2\xe6\xca\x82@'</t>
  </si>
  <si>
    <t>b'?Qz\xb6Y\xca\xf7\x1b\xa8\xd2\xb8\xee\t\x8eu\xb1\xf0#\xc8\x02\x9a\xb1\xc6(P\x08hH\xf1L\x89y'</t>
  </si>
  <si>
    <t>b'\xcf\x9cw\xa6\xfc\x00x;EN\xd7\xaa\x8e?\xfd\x12\xd8\x99\xe1h2v\xaa\x81\xe7\x1fq\x05\xcd\x9d\xc3\xd9'</t>
  </si>
  <si>
    <t>b'\xf3\xa9\x14\x1d\xdaO\xf4\x13|\xb1\x08\x10\xb8\x96a\x85\xe1\x82\x0b\x95B\xf2w\x98\xaa\x8e\xea[Y\x12$;'</t>
  </si>
  <si>
    <t>b'\xf4O\x8f\xf4\xe8\xa13\xb3\xbe\xd6\x8e\x880\xaa-\x06U\xa0\x91\x8d\x14\xb7\x12\x96K\xac!\\\xe3\xf9,\xac'</t>
  </si>
  <si>
    <t>b"{\x0f\x96*ey'jQ6\xe9RU\x85\x12\t\xc7\xdf\xad\xac\xea\xfd\x80\x0b7'\x1b\x18\x82\x06oo"</t>
  </si>
  <si>
    <t>b'$04\x9c&gt;3\xfa\x1aPlx\x115C(\x0c H`K\xc6\xef,$\xcb\xc8\x19\xffPn[\xdd'</t>
  </si>
  <si>
    <t>b'\xaff\x08\xd3\xeb&gt;\xdd\xbf\xa1f i\xfc\xc0\xc4J\x998j\xbb\xc7w\x85\xd2\xb0V-\xf4s1\xec\x84'</t>
  </si>
  <si>
    <t>b"\xdc\x01\xcf#\xe3\xbaB \xd8Z8\xfb\xce\x1a\x84nP\xea=\x00\xe8\x845YN&amp;\xd6'\x01\xda!\xe3"</t>
  </si>
  <si>
    <t>b'\xc9\x90r\x88V\x8e\x9eQa\xe7_]\xef\xe1:\xbe\xd5p\xe70\x90\x986\xf3td@9\xa96"\xe5'</t>
  </si>
  <si>
    <t>b"\xc2*\x8aG\xa1`T\x8fL\xbf\xacZ]Y\xbd\x8c\x11\xd82*\xcd\xd8~\x03\xa6\xe0\x14'\xef\xb6\xe2C"</t>
  </si>
  <si>
    <t>b'\xe8\x98d$\xfcu\xe7\xfakj\x11\xa9\xd6\xb5\xd3\xd8\xf6\xad"\xc4\xc8\xf4\x8f\x027\x95\x87{\xf6y\x9c\xea'</t>
  </si>
  <si>
    <t>b'\x03@\xe6\xb5\x878Eb\xfdt\xf0\xb6\xc9\x03\x81\x03\xdcX&gt;\xda\x9e\x88\x03\x87\xad\x89uO\xcc\xff\x9f\xe9'</t>
  </si>
  <si>
    <t>b'\xdb\x1e;\xf7\x1a\x88=\x04\x92\xe3\t\x07[R\x95\x80\x91R\x93\xda&gt;\x91\xb2\\\x03/|\xcf\xe4d&amp;w'</t>
  </si>
  <si>
    <t>b'X\x1a\xce%\x1c\xe3L\x0e\xdf\x91;;\x9d\xc1\xa9\x1fj\xd5Xj\xf69#\xfc\xf9\xc3\xf1v\xeb\x0c\xf6\r'</t>
  </si>
  <si>
    <t>b'\nd\xc7\xfc\x14\xcf(\xbdRB\xc0\xa8\x11\xb0\xa3\x9e\xbf\xea=~\x042\x13~u\xcb\xcfS\x84\x16\xee\xc4'</t>
  </si>
  <si>
    <t>b'\xf54"\xad\x0e\xb3\xe3q\nn\xbb\xb0\x0f\x03\xfcv\x06u\x9d\x83\x11\xb6Hj\x15V$\xde\xce;\x9d\x83'</t>
  </si>
  <si>
    <t>b'\xb3\xe3\xf4\x17\xfaZJ\x96~\xa4v\x0b2T\xf4\x89I\xb9t\xc9\xc2&gt;\x11\x1b;\xc0y\xf5E\x06\x18\xfc'</t>
  </si>
  <si>
    <t>b'\xfe/\xf4*\xea\xe6t0\xa9\xcc-C\xde\xd4w\xd7]e\xbb@c\x99\xc1[j\xeb \xaa\x06l\xb2\r'</t>
  </si>
  <si>
    <t>b'iT\xc5\xbe\x0bPmA\xd5\x87\xcd\xc4\xd1\x0bu\xb7\x8frKi!\x88\x195E=\x87l\xa10O\x07'</t>
  </si>
  <si>
    <t>b'\x9c\x8f\xa4P\xbc\xfc\xb7f\xe9pK\x0b,Om%\xfa\xee\xb4h\xae\x7f\r\x80\x07\xbb\xe8\x02\x7f\\1\xb0'</t>
  </si>
  <si>
    <t>b'Z\x8f\x13a_$\xcc,\xa0,\xadc-[$\xb02b%%/\xd1\xe2~;\xfc\xe3^\tC\xc9I'</t>
  </si>
  <si>
    <t>b'\xe2\xe4\xc9c\xc6VU\xa6\x11\xf1$\x1d\xeb\x17\x8e\xd7}\xf0\x89\xde\xba,`\x8c\x0b6\xbf\xbf\xbb\x80\r\x87'</t>
  </si>
  <si>
    <t>b"\x91Ed\x8b\xd1\x8a\xc0Y0\xb8\xa3;\x91'i\xa2-11\xa8\x83\xa4\xee\x01\x0b\t\xe0zsu\xfd\x0c"</t>
  </si>
  <si>
    <t>b'\xe5b\xf5\x1a\x87\xe8\xe0\x0b\xb2\x88Ets\xb2\xee\xf9\xfe\x8d=L5\xda\xb9\x93\x0f\xf5RV\xcd\x92Q\x02'</t>
  </si>
  <si>
    <t>b'\xe4\xcc\xd4\x88-\x97\xe3\xad?O\x98i\x9c\\\x8eA\xf6w\xbb\xdb\xd66\x8bn\xac\x19\xe8\xe6\x83\xc8\xcf\xaf'</t>
  </si>
  <si>
    <t>b'x\x8f\xd8\x1d\x8f\x92v\xb9\xbc{\x92\xe4\x08\xb2\x1eDq\x97\xfe\xac\x92\x12\xf8\xad\xcej\xf9\x16\x13\xfb\x16\x0c'</t>
  </si>
  <si>
    <t>b'\\\xea\x8c\x14x\x82n\x0c\xe2\xa9\x11\xd0o\xa0\x18\xbe\xfa\x97\xa1\xba\x1d\xad\xbd\xcb\x0b\x8ek\xf4\xefW\xfc\x8e'</t>
  </si>
  <si>
    <t>b'6\xd0U\xea\xc4-\r6w\xc2\x9a\x1c\x88/\x92\x0e\xb9\xcb\xfdn\xdd6\xb6\xc1.U\xd3i/\x06%7'</t>
  </si>
  <si>
    <t>b'\x01\xf5=\x13.R\x18\xb2\xabtU"\x1b\x92\xb9\xaedu\xd6z\xabfL\\\xd1\x08?0\x17\xf7\x05\xc0'</t>
  </si>
  <si>
    <t>b'\xfb\xbb\x8bF\x87o\x91O\xd93N\x13gTe\xbd$\\\xb3\xcf\x87\x0b\xdb[\x04Q\x91\xe8@\xe7\x97\xbf'</t>
  </si>
  <si>
    <t>b"\xae'9\x00}L\x0b\xa2i[\x1b\xfc\x12W\x0f`\x96\xb0\xd7\x84\xc32\xedy\xf0\xfd\x86\x99\x19h\x9a\x89"</t>
  </si>
  <si>
    <t>b'*\xe6\xff\xa6\xd0\x98\x8b\xbbW\xe2\x7f\x03\xd3lS\xb6\xa9\xd6_\x89i?{\xf8\x00M\xb7]\x0c5\xb5\xfa'</t>
  </si>
  <si>
    <t>b'\x7f\xddQ\xf1\x9c\xf1\x17UP\xb4kQ\xa0\x05\x87\x89\x1b\x0b\xda\x80\xd4\xf1}\xc1\xbaH9(\x12s\xa13'</t>
  </si>
  <si>
    <t>b'?\xcf\x8dg_0\xb1Z\xf8\xb5B\x12\xff\x8d\xd6$,\x1b\x1f)dz\xdfF\xf2K\xe7\xf4b\xebV\x11'</t>
  </si>
  <si>
    <t>b'\rg\x83}\xed\xa6\xe0\x11y\tZ\xab\xae4\xdf\x94\xc1)\xf0\xd6\xe0m\xaf\xadX\xad\xf0^\xa8_,\xdd'</t>
  </si>
  <si>
    <t>b'W\xda\xff@\xaa\xf4\xe6j&amp;\xe4%\xb5Ee\x0b\x8a\x96\xbb\xb6\xe0H\xa2\xd2*Db0\x8f5\xb2kb'</t>
  </si>
  <si>
    <t>b'e\x96\xbdzm8\x8a\x98q\xc2\x94\xb3*"m\xad\\\xf3\xebhNd\xcc\xfc\x16\x8b\xc3"\x82\xd6\xa0c'</t>
  </si>
  <si>
    <t>b'\x7fPgk\xf3G\xd9R\xb6\xad\xcb\xb3A\xf1\x8d7kn\xf5\x0cv%1`\x9b0\xecF\xb7`\x0b\xe4'</t>
  </si>
  <si>
    <t>b'\x0e\xb8\xa1O\x18\x86e\xcb\xe0\xaf\x14@\x84v23\xb3UZm\xd3\xb6\x10,\x1f\xda\xa9"\x81F\xb7\xd1'</t>
  </si>
  <si>
    <t>b'b\xae)\nMP\xfc5\x1b|v\x95[\x12\x0b\xd9O\xeb\x12\xf1\xf4M\x97\xc6\xdc\xc5\xe4\x15\xcb\xbb\x19i'</t>
  </si>
  <si>
    <t>b'k\xd1n\x9d\xdc\xc5\x81\x04\x1dnm\xe8\xe2\x1b\xdf\xeb\x7f2w\t\xf8\xa7\t\xe3\xec\x90\xc7\xd8\x86U\xf7\x07'</t>
  </si>
  <si>
    <t>b'\xe4f\x00@\xbc\xd2)\x95\xa7\xf0\xd5\xd6\xecT\x85~d8\xef\x0e~\xa6^\xd9=\xea-\xab7\xbf$\x92'</t>
  </si>
  <si>
    <t>b'3\xee\xf7x\x9f\xbe\xe0?\xaf\x92\xed$\x1bj\xb6\xdce\xa5\xae\xf0\x97\xa1X\xdd\x96\x80s\xd3\xaf\xed\xcb\x7f'</t>
  </si>
  <si>
    <t>b'\xe1\x8c\xed/,X\xc8\x94\xd1\xfeAYT\xd6\x8d\x9c\xbe\x0b\x0b\x9bUr\xbd\xaa\x89K\xb1\xe8\xa7=sk'</t>
  </si>
  <si>
    <t>b'\x0c&amp;\x17^&gt;\xfd\xf0D3q\x1ak\x90\t\x8e\xde\xad\x1f\xc0\x9b\x075\xfc\x06z\xadm\x7f\xef_}\xf7'</t>
  </si>
  <si>
    <t>b'\xc6\xb3\xb8G\x9d\x87\xf5\xf4\xadQ\xdc\x89\xc3\xed\x0cQ\xcb\xed\xb1t\xb9d\xe4S\xfe\xbfZ,\t\x90\xb3\xf6'</t>
  </si>
  <si>
    <t>b'\xf1^\x9cS\xca\xf3\xd8\xff\x90/D\t\x0e\xce\xe2\x16M{(\x8c\xd35\xd3&amp;\xe3\x1b\x01&amp;I\xbdn?'</t>
  </si>
  <si>
    <t>b'\xe0\xe3\x95\xc6j\x18d\xaf;\x9f\xf6\x88%\x903\x1fY7\xc4\xb4\xe3f"Y\x902\xe8\xf0\xad\x18K\xb5'</t>
  </si>
  <si>
    <t>b'\xf3\xe0\xfd\xe5\xaf\xa3\xc3\xa3\xbe\xf2\xf0\x91e\xa1p\x8a\xdf\xd0fx!(\x05\xbb\x93\x19\xe9\xea\x9eI\xf5\xbe'</t>
  </si>
  <si>
    <t>b']\xf85*\xd4{@i\x17\xbem\xee\xdb\x8f\x1b\x01\xd8\x15\xeb{\x94@h\xa4;&lt;\xa1\x0e\x0b\x81\x88\x1f'</t>
  </si>
  <si>
    <t>b'\xda\xe3{\x80\rGR520i\xe3c\xd4_\t_\xc9S\xea\xad\xf6\xafVw\xf7\xde\xa2[)\x0c\xee'</t>
  </si>
  <si>
    <t>b'\x93\xe4P\xf5\xf1\x82\xf2\x94JZ%\xe4\x0c\xfc\xd9\xe9$yA&gt;\x12\x91\xb0\xd0\n\x00\x98E\xc2\x1f\x16$'</t>
  </si>
  <si>
    <t>b'EP\xbb\xc0\\\xb2?\x82M]CU\xf5\xa0\x17\xd3\x0c\xa7\xf2\x06\xd4\x04bh\x1c\xe7]\xc3x:|\xea'</t>
  </si>
  <si>
    <t>b'\x02_\x04\xe6\x1e\x90N8\xb1\x9b\xfb\xe4\t\x94n\xbd\xbb\xe8\x1c"\r\x0b/\xeb\xaa\xa3w\xa83\x08X\x92'</t>
  </si>
  <si>
    <t>b"'&amp;a\x8b\xf2\xe9\x86'i{1\x02h\x99\xc4?\x14\xc9\\M\xbd\xe3\x9c)\xdc\xc8\xe9\xcb\xcf\x86\xef\xe6"</t>
  </si>
  <si>
    <t>b'\xb9\xe9\\\xc0\xc1\xce\x13\xa8\x9b&lt;\xd7E\xbbB\xcb\x14\xaa\xca&lt;\x81\xa3\x8d\xfd#x\xc5@\xe3\xa1x\x89\x1d'</t>
  </si>
  <si>
    <t>b'\x18k\xfc\x8eR\xd1$\x1e\xd0=\x94$\x19\x08^\xcfWO\xab=\x88\xe5r\x83y\x92\xd7~\x1ez\xe3\x9e'</t>
  </si>
  <si>
    <t>b'\x02\\F.\x19\x1e\x0c\xe9\xf2pZ1\x97C\xd4\x1d\xad\xc9\xf7\xe7\x84\x7f\x0e\x8e\x19\xe9q\x9b/\x84\xfaR'</t>
  </si>
  <si>
    <t>b'\xa9\x1c\x9c\x90\x15\xdf\x9e\xd8\x9e\x11y3\x81\xf7\xef\x87v,\x8b\x14\xe5B\x01\xcfbx\xc1\x03\xf8\xc9p\xf0'</t>
  </si>
  <si>
    <t>b'\xd7\x98PD{\xf2\x87\x95/\x14a\x87\xae\xb2\xd6\xaeS\n\xa9]\x12P\xba\x0e\x9d\xf5\xc4ZG`J\xad'</t>
  </si>
  <si>
    <t>b'_\x1b\xfa\xa9\xcc\x17\xf1\xb9cz\xaa\x00\xdc\xaf\x0f9\x87\xe7Oo\xfa\x0c\xf0!\xff\xa0\xeb\xd8z\x0e\xda\x93'</t>
  </si>
  <si>
    <t>b'\xa7!&gt;~\x9b\x15\x04\x85\xebM\xb5\x1be\x0ci\xce\xf3\xd7\xf1\x9b(\xd4\xfb\x14\xd6i)\xa7\x15)\xbaV'</t>
  </si>
  <si>
    <t>b"I\xbe\xafJ\x08\x00\x13\\\xe3\x93.'\x8e\xfbO\xf0\x025\x97Q\xad03VB1\xba\x0c\xd90\xe9\xf8"</t>
  </si>
  <si>
    <t>b"\xdd\x05\xb5&gt;\x97\xb4\x0c\x8c\xa2\xdbv\xd3\x00\x17\x97c\xe1\xcaf\x82\xecq\xb8\xadR'K 1@\x9f\xf9"</t>
  </si>
  <si>
    <t>b'Q\xe3\xa7Z\xeav\xc9\xae\x8d{L\xf4\xbby\x93\x7f\\\nG\xe6\x0f\x8a\xef8u\x91$&lt;\xb1\xfcxO'</t>
  </si>
  <si>
    <t>b')g\xc8\xfd\xf2\xe0+}Sz\xbe\x11\x05f.zX\xa8\x8d\x0e\xb3o\xaa\x8e\x8d|O\xd8\xa5\xbe\xaf\x10'</t>
  </si>
  <si>
    <t>b'\xba\xc7C\xf9FBU\x120[\x7fe\xfc\x17\x81\x94\xa5\x8b\x07I7I;A\xa3~{\xe3X\xcc&amp;T'</t>
  </si>
  <si>
    <t>b'S^K\xee\xa6\xdc\x84Z\x12\xb9\xd6\xb7x\x05P&lt;\xb88\x97\x8f\xfe\xde:\xca1\nX_\xeazx\x88'</t>
  </si>
  <si>
    <t>b'\xf2\x0e\xf4I\xabCv6\x93"\x9d\xbc\xea\x0c\x13$\xeeZ\xb9\xe7.\x1e7C\xde\x87\xa0o\x02\xcb\x07\xff'</t>
  </si>
  <si>
    <t>b'\x1bpc\x05\x8d\x9f\xcd(\x01\xefN\xd4\x12\x81\x0f\xfd\xb6\xa1}\x07\xf9\xa7\x14\xb1\x8c\x16cn\xcb\x86.\x00'</t>
  </si>
  <si>
    <t>b'\x12\x87\xb5M\xd5,f\xae`\x02\xfc\xc3 \x1e\x1b\xeb;q;z;H\xb2\xc32\x08u\x19\x07c\xd5\xa0'</t>
  </si>
  <si>
    <t>b"/Z{!}3\x14\xd9\x1a\x96\xfe\x1b\x02\xceHt\xe7\xc7\xce\xfc{'\xa6\xb9\xe3\xad-\x98\xe2\x96\x04\xaa"</t>
  </si>
  <si>
    <t>b'\xe7\xbaV^&amp;\x97\xd0\x99nU\xf1\x89\xf2\\\xdc\x917~a\x9d\x85\x94^\xc2\xf2BB9\x08\x16\xd7\xf8'</t>
  </si>
  <si>
    <t>b'\x98s\xeeFm!\xa4\\\x01\xab\xe1p+Z\nxo+\xde\x9c7\x055`\xc1[3\xd2&gt;Qy\xad'</t>
  </si>
  <si>
    <t>b'\x82\xefq\xda\xba\x9c\x9f\x8b^\xab\xd3\x0bQ\x18\xe1\xf7\xcc&gt;\xfc\x85/\xb3\xaf\xd9\x84\x9f\x14\xed\x8dZ\xe0:'</t>
  </si>
  <si>
    <t>b'!\x11\xc8\x05\xbem\x8a]F\xc5\xb2\xb1\x05\x9c\xf3AY\xe3\xa3 D\xbb\x0be\xec\xd8,8r\x1b\xc6\x07'</t>
  </si>
  <si>
    <t>b'\xe0\n_.\x83\x84^=\x1c\xf8\xe2|\x91yT&gt;F\xfdLfU-m\xcb\x8eyW\xbb\x97\x19O\xd3'</t>
  </si>
  <si>
    <t>b'\x9d\xcc\xfa,\x8c\x8a&lt;&amp;K\xf1\x16\x86\xf5\x1d\xbe\x12\x06{\xe0\xec)\x15X\x95\xa5\xb7s\x7fu\xe8\xf8j'</t>
  </si>
  <si>
    <t>b'@\x85=S\xb8F\xd7;\x97kg\xa2\xca3b\x03\x89-\x9fB\nP\xf9\xbc$\xd6\x01/\xf9\xb5\xbe\t'</t>
  </si>
  <si>
    <t>b'\xc4\xe4\xb2\xcd\xb1LT8\x9e}og\x8f\xce\xb83\x81\x1c\xac\xf2\xae\xce\xe8\x1f8#\xfa\xcf\x83a\xd2\xd2'</t>
  </si>
  <si>
    <t>b'\x90\x0e\x82\xf2\x92\xad\x12\x18NG\xe3K\xd6\x88&lt;\x0b\xd1\xa1W\xb2\xbb\xec\x8d\x19&gt;\x1a\xf6\x8d\xfe\x01o)'</t>
  </si>
  <si>
    <t>b'\xee\xa4\x96\xd6\x0f\xfar\x8fF\x89\xe2O\x9bI\xa5u\xe67\x95\xf78,Y;\x99PG\xbc\x87\x97\xfa4'</t>
  </si>
  <si>
    <t>b'\x92\xa3\xd6.\xeac\xd8\x94*\xcf\x00W\xc8\x88K\xc4\xb8\xd6\xf9\xe5\xf0\xc9\xb8\xb2`\x9f&amp;#\xc5\xe4\xac\xf1'</t>
  </si>
  <si>
    <t>b'&amp;\xb8\xd9\x8e~\xee*{G.-\xc9d\xcd\x97*\xe3\xc6S\xe2\n\xf8\xcb#\x84\xcf\x00"\x08\xe0\x02\xfa'</t>
  </si>
  <si>
    <t>b'O{\xfa\xb8\x95\xf6\x92b\x9b[)2\r\xf7\x1d\x8cZ\x9aJ T\xda\x15\xbdX\xabn%\xf3\xbf\x08\x88'</t>
  </si>
  <si>
    <t>b"\x07\x91\x03\xde\xd2,#\t\xe0\x9c\xa4\xea\xa5\xa5\xaa\xd7\xdbX\x89\xac\xe6N\x97\x90\xb8\xf18\x10\xf7q\x19'"</t>
  </si>
  <si>
    <t>b'\x9a\x0b\xb4\x02\x95\x00\xf6\xcb\x85\xb9\x8c\xbeo\xa8\xa2\xc6\xe2n22EX\x1e\xba\xb4\xf9\xbc\xaa\xee\xdb\x98\xce'</t>
  </si>
  <si>
    <t>b'\xc2F\xc2\xcf\x97\xc6ZO\xf8\x0c\x8e\x81\xf6\x16UV\xe0q9\xf1e~\xf7\x9d\xa6\xb5T\xc0\n\x9ey\x0f'</t>
  </si>
  <si>
    <t>b'\xbc2C&amp;\xe9\x90u\xc9\xa8\xed\x01\x14\x00\xa3\x86=8:\xcde\x83\xf8&lt;\xfc\xcb#\xa7L\xae\xbc\x90\xa2'</t>
  </si>
  <si>
    <t>b"\x87\x9d\xb1\xee\x8dZ*\xab\xfa2\x1c\xd3\x11'\x9b\xbae\xcd\x91\xeb\x04\xbe \xaf\x98\x90\xd5\xdf\x9d\x00\xe8\x96"</t>
  </si>
  <si>
    <t>b'|E\x95\x91\x8dS\x13S,z\xb0(g\x18\x82\xb4\xe4\xf8\xab7\\\xe2\x8eC\xaa\x8a\x9f\xf1 \xfa/\xf9'</t>
  </si>
  <si>
    <t>b'j`mGV\x97\xccKa\x1a\ty\x85\x1d\xcc\xe9\x1b\x83\x15\xa3\xfe\xc0\x12)\x0e\xa5[lk\xd5\x94\xf9'</t>
  </si>
  <si>
    <t>b'\x97\x9f"\xe91&gt;\xb9)\xebo\xcc\x94j\xd0Z\xeeS\xe5x\x11\xd0\x845\xcf\xb4\xe4}\x04\xa2\x07l\xc6'</t>
  </si>
  <si>
    <t>b'\xcf\x05~\xdf\xf6\xb1Q\x989\x82\xa2\xf2\x02\\=\xf1\xf58\xde\x15\x87]\xbd\x0b\xf9I\x92e\xaa\x14\xd4\xda'</t>
  </si>
  <si>
    <t>b'\t\x98\xcd&gt;D\x99\x95\x84\x87\x81l\xdd\xf0g\x06\x105\xc7\xc4%\x0c\x86\x9b\xc0\xe7]H\xb7X\xd4\x0b\x1b'</t>
  </si>
  <si>
    <t>b'\x06\xeeH\x13&amp;\xa3\x10g\xf0\x9e\x8d\xf5\xc6\xc5\xe8\xa5\xadx|\xdc\xfc}A\x17\x98 k\xc5c\xce\xeb\x03'</t>
  </si>
  <si>
    <t>b'\xb07:\x14\x03\xe6\xfc\x7fO\xf3\xde\xf0\x07#\xf5d\x185\xe9A\x0cK\xba`A\xcf2\xe2zp\xdc\xf3'</t>
  </si>
  <si>
    <t>b'JO\xc0f\x05\xd4\x11\xb8i\x08\x13\x9d\x98\x1f:u\x87\xd6\xbe8\x97\x86{\xfb\x83\x99\xb1\xe1\xfc\xe0Q\xf4'</t>
  </si>
  <si>
    <t>b'\x897E\x84\xab\xb6\x9c\x94\x0c\x9c\xc4c\xd9T\x18\x07\x82\xdf&amp;\x8eL\xd6\xee"\x98_\xc9\x0e\xce\xc2#\x9b'</t>
  </si>
  <si>
    <t>b'V\xc5:\x817\xfe\x04\xfd}4N\x8ee&amp;\xda(\xa3#\x01\xb72\xd1\xc4\x93\xa6\xf7\xf7\xb7\xcd\x0f\xfa\xd1'</t>
  </si>
  <si>
    <t>b'\xac\xa4\x9e\x19&gt;\x92\xfb\xa6\x94\xc0\t\t\xe0\n4\xc6\xac\xd8\xb2\x9a\xe7\xe8\xd1\x97\xe0\x8fN\xa6\xc9\xda2\xea'</t>
  </si>
  <si>
    <t>b'Y)s2\xe5A%\xb6b\xa0Y\x97$3\xa3\xb5\xd9\x1f\x98\x16X\x1bF\xda\xee\xab\xc4\xf7\x96\xfb80'</t>
  </si>
  <si>
    <t>b')\xf7&lt;\xf3\xf1\x93\x0e\xa2&gt;\x15E(K[\xe3e\xa3t\xaa\x904\x0b\xfe@\x8eX]\xed\xe6\x14\xcfD'</t>
  </si>
  <si>
    <t>b'\x8a\x15\x81\xd8\x05F\x15\x83\t\xd8\r0c\x92\r2\xbbc\x0e\x7f\x1f\xb8!e\xb4Pn\x8a\x85\\7e'</t>
  </si>
  <si>
    <t>b'\x92\xc7[\x11\xa6\xedF\xbf\xd4\x01\x0b`\x82\xc1l4F"\xff\xd3\x1c\x9b\xb8\xf1t\x0e" X\xc0ef'</t>
  </si>
  <si>
    <t>b'\x1b\\\xa1[\xea6k9\x93\x91\x8c1+J\x92&amp;\x86\xf3\x03\xf4\xbd\x90\x84\xa9&lt;\xdax\x13\x82\x98\xfb\x0c'</t>
  </si>
  <si>
    <t>b'\xdc\xdc\n\x05\x89\x7fT\xe2\xea2\xc6\xc4t\xeds\xc6\xec\xb7\x9d\x0f)\x8a\xe6y\xe1\xa1\xea\xaf\x81\x9a\x03%'</t>
  </si>
  <si>
    <t>b'\xa1e6o)}\xd2\xcf\x01\xb1!0\x1cx\xe0?_\t\xac\x80N\xbfLx\xa8\xea\xd1:\xe7\x05\x89\x8b'</t>
  </si>
  <si>
    <t>b'Z\x9b\xcd%q#\xe7~Q\xfe\xfaG\xaf\xd8\xd13\xef$\xe9\xb8\xf6u\xdc\x0c*\x80\x17\xca\xc5\x19I\x97'</t>
  </si>
  <si>
    <t>b'\xa1\x1ak\xac\xbbS\x13\x9cw\xb89\xfc\x82\xc1;R\x1e\\N\x00\xfb\x8b\xf1\xf7\xafG\x0c\x86\xe4\x92\x04\xf0'</t>
  </si>
  <si>
    <t>b'\x04\xc7|`\x05\xdc\xad\x8e\xb69\xa9U\x8ae1j\xba\xed\xdc\xfd\x95\xde\x88\xea\x17\xae\xe7|\x10H\xaaY'</t>
  </si>
  <si>
    <t>b'\xbbt\xecH\t\xe3\x95\xed#\xdc\r\xfcH\x12\x9fE\x02F\xa1\xe6\xd6g\xb8^\x0f&amp;\x0fUq\xd1\x11g'</t>
  </si>
  <si>
    <t>b'\xf8\xcf\x1e&gt;F\xc1\xda\x91\xcd}\xda\x97n\x9f\xc6K\x1bi&gt;X\x9e\xf1\x11n\x83\xdb\x89j\x85\x03\x00z'</t>
  </si>
  <si>
    <t>b'\xab\xb2\xe0\x0e\xc95\x0f\xa3 \x83\x132U\xbd\xf8\xaf\xf9\xac\xf8\xa15\x051\x95\xf4\x8bALJ\x07\x9d\xbd'</t>
  </si>
  <si>
    <t>b"\xea*\xed\x80\x84\x1d'a\\KVP\xc1\xc5J\xcc\xfb\x02\xd1\xbep\xd52\x0f\xa6\x88*\x0byX\xd5\xe6"</t>
  </si>
  <si>
    <t>b'\xc6:\xc9\xb6\xb1\xfe\xfa\xd11o\xb1\xeav\xe9\xb9o\x0c&gt;\xa6l\x00U_q\x9f\x1d\xd6\xe9\xaa4\xddM'</t>
  </si>
  <si>
    <t>b'\xb7\x83\x9d\t\xa5\xae\xff\xae,\x05\xb2\xdep\xd3\x8e$\xff\xcbq\x1a\x80\xfe\xc1\x90(\xec\xa1P\xd8\x9c\xad-'</t>
  </si>
  <si>
    <t>b'\x94\xeb\x1dh\x01\xfd\xc4@=\x05\xed2h \x88\x19&gt;T\xf8\xdf\xf6\xef 35\x00v\x90\xf7L\xf97'</t>
  </si>
  <si>
    <t>b'd\xf5\xadL9\x0fV.\xc5\xab\x96\x06\xe1\xcf\xe5\xb6%t%s\xa5\xf4F8\x0c\xd920\xf0\xcd\xe7('</t>
  </si>
  <si>
    <t>b'\xdb\xa0L\x96E\x93\xde\xf6/\x02\ti\xd9)\xa0\xb5\x87\xfd$!\x95{\x826\xa14\xbc\xee\x00\x13\xb7\x06'</t>
  </si>
  <si>
    <t>b'\xb2\x15\x9d\xecd\xf0\xee\xaaS\xc3\x9f\x9f\xfb\xbc]\x19b\xc3\xe0\xc0\xfe\x82\xa9A\x9e\xa4\xbd\x93{\xee2\x03'</t>
  </si>
  <si>
    <t>b'\xf5\xc4\xe3\xa0\xfe\x84\xb4\xed\x98\xf4\x95\x1d\xce-\xd2\x82\xa5\x9cx".\x01\xf04=\xf1\xdf\xba\xc4Q\x1c\x8c'</t>
  </si>
  <si>
    <t>b'\xc3\x98\xcaK\xa7\x8d\xc0\xf5&amp;\xf3${ \x9e\xe7\xba\x8b\xe0\xfa\xfe\xe2m&lt;F\xf9G-R\xd6X0\xc3'</t>
  </si>
  <si>
    <t>b'\x1f\x0c\xe6|?\x14\x00n\x0c\xe4F}\xde!\xb53\x11,\xadP\xc0\x04\n|\xccC\xf4\x96\xf2\xfc\x05l'</t>
  </si>
  <si>
    <t>b'\x02\xebt\xc2D\xb9n\x05\n\xdf\x9ec\x1b\x9fB\xc5\xab\x89,j\xb0$VrK\xd4\x1e\x04X\xd2\x8d\xec'</t>
  </si>
  <si>
    <t>b'{\x1b\x7f\xa0.Ua\xe1\xeaX\x1f\x87+\x9a);\x1bV\xc4f\xd2j\xa8\xc4C|\x7fs\x00\x97\x92\x04'</t>
  </si>
  <si>
    <t>b'i&amp;\xe8\xe0\x05$C\xca\x9e\xe9\x9b[\xfb\xed\xcc\x13\xe4\x9e\x96 J}\xea3\xcb?\x1f\xcd\x86Z\n\xfa'</t>
  </si>
  <si>
    <t>b'\xf0\x1d\x00-\xcd\x8b\x92\xd0\x91)\xf3$.\xfe5\xcc#\x00;E7&lt;\x05&lt;H\x92)2V:w\xd9'</t>
  </si>
  <si>
    <t>b'\x1f5\xff\xe6\xba\xc1\x91\xd3=\x14\x18\xad\xb6\xbc\xf1\xb0\xe8\xbe\xabfF\xd1\xa0\xd7\x0ek*,\xf9\xb9\x91\xf0'</t>
  </si>
  <si>
    <t>b"\xefO\xe0='\xf2\x97\xfb\xbbr\x7f\xe61\xf0\xe8\x9f\x10z8\xa2`\x11\x13}\xbd\xc1\xbc\x9d\xd0O\x8e\x15"</t>
  </si>
  <si>
    <t>b'\x9c\x18\xc04\xe0\x1c&gt;\x02m\xc5\xfe\xc1\xfe\xc8]#\x86\xaaGb\xb5\x18-\xd0\n[\xd8\xe6 8\xfbR'</t>
  </si>
  <si>
    <t>b'\xb4\xd8\x0f\x86M\x00\xbb\xef\xeb\xfb\xd1\xcaU\xb7\xa6\xb3\xba\x1b\xdc\xe7\xaf\xdf\x01&amp;\xe8\xfa\x19xd\x0c\xd1\xd7'</t>
  </si>
  <si>
    <t>b'\xff\xb0\xdcbMs\xb1\x0f\xfd\xd2\xac\x86\xc9\x91\xe77\x07\xa5\xb2Q\x0e\xdb\x07\x13\xca\xd9]\xee7\x9d\x14\x7f'</t>
  </si>
  <si>
    <t>b'\xbd\xf3\x1d\xd6\xc3&gt;\xf1\xf3Uv\xe9\xd6\xd6\x01\xfa\xdc\xa7\x173X\x9b6\x1a\xa9\x14w\xb6\xcf\xbb\xa4\xc7\x98'</t>
  </si>
  <si>
    <t>b'\xd5\xa7m\x9e\xf7|\xb5\x18\xd1U\xe4\xa7ju/\x83,UpTx\x9e&amp;\xdae \x9b\x02\xd8F\x88\x05'</t>
  </si>
  <si>
    <t>b'\x07\xbb6\xc1\xcbq\n\x01\x07\x18Z\x08\xc0@\x9c\xd5\xca\x1e&gt;l\xd03\xc4\xc3j)D\xa87\x05\xba\xfb'</t>
  </si>
  <si>
    <t>b'\x0c%_\x8f\x9e%&amp;\xf0\xbe1\x9f\x01\xceC\xde\x8f%;\xbc\xd2)Z\xcb\xd1u\xbf\xa8\xa7\x12\x9c\xf38'</t>
  </si>
  <si>
    <t>b'c\x0bU\xbeQ\x89\xf5\x8b\xd0/\xafB\xab\x1f\xab\xfcv&amp;\xf82\x91Q\xdb\x0f\xa5d\xe1\xff\xf2\x01\xa21'</t>
  </si>
  <si>
    <t>b'\xec\x0b\xe0X*c\xfay*;\xc3\xbc\xc1\xce\xc4\xdc\xea\x9f\xf9t\xfa\xfd\x92k=\xde\x19\x0c\xcd\x0b\xa9\xda'</t>
  </si>
  <si>
    <t>b'\x81\xab\xa3\xceo\xc8\x0f\x01b\x16\xa1\xf8\x8c\x14w\x95\x84\xeb\x1a\x03\xfa\xfd\xd9h\x1d\xee\xeb\xac\xc4"\x93L'</t>
  </si>
  <si>
    <t>b'\xf2\xb9e\xb7\xaa\xf4&amp;P\xc5\xb7PDecL\x9d\x96\xfe\xa9@\x8a\xdc\xa9\xaf\x9b\x15D\x14\xd8\xd1\xd7\xcd'</t>
  </si>
  <si>
    <t>b'\x06u\x80+\xb0\xd4\xfc \xac^Q\xc9";\xb5k\xba\x03,W\x88i\x00\xcb\xf7\t\x9b\xe1I\xdc_\x03'</t>
  </si>
  <si>
    <t>b'\xaaN}\xa2\xc9\xe6\xfa\x81\x16\x86TM\xc5\xf4\xbe\xad\xc6\x8a\x88\xa0\xc1\xe5\xe7\xf3\x00\x0c\xc4w\xfdE\x9dQ'</t>
  </si>
  <si>
    <t>b"\xc5*\x85r\xf5\xcb\xca*'\x92O\x0c\x9d\xb2\xb1n|\xae9bX6\xbc#]B\xf7*\xd9\x17\xde\x98"</t>
  </si>
  <si>
    <t>b'\xf0\x0cUJ\x03B\x7fN\x9do\xec\xcf\xea.\xc5\x84\xb7C\xaa\x14\xf6\xd7D\x1f\x97\x1a+\xdc\xe2\x8b\xe1\x1d'</t>
  </si>
  <si>
    <t>b'\x16\x06J\xf1\xab\x19\xa7\xf9l*\xefR\xd6&gt;\x98\xa3\xc2W\xaf\x98XRz\x95\x80\xff\xa7\x1em\xc4\x92\xc4'</t>
  </si>
  <si>
    <t>b'\xa8\x99\xfb6v\x9b\r\xdb\xae\xe3\xfdA\x8bN&amp;W\xb5R\x99Z\xaeul\xa5\xfb\xc7\xa0\xdd\x88V\xa3J'</t>
  </si>
  <si>
    <t>b'\xd6\x14C\xd7\x84\xfd\xe2=\xa8\x10\xbe\x02(\xb9\x00\xe5*x`MrVI\x11\x90\xa0~\x90\xbb\x13\xf1\xcb'</t>
  </si>
  <si>
    <t>b'\xedf\x0fc\xb4x\xb0\xd7\xafh:H\x94Io\xa9G\xc5{:\xc4si@XN\xf6\x1d\xc2\x89\x89b'</t>
  </si>
  <si>
    <t>b'\xa7]E\x84\xd3\x81{~b\xcf\xf8\xa2\xb0\xe8\x9eZ\x8d\x08T\x8f\xf1Q7~\x83\x8e\xa9\xd5\xde\xe3?\x12'</t>
  </si>
  <si>
    <t>b'J\xa6\xd9\xc9\x99\x99\ts\xcc\x8d\xd0Y\xfdw:1-\x9d\xbcX\xd7\xd8\xde\xe2\xc6\xa1\xdd\x97\xa5\x0f}J'</t>
  </si>
  <si>
    <t>b'x\xb8F\x8e\x94Z\xca\x17\x1b\x98\xbd\xb0\x92\x02\xadD*\xe7I\x81u\xa0@m\x05EK\x96\xd0\x16\x0c\x11'</t>
  </si>
  <si>
    <t>b'\xba\x12\xefY\xd0\x1c\x87k\xfd\x15\x0c\x96\xe4\xe9\x916\x80&lt;\x10P\x90\xe8\xc6\x82\x91\x0b\x90y\xb3c\xa5\xfb'</t>
  </si>
  <si>
    <t>b'\x93\xd2\x9e\x15\xa0\x11\xd0zM\x17\xe4\xa7Z\xd28\xca\xc8\xed\x98N\xa8l\x05\x81!\xca\xe1\xf9w\xe7\xbe\x1f'</t>
  </si>
  <si>
    <t>b'\xcf7\xc7\xd4\x06gY\xda\x16\x7f\x17\x88\xdc\x9a\xfa\xde\x8a\xe9=\xf8Q\x0b\xaf\xa3\xa3\xd2\xc1sKge\xe4'</t>
  </si>
  <si>
    <t>b'\xacA\xe72\xbb\xc4\x11k\x0c\xb1\x0co\xdf\xf1\xf1\x80\x83X\x07Z\x1f\xf0\x0e\xacA|l\xeb1]\xe4('</t>
  </si>
  <si>
    <t>b'\xd6\xdd\xcd\xa9\x1b\x1d\x03|[#Ruy\xbbh\xda\x02\xa1\xe4\xc7\xe2d\x14\x97\x00x\xe6&lt;q\x18\x1a\xcc'</t>
  </si>
  <si>
    <t>b'[\x9a4+\x17c\xd1\xd4\xbe@\t&amp;Q\x19\xa1\xce[\xda\xed\xac8\x9a\xf8=\x88v\xb5P\x0cA\x90\xb9'</t>
  </si>
  <si>
    <t>b'\xc1k\xc3\xbb~z\x9b\xf3\x9aK\xdd\x8e.[1\xab#\xc0Z\x93L\xea\x07\x07n\xbc\x9ak\xab1\xe0\x0e'</t>
  </si>
  <si>
    <t>b'\xd5\xb3\xd7\xafX\x19\x05zU\x08\x8e\xad\xd7\xad\xc8\xe8\xd1y\x1aX\xeb/\xd39|8f\xeb\x87\xcf\x1b4'</t>
  </si>
  <si>
    <t>b'\\\xdd3\xb4\x99s\x1a|\xf5\xda;\x12\xf4~\\\x82\xef~\xb3\xbeRh\x17\xab\r\x7f\xca\xcf:\xd5\xa8\xd6'</t>
  </si>
  <si>
    <t>b"\xd6)\xcc\x16\xb7\x1aK\x01N\xc6K\x8d\x90X\r\xaa\xcf^\xca'(\xd5\r&amp;T\xee\xea\xc2\xb9XR\xea"</t>
  </si>
  <si>
    <t>b'#y\xc8W\xbc\x8f\xbe\xeffV\x9c\xbecz\xad;n\x96\x9cU\x92\x04\xdajo\x1c\xb1\xe6!\xfd\xb8\xdf'</t>
  </si>
  <si>
    <t>b'\x95\xa1\xbc\x87\xbb)7/\xceZ\x83\x92\xedy\x13\xa8 y\x88\x84U%\x95\x8b\xf8p\xac0\xd7\x8f0\xf1'</t>
  </si>
  <si>
    <t>b'\xe29\xec\xe6\x82:w\x8e\xcd\xe1\x16\xd3\xa3\xf9G\xc3\xc8K\x962\xbbS\xef\t\xc0\xcb&gt;\x86\xd1\x96DD'</t>
  </si>
  <si>
    <t>b'\xdc\x8e^\x88\xd5\xaa(k\x81\xfd7\xeaUB-\xb4E\xb5\xa7\x92\xde\x08\x1bW\xe5#M\xd3\xa2g\x0bx'</t>
  </si>
  <si>
    <t>b'&amp;\x7f\xb7\x1efY@*\x846\xacc}8\xed\x95q\x89#\xac\xc6\xde\xa2\x99\x03Q\x1dP\xf5\xc8\x06\xd3'</t>
  </si>
  <si>
    <t>b' \xe4\xb6@\xf1&lt;|\x89\xf7\\\xca9\xba4G\x135\xe8\xc2pO-&amp;T\x8bAZe\xa0"|\xec'</t>
  </si>
  <si>
    <t>b'\x84\x90\tn\xa9\x8bw\t\xe2\x0c\xacb\xd2\xa9\x9ae*\x18\xc0T7~o\x17\xc5\x14@e\xedP\x14\xed'</t>
  </si>
  <si>
    <t>b'\xa4\x0f%\xd9\xe2/\x86\x00\xa8\xcc\xbc\x9e\x9b\xf7\xe7\x82\x9b5Cr\xe0\xd5\xf3\x9d\xbd\xae\xf3-$\x91Z}'</t>
  </si>
  <si>
    <t>b'\x8f\xf5\xf9\x1d\xeal\x1d\x9f\x00\xa2o\x18\x80\xb1\xec\x97Y\x0b\x9cOmG\xa7\x90.L;d\x97:\x1cO'</t>
  </si>
  <si>
    <t>b'\xc4\xdb\xde\x95\xc6\x97\x9b|vS\n_\xe0\xd6\x90\x94\x943\x1d\x8b\x85]L\x0cjE\x83c?\x89\x01\xd5'</t>
  </si>
  <si>
    <t>b'\xab\t0_\xeaN\x02J;\xe2\xa1\x96\xcb\x87zl\x07\xc0\xf1\xb8\xcd(\xb9@\xb4\xe7)\x82\xf7\xca\xd1\xb0'</t>
  </si>
  <si>
    <t>b'\x9bC\x08\xc0\xc9q:Z\x19u\xe3\xa50v\xbe;\x8a\xb5U(,C\x1e9\xd6\xd9\xee\xe0\xba\r\x9e\xa9'</t>
  </si>
  <si>
    <t>b'vT\xd3:\xebz[p\xc3\x9c\xdc$\xf2J\xcd\xa8\x16\x84\x8f\xc1\xcdS*\x7f\n\xacGb\x13\x95\xc4\x97'</t>
  </si>
  <si>
    <t>b'\r\xceG\xcc{\nV\xe2\xf4\xd0c\xef6y\xe2\xbb\xcdCu\xa1\x1d\x7f\x13D\x1c\x7fJ\xb5v\xc9o@'</t>
  </si>
  <si>
    <t>b'\xab\xc1\xffU\xa3$\xce\x1cK\xf3\xed\xa0\xfe\xd5\x0c\xc5c}\xf4\xa3H\x02\x89[\x90\x08\xed\x04\xac\xfb\x94\x9a'</t>
  </si>
  <si>
    <t>b'\xd9t\xab\xd4\xcf~\xa6q\xe4\xb6!$\x88\xbf;\xab\xa0\x02\x81\xaa\x83\xb8Y\xbd\x0c\x1f\x9f\xc8\xac\x0e\\J'</t>
  </si>
  <si>
    <t>b" N'(&amp;\x1eDT\x7f\xbe\x10\xc2\x82\xa2M\xa2\x1bB\x1c_!\xd7i\x99\xe9\xcf\t\xa7\x1f\x99\x19\xf2"</t>
  </si>
  <si>
    <t>b"^\xf6\xe86\xdb!\x10\xe4P~\xd2S\xa7\xe2\x13\xf3'\xc60\xad\xf4\x97NL8\x15@/\x0f\xda`\x05"</t>
  </si>
  <si>
    <t>b"\xf4\xdft\xafb\xdf\x14\xed\xba\xc6\x10\xb1\x18\xfb'\x8f\x9e\x94\xd4\x9f\x08\x86\x1d\xad\xc7\xaf\xe4\x92\xb7MkA"</t>
  </si>
  <si>
    <t>b'@\xa5\xc7+\xa5\xfb.\xd7I)\x90\xbb\xbfs\xefKj\xd4\x84\xde\xf3\xbag\xee\x18R\xef\x139_\xbb\xf3'</t>
  </si>
  <si>
    <t>b'$\xc3\xfapH\x9c\x1a=\xe6\x0f!\x8f\xf4\xc2\x11r\xf0\xdd\xaf\xe8\x05\xfa\x7f\x84\xb3\x0f\x15x\x83\xe3\x0fu'</t>
  </si>
  <si>
    <t>b'\xf2Qp4\xf61\xdd\xa7\x8e\xea\xa1\xff\xea\xe7w\n\x8c\xb80I\xfdj\xa5\xdb-,T0&lt;\x1b\xb3\xc4'</t>
  </si>
  <si>
    <t>b'\xdd8.\x0b\xf2W\x8d\n_z\xaf\xd6\xe14\xf8 \xb1\x13I \xfd\x08e1tD=\xc2\xff8\xcaz'</t>
  </si>
  <si>
    <t>b'\x016\xd4\x00\xba\xde\x93\xd5\x9co\x9b}2+\xfe\x1d\x1c\xfd\xa5aTR\x19\xd6\x8e\xb2\xd9\xfcoS\xdd\xa8'</t>
  </si>
  <si>
    <t>b'f\x06\x19.P"\x9f\xa2z:\xbe\xb7b\tg\x98\x99\x8bjg\xac.UQx.\x8ap{P\xd9W'</t>
  </si>
  <si>
    <t>b"5vJ\x80\xa1\xb7\t\x95B\xf8E\xaa\xb4f\xaa\x82eb$C\xd7#\xf5\x15\x14\x87'}@\xe8\xea\x9c"</t>
  </si>
  <si>
    <t>b'\x1f\x16^D@\x06\xcd\xf4@\x80DGw\x8d/\x8ab\xdd\xd1bVT\xb8\xf2_Ef`\xef3\x937'</t>
  </si>
  <si>
    <t>b'\x92\xd0\xfa\x1d\xd6\x12\x1f\xd3\xbf\x85i\xe8\x1f\x9a\xbd\xc24K\xe3\x0e\xaeZ\xce\x1b\xf6\x90\x8ez\x02$xt'</t>
  </si>
  <si>
    <t>b'\xb5\x18\xc8Q\x04\xc9\x1fA\x85i\xe59a\xe3\x95_\x99S^\x90\x94\xeey\xd1u\xf8b\xd8\xd9\xae\xea\x9b'</t>
  </si>
  <si>
    <t>b'\x1bCn\xc7l\x9e\x1d\xf5\xb4\x98\xd0\x8e\xa8\xe55\x8c\xe8\xc6\xedG\xac\xc0A,\xa0\xbe\xb5\x1fR\xc7\x89\xca'</t>
  </si>
  <si>
    <t>b'x;\xdb\xb5\x85\x07E\xec\xbb&gt;\xb4k\xe5\xa6\x81u\x13\xbdL\xc1\xfb\xbeD\\0T!*\xd5k"\x8d'</t>
  </si>
  <si>
    <t>b'{\xa3\xa7%\xe2Sx\xd4x\xdcU\xa9w|j*S\x14M\x94&amp;&amp;\x93b\xa3\xe2\xf6 .\x00.p'</t>
  </si>
  <si>
    <t>b"\x94`\xeaw\x97\x91&gt;\xabv\xc0D\x80'\xab?\x08\x80Gk\xac\x81\xc8k\xc2)\xf9\xc98\xf8#\xb7\x1a"</t>
  </si>
  <si>
    <t>b' \xc9\xedv\xb5\x00\x9d[\x9eu\x89x\xb8\x93\xc6\xb9Ek\x91x\x8e\xce&amp;_\x9e\xa8*\xac\x11/\xb5\xaf'</t>
  </si>
  <si>
    <t>b'7^\x83,\x1d\xcb\xbb\xd1\x15\x8eR\x18\xf0\xf1t\xaa\x19\xedJg\xf7A\xaeH\xd7\xc0\xd0\x88\xda\xc2m\xa5'</t>
  </si>
  <si>
    <t>b'\x0c\xbd+\x04\xbe%\xf5r\xc5\x8c\xab\x80\xd0\xbe\x87\xaa\x1d\x19B\xbb\x90\xb9\xb32%"\xf0F\xfcv\xb8\xc7'</t>
  </si>
  <si>
    <t>b'\xa5\x9d\xc6Wb\xc3\xf4`a#\x17\xe1)\xea\xa5\x0e\x89\n\x17\xc4$y\x9fU\x9c\x87\x9f\x8d\xde}\xc6f'</t>
  </si>
  <si>
    <t>b"C\x1b\xf3';|\xfc\x90\xcaN\x9a\xf5_\x1dT\x0c\xd4\xe0\x91`\xf7\xb6\xb7U\xfc\xf2\xb6\xbfx\xa5\xdfH"</t>
  </si>
  <si>
    <t>b'\xbdr\xa7\xa8\xfcA4a\xc2)y\x00\x94\xb4\xc9\xe6\x15\t\xca\xc0\x143\xe8\x85\xaa\xb6W\x87\x8d\xbdr\xa2'</t>
  </si>
  <si>
    <t>b'\xbf"\x18\xe9]\xb6\n\x93s\xa0\x83\xa2\xd8\xeb&gt;o5\xcd!\xcb\x89\x96\xc7\x10\x89\x1f\xc7\x1dYI0\x08'</t>
  </si>
  <si>
    <t>b'}\x8f~_\x8a\x0e\x8b\x99|1\xbf\xf3\x84\xb1]\xb6Q^Tlk\xb8\x8ac\xaa0\xed\xb2bPxl'</t>
  </si>
  <si>
    <t>b')\x06\xb6^\xff\x80\xff\xaa\x95\xbaCf\x1f\xcd\xaf\x8f\xe4\xa9\xef\xddZ\x08\x16\xa7\x8b\xd7e\x94/\xc3|\x1e'</t>
  </si>
  <si>
    <t>b'\xb6\xde\x97\xcc \xd6\x1eiZ\xacR$\xa1\xa3\xdc&gt;\xb9`\x88\x08\xb7\xb4&amp;x\x86\xac\x89\xf8d\xd8\xa8\xb5'</t>
  </si>
  <si>
    <t>b'p\t\x01\xa5\x1ef\xc1\xac\x8e\xdc\xc9\xe0c\xf1\x93\xc2O\xb0\xc5\x18\xbe~Rx\x13\xc8\x06\xc0m\x17\xa9\x9e'</t>
  </si>
  <si>
    <t>b']oTZ\r\xc1\xab\xb3%XB\xd8\x14\x9c~\xc4\xfa\xe8L\xea\xc4\x11\xd0\xfd\xa1\xdc\xe7\x0e\xc0%;c'</t>
  </si>
  <si>
    <t>b'\xf7\x9b\xea\xa2h\x8a\x867\xe4\xa5\xa8GVy\x9a\xf5\x0f=\x87~\xf8\x94!t\xc3\xf7\x98\xaf:\xc9?\x81'</t>
  </si>
  <si>
    <t>b'\xafIM\x1f\xec\x1f\x89q\x06\r\xc1\x87\xe0\xecJ\x1aj\xc1~m\xceB\xd8_\x0c\xd1\x95\xfb\xa2\xec(&gt;'</t>
  </si>
  <si>
    <t>b'-\xdc\x10p/\tg/E\x11Z&gt;y\x81\x07\xa6.\x1a\xa6\xdc6u\xe3W\x08w\x977N\xef$\xdd'</t>
  </si>
  <si>
    <t>b'7\xe6\xb9x\xefpe\x99rX\xba8\x0c\x0c\x94\xa8l\x16\x1e\xcf\xc5]\xff%\x88\xca\xe2\x04\xc0\x89S\xc9'</t>
  </si>
  <si>
    <t>b'\x13\x08\xaf\xab_\x02T\xe8\xecu\xd1\xcb\xdb\x9eTw\x01\xca\x9ax\xb0\xd6\xc2\xfbt\xa3\xd3\x9c\xfa!\x18:'</t>
  </si>
  <si>
    <t>b'\xfa|=\x8e\x9a\xc5\xf45 \x13\xcfT\xc7^\xac\xde\xd0\xe7\xa88L\x9d7\xadDY\x82\x0e\x1e=W\x8f'</t>
  </si>
  <si>
    <t>b']1 a?\x06\x90}\x03\x0b\xe5\xaf\x0e\x1f\xdf\x93+i\xaf\x80jz\xb3\x15\xbaA\xf7\x89\xaf\xd9\xdc;'</t>
  </si>
  <si>
    <t>b'(\xe7y\xc7q\xbb\xd3t"(\xc9m\xc6\xcd\xcf\xb4\x1f\x0b\xd7\xdd\x87\xfdz+\xaf\xa5\x80\xdfD?1q'</t>
  </si>
  <si>
    <t>b"\x8a\xf8\x13\xeam\xc7\xca\x80]\xce\xd0$TE\xa4\xa7\xb0W\xf1\xa7\x13\xafUu'\xa2\xa8}\xd9\xcaF\x89"</t>
  </si>
  <si>
    <t>b"L\x9b\x96\x83\x19g\n'\x13\x85\xce\xae!\xed\xc8\xbf\x84\x83G^\x17\x81&amp;\xd4/\x1d:\x17 \xaa\xa97"</t>
  </si>
  <si>
    <t>b'U\xdb\x81\xd1\xc7\xd5PL\xe2F\x85\xfc\xb9\xdb\xd9\x1dV\xd2\xdc\x11\xecM{=\xfa?a\x12\x81\xfd\x08T'</t>
  </si>
  <si>
    <t>b'q\xbf\xa1\xe3~5F&gt;\xa1Q\x8alfQp\xd5q\xb6|\x91Y\x80/h\x98\x180\x1d\xfdY\xb5\x7f'</t>
  </si>
  <si>
    <t>b'\xe5B\x95\x14\xe6U\xf9\x12?\x97i\xf4/\xa8l\xd0[\x8a\x8b\xb1\xadh\xfc\xbfP[\x07Vpz~\xc0'</t>
  </si>
  <si>
    <t>b'\xb2{\xf7\xcf&lt;\x15\x1c\x96\x81\xdc\x9f\xdb)\xef\xe6Z\xd9$$\xfb vva\xf0\x15(\xecEL\xda\xbe'</t>
  </si>
  <si>
    <t>b'\x8a\xf4\xe0{\x1fJg\x7fj\xf6&amp;d\x82\x03\xe6\xf0\x05\xc9\xffY\xa7\x00I\x1b\xce\xaf"4l\xd7\x98\x15'</t>
  </si>
  <si>
    <t>b'w\xae\xff\x1b\x11\xe8M\xac\xa5Q\xfb&amp;8\xc3\xa6\x03\x9c\xf0\x95\xda\x0ez\xca\xa8\x8f\x15\xbdU\x02061'</t>
  </si>
  <si>
    <t>b'\x80$\x8d\xe9\x86\x02\xf4\xec\xa5\xe8\xee-\xa2j\xad\x08\x7f\x8c\xd3\x17\x9d?.$\x8a\x11A6\x99\x84\x85w'</t>
  </si>
  <si>
    <t>b'\xf7U\x9e\x08H\xcd:K\xbf\xe1fXz\x96\x8e\x8e0\xda\xa40n\xd2\\\xfb\xfe%y\xb1\x0fs\xb34'</t>
  </si>
  <si>
    <t>b'z\xa8\x02\x11\x93\xbc\xcb5\x9b\xf4\x95\x8f\xdbO\xe1z\xa0\xbe\xa7\x14\xfaS\x8a\xf5\xc1\xdeQ\xa2\xf5\xb5o\x11'</t>
  </si>
  <si>
    <t>052xx</t>
  </si>
  <si>
    <t>b"\xf9\xbe\xa4\xec[\x1cq'\xb2Q\xcd\xcf\x01\xb0\xf6\x9bOWP\x98\x08.E\x97\x0c\xf76\xd6\xdc\xa5o\x99"</t>
  </si>
  <si>
    <t>b'\x11\xa3\xff\xa3\xf6j\x94\xe9\r\x13\xdcQ\xf2#L/~\x91\x81\x97\xbc\xef\x1d\xa8\x92\xe0\xc3\xfc\x08f\xf3j'</t>
  </si>
  <si>
    <t>b'I\x08{-3\x0c\xeey\x8f\xd7-\x07}\xbf\xba\x98T 8\xc8\x88B\xc4:\xab\xf1\x02X\xf0V(&amp;'</t>
  </si>
  <si>
    <t>b';\xf2;\xba\x04\x14\x8b\xe7m"G\xc8\xde_\xdf9\xb0\xa69\rQM\xa6H\x9d\x04\xbfD\x90\xd2\x7f\xaa'</t>
  </si>
  <si>
    <t>b'\xa5\xab\x0f~\xc8\x044\xde\\\xed\xdaA\xbc\xe4\xba\xe3b\xd26\x14\x0e`\x1d\xb4A\x16\xbd\xe1`\x92\xaa\x0f'</t>
  </si>
  <si>
    <t>b'{0\x83gV\xf9\xb1\x9dr\xcd\t\xa7u`\x93\r\xa0~\x99M\x89\x9b\x7ft\xc5*9Q-TV('</t>
  </si>
  <si>
    <t>b'\xcc\x90o\x7f\x9a\x0f\xe0D\x8cCnU\xee\x0bsN\x0c\x08x2\xbe&lt;#IY\x12)\xc6v\xf9\xe2\xde'</t>
  </si>
  <si>
    <t>b'\xa4R\xcc\ny\xa3\xea\xfc[\xb5\xb8\xc0P).\xd1\xa5\xf8`y\x9e\\\x1f\x141T\xdc\x13\x1b\xf7\x0c\xd2'</t>
  </si>
  <si>
    <t>b'!\x95\xab\xdd\xf3\xd9\xa2"\x89\xaa\xb2\xebH\xd0r\xdb\xa2\xe4&gt;\xdc\'\x0f\xa1U\x93\xc4\xf6X\x8c!\x86\x18'</t>
  </si>
  <si>
    <t>b'l1`\xb4\x99\x95~\xa9\xe1\xc1y\x95\xf3bD9\t\xd7~\xa6}\xb4\x17\x84\xa8\xbc%\x9f\xdb\x88\x854'</t>
  </si>
  <si>
    <t>b'\xf3~B\xed+\x0fy&amp;1\xe0}\xadk\xf4*cry\xf6\xec\x04pEd\xe9\xa3\x930\x9a-|V'</t>
  </si>
  <si>
    <t>b'_\xa6_I\xcf\xf8x\x17c\xd4C\x05\xed\xbf\xa1\x8d\xbflR\x90R\xf2\xa0\x8b\x01\xe5Dw!\xd0\x02\xdc'</t>
  </si>
  <si>
    <t>b'\xcbv\xa4L\xaf$\x0c\xa41\x8fN\xeb\xc1=\x00;\\\xeeL\x8ez\xacr\xef\xf4\xd8\x88\xc80S\xa0\x7f'</t>
  </si>
  <si>
    <t>b'z2\xaf\xf8&lt;|\nQ\x0f\xdc\x97\x88\xfc\x1e\xd0\xb6\xe1\n"M?7\xcd\x9cd\xb0\xc8\x9c~\x04\xd7\xf6'</t>
  </si>
  <si>
    <t>b';d|\x92e\xee\xf3\xdb&amp;\x8ci\xc12\xc5\xf8\x1b\xb1\x84\xd0Q\x05\x1d\xc5\x91\xfb\xaed\xf69\x0cq\xe4'</t>
  </si>
  <si>
    <t>b'\x15[\x1eV\x16\xda\xf5\xeeU=\xd8\xd09\x9c\xeeL{ \x86\xc2|/\xf3\x0f\xce\xef4\xac#\xdcdj'</t>
  </si>
  <si>
    <t>b'\x92\xf7\xa4\xf3\xe3\x12\x03\xae\xce\xfa\x0c\x80\x125\xdd\x15\x8cPQ\xa1\x97s\x91\x15\x9e\x07\xd3_\xfaPt*'</t>
  </si>
  <si>
    <t>b"\x1b\xeax\xd30w\xfb\xc4\r\xe0z-\xbe\x96\xe36\x84\xc9\xb7q8\x92\ntc'\xd6x\x06N\xa6\xd9"</t>
  </si>
  <si>
    <t>b'\xaa\xbd\xac~L\xff\xb2,.A\x98\x19\xa6\xb3\xa7\xb6L\xb2\x0e\xc5\x93\xc0xH\xc8\x87\xb89\x18*\xbaY'</t>
  </si>
  <si>
    <t>b'\x97\xd6\xda\x89\x9d\xe3\xc1\xd4\x81\x96\xc2\xb6\xd98U\xf2\xec"\xc2.\xafy\xf7\x1eE\xe8\xba\xeaR#\x86\xb9'</t>
  </si>
  <si>
    <t>b'\xdb)" \xedI\x88\xed&amp;4m\xde\xa5\xb3Z\xe0/\x01Y\xdbe$P\xe0\xffB\x9ai~\xd4\x83^'</t>
  </si>
  <si>
    <t>b'm%\xe5\xc7/y\x0eh\xd0\x85\x80P\xc2d\xe7~a\x81\xe3\x1er\xa3\xba\xd2\x9b\xaa"\xa5\xe4\x91\x98('</t>
  </si>
  <si>
    <t>b'\xc7\xfa\x01\xdb%*PA\xd7)\xe3\xfe\x95\xa5\x84dd\xa3\x03\xcc\xf7\xadp\x0ba\xf2\xb8\xdd\xb4KO\xad'</t>
  </si>
  <si>
    <t>b"\xbbu)\x8e)\xac\x15/%\xb2\xcd\x89\x10\x0b\xf3\x89V589\xe0\x1a\xb7F\x04\xfcg\x12\x9f#a'"</t>
  </si>
  <si>
    <t>b'\xe6RK\xc9L\xac~8\xcb\xc7\xe8\xbd\xf4\x16`\x8a|"\x11ue\xf6\xbf*\xa4j\xb6\xaeA\xb7\xd8~'</t>
  </si>
  <si>
    <t>b'\xbf\x9d."\x12[\x16\x8a\xfe\xa7\x19\x82\x10\xfbY\xc8\xd6\x96\x1a\x07\xe8\xff}\xbd\x95\xcc\x138\x1b\xa5\xb0\xf3'</t>
  </si>
  <si>
    <t>b'\xc4J\x15\xf4r[3r\x08\x10\xc4\xb7a\xa6\x8aq\xf4\x7f3\x01\xb6\xf4\xdf\xb9\x00d\xcbU!\x8b$\xcf'</t>
  </si>
  <si>
    <t>b'\x16\xd6jC?\xb2c\xad\x14\xcc\xa7UR?\xac\x1d\xaa\xc3\xe8\xb8\xad\n\xf0\xe1\x1c\xad"\x0e\xd7\x1ch\xb0'</t>
  </si>
  <si>
    <t>b'#:\x88\x83\xca\xa4,\ts:\xe9\xc1#e\x1a\xbf\xb9J.\xd7)\xf1U_\xdeh\xccZ\xb5(\x8dy'</t>
  </si>
  <si>
    <t>b'\xee`\x13\x0b\rJ3v\xeb8\xab@\xd2\xcb\xe6\xcdm\x0e\xc3\xf1\xef\x98\xac{\xaavX\xad\xaf\xa7/\xdb'</t>
  </si>
  <si>
    <t>b'\xc9\xc1\xc0\xb7\xa3#\x15\x1e\xd6T\x11\xfaN4;\x04\x93\xaed\x05\x91\xca\x82c\x0c?\xe47W\x11_\n'</t>
  </si>
  <si>
    <t>b'\x08\x8a\xf0\xc7M\x812@\xd5\xd2\xeb\xe3\xf4\x049\xdb\x97\x89\x13\xa4\n\x1fC\xf2\x15\x0f{\x0f\xb4\x1a7\x8c'</t>
  </si>
  <si>
    <t>b'\x11\x82?/B}\x84\xdf\xaa&amp;9ih\xaff\xf4\x93\xcb\xdb\x03\xf6\xf1\xd2S\xc9.R\xcc/J\xe5\x1c'</t>
  </si>
  <si>
    <t>b"\xf9\xa8n\x18$\xae\x0c\xbe\x12\xb9L\xe3\xaa\xb1f\xa4\xb8/\x87'\xdc\xe5\xdc\xd2\xb4\xe9\x86\x17\x04A\xde\xc8"</t>
  </si>
  <si>
    <t>b'Z!M\x15\xb4\x8dFXV\n@N\xd3N}\x15]\x93\x12\xab\xed\xac0\xbd\x9b^\x8c\xb7\xa7\x80h\xb6'</t>
  </si>
  <si>
    <t>b'E;@\xc1\xd7\xc3\xb5\xcc\xc6\x9e\xa3#G\xd8\x14A\x91\x00\xe0\x88\x92\x18\xb9\xa2\xdd6F\x92Z}\xfa\xb8'</t>
  </si>
  <si>
    <t>b'\xbf\x9f\xef\xa5\xef\xbbq\x001\xb6\xa5\xde\xed\x83\x15,\xdc1\x14m.@\xd0\xdd\xc8{Zcl\x81\xd0s'</t>
  </si>
  <si>
    <t>b'x\xcf\xfa/\xb5\x1a\xbf`(Cd\xa0G\xe8#^\x9d\rB\xc8\xab\x8a\x8dy+J?\xe6q\xe17\xe4'</t>
  </si>
  <si>
    <t>b'%/\xf4\xa6\x00K\x19*\x8b\x06\xb7j\x876 7\xc9\xc5\nr\x136\x1bH\xd1{\xe4\xee\xf7|\xf3@'</t>
  </si>
  <si>
    <t>b"\x05b\x1e~\xea~5@(\x03\t;\x95\xd3Z3x\xb4\xf6O\xcdxU\xa6\xd3\n'\xebX#\x10["</t>
  </si>
  <si>
    <t>b'CNJ\x93o\x8d)\x13\xe4&amp;?\xfcq1\n\xe1\xc6\xf7-@\xfc\x8c\xe1\xd8\xd1\xd6\x1e*#"&gt;\r'</t>
  </si>
  <si>
    <t>b'\xdf\xcb\x1f\xe5\x99\xfb\xfdqr\x88\xd3n\x0c\x08\xaa\xb1\x82u\xd7,\xaf\xcaD\x1aR\xa8\xb3\x03L\xf3\x1fy'</t>
  </si>
  <si>
    <t>b'\xae\xd1\xd1%V\x12\xbeB\x96n\x14\xf6\xbc\x8f\\d\xc1\xa1H0ZU}\x08\xf5y\xc15\x1c\x9b\xb30'</t>
  </si>
  <si>
    <t>b'{\xe8C\xf7p\xe0/k.\x14|\xdb\xba3\xd1\x154@B\xf5\x19\xac\xefER\xb0\xafm\xe6\xc7f?'</t>
  </si>
  <si>
    <t>b'\xf3g\x15Z8\xf2(\x9aG\xaaK\x84\xe7\xae\x88\x8e\xd5\xf2\xae\xe26\x94\x07\xc7\xb0\xe8\x98\xb0\xee\xd6\x8c\xc1'</t>
  </si>
  <si>
    <t>b'\xa3T\x88\x19F\xe0s\x98]4\xcf\xb5\x1b\x03\xc7x\xaa\xbe\xc5\xd7^H}\xa7\xcf\xed\xcb%_\xc3\xce\x8e'</t>
  </si>
  <si>
    <t>b'!\x16\xe9\xb6\x94\xac\xd8\xfaP\xc3u\x0b\xd0PD\x05\\=\x12\x16\r\xd21I\x0b\xc7\xf5G{l\xee\xa1'</t>
  </si>
  <si>
    <t>b'U\x84\xc1G3\xfa\x8d@\xf3\xea\x1d\x97Bd\\n e\x8ao\x9d\xf2\xfee\xf4\xf6\x801\x82\xbfl@'</t>
  </si>
  <si>
    <t>b'J\xfa{{\x11\xb6\xd3Y\x1f\xabZ\xb8\xfe\x01\x86&gt;@\x93I\x91.O&lt;\x82\x18\xd5\xc2H\xbclrI'</t>
  </si>
  <si>
    <t>b'\xc6\xb9\xf8\xe8\x165\x98\xd6\xc8\x08N%\xa1\xf6\x93\x9d\xd4s\x82\xa0+\xb9\xb4.4_n@\xaeR\xa7\xb5'</t>
  </si>
  <si>
    <t>b'\x15\x8eS\xdb\x1f\xf5"\x9eY\x05Wr\x96\x8d,3\xf4\xeb\n\xee\x06\x00^\xc5\x9d5\xa2_k\xb5\x1da'</t>
  </si>
  <si>
    <t>b"\xe4^\xfe\x1a\xc7\x0e\xed)~{0\xbb\x99sh&gt;\x8c\xbe/'H\x9d\x91%\x9cAi\xbe$\x13\xad\x99"</t>
  </si>
  <si>
    <t>b'u\xb0y\x046\x13xr\xe5\xfc\xc8i\xc5\x1e\x92P\xef\x98\x0ev+|o\xc3%H\xf8\xd5\x088\x8a/'</t>
  </si>
  <si>
    <t>b"\xcf\x11\x93b+\xe0\xccSZ\x99g\x99\xc6\xf0\xb1\x0cj\xb1\x01\x9a'\x14\xbd?\x1e@3\x9dK\xee\xaf."</t>
  </si>
  <si>
    <t>b'\x9d\\zP\xba\x9b\xae8\xabN\x14\xc4\x14I\xb4\xcd\xe8\xf6\xbeO\x17\xd2E\x16\xa7\xc7_G\xfb~\x18\xd4'</t>
  </si>
  <si>
    <t>b'\xe4\x9c\xa1\xf5\r\xeaC\xea&lt;o\x1ak\x0c\xee4\x04\xb3@\x18\xd6\x85-5~\xb2\xf8f\xf6\xd4\xf7\xfe\x1b'</t>
  </si>
  <si>
    <t>b'd5\x8du&gt;\xb3\xbf&amp;\xa5\x01\x1c\x7fa\x1e}y\x84w1\x9cDU\xc9\x81\x93\xf5\x9c\x01\x94Cx\x03'</t>
  </si>
  <si>
    <t>b'\xe4+\xf5\xcdP\x8f\xb6\xc8\xb9\x97\xeef\xae\xf9s\xf5\x00\xa1c\xec9[D\xb8\x9d\x16\x9b\xee/\xec\xe8\x92'</t>
  </si>
  <si>
    <t>b'\xbf\xacmD\xf9\xa0\xcf\x04\xed\x13\xc6\x80M\xd8\xfd\xc5+\x9cc\xce\x82\xae&lt;\xf0\x0b\xe0\xe1\t\xb3\nX\x91'</t>
  </si>
  <si>
    <t>b'x\xef\xffH\x81\xde]\xcb\x02bfy\x9b\xec\xe0\x85\xde\x02\x89\xb1\x02\xcb[9\x11\xd3\xb8\x04\x08)\xdeF'</t>
  </si>
  <si>
    <t>b'\x9c!\xd4\xec\x125n\xef&lt; /\x8cc\xb0Y@}|kI\xbf\x17d\xa6;\xe3.\xba\x98:lA'</t>
  </si>
  <si>
    <t>b'\xe1\xa5E\xf1\x18\x9f~91Yc\xe6Qq\x7f\xb4!E7!\x02`\x8f\xc5x?\x11\xe3\xadX\xcd\xdf'</t>
  </si>
  <si>
    <t>b'\xf1C\xf7{\x83u\n\x91\xa3?R\xff&amp;P\xb4\x81\xd3\xad\x89\x19\xa1\xfa\x19\xf12\x07Hl@\xd7\xce\xf4'</t>
  </si>
  <si>
    <t>b'2Lq\x9dHc\x97\xa7\xc6+\xea\xbdh\x0bj\x14m\xdcz\x95M\xb4\xc1\xba&lt;\xd3\x97\xdb2\xa9\x1e\xe1'</t>
  </si>
  <si>
    <t>b'\xad\xe8\x9f1\xa9\xfdI\xcbD\x0e\x0c\xa8mN,\xa1\x9fopyV\x02\xc8+\xec\xcd\x12v{&lt;\xf2\x1f'</t>
  </si>
  <si>
    <t>b'-H\x18\xeb\xa7\xcckV\xb0G\xc7\x84_\x1e\x15\x8f\x8f\xfaxEV&lt;#\xb6\xdeh3\xf8\x1b\x84\xdb['</t>
  </si>
  <si>
    <t>b'q\x81\x00\x17\x88\xb4~evQ\xa9\x8c8\xea=\xec\xd9\xc9\xccZ&amp;-\x17\x0b]\x06\xccSs_\x88\x9b'</t>
  </si>
  <si>
    <t>b'}\xaeYe\xed\xc6\x13\x0b\xf5\xdbE u\xb3\x03\xff\xc0\xf6\x05\x9a\x9e&gt;2\x86\xe6\xa1\x876\x98\x14B\xf3'</t>
  </si>
  <si>
    <t>b"l\x10\xf1\x978Y\xe8I\x17Cp\xfbnh0\xbaT'\xf85{`n\xc4\xa9\xb5\xb0\x0e(\rp="</t>
  </si>
  <si>
    <t>b'\xe5\xfbS\x1c\xc2`e`HG\xdf\xf2\t\x01x:6\xb7\x16d\x15^1\xde:\x86H\x9aK9M\x87'</t>
  </si>
  <si>
    <t>b'\xaf\xd4u\xfcjdE\xf4(U\xdcJ"\t\x8a\xe5\xbf\x96=\xd1\xfe\x15\x7fM\x9b\xa9\x802\xc8p\x11\xab'</t>
  </si>
  <si>
    <t>b'\xb3\xcdb)k\xbal)\xab\x04{\x15GmN\xc0\x99lo\xd4\xaa\xcb\xf9\x1b\xab=\xcf\x0c\xce\xd0[\xdd'</t>
  </si>
  <si>
    <t>b'\xa86\xd8\xb8\x043\xe4\xb1\xe0\xef\xad\x02\x06@u\x03\xe4\xe4P\xd5w\xde\xaa\x90!\xa5RI\x176\xbb$'</t>
  </si>
  <si>
    <t>b'\x89\x8e\xa6\x81:\x0b+V\xef\xcb\xa3KJcs\xd4\xfd\x9bQ\x90\x8a\xfe\xff\x19 \x02 \x92\xadw5j'</t>
  </si>
  <si>
    <t>b'\x93\x13\xd2z\xa4\xc1\xf5|\xfdS\x0f\x84.b\xd2\x92\xe8hS\xb3\x7f\x10\x92DI\xeb&amp;Z\x08"\x9bk'</t>
  </si>
  <si>
    <t>b'\x1d\xbb\xe0\xb0\x13e\x15\x1cuc\xbb\xdb\xbd\xa0\x9dw\xec\x91s\x1fm\x99\x86gw\xe4\xbf$J\xefv\xdd'</t>
  </si>
  <si>
    <t>b"\xbf\x90\xca\xda\x06t\x006\x07'(\xbeh\x88\xa3*\xa6.\xecOI\x85\r\x7f\xd9;\xd32P\x19&gt;!"</t>
  </si>
  <si>
    <t>b"\x18\xa1d'\xff\xda.}\xbb\xc5\xb0\x86\xdaP\x15=mPmD\xe7\x03\xd4f3\x8b\xa11\xb1\xddt\x12"</t>
  </si>
  <si>
    <t>b'\xee\xbd\xc0\xfa\t\x1bI&gt;+\xc83&amp;\x85mRK\x0b\tQAx\xa3\xd4_i\xac\xb7\x17M\xe3\xe7\xc7'</t>
  </si>
  <si>
    <t>b"^\x01\x06L:fZ&lt;\xb2\x0c\x7fo{\x9b\x10':w\x87\x17Wp\xbc\xbf\x0bn\xeb\xd6G\xdb\xf1\xcf"</t>
  </si>
  <si>
    <t>b'\xe6\\\x06\xbf\x1cR\xbee\x8cf|H\x0c\x10\x02\xe9\xa0eD\x05YN9Z\x89\xa4FY \x8a9\xc6'</t>
  </si>
  <si>
    <t>b'`\x87s\xe5\xad\x12m\x1dNBlM\xb2N\xdfk\x0c\xf8\x1f\xbd0\xa2Z\xdb\xaa\xec\xd8\xf9\xbe\xea\x9d\x8c'</t>
  </si>
  <si>
    <t>b'kz\xa6\x9f1\nR\xdc\xdb\xbc8Wl\xa6\x80\x15\xaeo\xbd\x1bj\x98M\x84\x8cU\x9cl\x81\xc4\xae\xe2'</t>
  </si>
  <si>
    <t>b'~mi\xab\xbe\xbc\xf3\n*\xc5\x9f\x99\x8b\x03\xc1`&gt;\xd0\xd8\xbd\xba\xbe]\x80\xef\xc3\xc5!\xa7\xd7\xa1\xd9'</t>
  </si>
  <si>
    <t>b'(\xaa\xec\x14x\x8f\xb8\x05\x0e\xaa\x81\xd0IB\x15\x15\xba\xd0\xcd\xf1,\x86\xdaQ\xc0f\xb6\xaa\x9e\xc4\x9f4'</t>
  </si>
  <si>
    <t>b'w\xe4\xcb\xdf\x0cp\x0b\xc9k\x9b\x98\xa6G\x13d\x16\xa8\x97\xe3\n\xc2U\xf4\x01\x19\xbd\xa4m\xc2\xb3\xe2\x11'</t>
  </si>
  <si>
    <t>b'\x97\x82Xb\xc2t\x84C\xa4R6\xc5\xf8t\xae\x12jbb^\xd4\x17\x12\xd2\x15\x08\xee\xdb\x93\xb0\xc36'</t>
  </si>
  <si>
    <t>b',A\xe1\x8b+k\xb9\x9a\x9d\xe8G\xd9\xb6\xfd\x06\xb9\xcb\xb3X\x9eQ\x08\x08\xe7]\x842\xeeQ\xd4S\xcb'</t>
  </si>
  <si>
    <t>b'Io`\xc0\r\xbaX\x19Z\xca?,\x12\xfc\xa7\xd6j#h\xe7\xd3\x1e\xbd\xd1\x9edZ\x0b`\xa8\xac\x83'</t>
  </si>
  <si>
    <t>b'\xc6\xd8\xf8\xaeI\xe6[dl-S\xd9\xc7\xc6\xc4w\xc2\xd0;\xcd\xc7\x06\xb7.\x14[E\x023`\x93\x88'</t>
  </si>
  <si>
    <t>b'gA\x8eShS,\xb0\x83\xf6\x0f\xce\xa7\x13_P?\xcf3\x9c*Y[gg\x18q\x19\x8dL\xb9\x02'</t>
  </si>
  <si>
    <t>b'\x1c\x12=\x89\xa36\xa7\xd0\xd8\x85U\x0c\x86L5\xc5\xf8W2 \x05\x8a\xcc\x8f\x9e\xb2\xb6\x04\x06TO\x9b'</t>
  </si>
  <si>
    <t>b'\xdb\x05\xe7W`\x86\xb4\xd5q4\xefY\xa9\xbf\xaf\x1dV\xe2\xd3\x94\xa5\xb2B\xc9\xb0\x18\x8a\rq\xac\x18\x1b'</t>
  </si>
  <si>
    <t>b'\xba\x80am\xb6\r\xdfK\xc7\xb2A\xfdD\xc7\x82\xc4\x16\xad\x12\xa1g+\xf1\xb6\xf0B2\x1a\xf3G\x8b\t'</t>
  </si>
  <si>
    <t>b'\x05&lt;-\x9f\x03o\xd3\xbc\xdc\xf4\xcf\x03t\x07\xf9{c\x7f~\xd5W\xb2\x01\\\x1dr\xf3\xc0#Jd\xa7'</t>
  </si>
  <si>
    <t>b'A\x88\x16\xec\xeeh\x8b\xf7\xa9\xed\x10Lc\x0e\xbb\xb1\xcfU=&gt;\xac=tV\xd5\xa01C\xe2\xf4\xbeF'</t>
  </si>
  <si>
    <t>b"\xdb\x17#U\xe5\xc3\x0e1'u\x99\xba\xc2\xe1\xda\xf2\x88\xfa\xc2a\xc0\x03\x02\xa4\xa6\x16g\xeaNeO\x1f"</t>
  </si>
  <si>
    <t>b'\xf7b\xeeq\xaeqQ.\x9e\xf3.\x08\xc2\x9c\xb5\x14\xe0 A\x04G{X\x99\x12[s\x0c\xa9\xdf3\x9f'</t>
  </si>
  <si>
    <t>b'#Wu\x95\x19\xf3{b=\x89\xa0\xa3\xe9\x9e\x05]\x19\x08\x028f\xf3\xaeE5\xe3\x17B\xd4\x82=\xeb'</t>
  </si>
  <si>
    <t>b'2\xb9\x9c&amp;\xb5e\xe1E\x94&lt;\x1a\xddM\x03\xee\xcb\x0bqA)I7=\x7f\x8b\xe23\xcd\x92\x00B\n'</t>
  </si>
  <si>
    <t>b'n\xec\xa3l{;W\x92GwD\xd3o\xdd=Q\xd6\xd1\xc6\x1a\x9b\x1bD\xc7(A\xe6\xb0\xe8\x14a6'</t>
  </si>
  <si>
    <t>b'\xb6\xc0I{\x14B\x9bj\x9ao\xf0\xba\x8c[ !\xdb\xf1O5\x03\xad\x0b$\x84\xae\xa8#\xa9\x06\x8e]'</t>
  </si>
  <si>
    <t>b'd\xb5\x89\x08\\\x95\xdcA\xa3!\x86w\xf2\x0e\xd6\xe1\x92\xf4\x9d\xeb!\xa2b\xa6\xf8Qe\xb4\x1f:\x87\xdd'</t>
  </si>
  <si>
    <t>b'\xf2\xaeK\x12\x0c\xeb\xbb\x0cw\xcf&gt;v\x0b\x1a\xc0\x08e\xa0\xbfA\x9c}\x05\xa7\xfc\x16\x96Z\x15\xb0j\xf4'</t>
  </si>
  <si>
    <t>b"\xc2\xedo?\xd0H\xdfb\xf6\xfc/'3lSQ\xa7\xb2O\xee\x1fI\x83*\x13\x18)\x14YT\x99\xf0"</t>
  </si>
  <si>
    <t>b'[\xeb\x93CI\xde\xbe\x96\xf6\x10\xc5\xecT0v\xebG\x8b\x81\xae\x12\xbd4\x1di\xd4\x13\xabQm\x0c\xb0'</t>
  </si>
  <si>
    <t>b'\x85~\xd6\x96}7Y\xf8\xbf\t\x83f\xc5\x8a7j\x15\xa4X\xe0\xa4\xf67\xe7\x07\xce\xecf \xbc\x02\xfc'</t>
  </si>
  <si>
    <t>b'J\x80\xa8\xf7C\xc0\x92\xde\xf5\xce\x1e\xe3}\x8e\xc0i\x99hR\xd7\xd1\x8e\xe9\xe1g$\xf2Zb"[\x8a'</t>
  </si>
  <si>
    <t>b'Z\x9d\x00Lw\xad\xfe\xe1D\xf4\r=R\xd3\xfa\xaau\x1c\xb9\xc1\xdf\xca"\xdf\xa8\xe8\xc6\x15k\xfd\xcc?'</t>
  </si>
  <si>
    <t>b'#K\x9c\xa3g\x99\xc9TG.\x80\xd6\x84\x935\xadc7\xb2o\xe8\xe3U7\xe3\x14z\n\x16\x02\x0cX'</t>
  </si>
  <si>
    <t>b"s3\xec\xafx-\rI\xae\xb8#\xf3/\xd5\xf6\xa2\x9c\x10\xb1\x1a\xa6\xa3$\x97\xc0pO'\xd8\x832S"</t>
  </si>
  <si>
    <t>b'\xcd9]\xcf\xbf\xb4\xab\x00\x17\xc86\x14\xa9\x120\x1b\x12[]\x85\xb0\xb7\xd2\x9b&lt;\xcd\x02\xb5\x91wx#'</t>
  </si>
  <si>
    <t>b"%\xb8^\x04\xf0\x980O'5\xa7s\xce\xc1\xb5\xeb#,'\x0by\xd2\xad#\xd2\x1a\x85\xfc\xb0(Q\x81"</t>
  </si>
  <si>
    <t>b'\xb9@.\xd3\xc0\xa2%\xd3\xe5\xdd\x95_\x83\x1f\xac\xbe\xaf\xb1\xb0\x9f\tG\xff~\x15MN\xb0\xcc\xe6\xa7w'</t>
  </si>
  <si>
    <t>b'\xf2\xb7\\\xf7r\xa7\x82\xca\x1f\xc8\x9d\x15\xbf\'\xf9T"8%\xda\xc0\xed8lcH\xd8A\x90\xaf\x82\x84'</t>
  </si>
  <si>
    <t>b"\xdf\x1eaamv\x83\x99\xd53z\x8e!\xeb\xaf\xb1G\xa7\x7f/'=\xb3\rw\xd6\n\xbcN\xdf\xfd\xbf"</t>
  </si>
  <si>
    <t>b'dXn,\xdc\x8c\x08\xc4\x95;V\xf9\xdd\xa4]\x8dT\xbbA\x0e\xca\xe1\x04\xff\x06~\xc4\xa0\xbcO&lt;\xab'</t>
  </si>
  <si>
    <t>b'\xe67\xfb\xf0\xe5!\xfd\xf1\xac\xc8F\x12\xc2\x16&amp;VEg\xcf\x9aRF\x95K3\x05\x05[^\x94\x88\x9a'</t>
  </si>
  <si>
    <t>b'D\xb6\xf6=\xea)\xf9\xe0\xa2\x07\xe0f\x9d\xf4)\xa9\xfc\xc3\xd5$\xcb\xd4\xd0\xbfe\x93;\xd2\xfc\xbd\x04\x0b'</t>
  </si>
  <si>
    <t>b"\x01\xd7\xe73\x92\x8d'\xbf\t\xa6\xadwd\xc04(\x89V5\xc9Q\xcd5x\x82\n\xeaR\x00\x9d\x1a "</t>
  </si>
  <si>
    <t>b'\x88C\x19\x13\xf8\xb7\x93\x16\xaa\xaa\xaa\x86\\a\x08\xb3\xe3\xb6\xa4|\xc7\xdfU"\x87X7\x8c\x9e\xbd\x83Y'</t>
  </si>
  <si>
    <t>b'G\xd7\xe8D\xd84\xd0\x0b\x02\x00\x00\xc0\xa1\xf5\r[2\xfb\x1f#Z\x0c\xd2}\x9e\x9e=\xde`])\xb6'</t>
  </si>
  <si>
    <t>b'\x06\x94\xd4\xbf\x8f\xfd\x95\x0f\xedVb\xed\x04\xcf\xa0\xf3\xbe\x1f\xa9JC\x01\x0e#B\xa5!\xae\xebI\xa4\x9a'</t>
  </si>
  <si>
    <t>b'\xa7\xbdM\xbb\x07[\x93\xb2\\\xfa*\xabx\xe8w\xe2\xbd@\x92{\x97`o\xa6\x0e\xd7\x98\xc0\xdcU\xc2\xa8'</t>
  </si>
  <si>
    <t>b'GF\xfa\x84\xd4\x05Kn\\\xfaj\x186\xc3:=mq\xaaR\xef2\xff\x08\xe4\xa6\xba\xd7V*"\x1a'</t>
  </si>
  <si>
    <t>b'P\x04\xf9\x9e\xf1\xd5O\nJ\x8f\xce\x93FbW\x9b\x9e1\x80\xbfQ\x18\x9c|\xe4\xf6^\x18\x1e\xc6\x04\xbc'</t>
  </si>
  <si>
    <t>b'\xc4\xb3\x9dl9\x86\xd6U\x93\x9fk\xbf\xdd\x94\x86bEh\xc9\x06#t&amp;,\xa7\x87\xf7\xe0\x19=Ll'</t>
  </si>
  <si>
    <t>b'\xae\xfb{\xa5\x95\xa06?\xe7\xbe\x03\xb6S?\xceb\xa1\xe2\xa3g\x04\x94X\xde]\x13\xeb\x8a\x10\xf9\x88\xfb'</t>
  </si>
  <si>
    <t>b'\x9fx=\x19f\x0e\x8f\xe81\\\x83\xb5\x0f\xaf\x8ab\xde\x9f\xac\xc4\x0f\x98E\xfc\x80\xcb\xdf@*\x0c]^'</t>
  </si>
  <si>
    <t>b'\x0f\xe8&lt;\\\xdc\xc4\xecA\xf1\x8c\x82\x05\xa7&lt;`\n\xaf;\xfd\xf4\xa5\xb9U\xb0\x9f\xf8W\xbdD\xa7\xf5l'</t>
  </si>
  <si>
    <t>b"\xfen\xb9P\xfc\x0e\x1b\xf1p6\xe4\xbf\xc8\xb5F\x92\xdbt\xb4F\x8d\x06k\xaagU\x8cai'\x9e\x16"</t>
  </si>
  <si>
    <t>b'W\xad\xbclm\xfa^\xf4\xac\xdf\x82\xe8\xaeK\x84S\xbb^fV4\xd22\x0bo\xb3\x1f\x10\x81\xfd\x03\xb5'</t>
  </si>
  <si>
    <t>b'\xd8\x9a\xfb\x9b \xcc\xfab\xcc~\xdf\xd2\xbf\xf1\xbb\x1b\x93\xdc4\xaaX\xdd{\x92|\xf6{\x147\xc6\rq'</t>
  </si>
  <si>
    <t>b'\x08\r\x05\xd41\x8c\xd3Sz\xb7?\x9c1\x83\x16\x1c\xca\xb0\xbd_#eCC&amp;\xb7\x0f\xdczb~5'</t>
  </si>
  <si>
    <t>b';:S\x8b\x80\xa2\xf7\xa6#\xe9\xb8\xce1:\x81":G\xc2\x82\xc4\xaf\xbb\x11\x81\x07\x91\x1f\x917\xee\xb0'</t>
  </si>
  <si>
    <t>b'F^\xd3\xccK\xecV\xdffX\xda\x0fG\xf8[\x03\x9e\x99po\xb9\xb6mkhA\xe7\xc4\xffR\xa7\xc3'</t>
  </si>
  <si>
    <t>b'\x82\x82WX"\x96\x1a[\xeew\xb2\x8c\x9f!B\xf8\x14,\xf0m\xc1.\x9c\xbc\xfb0\xebP/\n\xabb'</t>
  </si>
  <si>
    <t>b'\x8c\x14@\x8dE\xcaca\xc2\xf1\xbbi\x1cv\xdat\xd3\xff{\xc4\xbbDW\x9a\xe3\xb7\xdc\t\xfa\xa1\xae\xa8'</t>
  </si>
  <si>
    <t>b'5r\x07U;\xd7?\x92\xef\x96\xcel\xd6\xd2\x18*\xc4\x0f\x14\x19K$~\xe8\xe3(D@\x9f)\x88!'</t>
  </si>
  <si>
    <t>b'\xbd\x9a\x89\x07\xe9C\xf86&gt;\xab\xbc\x83-l\x1d\xa3s\x12\x10\xf5\x1c\xad\x8a\xf4\xbfR\xc9eF\x98p\xad'</t>
  </si>
  <si>
    <t>b'\xec\xbaA\xf0Z\xe4\xffuV\xb9\x93\x88j~?\xae\x8d\x14\xbbV\xdb\x02L\x04\xbb\xcf\xc0\xe1\xb55\x05\x0b'</t>
  </si>
  <si>
    <t>b'\x1b\xb3\xb5\xe7\xeet\x93\xb4F\x11\x99\x17\x08ZU\xe1\xf4X\xbd\xc39\xe8\x1f\xa8\xf0\xac\x12Z\xdc.\xa5:'</t>
  </si>
  <si>
    <t>b'\x93\xbdZ=h\x9c\xdc\xef\x15\xcd\xc0ev\x85\x18\xecNa*\x99]d\xf5\x0e\xe6\xd9`\x0f\xd8u""'</t>
  </si>
  <si>
    <t>b'\x07\x15\xe8\xa8L\xc3\xda\xdeQ\x07\xbe\xc9!z\xb4\xda\x1c)\xf0\x93j\xc1E&amp;\xd1\x11\x9d7\xc6\x12mt'</t>
  </si>
  <si>
    <t>b'\xe5)/1!\xa8?$\xd4\xed\x1c\x94\x89\xac\xea\x18\x11\xa4\x1d6\x9b\x840\x90\xed\xfbx\xb3Ln\x11\xff'</t>
  </si>
  <si>
    <t>b'\xb4\xb1O\xdeVL]\x8d"\x19\x92\xa1`.\x80|5\x10\x94\xc2\xf83\xad\xbc\x96\x19\x7f\xc5(PY\xd4'</t>
  </si>
  <si>
    <t>b"\x00\xe0y\xcd\xe3'UV/\x18/\xd4\xda\xdbb8L\x1e\x0f\x06\x91\x1dZ\x8d\x07\xad\xf7\x8c{a\xa9?"</t>
  </si>
  <si>
    <t>b'D\x8d#w$\x93\xd4R\xceo\xed\x1d\xbf\x96\x9a=\x81xB\x1aQ\n\xb3{\x95h\xcbw\x19\xb6\xc9k'</t>
  </si>
  <si>
    <t>b"\xf4\xf2\xe1\xcd\x1b\xd0\xa4\xfc8\xce\xe1\xe6\xdb\xee\xbdb\xa9\xb9\x07h1v@h\xd06\xde\xba\x889'&lt;"</t>
  </si>
  <si>
    <t>b'\x8e2\xed\xac[z\xcbo\\Q\xcca\x86s\xd2x\x8e;\xb1\xee\x8a\xd9\x85\x81m\xca\xdf\xa9l\xb7\xaa\x1a'</t>
  </si>
  <si>
    <t>b'PxWT\xd47\xdf~\x11]P5\x82\x97\x81\xbc\xda=&lt;\xa15\xce\xf3d\xff4W&amp;\xffv\x9d\x9d'</t>
  </si>
  <si>
    <t>b'BZ1\xe1l\x8b\xba\xdc\xc5V\\"\x9c\x9f2\x82G\x8d\xf7\x809B%\x10_\xe9\xc1\x81\xd5\xaf\x92\xdd'</t>
  </si>
  <si>
    <t>b'\xfcN(\x17\x119l\x9fN\xcf\xc1\xe4\x9a?7;\xb3\x01/\x89\xdcX\xfb!3\x18yg@_K\x01'</t>
  </si>
  <si>
    <t>b"?\xf7\xaaD5\xd6\xfd\xa4'\xd5\xe6e\xc1\x1e\xb1\x8d)J\xb0\xc3\x7f!36\x96\xdf(\x05\x0e8rY"</t>
  </si>
  <si>
    <t>b'vdt`\x86\xb6\xc2\xc7\x95\x95\x1e7\xbdv\xd8\xcev\xb3\x97\x91V\xab\xc2Ug_w&gt;"\x08\r?'</t>
  </si>
  <si>
    <t>b'\xbc.\xc2q\xccE\x94k\x94e8\x9fh\xb2\xe5l\x0b\x0f5\xaa@\x05&gt;3\xf7\t\xd9\xae\x80\xa1mN'</t>
  </si>
  <si>
    <t>b'\xe0\xb5\xcd\x88b\xa6\xa9L(-\xe9I\xf6\x98\xaa\x8exl\x97\x03\x16\xee,\x1d&amp;O\x1b\xfb\xcdA\xae\x0b'</t>
  </si>
  <si>
    <t>b'A`\xb7\x19vU)U\xd3\x9af&amp;\x11\r\x06\xc4[`\x88\x07\xbfN\x90v\x82\xd00\xff\x92[\xe0/'</t>
  </si>
  <si>
    <t>b'\xb1trvq\xfb\x0f\xae\x0f\x10\x10\x0c\xade\xcf\x13g/y\xc4"\x0b\xcbuB\x86\x96\xdayn\xfb6'</t>
  </si>
  <si>
    <t>b'{v\xe4\xacy\x0f\xf9\xf4\xcd]\xf2\xc5\xd2\xd6L\xc9\x89\x07\x89\x14\x19lK^\xdfV\xb4\x05\xdd\xa7\xa65'</t>
  </si>
  <si>
    <t>b'v\x07\t\x0b\xbc\x0c\xbc\x16N\xeb],\x0e\xac\xde\xd8\xa37\x82\x8f\x14\xd0\xe3]\xfd\xf0\x857\xf0\xf8\x1dO'</t>
  </si>
  <si>
    <t>b'}1\x99+a^\x08\xfd\xf2\x92O^\x80\xed\xf1\xa6\xc1\xd7;\xfcp\x96\x9dZ\x12\xcd\x7fC\xac\x1f\xf5-'</t>
  </si>
  <si>
    <t>b'\xee\xc3\xf1k\x175&lt;\x8a\xbfK\x16\xa8\xdfg\xf7\xf3\xfa\xdf\x9a]\r\xfe\x90\xa0a\xa4\xab\t\xdc\xa2\x88\x86'</t>
  </si>
  <si>
    <t>b'\xfdatU Vz:\x9d\xc8!\x06@&amp;[\xd2\x88\x9e\n\x1b\x87\x8bmkT\x99\x86\xd9:\x0bR\xa9'</t>
  </si>
  <si>
    <t>b'\xee\xc66\xe7-\xb3\xa4\xa6\x0fc.\xb2l\xba\xd9\xdeQ\xf0 \xb6z=sa\x82\x84&gt;\x14\xf4w\x04A'</t>
  </si>
  <si>
    <t>b"\x0c25\xa2\xac\x01h\x8f\x89&gt;\xbf\x8e\xa4d\x98a\xee7%\xe7\x8d\x1a\xba\x0b\x83,E'\xf09\xaf\xce"</t>
  </si>
  <si>
    <t>b'\xbc\x9bA\xdc}\xf0=\xdcbG\x12O\x97\x83\x95z\x97\x13/\x87\x9eO\x8fE\xa2\xb8\x1fU\x1f\x11mJ'</t>
  </si>
  <si>
    <t>b'\xdfA\xff\xa4\xc7\xdf\x04F\xca\xb4`+\xba\x835\x19\x12/_\xfd\x17\xc2\x91\xe9\xc58\x9a\xf7\x14\xe1\r\x1e'</t>
  </si>
  <si>
    <t>b'\xe0\x96=\xc7\x95\na\xcb\x04\x07^\x93s\x0b\x13x\xb52X\xd2\xbdW0\xd9\xe3\xdb\xa9\tcQ\xb1\xfc'</t>
  </si>
  <si>
    <t>b'[\xff\xe5\r\xb0Az\xcd5\xf6\xd1\x93b\x99*\xf5\xb0U\xb9\x7f\x1a\xba\x14\xff\x8e\xd2\xeb\xaa\x9e\xe8G\x1e'</t>
  </si>
  <si>
    <t>b'a\xb1\xab\x9a\xb5\xd0\x18\xcf\xbd\xbf\xe9+\xceL,\xe7\xaf\xbd\x88%\x9fW\n\xf3F\r"\xe81W_\xb1'</t>
  </si>
  <si>
    <t>b'\xeb\x862!\xfd\x12\xa4\xe9\xb5\xe4TD$\xa9\x10 \xfe\x13\xb0:\x1aB\xe4(N\xf6\xad9\xed\x1a\xa1\xd5'</t>
  </si>
  <si>
    <t>b'\xd4\xd2\xb7\xb6\x93O\x98}T\xbd\x87\xc2\xc3\xd1\x01\x8d\x82\xe7\xeeF7\x08\xda\xa2\xb1\xc0%\xa0\x8bb\x1a\x04'</t>
  </si>
  <si>
    <t>b"\xe3\xc1%\xfa\x0e\xefR;\xac|\xc5'\xef\xef\xa3\xec\x8bC~g5\xfb8\x97\xbd\xbc-\x16\xb5N\xfd^"</t>
  </si>
  <si>
    <t>b'\xa3\xca\x10\xc8]H\xac2y\x8dZ\x9aC?\x91\xd4\xbf#\x15w\x0067\xac\x15\x8b\xe5\x89\xfbj[\xd9'</t>
  </si>
  <si>
    <t>b"\x15\x86B~\x10D\x15\xb9\xa3~\x1e\xbd\xe4\x1f\xbcL\x0f`\x92=s\xb1d\xbe\xf1\x00)Y'\x82\x8a4"</t>
  </si>
  <si>
    <t>b'XL\xa6\x905z\te\x90&lt;\x85\xc6\x86\x83\x18\xd7\xc2\x81(~\x13q\xe6\xf5\xe1\xf3\xd4\x97_\xa7\xe8\x0b'</t>
  </si>
  <si>
    <t>b'\x9c\xea\xcd\xeb\x81\xf1\xbf\x8a\xb6\xdc\xf5\xa9\xc2\x00lO\xdf\x80L\xe8\x1fmI\x95\xa0LB\x95\xb8\xcc?\xfb'</t>
  </si>
  <si>
    <t>b'}!\xf1\xfe\x93:\x9e\x82\xb0\xa0\x87\x06\xf8\x08\xb8\xc0\x02\xe7\x0cu\x16w\x7fy9\xe3%\xed\xe2|\x97}'</t>
  </si>
  <si>
    <t>b'\xde-\x99i\x1a\x92L\xf7\xe9\xc8z\xca\xfb\xf2J\xfb1$i\x13\xfd\x86R\xdc+0\xbaj\xb7"\x8b&gt;'</t>
  </si>
  <si>
    <t>b"\xe8\x85\xafi\xa9\x0f'\xd2\xf26\xc6\x86F\xa0`\xb8\xeeUTT\xbb\xd3R{x\x13&gt;[\t\x82~7"</t>
  </si>
  <si>
    <t>b'4\xda\xfaP\x0bbF\xf0Y@\xd8x7\x98\xc9\x0fq\x94Qe\xc9\xeb\xfa|\xf5\xa0\xb3\x03c\xd0\xad\xcf'</t>
  </si>
  <si>
    <t>b'\xfa\x7f&lt;\xfd\xa1]\x0bf\x87L&gt;\xe6\x7f\x15\x9e\x0eV\x03N]\x01Z7\xd0\x84Hea\xad\xd66\xc3'</t>
  </si>
  <si>
    <t>b'\xa8\xa0Mq\xee|\x8d\xd8\xb3\x9d\xfe\xdc\x14\n.\xe1q!\xeb!\xc5\x1c_\xd9\x95\xb3\x0b\x08\x1d\xe8q\xe7'</t>
  </si>
  <si>
    <t>b'\xfaWs\xec\xb6\xd4\xac\x93R\xda\xa3\xe9\xb0\xba\x90\xe69\x11\xe3[\r\xf5\xc1\xd3\xedBRL\xf1\xab1\x17'</t>
  </si>
  <si>
    <t>b'&lt; \xf1\xfc\x04\xde\x85\x0e\xeda\t$\x04F\xd1\x8f;\xfb7\x9bh2\xfd\x82\xe6\xd8j\xf0ulL\xb1'</t>
  </si>
  <si>
    <t>b"\xb6\x95\xe0^\xfb\x9d\x01\xdf\xc4\xe8\x9b\x16lF\xcf\x07\xe9\x87\xdd='\xfb\xa2\x86\xc0\x82 \\\xa9\xa5V\x03"</t>
  </si>
  <si>
    <t>b'z\xfd\x92\xaa\x80\xc6\xfc\x9f*I\xfc\xe7\xc1\xa4\x91\xe7ys\xd4\xefC\xc3\xcf\xcb\x08\xbb4\xb0\xd1\x9b\x86\xda'</t>
  </si>
  <si>
    <t>b'){\xd6\xb2Gm\xb9\xd2\xd1\xe1\xd77\x8f\xcd\xfad0\x0c\xa8I\n\xf8$\xc0\x17?G)Tz\xe8\xcd'</t>
  </si>
  <si>
    <t>b'\x16\x9c`X\x8f\xa2\xb5\xd5E\xa0\x0e5,\xea\x95\xd4\x81\x05\xe6\x02\xb4\x1e@IU\xf5A\xb2\x86\xa09\x8e'</t>
  </si>
  <si>
    <t>b'\xb3\xd0\xe9\xd7\xcdDQ_\x0e\xa3\xd2lJ\xbe\x10\xd8\x1e\x9e\x12\x85ks\xb4E\xd3\xcd\xa5Z\xc1\x0e\xeaG'</t>
  </si>
  <si>
    <t>b'$\x93S\xeb8\xc5\xe5/\xc3K\x93\xab|\x9b\x01V\x9a$\x95\x884\xefQ\xd6\x00B\xeb\xeeB\x08&lt;\x86'</t>
  </si>
  <si>
    <t>b'\xb6\xcf\x94y\xc8\xf1C\xbb\xf4X\x18ec\x98\x16\x82\x0bP)AE\x1cT\xc1\xf3#\xa8B1f \xec'</t>
  </si>
  <si>
    <t>b'?\x88Ho*\n&gt;\xc7\xcd\xa3M\x84\xec\x00\xfcT\xb4i\xd1=z\x99[:S\x0f\xf4\xdaf\x03\xcb\x0f'</t>
  </si>
  <si>
    <t>b'\xc1\xfb\x00\x1cs\x91\xc3t\xb5\x00\x11\xfd\xe3\x8fV\x9cJ\xc5\xfc+\xa5\xb6\xae\x16\x01\x1d\t\x08\xc8`\xda\x90'</t>
  </si>
  <si>
    <t>b'\x87\xe9\xcc\xba+]^KM#l\xe3n\xfa\x1egO\t\xa5\xb6\x0f9\xcf\xf0\xd1%\xbeC\xc5+\x0f\x01'</t>
  </si>
  <si>
    <t>b'4\xab\x03\x10Q\x1d?\xf6\x0b\xad\xd1\x83\x10\xe4\x10\xc7H`\x9a\x0b\x13#\xa1\xf6\x89\xb3\xa1O^\xa6XD'</t>
  </si>
  <si>
    <t>b'\x90o\xd9[\x05\xaf\xeeKO\xc5&amp;\x1c\xae\xff\xde\xaa\x91+l~\xbf\x17c\xeb\x06\x15\x7f\x86X\x15i\x9a'</t>
  </si>
  <si>
    <t>b"\x07\x12\x01\x8a\x85\xc5\xfe\xb4\x1d(\xd5\xc9\xb4\xf5;^_\x1c\xf1\xb8w\xf3\xf9'\x9c\xf4\xf1H\xc5\x07\x89t"</t>
  </si>
  <si>
    <t>b'\xb9\xdc\x80h-\x13\xfb\xd9\x88\n\xbae\x9a\x17\x1a\x15\xb7E\xbfc\xf7\xb2\xfaX\xac\x9fZ\xfe3\xeeU\x83'</t>
  </si>
  <si>
    <t>b'^\xbd\xe9hS\rS\xd0\xb1\x0b\x05\xeb\x96dK\x96O\xa0\x1f\xcd\x8f\x1dx2\x0f\xa9\xb6\xea\xea\xe53L'</t>
  </si>
  <si>
    <t>b'TxF\xbcyd\xdb\xd3#\xbdr\x14\x1dU\xdaE\x9aoR\x15\x17_\x8b\xef|\x0b\x01\x1a]\xa4Rc'</t>
  </si>
  <si>
    <t>b'\x99dg*\xf3\x97s\x1d\xe6\x89\xfa\xa7\x9b\xfcV]\xe9\x9f\x10.!N\xad\xc0\x08\xac\xd3\xbeE\xbe\xca]'</t>
  </si>
  <si>
    <t>b'\xd0\xbc\x0bB\xd5\x9cg\xc9\xdc\xda\xe2\xbd\x814\x946b\x80\x98\xd5\xd7Sql\xabu\xc0\x07\xfc\x80\x07\x04'</t>
  </si>
  <si>
    <t>b'\xfc\x1du\xcb\xfd\xec\x14\xb04)+\xe2\xb8q+\xd4|_\x12\xeb=\x90\xceJ\xb1&amp;\x01\xb7\x1e\xb6nf'</t>
  </si>
  <si>
    <t>b'e\xc0\x7f\xa08\\)\xbb"TL#\xa3\xff:\x82\xecF;c\xc4\x12\xd2\\0T\x00;\x9b\xd3\xa1\xe1'</t>
  </si>
  <si>
    <t>b'\xcd\xa0\xa8lCi\xdfK\xe5\xae\x152a\xb0h\xacD\xe0\x85\x95S\xe6\xa3\x9dO{\xa5\x05\xf3\x86j\xf0'</t>
  </si>
  <si>
    <t>b'\x9b\x14\xb1\x95\x1eE^\x93!\nz\xe5\x8a!\x1ei\xbe\x13\xcbjS\x7f\xdf\xe0\xa0\xaa\x7f\xf6\xceJ\xc4\x9d'</t>
  </si>
  <si>
    <t>b'\x1b\x80\xcf=u\xea\x1ai\xb4?\x1a\xae\x0f\xaa\xd7\x1c\xb6\x00,{\xdaY\x14q\x14/\xc9\xd4\xcbJE\xee'</t>
  </si>
  <si>
    <t>b'A\xbf9\xd4\x88;\xb4\x1f1\xfaYzd"\x98?\xca\x1cKr3Li\x83\xb1\xaa\xff\xcc\xd8\xbd\xf6G'</t>
  </si>
  <si>
    <t>b'\x93\xf2"\x12\xbc\x95\x96=E\xdd\x1d(L\xc0\xde\x94\xdc\xe8\xfb\x84\xcdc\xce\xa1\xfb\x0eb\xdb\x9fx\x15\xb7'</t>
  </si>
  <si>
    <t>b'\xa2i\xef%\xccU\x91F\xe7)\xdeQ@T\xb2\xfe\xe7R\xb4U\xc3\x95,\xd9\xdf\xdcH\xac\xa3\x15\x98\x10'</t>
  </si>
  <si>
    <t>b'\xf2\xd65\x8c\xc5\xe4\xc1&amp;\x16\xa9\x9f:\xcb+\x80a\xeb\xfa\xc7\xf9W\x17\x8c5\xaa(\xe6\x1d\x03\xdbQ\t'</t>
  </si>
  <si>
    <t>b'\xe7\xfe\xb1\x83\xfb\xea`l\xc0!\x80\x89\xf7n\xf6m\xd7GO\xfb\xf1Kz\xbcp\xfc\xcb\xc1\x15\x9e\x89V'</t>
  </si>
  <si>
    <t>b'\x96\x99\xc0\x89\xb4\xab\x8b\xf8.\xf2\xb7\x12\xdb\xb50\xb1\xb48\x90\x19*i\xc8\xa1\x03G`\xb4\xb3\x17\x97\xdc'</t>
  </si>
  <si>
    <t>b'\t\xfc\xbe\xe8[\xcb\xa7c\xa74\xd7Vy\xa0\x8b\xd1f\xca\x1b\xbf\xb0Ha/\xa8\xa2\xc5\xf0\xda=\x99@'</t>
  </si>
  <si>
    <t>b'\x92\x02L\xfdMXC/r\x19\x8e\xda3rb.:\x97Y \xd5.\x84f\xbaX\xec\x7f\xc3\x83\x8fK'</t>
  </si>
  <si>
    <t>b'\x19[)\xf1\x7f\xf0\x16J\x0fg*\xd1\xef\xaa0\xd8\xa2z\x85:\xeeVB\xa9\xe7ise\xbe\x0fv\xdb'</t>
  </si>
  <si>
    <t>b'RD\xb9\xa1k5U\x8b\xc6\xaa\xbe]\xacRS\xd5\x13\x19\xd3\x97\xc2\xce\x88\xfb\x15\xc1_\xa8\xaeM\x0eF'</t>
  </si>
  <si>
    <t>b'\xa9\xba\xccU\tf\xa4\x9f3C\xaa\xe9=\xb7|\xf4"\xd9\xd3\x06\x8d\xf2a\xbb?\x0eyK\x9aZ\xdc\xad'</t>
  </si>
  <si>
    <t>b'hC{\xf8\x06\xe2^P\xf8\xb0Z\xa4\x19Z\x06\x98\x81\xf5\x13w\x11MT4\x1f3\xf9\xb8m~\xf3\xb0'</t>
  </si>
  <si>
    <t>b'\x88\xf4\x86\x80\xc0-]\xfae\xeb\xa5\xd0\x1b]\xa0.\x9e7\x96\xd6!p\xc3\x0e\xdd\x06J\x05VKA\xe0'</t>
  </si>
  <si>
    <t>b'\x15{\xcd\xe6\x8c\x8c7|\xce@\x04\x1f\xff\xf9\x08\xec\xad\\\xd8J\x1d\xcf\x9aE\x865\x9ec`\xa2\xa34'</t>
  </si>
  <si>
    <t>b'\xb7\x05\xa4\xa1\xa8\xddF?7\xd2\x06\xd1:q\xdfr\x0f\xd4\xc8/** \x0e \x02&gt;g\x18H\x12\xa3'</t>
  </si>
  <si>
    <t>b'\xf6\xfcg\xa7\xb0u\x88\x9f\x04\x1f2\xc7\x92\xfb\x17\x85"\xb4*9\x89\xc9\xf3\xbf\n\x13&lt;\xe1\xfd\xba\xa2\x98'</t>
  </si>
  <si>
    <t>b'&amp;DF\xa7D!k\xbd!EZxD\x13\x9f\xd2,\x15\xf9s\t\x9b\xa0\xb2\x94\xfai\xb4Y\xcf\xba\xad'</t>
  </si>
  <si>
    <t>b"S\xb8\xcb9kE\xe8p\x1a\xbf\x11g\xba\x89h\x9e\xc6@\xefE\xc1x'\xabI\xb5\xb4\xa0\xd57\x8b\xb9"</t>
  </si>
  <si>
    <t>b'\x8f\x7f\xff\x8c\xc0\xdaJn\x1e\x84\xd1E)\xae\xbdh\x97\xda\r\x93\xe1.u=%\xcd\x0en\xa5|\x8fq'</t>
  </si>
  <si>
    <t>b'Lo\xae\xbb\xd6uu\x99\x95\x9bfJ\x84\x0e\xd3\xb2\x1a\xfc\x0c\x88\x07u\x05t\x8d\xd9Y\xc5{t^\x1b'</t>
  </si>
  <si>
    <t>b"\x97\xd0\xc9?^\x97\x99f'\xfdI^\xf7\x06\x1d\xc2\xc1P\xa7\xe7\xbe\xb0s\\\x1f&amp;9&lt;\x9c\x1b\xddJ"</t>
  </si>
  <si>
    <t>b'\' \xfa:\xf8)"\xb7\x05s\xbc\xcfU\xeb\xa5I\x1a=z\x92\tA\xa7\xc2 \xed\x19\xe2\xc2\n\xdd\xd6'</t>
  </si>
  <si>
    <t>b'\xd2\xeb\x95\xa6^PAgx\xc55]\xd9\x8e\xe1\xbb\x1d}\xb2\xe8\xac\x1f\xd7\xdd\x86gOBe\xba_\xb9'</t>
  </si>
  <si>
    <t>b'\xfd\xa8\x9d\rn\xb8\xde\x13\xdd\xb8\xaa\x9663\x966j\x81\xb3\x18\xf7d)\xb4`@\x8df\xf2j"\x8c'</t>
  </si>
  <si>
    <t>b'-\x95\xe1\x0c\x92z\x1cr\xae\x819\xa2|.\xf1s\xe3\xe4R\x9c\xf2\x89\r\x7fj\x8ah\xb7(ZM_'</t>
  </si>
  <si>
    <t>b'\xefA\t\x01\x80nB\x02\xc0\x97\xf7v!#N\xb8\xf6q;"b\x81\nb\xe7\x1b\xa0\xce\x009\x89\xb5'</t>
  </si>
  <si>
    <t>b'/R\xf9!t&amp;u\x126\xe6\x1b\xfaJ}v\xc8xJ3c\x1a\x04\xb9\x1e]\xa8M1\xe3\x03\x84\x98'</t>
  </si>
  <si>
    <t>b'Q\xccp\x8d\xae\x07J\xf3,\xb5F\n7\x1d\x943\x89\xd6%\xaa\x10\x17\x86c\x18;\x832\xbb\xcf]\x1c'</t>
  </si>
  <si>
    <t>b'\xd8\x1e\xe9?l\xd4\xfeD\x1ap\xb4a\x83\xba\xc0\\\x1b  \xb9\xb3\x8eq\xf2\xb1\x1c\x8e\xd4\xf5r\x1fz'</t>
  </si>
  <si>
    <t>b"3\xd5*[h\x01\xc0*\x07\xf8\xb9)\x1e\xd9&gt;\x82\xec\x18'\xfe\xa03\x8b[\xa2v\xff\x1d)\x90@\x85"</t>
  </si>
  <si>
    <t>b"\xf2\xa2\xe9\xc9&lt;q\x1d\x8c\x1c\xab\xe0'\xfb\rY\xb6\x7f)\xd6X\x97\x0ed\x00y\xb5f\x08\x0c%g\x99"</t>
  </si>
  <si>
    <t>b'\xb3*\xed\xf0\xff\x17\xcc\x05\xdd\xedP\x90\xb7U\xec\xf3K\x9d\xb47C\xe9C\xca\xab\xa8!\xf8\x05yr\xbb'</t>
  </si>
  <si>
    <t>b'\x8aU\\Q\xb8w0\xa3\xc5\xc3\xf8m@[\x14\xcb\x8ci\x04\xad\xca\xbc\x10\xf2.\x86\xec\xd9\xf8\x16\xb1\xef'</t>
  </si>
  <si>
    <t>b'\x12\xa6Z7@\xc2\xff\n\x87u\t\xbf\x9e\x0c\xe4\x88\xd9V\x87\xc3\x07K\xa0|*\xc2\xd7 \xff\xbbZ\x17'</t>
  </si>
  <si>
    <t>b'\xe7W\x8ay3\xd4`\xc7\xa4\xbf@\x14\x13\x9agV\xd1#o\xaag\xaf\x00hC\xc0\xd0\xbf\xd3\rD2'</t>
  </si>
  <si>
    <t>b'A\x9b~\xecC\xed\xcc9\xd9\x19dxv\xb7\x97\xbbmlF\x05\xa7|\xd8L\xeef\xfb\x06o\xa0\x0e\xbe'</t>
  </si>
  <si>
    <t>b'\x9a\x04Hjm.\xbef\xa5/\xa4E\x04\x98\xa7\xf0n\x8d\x91\xc9W\xcffl\x16\x89\x98=*l\xd3\xbc'</t>
  </si>
  <si>
    <t>b"\xfc)Z\xd4\x86\xed_'\xb2\xcc\x06\xf41\xab\xe7fA_9\xa2\xfd\xad\xaf\x8b\x1a,\n-,\xcb9\xa3"</t>
  </si>
  <si>
    <t>b'\xca\xc5\xe4\x98\x14\x85\x7f?UF\x1b\x0e\xac\xb2`\xc4\x98\t5\xe6\x03\xa7\rPq\xa9\x1b_\xf2*\x9a\x90'</t>
  </si>
  <si>
    <t>b'\x12\xee\xbb\xb2\x8b\x8b\xae\xcd\x91 #\x86\xfd]\xed&lt;\xf6\xae\xbee\xa0\xd9(\x7fT&lt;\xde\xc0\xb8F\xa1\x11'</t>
  </si>
  <si>
    <t>b'\xa1\xd1\xd4\x02\xefX&lt;S\xe5x\x19\xa8\xc6bk~\x89\x92\xf8\xad\xb5\x1d\xff\x97\x05\x0c\xa0\xd6iC\xa2\xcb'</t>
  </si>
  <si>
    <t>b'f\xd9p\x10\x02\xcep\xba7\xd0]\x9f\x12\x87\xab8\x9f\x8c\xd2\x14\xd2l\xd4\x04x\xa6\x06N\xec\xfe\xf2\x9f'</t>
  </si>
  <si>
    <t>b'H5&gt;g\xbc\xfa\xdb\xbe\xf5)\x16\xb8\x0b%&lt;\xfe\\ok(T\x12\xc6\xe4d\xc3\x19z:\xef\xc3;'</t>
  </si>
  <si>
    <t>b'\xaa\xeeKD\xee\xc4\x8a\x95\xb8&amp;\xcf\xd6\xb6K8\xb9&lt;,\xca6.\xf4\xf6\x99\x03\xf0\xe9\xe5m&gt;\xe6%'</t>
  </si>
  <si>
    <t>b'Y\x01#\x9a\xabgY\xe3\x0b\xc6^\xf5\xf1\xdd\xa3\xf5\xe4\x92\xd0i\x8a.\x81lH\xae\xfa\x008\xd1\xe8\x05'</t>
  </si>
  <si>
    <t>b'\xba\x0cen\x1f]7u\x80\xc8\x8d\xf8\x95\x0e\xc1\xee\xa1\x0b\xeb\x9c\xc5D\t{6\xfb\xd3m\xea\x89\x88?'</t>
  </si>
  <si>
    <t>b"-\x16\x03\xce6\x8b\x98\xc0'\xf4jI\x11\x02\x98\x028\xed\x9c\xff!Wq\x8e\x86h\xb5O\x86h\xb2\x17"</t>
  </si>
  <si>
    <t>b'\xdbJ\xb79\x84M2\xd4\xe7\xea\xf6l\xe8&amp;\xaa\xab\x10\xfa\xa0gU\x08\x90\xc2\x8d\xcc\xfd}&lt;\x0cL\xe2'</t>
  </si>
  <si>
    <t>b'pe\x82\x03Ek\xd1\x99\xc2\xf8\x8e\xfaYc\x08f\x8f\xbf\x8e\x96\xc4j3\xc8\xf9\xfa\xa2\x0c\x8f\x0e\xa6\xbc'</t>
  </si>
  <si>
    <t>b'\x83\x84\xeerXe\xa6\x95ku\xf7$\x8c\xf4\xc3\x1b\x0cy\xfd\x8d#\x13\xb98\x13\xb2\x9ebj~\x1ey'</t>
  </si>
  <si>
    <t>b'B\x1a\x83H\x92\x1e\x0b\xa9\xf9\x95\xe3\x0bl\xff\xa3\xfd\xe3\x13x\x8b`\xa1}\xa4k\x18\x88\xde\x9dW\xd0T'</t>
  </si>
  <si>
    <t>b"\xa4'\x16\xa4/\xe9'\xf6M\xa3\xc5\xb5\xbb\xa2?~y\x05x\x80S\x94/\xe35\xef\xb6gZ\x98\x87\x8b"</t>
  </si>
  <si>
    <t>b'\xb9\xbfR\x84\x82\xc9w\xab\xce\x8fX\xa1F\x80\xa5s\x8cI\x93\xc14/\x87\x03\x90\xc9\x8b_rv\xf0\xc1'</t>
  </si>
  <si>
    <t>b'|\xf4\xe6\x0f\xa1{?\x8au\xc8\xea\xf5\xd8h{\x02\xdd1\x93\xd5f\x86\x8e\x0f\xf0\xd9\xa4\xe3]\xbb1]'</t>
  </si>
  <si>
    <t>b'\x9f\xe1\xedA\x12\x8c\x98\x05\x91.\xf7zP\xe0\x0es#&gt;b\xac\n\xfcVi\xa3\x04\xe8X&amp;\xd1\xfa\x1f'</t>
  </si>
  <si>
    <t>b'\xcb\xc6\x16\xd6\xb3\xe2g\xba\xb4\xa7\x0e\x8b6\xec\xce\x86\x94yp\xbaI~ \x90\x95\x0f\x95\x1f\x08\x01\x14\xe2'</t>
  </si>
  <si>
    <t>b'$\x95\xb7\xf6\x14\x0e\x17uW\xe7\xf4F\xde\x0b\xf4D\xa6\xa2&amp;\x15T\x04\xc4c\x93\xf3\xc4F\x9awa\xd1'</t>
  </si>
  <si>
    <t>b'\xb6\x14\xac\x17;@\x86\x95\xab\xee\x93\xddho\xe8R\x06XLL\xb2\xf9\xb6\xe1\xa6\x1f#\xda\x02\xc3\xa7\xf3'</t>
  </si>
  <si>
    <t>b'\x1b(\x81\x00\xd3\xba\xfa\xe6\x07\xf9\x18\x89\x19\xdd\xf3?1\xf1E/t\x8eij\xcb]\xb9\x1e+\xde;\xf7'</t>
  </si>
  <si>
    <t>b'\xd9\x96\x83\x05\x1a\x83\x04\r^\xe7h\xd9\xb7\x9f\xd5P\xd2&lt;\x9b\x9a\x9d\x85\x0f\xbd\x1b\x0b^?\x16\x83V\x15'</t>
  </si>
  <si>
    <t>b'\xc5\x17;aH\xb6a\x93g\xb9\x0e/$\xff\xe3\x80M\xce1C\x81&gt;\x14b\xe4\xc4\xa0\xd6\x92\\ \xb1'</t>
  </si>
  <si>
    <t>b'[\x96|\x8b,\x82\x00\xf9\xb9\xb0\xab\xf4zE\xa9\xcf\x90\xe3\xb1\x89\xbdu}!\xea\xfc\xee\x0b\xc6\xf1\xfd\xe3'</t>
  </si>
  <si>
    <t>b'\xe3\xd0\xa2\x15\xd5p\xf6~\xbf\x8b\x0eG"U 8\x83k\x05\xa8\x93\xbeh\xf9&gt;I\x04\x89\x84\xe1@A'</t>
  </si>
  <si>
    <t>b'\x03\xc3\xc0\xa2l\x17\xcdx\xb6rTV\x9aX@\xb83U\xbc\x95\xf6\x1f\x1azr\t\xef\x03\xac\x9bk!'</t>
  </si>
  <si>
    <t>b'\xc2\x8a\x05\xcdq\xc1\x1d\x9f\x14\xdf\xb3\x8a`k\xc4\xb3\rO\x07t\x85\x97y\xe5\r\x0c&gt;\x04\x95\x86\xe3\x01'</t>
  </si>
  <si>
    <t>b'\xbc\x1a\x16\x1f\xd8I9\x82\x7f\xe1B%\xba\xa3W\xaa\xeb\x9c\x93\\\xef\x19\x08Z&lt;LC\xb5\r\x7f\xda\xe0'</t>
  </si>
  <si>
    <t>b'\xb9\x87\x15\xd4\xdc\r\xe7\x95\xd7 \xf9\x85`#\xd1\xda\xd0N\xe95\xebDuT\xb9\xff\xb0\xb2b\x90v\xb0'</t>
  </si>
  <si>
    <t>b"!\x0b\xeb?O\xc2\x8d\x01\xfe\xd4\xd4'\xf8\xb8;&amp;\x1f[Ln)e\x86'\xbb\xd9\x81\x01\x13\xbb\xda}"</t>
  </si>
  <si>
    <t>b'\xdf\xb6t\x91XK\xfb\x940R\xf5\x89tIm\xe1\xdb\x0b\xdf\x88}\xe6}\x93\xc6\x12\xc06\x86\xcc\xe8\xeb'</t>
  </si>
  <si>
    <t>b'\x96\x0f$B\r\x82\xc1,\xd0\xfe\xde\x08\xa5\xc9\xca#]\xb3\xa5\xa1x\xed\x08\x80\xd3/\xe7\x9e\xd4\xbd\xc7s'</t>
  </si>
  <si>
    <t>b'\x8f(\x92\x97\xb5v\xc3\xaa9\xec\xc3\xce\xe2\x9aw\x90\xf3\x82e\xb0\x18&gt;&amp;\xc2\xaf\xfb\xc8\x03:X\n\xad'</t>
  </si>
  <si>
    <t>b'\x08\xf7\xc6hZ\x84\xf3A\xa2\x10\x11\xb7\xa4\xed~\xcc\xfcx\xc9\xa8W\x1a\xdcK\xa3\xa2\xba\xdc u\x88m'</t>
  </si>
  <si>
    <t>b'\xa8E\xf2\x06\xcdU\x972\x03lu3CzY\x10\x0e\xec\x98\xc7\x10\x82\xe8\x9d\x85\xcf\xc4\xac;VR\xb3'</t>
  </si>
  <si>
    <t>b'J3)\xb7\xdbT\x00\xaev)\x1a\x15\x98_\xfa\x9dHG5Uj%\xce\xe6bN\x81\xa4\xc9\xd8\xbb?'</t>
  </si>
  <si>
    <t>b'\xddX\x85\xb6\xe7[\xc4\xf4\xfc\xc8\xa2B\xc4\x15\xef\x01\xe6\x83\xad*\x90\xd2wP\xe9\xafGG\xd5!\x81\x9b'</t>
  </si>
  <si>
    <t>b'\x11Q\xd5}\xa8\x80!\nn\xf1\r\x1d\x0c\x99,\xfe\x83lHQ\x9dQ\x12j\x17\x96\xbe\xc8e\x06\x874'</t>
  </si>
  <si>
    <t>b'\xed\xde\x1fx \x82\xb8r\xa4\xd31\x9f\xa2\x114\x83\x10D=\nk!\x99\xf3\x83cx\x9a\xb6\xd5\xd8\xe3'</t>
  </si>
  <si>
    <t>b'U@\x0e\xf3\xf0\x1e\xd3X\x18\xa2\x88\xb0xM\xbbq\x1d\xe7\x84\x9b\x8f\xae\x98\x1b\r1\xf9c\xf6\xc9\xf2\xba'</t>
  </si>
  <si>
    <t>b'\x91\x04\xab\xb3\x15z&amp;\xa9\xb1\x88c\x9d\x19\xfc`v\x05,8 C\x94\x10\x00\xadg\t\x87\xf8\x9a*\xb7'</t>
  </si>
  <si>
    <t>b'\xa4\x12+\xe0\x86y\x96(V\xf4\xdd\x08\x0c\xca\xa6\xc9\x83\x0c1\x03\x1b9\x03\x18\x89P\x98C\xa6\x1ck/'</t>
  </si>
  <si>
    <t>b'\x0cp\xebPu\xda\x17\xbe\xe2\xcc9n\xf8Q\xee\xe6\xcc\x82r\x1a\x16r\xa4}`\t\x1f\\\xaf\x07,\xd3'</t>
  </si>
  <si>
    <t>b'K\xde\xaf\xd7\xac\x19\xe5LWM\xc0)\x8c\x19\xf5\x91\xfe\x16\x14\xe2\xdd\xf3to\x07W\xfb\xd0 \x00\xbb\x18'</t>
  </si>
  <si>
    <t>b"\x88\xac\x10Nd\x91\x92\x1f\xf3\xaf\xedN\x85\x0ecv\xe5\x92'\x01\x9es\x18v \xa6g\xa2\x8a7\x8aF"</t>
  </si>
  <si>
    <t>b'\x07\x7f45\xe5A.\xa6\x11]7\x96,\xcc\x11sFzFx\xd6\x16\xd7\x91\xe6\x14\xc7\xb3\x7f?\xc2\xc5'</t>
  </si>
  <si>
    <t>b"d\xca\xde\xee\xf2\xaa\nV\x0b\xb6m\xee\x036\xfa\x1b'j\x9e\xd7\x9c\xa1\xa8]\\\x18/\xc4\xd0\xe0\x8b\xfe"</t>
  </si>
  <si>
    <t>b'\x99\xbe\x86\x03b\x9e~O\xeaf\xad\xba\xcf\xce&lt;\xf2\xb1my_.W9\xe8!70\xfd\x84\x00\t_'</t>
  </si>
  <si>
    <t>b'J\rO\xf4z\x0bsr#D&amp;\xcf\x9f\xfef\x99v9\x99\x7f+X\x1a\x99ir\xbd\xb1\xa6\xe7\x9d*'</t>
  </si>
  <si>
    <t>b"\x8b\xbbq!\x16)c\xe9'\xb25\xf9m\x01\xcd}U\xf1Y\xd1\xa1h\xb9\x9b\x1f\xabk\x0f\xa7&lt;,\x82"</t>
  </si>
  <si>
    <t>b'~\x06.}k+\xb9|\x93\x81\x82\xc2\x0e\xec~=G\x01c\xe7\x08MN\xaa\x88\x17\xe4\x00t\xef\x0e+'</t>
  </si>
  <si>
    <t>b'\\\xc3q\x19F\\\x1dDF\x80P\x10\xdft\x12\x85\x94\x9f\xc0\x9c\xa2\xd7t\xf5i\xfb(B\xb5]=\x1e'</t>
  </si>
  <si>
    <t>b'\xef0@\xb8\xdb%/U\x01&amp;B\x13\x98\x7f\xd0\x81\xe5\x08M"\xe0\xeaz\xfe\xf2\xb0*H+@\xf0\x91'</t>
  </si>
  <si>
    <t>b'\xa5\xce\x8eZeZ\xab\xf0\x9e,\x13\xd0\x17\xa2f$\x83Er\xd2l\xe7\x8b\x9c\xf35\x05L\xacN\xe8Q'</t>
  </si>
  <si>
    <t>b"\xb3\x8e\x93C\x0e\x13\xc6&amp;rQ8\xd5\x1dy\x99\xa1\x14'\x08/\xc1\x8dL\xda\xd2qy9\xfeJ%\xdf"</t>
  </si>
  <si>
    <t>b'\xe8\xc2\xe9\x85\rp%A\xb3\xb8\x142,\xec\xfc"\x7f\x97\x12\x83\x91,\xd8\xab\x04\x8b\xf7\xaaQ\x8b^\xd0'</t>
  </si>
  <si>
    <t>b'\xc4/L\x07\xe7\xc1\xa7\xd4\xba8\xe1\x82\xd5\xefv\xae\x8e\xf6\x94[\xfc\x1e \xef\xd2\x89\x19w\xfb\x08D\xd7'</t>
  </si>
  <si>
    <t>b'O\xdf\x88L#!\xc1\x9eX\xd2\x88#zD\xeb\x08\xb6\x16\xf0y\x99\xb6\xa5\xe3\xfe\x9b%\xe7Q\xb8\xf7\xf1'</t>
  </si>
  <si>
    <t>b'{\x0b\x95\xda\xcf\xc6\x1fu\xdd\x9da\xa0\xc2\x15\xc8\x029A4\xeb\xc0\xea+\x08\x9d\x8a\xf7H\xec_/\xa8'</t>
  </si>
  <si>
    <t>b'n\xba\xcckL\xa1\xe8\xf1\xb9\xe0\x0eZ\xbc\xb9$\x82aV\xd9\x0er\x8c\xaf\x0b_\x14\xa6[K\xbc0\xf7'</t>
  </si>
  <si>
    <t>b'-\xfa1#4\xcc\xd1&lt;\xbdJP\xcdJ\xe2l\xae\xb5\xdb\x9d\x0f\xb9de9\xc6/\x08|\xe80\xb8N'</t>
  </si>
  <si>
    <t>b'\x04\x07\x86f\xa0\x07?Z\xd7\xc1\xc7)\xeey:&lt;\xc1\xa5\xc1\xd0\xb6\xd3\x0c\x91\xe1\x06\x08vn\xb5R\x81'</t>
  </si>
  <si>
    <t>b'\xda\xe1\xc4\xd1\xc8\x9e\x82z\xddZ#\xcf\xe1WQj\xc8T\xd6\xea\xa2\x00U\xbbH.\xe1\xcc\xa1c\xdb\xd4'</t>
  </si>
  <si>
    <t>b'\xad\x8e`\xe1\x1d\x08N\xd4\x81-\t\x17\xb7g\xfd\x8d\xa4\xea\xc1$\x13\x1f\xef[\xea&lt;\n.[\x9d\xf0\x88'</t>
  </si>
  <si>
    <t>b'\x81\xf7\n\x80\x97\x12\xe4F\xb2N\xca\xaaC)\xa6M\xd7\x89\xa5\x13\xb9"6v\x9d/y[l\x95I\t'</t>
  </si>
  <si>
    <t>b'\x83\xe7uo\xc9\x02\xd6|\xf62l\xe10Ps\x7f\x1c\xeeE\xcc\xad1\xda\x96[\x7fq\x12\xd2X\xe1\x9e'</t>
  </si>
  <si>
    <t>b'\xb2!]F\x94\xa9\x9a\x1a4\x95\xaa|\x80\xc6e\x83\xb6\xcf\x9f\xd3-\xcd\xf9w-\xbe\xf0y\xd8\x8e&amp;\xbe'</t>
  </si>
  <si>
    <t>b'\xf8\xef=\xe8\xc7y\xc3\x9e\xba\xa5\xad\xe4\xd9\x90\xe9\xf2\xbb\xcd5A\xbf\xfcl\x1f+\xb0\x00\xe8\xf2\x1ej8'</t>
  </si>
  <si>
    <t>b'\xa2\xad\xdf8\xfcO\xd2eK\x92M\xfb\xd5\x95\x1b\xed\x13r\xbes\xc5\xeb;PY\x9c\xcc\xabe\x1e\xc0\xdf'</t>
  </si>
  <si>
    <t>b'\xdf\x13\x1e\xb4\x07j\xeal\x89\xa3\xea\xb1\xf2\t\x05\xe2\x08\xf8\x91\xa5^[C\x94\xe2\x13\xc4\xe0\xdb\xc2K\x94'</t>
  </si>
  <si>
    <t>b'\x03\x07H8\x85\x94`s+\x8e\xbf\xe9\xa3\xcd\x07\r2\xc6\xabR\xd0V\x84\x88\xb5\x8c\x8cA\xa2\xa5\x01y'</t>
  </si>
  <si>
    <t>b"c\x01F\xb9\xf0\xd6?q\xabl\x0e\xc4|\xe7\xec\xd7\xe5*'\n\xec\x8a\xe2q\x01\xd6\x81\xd1/\x89\xfax"</t>
  </si>
  <si>
    <t>b'\xdc\xde\x19{|\xf4eg\xaf1\xc6\x1b\r\\\x0c\x9e+\x8a\x84Dj*\xf9l\xb5\xef,F\xd7\x06\xb9L'</t>
  </si>
  <si>
    <t>b'\t\xd5\x9e\xa2h\x96\xd7\xbc\x81p\xde\xb0!\xee\x088oe:y\x9e\xd0\xfc\xf4\xd7%\xb0\xddh\x80X\x19'</t>
  </si>
  <si>
    <t>b'\xb9\xd8~\x01{\x94\x1d\x05\xfb\x8a\xd7\xb0\xb8#\xd7y 0\xc2?\xa7\x9c\rs\xea\xd9\x0fn2:\x1a\xfa'</t>
  </si>
  <si>
    <t>b'W\xfd\xefX)\xeau7,\x82@\xd8T\xf2w\x16@\x01\x14\xd9\x04.\xbf\xdb\xf1\xf8\xc95\xc8&amp;\xb7R'</t>
  </si>
  <si>
    <t>b'YS\xf1\n\xb6lF\x8b\xb3\xaf\x1d\xc3\xe7jL\x1cZ\xf1\xbd\xa1&gt;}\xca\x01\xab\xe4\xb6\xefc\xfbC\xb5'</t>
  </si>
  <si>
    <t>b'\x97\x06_\x0b3\xac\x7f\xb4w\x7fE\xf0\x8e:\xbb\x84mF\xcf\t\xe5-\xb9+\x1e}=\xbe\xd2n\xc5\xc4'</t>
  </si>
  <si>
    <t>b'\xcdT\xd4D\x1f\x07\xc2\xb0\xb5?G\t\x01d\x7f\xddW\x1fxx\x11-`\xd4f#\xa1\xd7\x8f\xe3&lt;k'</t>
  </si>
  <si>
    <t>b'\t\x7fu^b\x93\xc7\x05\xd8*\x17e\x9eji(\x7f\xa3\xd1\xc2z\rA\xb6\xfe\x01\xa4\x08\xb7\x1a\xd3*'</t>
  </si>
  <si>
    <t>b'X\xb9\xef\x99\xe5\xd3\x19TD\xe3\x16h\xca\x11\x19\xec\xe1mN\xddz\xc2_\xf2)M=\xae\xcac\x84\xa2'</t>
  </si>
  <si>
    <t>b"g'_Kc&lt;\x16&amp;M\xb4\xe6\xa02W\x96q\xe1~LB`\x01\xa4\x04\x80}6\xc8\xfd\x93\x01\xae"</t>
  </si>
  <si>
    <t>b'x@B\xecQ3\xeaf(d\xf9\xb3\xd5\x15`r\xf6\x07\xb9\xe8\x9bQ#\x05$\xd8`\xb5\x91\xe8\xb2\x98'</t>
  </si>
  <si>
    <t>b'\xe9\x91Q9\xd5\x86\x17\xb2\xf0\x8d\xef\x14IU\x8aBW/]\xae&gt;u\x11\xf2\xfdO%?W=\x14\xd9'</t>
  </si>
  <si>
    <t>b'\xb5\x1a\xfd1y\xffp\x0b\xd6\xa5\xa6T0m\x03\xe5\x1e\x9b\xea\x9dA\xbc\x8bU&lt;\xf9!\x91w\xbb\xc1\xac'</t>
  </si>
  <si>
    <t>b'\xb6\xf0\nn\xc6b\xf2`J\x1f\x90tqi\x92z\xff\x03\tSs\x14\x07\x9b;\xec\xf6\rm\xf4\xdf\xb9'</t>
  </si>
  <si>
    <t>b'\n\xc1\xff9\xa5^\x19\xab\x99\xbc\x7fw=\x94\xb0\xc2\xea\xda\xa2e.\x90\xae\xdbt\x8b\x97\x1b+\x07\x07d'</t>
  </si>
  <si>
    <t>b'I\xbbR\xaa\xe8\x06\xa3\xe6\xee\t\xad\xd9\x8e\xc7\xb0\xa3\x87\xa9\xaa\xae\x0f`,\xb2N\x89\xe4\x11s\x05\xb3a'</t>
  </si>
  <si>
    <t>b'\xcd\xa9\x1f\xf4\x1f\x10\xc6\x14\xa8\xd4\x89\x19\xeb1v\x81\xfc5\x92$\x02\xb3\x9d\x0b\x9em D\xbd\x17\x92\x11'</t>
  </si>
  <si>
    <t>b'#\x0c4Ar\xc5\x89HYx\x98\x06\x14\xf1&gt;\xc5\xff\xf34\x17\xcf8E\xc3\xdcL)I\xfc\xd2\xdf\xf7'</t>
  </si>
  <si>
    <t>b'\x95\xc4\t\x0e\xbb\xe0\xb5\xa5\xfa\xb6j\x80\x98R\x0b\xbb/\xf4\xae\xd6tW\x16\xf5\xe1U\x8e\xf4YR4\xbc'</t>
  </si>
  <si>
    <t>b'\xa5W1\xa2G|\x8c\xc3\x80C\x8a\x8e\x9e\xb7\xd3\x1cs\xef2\xe0\xd6\xf4\x0c\x98\x12x.\xdd6]\xe4\x1b'</t>
  </si>
  <si>
    <t>b'\x11\xf7\xb2\xa6@\x89\xfc\x05\xb3\x9bG{\xdf\xfbB\xec\x9bx\x1b-\x03GWf\x1fo:\x0e\tu\x00f'</t>
  </si>
  <si>
    <t>b'_f1\x02O\xda\xb3\xd6\x8a\xfb\xee\xdd\xc2\xe6\x08\x82\xfd\xc9[\xe4bB\xef\x84\x87\xdc\xc6\x0e\x9d\x171\xbb'</t>
  </si>
  <si>
    <t>b'\xc6\xaf\x17q\xe2v\xbc\x0e\x1d\xb9\x14U\x0e\x1d\xd4\x04\xf3\n\x8c\xba*K\xcbA+^{\xe5b\xdc\xf6\xc7'</t>
  </si>
  <si>
    <t>b's\xd6\x8c\x14p\xff\xa6\xf2\xfa\xd2\x12\xdb\x83\xd3\x1a\xe0\xe8\xe7&gt;\xd6\xa3\x05\x1fb\x1a\xff\xb6\xdeZEP\xc5'</t>
  </si>
  <si>
    <t>b'\x1fS.$\x17\xcce\xb28\xd2\x05\x9e\xd2sf\xea\xa1t\x9f\x8c\xdd\xe4\r\x1d\xb9\xac\x88\t~\x05s7'</t>
  </si>
  <si>
    <t>b'L\xd9\x01\x1d}\xcf\x82\x0b\x02\xd3&amp;\xbc;\xe3\x1b{}=\x83\xa8\x18\x11\xbb\xad\xd9}m\x8c\xce\xb7\xb72'</t>
  </si>
  <si>
    <t>b'V\'\xc3`\xb9"){\xe3\xee}\x15M\xbd1\xe0\x17\x01\x86\xee\xe0\x95\xb9\xe5\xaa\xae\x98\xe2h\x92\xa3\x11'</t>
  </si>
  <si>
    <t>b'\xc2uJ6\xb4\xf6\xdcR\xff}\xbb&lt;\xe1-@\xaaL\x0c\x0c)\xbd{\x8fpFw\xc8\xdd\xa5s\xa2='</t>
  </si>
  <si>
    <t>b'"\xf4\x94\x02\x0c\xe1|\x03\x1c\xc1J\xcb\xb4XG\x9f\x97%&lt;V\xdb\xa9\xb8\xe2\\\xac\x86\xfc\xf2\xf3\xf5&lt;'</t>
  </si>
  <si>
    <t>b'\xf6\xff\x95,\xd9\xfe}\xf2\xbcGM\x93\xf9\xcdzBHz\x1a\xf0\xb7x\x8bv\x95x\xbc8\x98A\xd0+'</t>
  </si>
  <si>
    <t>b'\xa5pd\xdd6Y\x1f\x08b\x11\xdc;\x1e3\x00n\xe4\xa4\xf2\xee\xcb;\xe9\x9f\xce1L\x82\xa0\x83\x1aC'</t>
  </si>
  <si>
    <t>b'\xa0\x95\x13-\xca\xf7x\xf7\xd6\xb1_|\x86\xa8t\n\x1a\n-\xe0w~IS;\xe88\xd6\x00uo9'</t>
  </si>
  <si>
    <t>b'/-\xcd\xb8\xe1@\xd3\xe1\x01\xef\xae\x1d\x0e&amp;\xa7_\x06Od60\xaa\xb4+\xd4\xbb\xeb:\xb3\xf44a'</t>
  </si>
  <si>
    <t>b'!\xd3\xb4_\x1e|g\x1d\xf1q\xc2A\xd3)|\xee`\xdd\xda\xdd\xa9Fh\x97R\xfbK5\xea\x89\xc1\xec'</t>
  </si>
  <si>
    <t>b"\x91\xa9\xe0q'\xe1\xf7\x13x\xa8\xf9\xc2]\xdf\x0c\xe9\x02\xa6\xe0\x8a9\x8e\xe0\xea}=\xd6\x10\xc1:\x18\x1c"</t>
  </si>
  <si>
    <t>b"\xbb[\xc7\x00\xd8\xf1\x15\xae\x9d\xb2\xc6.\x8a\x93\x0bb\xfb'\xf8\xf1\x1d\xbfU\x9b+&gt;\x8d\xd7\xa5Kzk"</t>
  </si>
  <si>
    <t>b'\xd5oW\x8b\xc8\xec\xdb\x8b\x85\x8aZ[_4\xd9\xdd4C\x0cj(\xfd)Q\xdb\xe2|\x03\x0bT\xd3b'</t>
  </si>
  <si>
    <t>b'\x01c\xb2#\x90\xdf\x88\x1c\x15dV\xfa\xfce\xa8\xb84\x9e^\xd4+D\xae"U\x82\xc964\x84\x83\x07'</t>
  </si>
  <si>
    <t>b'-\xa7\x86\xcd{5BW\xa3(\x07\x93\xda*\x8b\xd3|\x8fx\xb7\xa89\xb8\x08\x0b\xaaH\xb2\xeaVx\x9a'</t>
  </si>
  <si>
    <t>b'\x9du\xb4\x92\xe9\x02\x07)`R\xc8\xcdA\x16&gt;\x980-\xf2\xdb\xf0\xe9_\x9d\x05\xcd\xc3/\x7f\x97i\xb6'</t>
  </si>
  <si>
    <t>b'\x8aq\x92\xa4\r\xa62f\xfe\xc1\x85\xf6cG\xfb\x98\x00r\xccM\xdc\xc0\x82\xebNO\xfc\xd3\xc8]\xba\x17'</t>
  </si>
  <si>
    <t>b'\xf3E*x\x90\xc6\x91Z\xaf\x1ct\x19\x99\x14\xcd\x03c.\xbf\xd6\x8b\xcb\xfb\xff\xbf,\xae\x9d&amp;\xb2\xf2\t'</t>
  </si>
  <si>
    <t>b"h\xab\xe9\x05\xe0?3kj\xb3_\xf8\xda\xd5aU\xab2,\xf7\\\x13x*J\x1eJ$\xf2'\x82\xc7"</t>
  </si>
  <si>
    <t>b'\x08\x18=\xe9t\x1b\xc2\x0cW\x17Ci\xd0\xb4\xd6\x8e\xab\x18\xafy\x00&lt;\x18\xd8*\x1fK\xdd\xe7\x96Iy'</t>
  </si>
  <si>
    <t>b'1\x12\x9c\xa4\x87\xf9\x81\xf8\xce\xb2\x91\x9f\x9e\x82]\xba\xd1\xafJ\x89\x1d\xd3\x88\x8b\xcdu\xd7v\xc6/\xac\x8f'</t>
  </si>
  <si>
    <t>b'`\xff\xfc\x80\x0b\x06s(\xff\xb8\x83\x9d\xf4# A\x9f\x91j\x04\x0f\x9c\x84\x00\x02\x87\xeb\x1a\x8e\x07\x00\xee'</t>
  </si>
  <si>
    <t>b'&amp;\xbc\xfa\xbc\xbe{I\x02\xc7]l\x81]\x18^\xf8\xe4!\xb0W\x1aAM5;\x7fi\xd3:\x07\xb9K'</t>
  </si>
  <si>
    <t>b'E\xf9\xd6\xb2\xe3\xd3\x1e\x02Op=d\x19J\xdb\xb9*Bp\x17\xd8o\x14C\xd4\xca\x02`==\xa0\xc7'</t>
  </si>
  <si>
    <t>b'\xc9\xabK\x03+K\xc6\x85\xfe\xe1\xa9\xe4\x05\xeb\xc9c\xc2f:\x1ckIm\xec\xa3\xdd\nZ\x18\x81j\xbd'</t>
  </si>
  <si>
    <t>b'[\x8a\x07\x1c\x8d\xa4~\x82\x9e\xbb\xb2\x11\xdd\xbf$\xd5Q\x0b\x90\x81\xfe\xa1\xec\x8e\x06]\x10\xcaU\xa8Y\xbc'</t>
  </si>
  <si>
    <t>b'L=\x94`\xd5\x94\xfbWB;\xa2&lt;\xad\xa4f\x141\xe6\x9bFq\x1dU\xbf\x89\x19\xdc\xe6\x95\xcb\xb4\n'</t>
  </si>
  <si>
    <t>b'8a\x1c\x16\xff\xcc\xb7\x9c\x10\xc6K\xe7!\xd4\x9c\x89\x95\xb4\tL7\x10\x88@(\x1e\xd2~\x1f\xf2\xa2\xaa'</t>
  </si>
  <si>
    <t>b'7\x99\x8a\xfb&gt;PQ\xae)\xf3\xc0\x9fc\x17::\xf8\x9b}\xcc\xd1(t\xc8\xd9^\x1a\x14\xd4\xd6e\xf6'</t>
  </si>
  <si>
    <t>b'1\xd6T\xa4r\xbbB\x0b\xa3\xbe\xf2\x81_x\xf9L\xa1p\xb3\xbb\xe5\xe5\x81-\xcaNDM\xa7r\x90\xb2'</t>
  </si>
  <si>
    <t>b'\xb8\x0f\xfb\n\xd8Aq\xf5\n\x84$\xdc,\xd0vM\xc1\x11\xc5\xdd\x0fT_&amp;\xab.\xad\xbb\x9f\x8bj4'</t>
  </si>
  <si>
    <t>b'Y\x18u\x02\xad\x81\xc1\x87r0S\xf4\xbeG\\\x0bi~\x0fc\x8e\xb1\xb5\xf3#1\xc7\xf7[(\x0cM'</t>
  </si>
  <si>
    <t>b'\xec)\x8b\xb6\xdc\x9dD`\xcb4\xfc\x18aTp\x92xX\xbf\x9a@\xa3\xda\x0e04\x0e\xa4\xeb\xf8\xdaj'</t>
  </si>
  <si>
    <t>b")\xf2\x08&lt;e^\x15\xd0\xec\xd7?\x17\x94c\xfe'\xe3t71e\xf5]E\xb0\xae|\x99l\x13\xbew"</t>
  </si>
  <si>
    <t>b'P\xbf%\xbeG\xa5\x9f\xc7\x8fl:\xe9I\xf5\xb7\xe0\xd8\xbc\xb6\xb8!FhV\xd8\xc6RKW\xb44\x9c'</t>
  </si>
  <si>
    <t>b'X\x1a\xd9P\x1f\xaeJ\x16\x16x\xc8\xbdV$)\xcci\x9bm\xaey\x83\xc2\xc1R\xc0@\xc2\xbe&gt;\n\x1c'</t>
  </si>
  <si>
    <t>b'\xaf\x0f\xe6[E\x8a\xdd"\x9e\xda\xa8r\xa7=\x91h\xeb\xba\xf4f\xe6\xac\x8a&gt;eR\x94)\xf5T\xc0 '</t>
  </si>
  <si>
    <t>b'\xf0\xad\x94\xf5/u~\xcd\xe3dB#l\xc9Q\xc0"\xad\x9aH\xdb\xa7\xcdslz\xdb\x02T!\x022'</t>
  </si>
  <si>
    <t>b'%\x9e\x81"\xdf3\x99\x8fv\x97\xad\xdf\xf4\xb4\x08\xe4\x863\xefK\xa9\x12\xd6\xe56w]:\x0b\xc9\xb0\xc9'</t>
  </si>
  <si>
    <t>b'\xdd\xbdH\xb4*?!\xe6\xb04s\r\xe4PqE\xab\x05\xde\xd6|\x14\x1b \xed\xfe6Bm\xacZ\x90'</t>
  </si>
  <si>
    <t>b'\t\xeb92-\x16\xb9\xb9\x1eD\x9c\xd0\xdc\xf7\x1c\x0f\xe8\xd9\xfb\x15{\x02P\xc7P\x92\x9c\xaa\x07N\xdfk'</t>
  </si>
  <si>
    <t>b'0\rb\xea\x9eM!\xf6?\xc1\x14\x03\xdb\x1c\x19E\x1cI\x82y\xa0\xed\xe5\xe3\x04p*p\x12\xb3\xcb&gt;'</t>
  </si>
  <si>
    <t>b'dn\xbf\xa1+\x10*\x88qh\\\xd6Dz\xab\x9a\x9c\xdb\x1d\xef)\xa9$\xe3\x8a\xbf\xae;\x98\x0e/\xae'</t>
  </si>
  <si>
    <t>b'2y\xbe\xbb\xf9 \xa0\xcd{\x80r=\xdd`\x9c\x0c\x12#+\xb1\xa9M\xde/\x135\x97/\t\xd0\x14\xad'</t>
  </si>
  <si>
    <t>b'\xd6\xeeNLR\xe1\xab\xfd\r]\xa0\xdb3\xdfEm\xbbblH\x1e\x99C\xce\x12\x91L\xef\x9cu$\xc4'</t>
  </si>
  <si>
    <t>b'\xb8:46B!y\x90%\x01\x9b\xf7\x93\xa1p \xe9\\\x89N\x94\x11\xdeR\xe4\xa9\xb5na\xb5&amp;\x06'</t>
  </si>
  <si>
    <t>b'\xe1b(S\x03\xc5\xf1\x01\x81{T0D\xfd\xd0\xbb\x92\xdb\xc0\xe9\xb1\xd5\xc6zGl\xd6\xfe&gt;\xb2sP'</t>
  </si>
  <si>
    <t>b'\xc0\xccv\xcd\x17`\xa3\xb9\xac\x96m\x1bg{v\xea\xecO/N\xb8\xa9\xa9`\x90N\r\xe9\t\x12)?'</t>
  </si>
  <si>
    <t>b'\xa2\xfez\x91\x87\xf5AK\xf6\xee\xea\xe2\xdf\x82\x11\xc3C\x88\xfa\x7f\x1f\xda\xfank+\xa7\x01\xf2\xedn\x8c'</t>
  </si>
  <si>
    <t>b'\x0cho\x1fo\xf0\x84\xa8YE\xdc\xc6\x8d\x90\xb8M\x8bS\x80\x97/&lt;\x92|s\xdf\x03\xc1\x0b)|\x00'</t>
  </si>
  <si>
    <t>b"\x8d\x86\xa0\xb1nd\xbfq\x90\xb2\xbc^\xd4\x1a\x9f\xa2H\x88l8\xd4\x9d\xd1\xf7\x9d2\x92,R\xe2'="</t>
  </si>
  <si>
    <t>b'\xd9\t*\xc0\x80\xae\nR\xa2X\xf5\x0e\xbc&gt;5N\xa0\xee\xf5\xe3\x15\xd5*?\xb6\x85\xceGK\x914\xc5'</t>
  </si>
  <si>
    <t>b'4\x08\xa0\x8c=X\x90\xc8\xe7I\xc1\x92t\x01\xabg\xc4q\x0eM\xd1\x87\x93\xf8\xaf\x820\x92\xcb:K\xc8'</t>
  </si>
  <si>
    <t>b'\\\xb7\xf4\xd4\xac\xb0\x03D[\xb4\xf0L\x80\xa8Y\x17\x12\xbc\r\xef3~\x9a\x15\x90\xd2\x81\xb0\xaaCV\x11'</t>
  </si>
  <si>
    <t>b"\xcbMs\x8e\xbf\xad\xd7rD8\xc3\xfbN7\xd1\xc4'&amp;\xf7\x03\xdb\x05\xf8\xe5\x91\x05\xd8BZ&amp;AP"</t>
  </si>
  <si>
    <t>b'\xee(\x97\xc9$\xf8\x8e\xa8\xf0\x9cj\x9fb\xe5N\xbaM\xaa\xb0y\xf8\xdd\xad+"\xf7o\xcf\xbaC\x85\xdf'</t>
  </si>
  <si>
    <t>b"\xf6E\x96\xb4\xd8\xdaX\xff\xa4\xcb\xc8\x1d]B&gt;\x1c!\xa6\xeb\x85l'\xcc\x98\x00)\xfc\x89\x88\xce\x06\xf0"</t>
  </si>
  <si>
    <t>b'\x10\xe5\xcf\xbat\xa3QQ\x9aY\xed\n\x83\x14\xb1\xa2X\x9e\x8dN\xbe\xa5\xf1\xfb_\xebq\xefN4s\xb2'</t>
  </si>
  <si>
    <t>b'\xc0S\xfck"\x95\xae\xc6v[\x12g\xe9!\x06?\\\xc0\xe8\xb3\xf7_\xb2\xa4h\xf6#xL\xd8\x1e\\'</t>
  </si>
  <si>
    <t>b'\x93&amp;8\xa9jE:\xb8\xbeT-\xa2p?|\xb4\xd5\xc6\xb5\x18D!\xfaY\x80_=\x9c\x0fo\xd9"'</t>
  </si>
  <si>
    <t>b"g\x00\xf3\xab\x0b\xb6QM\x81\xf0E\x87\x1c\xbc\xee1'\xaa\xcfd\xc7\xa0\x0b\xddM+\xc0\x8e8\x17\x80\xdb"</t>
  </si>
  <si>
    <t>b'p~\xe6\xa8\xf7\xff\xd9\rw\x0f\xbcM\xbd\xa5\xc2\x89?\xa8\x1fB\x8a\xe7\x12\x13\xb0!\xd8\x8d\x98&lt;\x96\xc2'</t>
  </si>
  <si>
    <t>b'\x8e\xa0nf\xd9r&lt;5\x08H\x80D\xfcum\t\xeb$m\xb7&amp;\xb0\xa8l\xd73\xce\xd9k\xa0\xdf\xec'</t>
  </si>
  <si>
    <t>b'P\xca\xb7\xe8+NU\x8e\xf9W\xcbCu\xae~\x13\xc6"H a\xa1\xca \xady\x18\x80^\xe1\xac\x91'</t>
  </si>
  <si>
    <t>b'v\xf6\xe2\x8e6\xba\xe1\x8f\x1e\xe2t\x92\xec\xcbG\x00\x1a\x85\xc6\xfe\xf6sVf\x10&lt;\x1b\xde\xe6\x842\x89'</t>
  </si>
  <si>
    <t>b'\xfd\xaf\xb3\xa2\xc31\x96\x04\xc4u!\xae\xf6LF\xeb\xea\xb2\x94\xafg8,\xd8\x87A~\x12\xa9\xd9L5'</t>
  </si>
  <si>
    <t>b'[\xff\xf9\x84\xa88v;MX\xbbz\xbfpKi;\xee\x83\xe5K\xa6\xc8\xfa_f\xb5-\xee\x7fU\xee'</t>
  </si>
  <si>
    <t>b'.\x86j\xe3\xa5\xba|\xdb\xaa\xaa\x1d\x02\x18\x12\xd9\xadVd7,\xfe4$?W\x9c\xf6\x1dNTB\x08'</t>
  </si>
  <si>
    <t>b'\x8c\x8aAe\x10\xa0\xef\xd2\xaf\xb1\xa4\x14\xd6\x0fum\x7f2\x0e\x8bk&amp;4\x0e\xc9L\xa0\xdaJ\xbb)\x9a'</t>
  </si>
  <si>
    <t>b'\x9a%&lt;g\x01`]\x94V8\xb2O\xac\xb8\x01\x86N\x82\xee\xb8\x93\x19&gt;\xbeF\x1f\xd4\x97\xc2q\xe8\x8e'</t>
  </si>
  <si>
    <t>b'&lt;\x84\xcd\xa4\xb2\x8fC\x16&gt;C\\\xb5\xf5uH\x84\x88\x85`%\x1f\xd7\xa2\x1d\x1a\x9a8#\xf6\xc2\xf6\x94'</t>
  </si>
  <si>
    <t>b'\xe9\xccud\r\xa3\xcc\xd6P\xdb\xe1\xc2\x82~\xf4]}\xde\xc2\xe2\xb8\xfe\xf3\xd9\xf8\x9c\xee\xf3\xb6\xe1(\xb2'</t>
  </si>
  <si>
    <t>b'\x1dqi-\tIN\x00\x13\xdb\x87\x80\xcbl\xa38W\x8f\x1c\xb6!Ll\xc0\xb1\xef\xbbn\xe4\x0bvW'</t>
  </si>
  <si>
    <t>b'\xd2F\xeb\xf9n\x9a\xf6W\xbfMT\xd0\xc7\x15t\x84\xf2\xb7Z\x06\xad00\xa4\xa6\xbbRXc(Iq'</t>
  </si>
  <si>
    <t>b"\xc9%=s\xdb4a'&amp;\xcb\x9f\x81;\x9cXe\xd5\x94\x9d\x9c\xfb\x95\x81\xebbS\xf7\x81\x14K\xae\xa2"</t>
  </si>
  <si>
    <t>b'\xad\xd9\xf0\xe9\x9e\xcd\xd0\xd7_eP\xfb\xbdS{\x96E\x82\xfc\x07\x93G\xd831F\xee\x15\x90\xcb-\n'</t>
  </si>
  <si>
    <t>b'v\x15\xc1\xee\xa3&gt;A\xffl\x8c\xceS\xe1;\x844\xa2x\x93\xca\x08\xf8Io\xces\x02{\x0c\xdb\x9b\xb1'</t>
  </si>
  <si>
    <t>b'\xcdEp\xe4\x9f\xa3~\xc1\xc4\xb6\xa4\xe0\xd8GR\xf2Y\xdb\xad\x11\xdc\xbeE\xeb\x08k\tGC\x90\xff5'</t>
  </si>
  <si>
    <t>b'0G\rw\x00R\xd4\x9a\xc5\x84:\xea\xec\xd1\xe2\x8d\xcc{\xc1\xfa\xf3\xca\xbc\x1f\x9f\xd7\x93\xef{:\xeb\xa7'</t>
  </si>
  <si>
    <t>b'ygM\xab\xf6\x0f\x18\xc8\xf0\xcf\xfbB\xf0\x1e\x15*\x17\x07\x1f\x04e=0\x8e\xb8\x88\n\xc5-;\x99\x9e'</t>
  </si>
  <si>
    <t>b"\x9c3n\xcc\\\x9e\xde@P\xe4\xf4\t~\xaf\xb7\x88ud\xfdZ\x0b\xd7\x80{w\x9c\xc8\xb6\x9d\xec'\xd9"</t>
  </si>
  <si>
    <t>b'*\r\xb5Yw\xa3R\xad.&lt;\x02\xa2\xc4p\xe7\x01z}\xf9\xeaE\xa5[\xf80q\x11mN\x98\x1d['</t>
  </si>
  <si>
    <t>b'Y\xfd\xff/\xc1++"^ \xf7\xc6\xd8\x99t\xf7\x8c\xc6\x0c`\x91\xdcxF\nd\x04\xed\xbf\xf5Z\xe6'</t>
  </si>
  <si>
    <t>b'T\xf5\xc3\x9d\xc7\xe7\xce\xb9\xb6\xe4(\x95\xca\xd24\xc4\x0e\x10WMhY\xd5$j\xdc\x9cf\x1d\xfa\x11\x8b'</t>
  </si>
  <si>
    <t>b'\x7f\xda\x97\x8a\x9d\xfc\xb2\x00+[1\xab\xf4\xd9\xf3V\x9b\xb1\xbf\x10n\xc0(\x0c\x93\x1fW\xd0\x10\xb8h\xae'</t>
  </si>
  <si>
    <t>b'\x1d\xca*\x07y;jm\xe9\x81\xd1\xc3&gt;\xc84\xd2\xc6\x82\x8d9\xd9%TZ\xcbuG\xc7\xa9\x15\xe5\x8d'</t>
  </si>
  <si>
    <t>b'\x7f\xe4*Ak(\xd5\xb3M\xb2\xf2\xb1(?`\xebL\x904kq\xa1\x02\xb0\x97;\xbbT\x12\x933\xf6'</t>
  </si>
  <si>
    <t>b'\xe9c\x8d:\xe47\xfa\xad\xdc\xab\xd2&lt;e\xef\x91\x00P|:\xef\x1b\x11\xedOh[\xeb\xb5e/\xd7\x06'</t>
  </si>
  <si>
    <t>b'!2\x8cp\xd5\x8f&lt;\x04\x83\xe0?[\xe4\x98\x99\xba\x81\xad\x98\xdei\xf90x\xb0\xb4\xbc1\x0c\xafn!'</t>
  </si>
  <si>
    <t>b'\x0c\xad\x85d\x85\x8f\xba\xc88K\x1bU\xba\x06h0\xd3\x0e\x12\xf8\xaf\x9f\x00/\xae\x83%\xcd\xc4\xfb&lt;|'</t>
  </si>
  <si>
    <t>b'5\x92\xdf1\xf9!\x00Z\xfa\xc9\x03\xcf\x87\xc3\xd6\x1ey\xa5U\xb5Y\x1dVp4\x15\x11\xfa\xb9\xd7\x91\xaa'</t>
  </si>
  <si>
    <t>b'\x18\x10\x15=\xc4m\x879\x9d\xd0+\x9d\xcb\x1dUO\x19\x1d\xcf\xa1&lt;\xf1{\n\xea\xcb\x0b8\xb3\xcbc\xbf'</t>
  </si>
  <si>
    <t>b'\xcf\x90\x88\xcb\x16S\xcd\x17n\t)\xe2\xf96\xae\x87\xdf$\xfc\x1eo\xb4\xdaA\xdb0\x88\xfc\xac\xeeQ\x04'</t>
  </si>
  <si>
    <t>b"\xd5\xd1~Q\x08\x16M\x9b\x9c,\x1a\x92\x0e\xd3I\xd6\x0c\x15P\x97'p\x05lW|\xf2\x87\xca\xca\x9cN"</t>
  </si>
  <si>
    <t>b',g\xe1\xbe\x9b\xe7\x14\xdcb\xc5P\xd9\xb6\xe6\xbaK\x85\xd4\x9c\xe1&gt;\xb6\xaa\xfck\x12Q\x17\xb2\x92C\x0c'</t>
  </si>
  <si>
    <t>b'\x8bB\xab\xea:\xfb\xafL\x80J\xc7o\xb1\xd0\xfa\x03h\xe0\xdf\xec\x04\x0f\xfc\x1ck+/\xceK\xf5o\xb0'</t>
  </si>
  <si>
    <t>b'\xa5\x1c)\xdb\xd9\x8bc\x1b2&lt;\xb9\xcb\xfb7)\x89X\xf0\n\xba&amp;\x9e(\xb5\x04I\xab\x92\xa3\xf4\xceQ'</t>
  </si>
  <si>
    <t>b'\xe0$vX\xe3s\xabH\xab\xb30\xfb\x8c$}o\r\xb0f7\xf4\xefK\xde\x05r\xe7\xbe@\xf0\x94B'</t>
  </si>
  <si>
    <t>b'N%/\xde*\x0b\x08\x8bG\xf0\x7f\x10??\xa9L\x86o\x1b\xbc\xbe\x8d\x8dl\xe5&lt;\x85_\x89\xc9N\x97'</t>
  </si>
  <si>
    <t>b'\xef\xa9\x08\xd5Z\xddMH\n\x8f\xd5\xcb2\x1a8\xc2V\x11MR\xc1e\xfc\xff\x06_\xd5\x1al^\x97,'</t>
  </si>
  <si>
    <t>b'!\xf2\x91[]2p2O\xc4\x05S\xf0\xc5sb\n\xb8\xd7\x18ig\xdb\x1ef\xbf\x98\x020\xb0\xfc\xc7'</t>
  </si>
  <si>
    <t>b'\xc1\xf8yZ\x94\xca\xd3\xc1\x89\xb5\x88\x18\xdf\x18\xb8M\x8a\xaf6d\xc0U-1\xc2*#a2\xd6\xfa~'</t>
  </si>
  <si>
    <t>b'\xe6/\xa7]\x96V\x8e\xe1\xcd6\xbcZ\xf6\x9cv\x19\xe3H\xc5Y\x0b`\xba\xcf\x80.\xdb\xee[\x1eSd'</t>
  </si>
  <si>
    <t>b'\x02y\xff\xc4\x8d\x0b\x82E\x1b\xce\xb00\x8d\x0f\x17\x03\x9b`\xf2\x02[\x06\xee\x8deA\xdb\xe5\n\xcf\x91\xfb'</t>
  </si>
  <si>
    <t>b'\x83\xe51\xd8Qv\xc9\xfd0\xefE\xcd\xc9/\xee\xba\x8fE^2\x97^\x87hg\xb3V\xe4\x11\xec\xe9\xc3'</t>
  </si>
  <si>
    <t>b'\x9e\x1f\xb8\xe0\xf9\x88}\xad\xa7\x02@\x84\xec\xd4=\xe9\xef\xf6\xe2\xa2\x87\xaaX\x91&gt;\xc2\x8a\x0b\xec\x93\xbe\x1f'</t>
  </si>
  <si>
    <t>b'EH\x856\xc6\xee\x8c\x0f?F\xdf1\x9a\x03\xb4\xdbo\xfezK\xc3\xe3\x8c\x9c\x9fk\xb4R\x85k\xfa\xab'</t>
  </si>
  <si>
    <t>b'\xc1\x94\x85\xc8w\xe7\xa4\xaf\xe8\xdbm\xec\xadw+7\x04\x80`\xe0sZH\x05\xe0\xd7\x8e&gt;\xb1\x8eO\xcb'</t>
  </si>
  <si>
    <t>b'(\xd4\xf1\x99p\x8du\xc2m\x97\x8a\xde\x86\xa0\x99\x9cD5\x877,\x1e\xe1!\xef&lt;\xb8\xaar9)\x81'</t>
  </si>
  <si>
    <t>b'\xe1\xc3B\x87W\xdf\xa6N\xee\x9c\xaa\x93k.\xda\xf5:\xe0w\x14u\xdf\xf4\x05\x96\xf9{\xff\x12\x1f$\xb9'</t>
  </si>
  <si>
    <t>b'%$\xc7Y\xbc\xda\xdcUx.Y\xc6\xc4\x9b\xb9v\xef\xf3\x92\xbaG\x81\xfd\xf1\xd2K\xf6\x88_3\x9a\xb3'</t>
  </si>
  <si>
    <t>b'z?\xb8\xbept\x92\xed\xbd\xa7\x13&amp;\xfe(\x95\x1dn\xfdt\xe5S\xd5\xf1K(S\x0c.\x10S\x00\x13'</t>
  </si>
  <si>
    <t>b'\xe5BT\x7f\x8f\x83G\x8e^\x8e\xa2\xac\xecl\x08AH\xe9\xd5p\x87,&gt;\r\xed\xd5\xb5&amp;[l\x91\xc9'</t>
  </si>
  <si>
    <t>b'\x94\x98\xfe\xaa\x05\xebULhF\x16\xa4+$\x89\x91\xe7&gt;\x1f\x8f"\xd8s\xf8@\xc5Y\x80\xc5RC\xa7'</t>
  </si>
  <si>
    <t>b'kq\x19\x04\xd0\x9323\xa4\x9d\xcf\xd9\xd7^\xfb\x7f\xe15x\xccX\x9b\xde\xbdb\x8c\x0b\x14\x87\xd8M\xb2'</t>
  </si>
  <si>
    <t>b'\x82;S\x9a\xe7R\x1b\xa3w\xc7\x85\xa6:\x85\xe6d\x92\xf4/\xc3\x1d\xe3\x94n\xf1\x07\xd1\x8d:\x90]\xab'</t>
  </si>
  <si>
    <t>b'j\xd9\xcc`\\&lt;+1\\)\xe5\xd3F&lt;\x91\x93\x8c\xdf\xb9\x0b\xa9\x82\xd1{\xe6\xc5q)\x94\xdfg\x94'</t>
  </si>
  <si>
    <t>b'\xc09/\xf8\x8c\xbd\xd0\x19\xf0A\xf9\xb3N\x18\x9a\xf9m\x0b\xf7\x15%\xa6c\x8b\xf1\xbc&amp;\xac\x91\xcb&gt;\x91'</t>
  </si>
  <si>
    <t>b'~\xc6\xe0\xac=\xd1\x8bnB\xe8h5\x86\xeb\xbe\x1e\xf0|\x07\x9bwN\x92\x01\xf29\x1eO\xb6\xba\x81\x97'</t>
  </si>
  <si>
    <t>b'\xc5\xe6\xd3\xe54DT\xec\x18\xfc\x94\x1ay\x86#\xf4\x08\xf1.\xb2\xcb\x16\xc7\xee)\xa6\xa7\xe4\xe0K]\t'</t>
  </si>
  <si>
    <t>b'ML\x14\x9eT$\x82\x0bp\xf8\xb4\xbc\xf5\xfb&amp;^\xa8;/\xb6\n\x1aW\\\x03rF\xad\xec\xc4\xe4R'</t>
  </si>
  <si>
    <t>b'\x80m\xae\x94\x90L\xb2\x1c\xec\xd4G`&gt;\x19\xb2_}\xc4Da\x91\x92~\xba\x1bS"\x03\xefPK\x95'</t>
  </si>
  <si>
    <t>b'\xd7\xac.\x97\xd0y\x14\xc3\xa6aq\xd4K\xeb\xdc\x0evH\xd0\xd1\x01\xcc\xe2?\x08\xa5\xc9\r\xd4Br\xc6'</t>
  </si>
  <si>
    <t>b'\x8f\x89" \xce\xd8\xea%-\x1a%\xb6\xd7"\xd6m\x04\xfaKk\x90G\x92o\xb0\xb2\x1b&lt;\x15X\xb4\xd9'</t>
  </si>
  <si>
    <t>b'\x05H\xa8J\xc7\x02,\x86\xdd\x94\xfa\xd8\xbc\xbe\x96\x96\xc1\xfb\xeb\x8a\xd1BKL\x92\xf7\xb5s\xa8\xd4r\xb3'</t>
  </si>
  <si>
    <t>b'\xc1*\xa3\x0b\x15\x9d\xea\xf6\xba\x8f\x1d\x1eHm ;\x8f\xff{\xc90\x07\x88\xfaq\xae\x0b}\x13\xd4$\x02'</t>
  </si>
  <si>
    <t>b'Fm\xc9\x84\xaa\xd8\xf1a\x86l:\xefb?\x0e\x17\xb3\xc6Q\x8cT\\Y\x1a(\x1f\xf9\x81\tA*\x15'</t>
  </si>
  <si>
    <t>b'\x83\x03\xbf\xc7gf\xf1a\x8f\xa4\xad\xb1\xb8\xd3\x8b\xc4\x10R"96&lt;\xaf\x17\x97\xaeF&amp;~\xbd\x83\xf7'</t>
  </si>
  <si>
    <t>b'H\xc9\x15\xfd\xebi\x1aL\xcf\n\x90\x07\xeb\xcf\xc5\xe1)\x08\xa4$\x9e\xa2Y&gt;\xf4\xc8aO\x03\x0bJ\xd6'</t>
  </si>
  <si>
    <t>b'd\xba\xbf\xa08;\x9a-\xc6\x8e!iOv\x1cja\x1b1\xa0e\x8a\x1f\xe0\x16\xd5\xb4\xb0\xbfSr\xdb'</t>
  </si>
  <si>
    <t>b'a0;\xce\t\xacI\x02\x86\xe2YH\x8d\xeaY\xbb\x0f9\xcb\x9e0H\xd0a\r\xc9\xe4\xb5\x855\xd87'</t>
  </si>
  <si>
    <t>b'\x86R\x0bQ}{\xd3J8\\2i\xa2S\xff\xfb\xf3\xc8l\xbc\x7f\xb9\xb2\xfb\xeb\x1b%(Ov\xd3\xb7'</t>
  </si>
  <si>
    <t>b'_6\xb1w\xf2\x97~)\x9f`zKE\xd8\xf3\x07\x96\x86\xfc\x1e6\x0cn(\xdeQ\xa4\x8b\x17\xff\xb7\xa6'</t>
  </si>
  <si>
    <t>b'\xd7 b\xce\x7f[\xe5}\xf3:\x00\xc2\xd3(\xbbE\x07\xa5\xebR\xfb{\x19\x92d\xba2{\xb8\xde\xd0h'</t>
  </si>
  <si>
    <t>b'\xb8\x9a\xe3\xce\xae\xecK\xc8v\xc6\xa5\xaaI\xff\x16b\t\x80M\xab.\x1c\xa6\xcafC4\x01\xedm\xe6\xd9'</t>
  </si>
  <si>
    <t>b'\xee\\eU\x104a\xc1&amp;\xf9\xf4\r\xc4Q\xf3\xf8Y{\xb3L+\x93\x17\x0293&amp;\x97!\xea\xd7\xac'</t>
  </si>
  <si>
    <t>b'C&gt;4\xca\x0bp\xe5\x93c3\xe4\xa6\xfcD^d\xe57\x17;\x0b\x14\x08&lt;\x02\xb5\x05G91\xe5\x9f'</t>
  </si>
  <si>
    <t>b'\x80Y\xdb\xc1|spg\xb5\xde\x16w0\x9a\xd0R\x8b\x1b\x1c\x1a5\xe4\xaa*\xd5\x00\xcf\xa8D\x07Bu'</t>
  </si>
  <si>
    <t>b'H\xce\x00\xc5\x81,z\x92\x1c?#\xf2Lf\xa1\xc6\xf2\xc2\xd1,^F\x8b\xf3\x1b1o\x07\xac\xcf\xfc\x96'</t>
  </si>
  <si>
    <t>b'\x92W\xd5\x1b\xce\xbea\xc72 \xdc\xb8\x02\xde\x06\xb9\xf3\xe7\x98m\x06\xc3\n7\xbf\xa6\xea\xdf\xdaUp\xde'</t>
  </si>
  <si>
    <t>b'\x96\xa3\xdf`9[ B\xd6i\xfd\xcc\x1dt\x90\x82b\x0eie\xeb\x0f\xe8#Z\xa8\xf2mD\xd2AB'</t>
  </si>
  <si>
    <t>b'\xa5\xd9\xc6\xda%\xef\xb4\n\xc9\\OL\x8bL\xfcG\t\xaf\xba\x8c"?\x06\xf8!&lt;\x85&gt;\xe4?\xd8L'</t>
  </si>
  <si>
    <t>b'\xdf\xa2\xa2\xcc\x84\xe9\xb6\xb4\x11\xa76a\xb5\xdb\xdd\xbc\xd9\xd7\xcfC\xee\x9b\xe1=\x0b\x01!\x95\x96\xbe\xfe1'</t>
  </si>
  <si>
    <t>b'{\x0c\x82\xdd\xe3\xb2\xf1n\xdb\xaf\xb0\x10"\x19O\xdf\xbd\x84X}\xb8\xa4\xe2\x10\xba\xb9\xa4L\x9e\xaa]\x84'</t>
  </si>
  <si>
    <t>b'\xae\\m\xd6V\x05\xee\x06\x17\xbd\x82f\xac\x9a\xbe\x055\xad\x06\xa6\x84~\xeaR\xa3@\xef\x9a\xb6\x88\xc8\xed'</t>
  </si>
  <si>
    <t>b'\x0c&amp;\x07\x87xN\xe4\x9f\xabXo=\xe6\x870p\xb7\x03V\x8e\x0c%b\xedU\x00\r\x9e\xa7Be\xc0'</t>
  </si>
  <si>
    <t>b'\xc9\xd7\x86\xb0\x8c\x98t\xd0:\xa8\x8b\x9bZ\xe5\xa9\xda\x1f/0\x8d\xb5\xa7\xae[\x04\xb4\xca\x8e_Yl\xa8'</t>
  </si>
  <si>
    <t>b'\x8b\xe4L|\x1d\xbd\xe8)\x10"\xc7\x89\x0b\xd31\x0f9\x9a\x00\xa5\xdd-\xc8\xd0\x88a\xd69\xe0g}\xb4'</t>
  </si>
  <si>
    <t>b'x\x15\xf1\xae\n\xa2\xe8\x96\xe1\xae\xabl\x9f\xa9D\x14\xa9D\x96\xa6\xd5\xc7(\xa2W\x8eQ\x11-\xea \x9a'</t>
  </si>
  <si>
    <t>b'\xa3\xa73\xe5\x7f\x16\x1e\xf0\xa7\xc2\xec\x8d*\xb5c\xb8\x02V\xe4e\xcd\xfb\x80\xa7\xbf\x96\xc4\xef\x87\xce\xb2\x92'</t>
  </si>
  <si>
    <t>b'\xfa\xed\x06\x95kT\x9d\xaex\xc9z|\xb3\xe6\xc6dJ(+5i\xd4;p\x8el\x8a3\x97\xbf\xc8\xb0'</t>
  </si>
  <si>
    <t>b'\xa7\x81k5\x9dw%\x1e6WC\xffb27o\xfa_\xd8\x94\xc2\xeb\xc1\xe9b\xf4y\x82\xacCl\x96'</t>
  </si>
  <si>
    <t>b'\xd2\xfeo\x15\x01&lt;B\x17\x9c\xe3X\xc6\xf7\x05\x12\xd7\xdf\xf9\xbe:\x81\x96\x06x\xb8\x9e~\xd8\x88\x92\xe9-'</t>
  </si>
  <si>
    <t>b'g1{\x05D\xd6,yJ\xc5\xdd\xdf\xd8\xd1\x8f\xe9\x81\xfd\xd7\x81\xde\x9f\xf5\xa9\x9c\n\x06\xf4\xd6]4.'</t>
  </si>
  <si>
    <t>b'\xe7\x91\xef\x85(G\xdd-\x07\xc5\t\xf3\x0e\\\xb9\xa2s\xe7\x1fp\x03\x19&lt;\xbcoo\x1d7Tn".'</t>
  </si>
  <si>
    <t>b'\xec\x19\xb7E\x8e~\xfe\x9c\xfb\x08tN\xa6\xd0D\x8f\xf3]r\x05\xdef\xfb3\x9a"\x8a\xfb\xba\xc9\xd8\xa5'</t>
  </si>
  <si>
    <t>b'\xeb4\x07\xb4\xcd[\x96_\x9d\x0bP\x88\xaf6\x86{\xd9\xd6\x97\x1a\xa1\xe6\x12;\xe0\xa5\x113\x8e\xb7]X'</t>
  </si>
  <si>
    <t>b'\x85|\x89\xef/\x98m\x16|\xd9\xbf\x19\x91gB\x03\xbc\x92\xa8\x01\xba\xeb\xf3\x1f@\x85\x10\x12\xbe?m\x87'</t>
  </si>
  <si>
    <t>b'K\xd1Xj!^\xac\xfa\xed\x93\xcdy\x0c\x899\x91B\x1e\xd9\x14\x11\xffg\xfb\xa0v\x89\xb6\x89\x05\xb4\xb4'</t>
  </si>
  <si>
    <t>b'\x0c\x19\x95\xf9\xf7D\xda\xda^\x05\xb8&lt;\xd6\x95eB\xc3\xc5\xb3\xef\xa5\x16\xd1r\x8f;\x1c9Y\x88\x1d\xf5'</t>
  </si>
  <si>
    <t>b'\xb2T\xf9\x18\xd5\xc1/\xf5xQ\xb7K\x1dN\x90a\xd3\x9e\x0e\x9b\xf5u\xe0\xe7\xb7\x88\xde\x1c\xcf\xd5\x1a\xb3'</t>
  </si>
  <si>
    <t>b'\x1d\x88\x12\xe2\x8b\x82\xe5\x8f\x12\xef\xf0v\x92 v\x05\x1a]UW\xc8\x1d\xeb\x94\xa9\xddz\xca\xff\xa8V\xa9'</t>
  </si>
  <si>
    <t>b'\xb1\xbd\xa8y|\xbf\xdb$\xfc\\\x11\x92^W2\xaf\x10ga\x85z\r\xc4\xf4\x93S\x83y\x8b\xb5\xd9\xf6'</t>
  </si>
  <si>
    <t>b'\xa0\n\x0cc\xd1\x95\x87\x7f\xfbq\xcc\xe7\x1c\xaaF\xae\x846\x9e4\x8cX\x1a\x84\xb7mF\xf7\xc5\x88\xb4;'</t>
  </si>
  <si>
    <t>b'\xac\xb2\x1fAv\xfc\xc8X\x1e\x7fiA\xf0\xa3\x08\xb4\x90]0Mk\xa63\xff~a\xea\xca\x05\xb1\xb6\xa4'</t>
  </si>
  <si>
    <t>b'\xbcB8\xeb\xc5\x84\xb4\x17\x8f\x89B\xe1\x17\xe2?\xfe\x16W\x87\x8d\xaf{R89\x07\xbd\x97\xd0\xa36\xed'</t>
  </si>
  <si>
    <t>b'!\x8e\xff\xfd\x8f\xf0\xfac-Z\xe6\xaf)\xf3\xff\xc0,\xf6\x8a\xfe6=&gt;\xc1U`9\xfd\xdf\xb88\xa5'</t>
  </si>
  <si>
    <t>b'\xfa}\x0b\xc4&amp;"4(\xe5pa\xf5\xf0\x85\xff\xa1\xf5`T\xf0\x81\xa3\xa6\x1d4k\xc8+P\xceX\xc8'</t>
  </si>
  <si>
    <t>b'6\x01\x0c\xb2b\xd1\x1b\xc3\xaeO\xd1$\t]\xc4\x9d\xf1\xfe\xf0\xe5\x8c\x00\x17\xe0\x8cl\x98\x95\n\x19\xd6Q'</t>
  </si>
  <si>
    <t>b'\x189\xd0e\x9b\x07\xc4\xb4(t\x8dB;\x04H\x90\xe7?#P\xa5\x1e{W\x92\xffN\xa3^\xa6\xe2E'</t>
  </si>
  <si>
    <t>b'\xca\xba/L\x92\x07\xa9\xb7l\xc7\x949\x85\x03\xa4\x82z\x82\xf9\x03\xd9\x02\xcf\x16\xe5$\xa4\x01m\t\xeb\xd2'</t>
  </si>
  <si>
    <t>b'\xf3Q\xa1\x16\x98\x8cfLE\x08t&amp;\x8d\x0c\x8c\xa6=o\x82/\x9e\xcd\xdeb\x98\xec\xde2\x0c\xa8\xf2L'</t>
  </si>
  <si>
    <t>b'6\xf85\xcd\x8c\xa46D\xe8#\xef\x86A\xf5\x82\x16\x7f\xf4\xa8\x8b\xee\xd3\xfb\xaf]\xac\x84\n\xee\x11\n|'</t>
  </si>
  <si>
    <t>b'\x919\xde\xb6\xef\xb6\x00&gt;\xdf\x16HAzgV\x832\x8d\xeec\xc9\xa2\xd0\x8c\x98\xc3\x80\x9c\xde)\xc1w'</t>
  </si>
  <si>
    <t>b'AfC\xaf|\x14=\x11K\xefT@/!~\xf7\xe6\xbd\x8cf]\xd5iJ\xb9\x04_\xa4\xde\x14\x94\x0b'</t>
  </si>
  <si>
    <t>b'\xf4\xb4\xfc0\xf4&lt;\x17&amp;\xec\xf1\xa0yU\x0bH\xc2\xc2\x02e0 \xea\xe58{\xdc"\xef\x89\x9f\xb0\xc6'</t>
  </si>
  <si>
    <t>b"\xacM\xe3m\xf7\xfa\x84\xdd\x89uMBY(x;\x83j'eH\xef\x16\x1d\x19\xbbry\x14K\xe0\xa2"</t>
  </si>
  <si>
    <t>b'\xa4\xf7\x15X\xbf\xcf\x9e\x0fEi\xcdJ\xc7F\xc7J\xb5:\xdf$\xc9\xe14\xa4\\\xd1\x8a=\xa3\xaf5\xec'</t>
  </si>
  <si>
    <t>b'\xc0\xaf\xb1:\xa685\x1e\xac\xf7\xbdr!\x08\x06u6\x11\x8e\xf7\xd6\x98\xedC\xe9)w\x95\xe69d\xe3'</t>
  </si>
  <si>
    <t>b'\xbe\xf3Hgz\x8e\x86n\x81\xca\xf2\xe0\x14Wi\xea\x96\xa2\x9e\xc3\xdd\xc3\xe7\x85Ut\x95\xe9\x91\x8ak\x15'</t>
  </si>
  <si>
    <t>b'E0\xce\xd4\xa7\xa5J\x06\xb9\xa8\xbafe)\x052\xb0\xa2\xd17\x0e73D]\xe5M\xc2\x0f~#\xaa'</t>
  </si>
  <si>
    <t>b'\x83HL\xc2\xe3\x884\x06L\xc0U\\n\xc9\xa1tI\xeb\xfe8\x1a.\x0cx`w\x94\xca\x9a\xb28b'</t>
  </si>
  <si>
    <t>b'F\xabD`K\xb3\x13\xff\xe8\xbd\x17D\xd8UV\xd9\xc7\xa0]\xces\x02Y.Q\xa8H\x08q9\xe4\xdf'</t>
  </si>
  <si>
    <t>b'\xd6{[\xfc\xabQ\x9b0K\x89q\xd9\x83\xc1\x7f8\xf6\x8e`\xdf\x9d\x01a3f\x87C\xdb\x88\x87\x8f\xd4'</t>
  </si>
  <si>
    <t>b'\x86\xe5/\x03\x9e\xfe\xef\x16\xb3\x17\xe2\xdc\xa1\x1a\xe2g3\xe6Pi\xd0m\xc8\tr\xd1\x1b\x0f\xac\x11S,'</t>
  </si>
  <si>
    <t>b"\xb0?\x94\xae\xd8\x83?'Xx\xc2\x80@\xdc@\x99\xeeRDS\xd1\xc7\xe3\xd0\x07\x1f\x85\xa7V%\xcb\x05"</t>
  </si>
  <si>
    <t>b'\x9b\xbd\xfb\xee\x82#_\xdb\xbb[\xf0\x8f\xf5\xe5\xe1\x96\xfe\xbd\xb2\xe4\xa63\x15J\xe05\xb7\xd1$\xf8@"'</t>
  </si>
  <si>
    <t>b'Ck\xa8\xd3\x84E}\x002\xcfD\xec\xab\xa3H\xe4v\xb9\r&lt;y\x8a\xacV\xf1Ij\x8d\x9b\xb4\xbc\x89'</t>
  </si>
  <si>
    <t>b'\xb7\xed\xc4\xe1\x9c\xa1\x90 \xbd\x91\xb6W\xd5\xb8\xe8\xc5+\x1dX\xfd\xde5\xb7\xa7\xf4\xf9?\xd0\x86\xb2\xa4a'</t>
  </si>
  <si>
    <t>b'\x89\xd49\xe9h\xf0\x13\xf8yG\xccE\xc1\x06\x1c\xd7\xce\x027\xf0\xf7~\xed\xbb\xdfK;\xed\xa0\xbfEU'</t>
  </si>
  <si>
    <t>b'v1\xd8\xd6~\xea-q\xf1\x84\x93\x98\xdb3\x8afj\t\xc2\xa1\xe9\xfe/\x86u&amp;\xdd#aO\x16f'</t>
  </si>
  <si>
    <t>b'\x13g\xb1)*m(R\xda|\xc4\x98\x86\xbf5\xd4\xd1_\x9e\x1e\xf1&amp;L\x13=&lt;\x00\x17\nj0^'</t>
  </si>
  <si>
    <t>b'r\xe7\xa7\\\xbdHY\xc7\x1a\xaf\xc5\n\x9d\xa5\xf1\x85\x12\x14L&amp;\x18\xbf\xe7\xa1\xe0\x99\xdaU\xaf\xedQ\xee'</t>
  </si>
  <si>
    <t>b'\x89L\xd4\x1b\xbc\xb2\xc56r\x19\x96=N:\xda\xe9\xd7\x88m\xf2\x9b\x85\x1e\x8e\xeb\xf4_\xee\xaa\xca\xe4\xae'</t>
  </si>
  <si>
    <t>b'7\xffw\x18\xd9\x12\x0f\xe2\xadL\xee\xba\x95\xb5\x15gf\x174\xc8\xfbniwL\xad\xcdd\xdd\xfd9\xe2'</t>
  </si>
  <si>
    <t>b'\xfb\x11\x95\x84\xa0Y\xbb\xb0c$\x19\x95\x8f\xb6C\xdf\xfba\xf2\xbaY\xca\x1d\xc7H\x06 \xb07o\xc5\xe7'</t>
  </si>
  <si>
    <t>b'\x01\xfa\xea)\xf2\xb2\xf4\xad#\xdfS&amp;0\x15\xfb\xb2r\x1do\x8c\xd1\x08\x06\xb5\x82\x8e\x18_}\xdd=Y'</t>
  </si>
  <si>
    <t>b'\xf9\x961g?\x8b\xb43\x90\xb4\xcd\x1a\xd9\x90\xe1\x18v\xc8g\xf8\x18;\x05\x19\t\xc6\r\xe9=\xcfZJ'</t>
  </si>
  <si>
    <t>b'\x1e3\xf4L\xfaLO\xf2\x9f\x9f_\x11\xe5\xafP\x1f%\xeb -\xea\x9fgkI\x0byr7\x12\xd8\xa3'</t>
  </si>
  <si>
    <t>b'+\xcb\x0e\x05\x1d\x89f\x9f\x90pW\xd6\xca,\x00\xcc\xf0\xc9F\x8f\xda\x18\xa7\xe3\\\xe9\xf3!\x83A&amp;x'</t>
  </si>
  <si>
    <t>b'\xa5\xf8\xf3\xbf\rgBAf\x11\x08R\xba\xb9\x17\xfd\xe7\xde\x0e\x9eBX\xc9\xcc\x0cx\xa0\xa5T\x83u\x1c'</t>
  </si>
  <si>
    <t>b']\xbd\x7fKr\x1eG\xf0`L(S\x1fe\xbf\xa1f!\xfa.\xe6\xa8\xfb\x8dps\x0bk\x94\x0f\xcb\x05'</t>
  </si>
  <si>
    <t>b'&lt;N\x82\xa8S\xcaIb\xe3#_\x00%\xe3\xba\xa5b\xf8O\x80\xe1\xdd\xd0\x8f\x02\xd9f.\x1eU\x91\xa4'</t>
  </si>
  <si>
    <t>b'\xc6\x00\xce\x04\x92\x12\xf3\xb2\xea\x9f\xb3\xd2\x1a&lt;\xc3\xa6}$\x8c\x18\x82w\xcc\x90\x1d=\xc9\xcad_9;'</t>
  </si>
  <si>
    <t>b'\xb1\xf2g\xd4\x0b\xc8\xa0z\x87\xea\x10A9`Ol\xde\xe5\x10\xcb}\x80D\x9fDWK-G)8!'</t>
  </si>
  <si>
    <t>b'\xb7\x0bM\xd3\xf24w\xddI6\xc8\xdfF\xe6\xe6D\xf6\x11\xf8\x04\xaa\x1a\xbd\x00E\x8f\x06\xb9Z\x1f\xbe\xee'</t>
  </si>
  <si>
    <t>b'\xc7\xf5\xf8V\xa8\xd0\x86\xb2\xd3Y;4\xf14\x95\xba\xaf:F\x05\xf0\x81\x7fUOI\xcf\x9d&amp;%\xc1\xaa'</t>
  </si>
  <si>
    <t>b'\x8f\x88\\\x9dM\xf7q\xbbL\xdf\x86\xb8\xc6\xb9*Rj\x81\xd0X\xc5\x87V\xa5J\x16~\xf6\xe3m\nr'</t>
  </si>
  <si>
    <t>b'\xb3NIT\xdbW\x862\xb1n\x9a\xbf\x00\xbd\xd0,\xe5\xae\xf6\x1b\xe8q |*g\xf8/\xf5\x14k\xd1'</t>
  </si>
  <si>
    <t>b'2\xd2\x9cI\x8a\xc2\xefC\x15\xd9\xe4\x88Kp\x90\xdb\x8e\xd0\x84\x83\xf3w\xb8\x1b\xbb0\x81\xdf\xfc\xd6p\x8d'</t>
  </si>
  <si>
    <t>b'\xbf\xd9D\x91l\xab$I\x86\x99\x19\x82\xa7\xb52G\xceN\xd6\x11\xc8\xdb\xb7/\xb3\x1e\xeb\xae\x87\xb7\xb7X'</t>
  </si>
  <si>
    <t>b'f\xad\x8e:)\x88\x10\xdf\xf5\xe8\xb0\xde\xd5Yj\xad[\xeb\xdcuR#UU:\xc0Ho\xa3\x90\xf3\xb4'</t>
  </si>
  <si>
    <t>b"\x13S\xc9\xa0=\xf1\x14\xec\xdax\\\xe0\xc1.\xf8-7\xc3K\x04\xd2\xbb\xe4\xe1\x80\x96\xa7\xc2\x8e\xf2'&amp;"</t>
  </si>
  <si>
    <t>b'\x9c\x15\xbd\x88\xaf\xa3\xcfk\xadK\xc7@Ci\x12\xa8\xfe\xaboq\n\x18\xdc\x8e\xa3{8\xcb\x825*g'</t>
  </si>
  <si>
    <t>b'\xae\r\xb6\x1d\r\xac\x116\xaa\xe4\x1f\x84}\x8cH\xed\xb8#\xaa\xda\xcfZ]\x0c\x94\xbf\x8a\x11\xe1\x93\xa0&lt;'</t>
  </si>
  <si>
    <t>b'\xc40\xb9l\xc5\xea/\xc0\xcbq\x03\xfa\rn\x92PM\xcd\xb6\xdbd\x1d\x9a\xd26E\xbe\xa9X\xa8h,'</t>
  </si>
  <si>
    <t>b'\xf0\xfd\xd8\x1b jn5\x87\x049\x8b\\~C\xd1[\xd5\xae%\xd6\x0bz\x9b\xa8\xa5\xbe\xfd\xcf\x0eD\xdf'</t>
  </si>
  <si>
    <t>b'\r\x85\xe4p\xbc\xcb@\x95[1\xbd\x86s\xc8Y\x9a\x07$\xa7\x1e\xcb\x7f"\x19\xb0\x08\xacQ3\xcb.\x10'</t>
  </si>
  <si>
    <t>b'\xf2\xaf\xc5g\xc7\x1e\xea\x1cH\xa0\xc6\xea\xc0\x0e\xa8\x9b\xb8\x15{\xd9\xae\x8d^\xff\xa4\x86r\xea\xbf\xd2\x8cR'</t>
  </si>
  <si>
    <t>b'\xfap\x86Y@\xee\x85s\xe2\xae\x1e\xbeHv\x12\xee\xea\xd55 B\x1eH\xb1\xdc\x9dE8El\x8f\x11'</t>
  </si>
  <si>
    <t>b'\xa4\xe0\x0c\x13\xebM\xd2\x88Rq7\x8e\xb2\x83\xbd\xabI@\xd3\xb1\xdak\xfcT \x9b\x99\xdf\xcd\xa3\xd9\xf6'</t>
  </si>
  <si>
    <t>b'\x10\xb7Y\x83\x87\xf6\xe8a\xd8\xf56o\x93tM\xc5GZ\xe7\x9e\xf2qt\xb6\xeb\xeb\xe1\xdb\x18\xb5u\xdc'</t>
  </si>
  <si>
    <t>b'U8\xb6@\xd2\xd0\xcfL*\xd1`kah\xa3=\xd5\xa4M!\x19\x0eoc\xa0V\x15\xcf\x11\x96\xee\xb7'</t>
  </si>
  <si>
    <t>b'\xd1\xe7N%H\x95\x8e\xa3&amp;\xa2\x15\xce\x02z\x8b\x8c\xb5\xfb\x85q\xaa\xb6\xa0\x10~\xbd\xf5\x8f\x9a\x04{c'</t>
  </si>
  <si>
    <t>b'"\xe6\x0f[\xeb\xb1\xafA&lt;\xe1\xaeG\xa7\x8d\x01\xf6\x9d9\xda\xfd\x83B\xbd~\xf9aD\x03G\x82\xf4K'</t>
  </si>
  <si>
    <t>b'v\xc3f\xaf/.{=\xc4s\x0f\xdc\xcc\xaf\xd2-\xc6\xde\xf1\xa4t\xd8pZ\x96(C\tg`_\xe6'</t>
  </si>
  <si>
    <t>b'+\xee\xc67\x93\xaf\xc7\x9di\x13\x1c$c\x14YI\xf78\x98X(\xc7?\xa7\xd4\xc3\x8a\x1c\xe4\xb2x\x03'</t>
  </si>
  <si>
    <t>b'\xac\x9d\xd0\xef\xbd\xcf\xec(\xf0\x16\xc3H\xef7D\xb2i\x9c\xd4-\xecU\x16\x88)\x85\\\xb7\xad\xa9\xef9'</t>
  </si>
  <si>
    <t>b'D]\x88~\xcd\xed\x93\x92\xd1^\xe67\xa2q\x88\xe0\x91\x9cF+\xf8\xdcg\x99\xd9\xd1\xbb\x83\x8e\\\xff\xa4'</t>
  </si>
  <si>
    <t>b'`\t~o\xef\x8br\xbd\x00\xdd\t]\xa6\xb4\xf2z\x95\xbd\xd9\x11%\x0bi;\xa7|\x1dk\xe9\xb5\x02\xe5'</t>
  </si>
  <si>
    <t>b'\x15\xa1%\xc8&gt;\xafAo\x7fV"\t\xa2\xbf1\xe7\xde\x9b}Q\xe5\xe0\x1dF\x17\x99"I)\xe4\xdby'</t>
  </si>
  <si>
    <t>b'\xf3\xaa\xe02\xed\xa1"\xe5~\xaf\xad\x11\xe06\xff\x1c\xd9\xf5\xae\xf7\xba\x14J\xb3\xcd\xb0tL\xfc\xcf;v'</t>
  </si>
  <si>
    <t>b')\xbb\x82@*\xdc8\xb4\x14\xa0\xb3x&lt;\x0c\r\xca\x90\xe5\x98\xfc\xd9\xfb\x06\xd0\x0bd\xb0\xafC\xa5b\xa0'</t>
  </si>
  <si>
    <t>b'R\x9d\xe9MaoWq\x87\x03\x7f\xafR\xd6\xe4o\x1b\xdd\xd8D\xb3\x81\x8d]\x11\xca\xc7\xf1\x8an\xa7z'</t>
  </si>
  <si>
    <t>b'&amp;Z\x82\xca\x9c\xbd\xb3(\x13\x8a\xbc^8\x92@k\x03!3\xab\xf2=_%L\xc5.\x1c1\xd2)\xc5'</t>
  </si>
  <si>
    <t>b'\xb1\xfa\xa06O\xbbDy!/kt\xa1\xc8(\x82\xec\x0f\x9f\xe7\xaaa\xf4[\xfa\xce6\xa0\xa9\xbdE\x8d'</t>
  </si>
  <si>
    <t>b'{\x94\xa8\xe15\xf1(3\x98.\x17\xd5\xc5+=E\xc4\xb2\x12\x90e)t&amp;\x8a\x9a\x81d=\x99\xd1g'</t>
  </si>
  <si>
    <t>b'\x9a\x8ah\x86t\xc7\xfbe\x19\x01\x93yo\xdb\xac\x9duYe\xbc\xbb|\xad(\x87\xdc\xae|k\xe9\xe6?'</t>
  </si>
  <si>
    <t>b'A\xcb\x10\x84\x96\xd9\xf6{\x13\xdcQ}\xeal6\x00\x1e\x94O\xa6\xd9\xbc%\xc4\x03e\x91\xd9\xaa`B='</t>
  </si>
  <si>
    <t>b'\x8d\xf9\x1e\xc8\xb6hRh\xc7[W\xfc\xec\xdc\xb4\xdf\x86\x00\xb1\xe4\x12GYF]\x0e\r\x08\xd6\x97\xda\x97'</t>
  </si>
  <si>
    <t>b'd\xa2\x18\x18\x9f\x99f\xe8}H#5!\x14g\xfe.5\xed\x04\xbb\x01\xd7\x07\xb6\xc0zc\x9c(\xf4\xd7'</t>
  </si>
  <si>
    <t>b"\xbc\x8c_\xbe[\x7f\x01&lt;2\xe9\x93\x91'\x937\xed\xb4\x17\x12.x\xc7;\xe0\x13v\xcb\x9e\x90\xc0Z\x19"</t>
  </si>
  <si>
    <t>b'\xae0*\x002\x8b\xc3@}\xf2Rs&lt;\x1fw\x96cU\x88T\x0fs\x8d\xfc\xed\xbd`~v^\xd5!'</t>
  </si>
  <si>
    <t>b'\xbd#\x1f\xbf\xdb\x8a\xd9\x04\xe7Z\xb8\xdc\xa2\x18[\xc5\x90\xa1-6#m\xd0\xbc\xf2\xe0\xc9IA\n\x159'</t>
  </si>
  <si>
    <t>b'!w\xbdq\x88\xe4\x88\x19\x16n\xcf\xff,k\x1e\x1b\x99\xd0\xbc\xf4\x8e\x11\xf6`\x8a\x97\x1b\xdfv?\xfcu'</t>
  </si>
  <si>
    <t>b'\xdf?\xadwR\x1c\\\xb0\x1c\xf8)Q\xf9cB\xe9d\x06\x1bo\xbe&amp;\xef\x01f\xc6F\x86X\xdfs\xef'</t>
  </si>
  <si>
    <t>b'0\n`J\x9bK\xc1\x05\xe6\xe3\xb3\xd5a\t\xd2V\t4?8\xe1TY1\xb9\x08c\xa3T\xa2\xe7x'</t>
  </si>
  <si>
    <t>b'\xb6Gu\x0e\xdc\x1c\xdd\xc7\xd0)\xa2b\x05\xf1p\x90s\xd4\xd2/r\x87T\xa1\x89\xfa\x184rU\xcb}'</t>
  </si>
  <si>
    <t>b'\xfb\x15\x1e?D\x05\xfc\xd4(8n&amp;\xfe+ \xf2\xae\xf7\x7f\xdf\xcf\xa4\x87d\xca\\\x9fG\xdc\xa9\xf0\x90'</t>
  </si>
  <si>
    <t>b'zxja\xe2\x8b\xb2\xce\xa6_\xe1\x9e\xc5_pB\xd9\x15\xea\xd5P\'x}/\x8b\r"Z\xc6\x18#'</t>
  </si>
  <si>
    <t>b'\xd6\xf7\xd1\xef0kZ|aL\xae\x97\x84\xbd\x7f\xf6~\x1d\x96\xd6\xf1\xb7\xa5\xa45\x04\x1d\x18\x01\x1e\xc4@'</t>
  </si>
  <si>
    <t>b'k.\xf0\xcf\x12\xde+\xbbt\x84\xf4q\x93\xc5b&amp;_\x97\x91\x1c\xa5/\xd2*\xfcn#\x17#\xd5\xdc\xfb'</t>
  </si>
  <si>
    <t>b'1{3\xc1\xc5\xe8\xde\xf8n\x8b\xc8XQ\xcd\x9e=}\xd6#}\xc9\xfc!z\xfd\x9eN;\xfdBQ\x08'</t>
  </si>
  <si>
    <t>b'\x0c\x9e\xc7p\xfb\x06\xeb\x16{4\xd2|Q\xa5\xb4L\xc3\xe0\\V\xf6\x04\xf5\x81\xa0\xe5\x1ao\xb1!\xedp'</t>
  </si>
  <si>
    <t>b'\x1d\xc7\xd9\xc0V\xcd\x7fe\xbb9\xa8\xee;=TK\x11\xb6\x02\xf7i{\xfc`\xa1\x8e\x95\xf4\x0b\xaeG?'</t>
  </si>
  <si>
    <t>b'&lt;F\x8br\xe0k\x87\xb7\xd5z]\xcf?\xd0\x8c\xac\xbc\xd1\x10{K\x83\xb0I4\xec\xcfZ\xe5\x8f\x8b"'</t>
  </si>
  <si>
    <t>b":\xb8\x04\xa0\x96\x06\xa2r\xcc\xd8 \x96\x087\x82o\\\x01')\xb2\xb8V\x11c\xdf\x84S_\xc6\xe7\x0b"</t>
  </si>
  <si>
    <t>b'\xf4W;&gt;\x98+i\x17\xdf\xf3\xcbo\xb3\x9a\xd1Fi\xa6\xda\x1a\xd2LF\xf9\x11\xd2\xb4\x968\x9b\x07\xac'</t>
  </si>
  <si>
    <t>b'\xe5\x16H\xaa\x83\xe9\x99\xa0\x134}\x94\xa8%\xeb\x16S[\xd2\xdf~\x16]\xc6;\x04\x06.\xa2l\xb5;'</t>
  </si>
  <si>
    <t>b'\xa8U\xec\x1a\x84J"\xcbo\x18\xad\xc8\x9ca\xc3\x1f\xb8r\x0e\x19\xb7\xa0\x0cJ\xe2;\xcc\x08K\xb1\xfdk'</t>
  </si>
  <si>
    <t>b'\xc7Z\xd6N\xc9LK\x14\x8aW\xf0\xf7\x1a\xf5=\xe6\xdf\xe5\x97\x15\xd8\x90E&gt;w\xdb#\xbf6\x80\xf1\xb7'</t>
  </si>
  <si>
    <t>b':P&amp;\x9c@\x03\xc5w\x9cL\xe5&lt;7\xd8D\xe11\x0b\xe2{X\xe6\xcf\xbd:Nb=\x97\x98\x9cQ'</t>
  </si>
  <si>
    <t>b'\x96wy\x1b\xd7\xd8\x0f\xebe\xc9\xa2R\xf3\x1aRg\x80\x88v\x83\xdc\xa0\xc9\xeb\xe2\x7f\x88\xe5\xf2-\xb1\r'</t>
  </si>
  <si>
    <t>b'{S\xe0\xbe\x04\x85\xf8\xe6fu\n\x19Y-\xdb\xb6~\x02\xfb8\x97\xd4pQ\x92\xc6=\xff\xb5\x04~('</t>
  </si>
  <si>
    <t>b'\x88d\x17Ua4\xad\xda\x1d\xdbx\xb2\xc8\xaa\xec\xfa{i\xc0`\xbf\xa6s\x89\xba\x01.i\r#\xb1['</t>
  </si>
  <si>
    <t>b"\xfa?\xc7\xf1\x83R\xec'm\x18\xfb\x91r\x1a\xbc\xecQ\x83\xf8\x1c\xf0r.U7\x00\xd2^4\x8c\xe4D"</t>
  </si>
  <si>
    <t>b"\xe69\xea\x1a\xa1\x17I\x08B\xf7\x87\xeb\x7f\x12\x05G\xdc\x8eQF3\xeb\x08\xf0\x18\x00\xd7\xab4\x92\xa2'"</t>
  </si>
  <si>
    <t>b'\xbe\xbe\xf2\x8e)\xb2\xec\xd8$\x1e\x87\xa5\xd6F\xf9vpt\xfc\xcc\xe0\x82MZ\x8b[5\x04&amp;\xae#I'</t>
  </si>
  <si>
    <t>b'\x89\x0e\x1c_=a\x92\xb9\x94\x9f\x0f\xbe8p\x9b\xb4v`\t=\xdb\x1c\xff^\xd6%\xd9r\xf1=7c'</t>
  </si>
  <si>
    <t>b'\xc03\xb7\xcd\x90\x03\x8eaK\xb4F\xd2\xa9\xdb\x9c \x01\xbf7\x8f\xd80\xe5U\x90w\xaa\xd3\x92\x93\xb6\x8b'</t>
  </si>
  <si>
    <t>b'\xf09\rL\x0fYj\xc1Q\x1a\x84:j\xf4\xec\xe4\xe6\xae\xfd"\x9c\xda\x14XDW4&amp;\xf9\r{\xed'</t>
  </si>
  <si>
    <t>b'C\xe0h\x07@\xabh\xcd\x85\xf5Kr\xbc\x8e3"\xad\xc8\'\x98\xb69,\x9e\xed\x80\x98\xbf\x15u\x90P'</t>
  </si>
  <si>
    <t>b'\xb2;\xa1\xde\xf3\r\x84\xde\x99\xd2\xf6\x15z\xcb^\xb2\xac\xe5Q\xfb\xd9Bc\x9aF\x19\xc3\xf9\xb0\xa4A\x10'</t>
  </si>
  <si>
    <t>b'LU\xf1\xa9\xf7dBnSQ\x894\xb4\x93\x1a\x90.\x16\xbcS\x9f\xae\x1cO\xbb$\xd4\xa5$\x82\x92\xe2'</t>
  </si>
  <si>
    <t>b'\xd0\xa2\x83_\x17YK\xaf\\\xe8n\xc4#\xb5\xc9Tq\xf0\xec\xf0gG\x82\x99\xe6is\x8d\xcd\xa5\xeei'</t>
  </si>
  <si>
    <t>b'7\xc8~\xb3yA\xecnKcR\xcf\xc8\xdf\x1d\x83\na\n\xd2\xeb\x07\xa2fT\x0c\xd06\xc0\xb1e\xba'</t>
  </si>
  <si>
    <t>b'WJ\xdd\xc1\xdc8\xc2#qWV!wU\xe8rXM?\xdd\xd3\xaf\xda\xb1\xe9\xa4\xcd\xb1&lt;\xffQ\xcc'</t>
  </si>
  <si>
    <t>b'\xed\xdb\x17\x80"\xedJ\x02\xadL\xff\x12\xc8\xa3i\x19;\xd8\x17\x14G\x11\xf0\xb0\x91\xbc\x8d)\x16\xf2\xa1\xf8'</t>
  </si>
  <si>
    <t>b'\xea\xd3"k|\x95\x03-b\x81y\xb2\xcbs\n\xa6M\xf9\xd3u\xb4\xb0m\xf7\xda\xb1\xf8Y\xc7WE\x9e'</t>
  </si>
  <si>
    <t>b'x\x99&gt;!\xca\xcdo\xb7\xc2t5\xfcj\x7f\x19\xda\xe7\x83*\xca\xeb]\xc9X\n\xe1\x1c\xfe\xa6\r\x0c\xdd'</t>
  </si>
  <si>
    <t>b'\xfa\x08\xeb\x96e\xff\xf5\xc8ng\xbd\xf6E\xeb\x1c40U\xa0\x1c{\x02\x8ff\xe7(\x1e\x02\xf8\xf3\xf9\xb9'</t>
  </si>
  <si>
    <t>b')\xc2=#-\x80\xb6\xaa\x1f\x08^\xd1\xfb\xaf\xee8V\xca*#&lt;\x0f\x81\xfa\xb0\xa9\x8d\x9d8A\xe6\xcf'</t>
  </si>
  <si>
    <t>b'g\xcc\xe9\t\xb4\xa8\xb9_\xdd\x1b\xeaK8\x0er"e\x11\xfc{\xffP\xb9}\x07\xc8\xf6\xb9s\x8f\xb4\xce'</t>
  </si>
  <si>
    <t>b'9J\xb5\xfbD3Ow\xcdA\xdb\xa5\xb5\xee\x07\x93\xa0P\xc2\xac,\xf1\xb7(hT~\xd5\x96\xabvu'</t>
  </si>
  <si>
    <t>b'\\L\x98\xa7+g\x88zuu\x16-\xc5\xdc\xf4\xbb\t\xfa\x987f\xd7@E\x9b\x04\x9d\xe5\x01~L\xa9'</t>
  </si>
  <si>
    <t>b'\x0e\xb7r\xa9\xcf\xb5|\xf1\xd7\x81\xf838\xb1\x9dO.Sf&lt;\x7fF\xd4\xdcwp\xce\x14\xcd\xa2\x07\xd6'</t>
  </si>
  <si>
    <t>b'2\xf3w\xc2\xb6\xac\x97 \xcf\xd0\xa6\x98v`\x1f\xb2x\xe2\x82{\xee\x14\xa9\x97\x10\x7f\xb5\x03!\xef\x7f\x9d'</t>
  </si>
  <si>
    <t>b'\x97C\xff\xfc\xb1\x84\xa7(\xf4\xfa\xd2C\xf1:\t9\xd7R\xc9\x82V-\x87\x926\xa3\x16\xc2\xc4[j,'</t>
  </si>
  <si>
    <t>b'B\xb9\xe6\x9c\xe0F\x9b5\xae/\xccg2U\xe8\xb0\xda\xd9\x9d\xc0\xbeH\xf3\xcfI+\x9e\xf5h\t\x1c\x93'</t>
  </si>
  <si>
    <t>b"\x96\x90\x86|\xfb{\xff-\xa2\x1e'\x11'\xdd@k\x85/\x9b\xc7\xea3|\xa2z2G\x9a'\xb2\x01\xbe"</t>
  </si>
  <si>
    <t>b'\xadJ\x04N\xf4\xceN\xc18;\xe0\xc9%=\xac\x11\x935\x1b-\xc05\x1b\x8d\x06H\xb1w\x0c~\x82L'</t>
  </si>
  <si>
    <t>b"\xff\x1b=\x91\x84'\xbb\xec\xb5\xb8\xf1\x87\x8f\xb0\x7fMm\x07&amp;l&gt;\\$\x9b\xf3~;\x12\xf4\xfd\xb4Q"</t>
  </si>
  <si>
    <t>b'\x10\x19\x10 \xdc\xf4\xc2\xdd\x0e|\xffQ9\x07\xb1\xeb\xd6t\xb7\xeac\xd9\x0b\xac\x07\xeaH\x9b\xa9\x11\xf4Q'</t>
  </si>
  <si>
    <t>b'U\xa0]\x17S\xb6\xa7\xaag\xcfZ\x04\xc0\xa0\x1c\xb0\x1a\x83\xbfj\xac\xa8\xbf\xd5~,\x1e\xc8It\xe2/'</t>
  </si>
  <si>
    <t>b'\xbf\xf5\n8\xfb9F2Mh\xb2\xd9\x94g\x92m/!A\xa3\xdb\x83\x8b\x1776\xc0\x7fj\x11\xfc\x19'</t>
  </si>
  <si>
    <t>b'\xcb\xe21S\xda*\xf2\x17\xb1\xf3\x81\x14)]g\x85\xe2\x8a\xbc\xf2\x10\x1a\xe4\xd2\xc0#\x14E\x7f}J\xa5'</t>
  </si>
  <si>
    <t>b'{E\x85 \xfd\x16\xd7\xc720\xf3}\x9e:\r6\n\xaeF&amp;\xd8\x1ed\x07\x90\xae\x8d\x0b\xbe\n\xea:'</t>
  </si>
  <si>
    <t>b'*UpF\x9a\xcd\xdbI\x03\xff:\xdc}f\xb6\x1f\xc2\x1c\xceH%PJ\xe9\r\xf6\xa9\x02q\x04Ir'</t>
  </si>
  <si>
    <t>b'\xd6R@\xee/R\x13^y\xdf\x03\xca.\x7fu\xf2\xaejX\xb5L\xf4Xn\xcb\x8a\x1a\xfc\xfb\x86\re'</t>
  </si>
  <si>
    <t>b'L^E\x90\x87\xd8\x81d\xd2!\xa7\xa3z\xc2\x8c\xdaO.\xe4U(m\xd3y\x1bZ{\xdc&lt;\xb2H2'</t>
  </si>
  <si>
    <t>b'gCU\xa6\xc3\x80/\x0c\t|\x06\xca\xca\xc2f\xa8\xd5\xda\x81\xd9\x1c\xe0~iw\xf5\x12\xcc\x17\xc7,\xc2'</t>
  </si>
  <si>
    <t>b'\xa3a\xdc\x13\x83\xb1q\x82\xc5\x14\xb9\xb4M\x7f\x87g\xf0{\x04W\xa7Y0+\xf5\x8d\xb0\x9b5\x03Ng'</t>
  </si>
  <si>
    <t>b'\x0e\xc0vc\xf6s\xbf\x96\xc1\xf59\xe5\xc44N\xb3\x8d\xdc\xfek\x9cv\x0bZ\xdb\x0b\xdf\xce\xc2\x83~!'</t>
  </si>
  <si>
    <t>b's!\x85\xed\x86\xc3v\xc7/\xf9\xe1\xb4\x03\x96\x13~d\x1a:\x07\xb4N\xa7p\xbd5\xb5\x9e\xeb\xbdB\xc4'</t>
  </si>
  <si>
    <t>b'^zr\xb99\xdd\xcay\xf5\xb6\xbdI7k\xe4\xd5\x9f\xb7;r\xc1\x0e\x8d&gt;\xde\x821\xd0n\xf4\t\xf3'</t>
  </si>
  <si>
    <t>b'\x81v|:\x128\xe5\x97\xaa\xfe!-\xcc\xe2K\x1am\xb6\x05!k\xab\xaa\x96\x93\x00\x01\x11\x01\x95qe'</t>
  </si>
  <si>
    <t>b'\xc0\xbc]\xdc\x8b\xb8\xe9\xd3\xb6\xb5\xeb\xd1T\x8e\xd8^\x00[\xfbfHJ\x11\xa3tS*i\xb8\xa8\x19\xa3'</t>
  </si>
  <si>
    <t>b'\xd4x\x13\x8d\xd3\x00\x86UZr\xb1\x13\xb3\xef\xdd\xa0&amp;,\x95\xd8!~H\xbd\x86C\xfa1\xe8\x91\x00`'</t>
  </si>
  <si>
    <t>b'E\xd2\xf3|"4\x12\x13\xd2\x97\xf3\x9ck\xe9\\\x1b\xb3\x9c\xc3$\x0fY\x95\xb1\x8fj\'p.\x15\xd7I'</t>
  </si>
  <si>
    <t>b'`_;\x8d\xc4Z\xd6}\xb2Z\xa2$\xc6\x11\x14\x00\xb6cQd\xb5{\x011e9\xb7\xb2Q]#\xfb'</t>
  </si>
  <si>
    <t>b'~\xda\xa5\x8a\x97\xbf\xd2#\x8a@\xd8=\xa6DR\xb0\xd2\xa6$\x05\x8c\xef)V+\xb3S8/\x80\xcf\xdc'</t>
  </si>
  <si>
    <t>b'\x07\xed*\x01ryI\xfc5g/\xc2w\xab\x8b5\xb5&gt;X\xac{\xab\xa6\x13z\xd3vY\xdf\xe6p\xb5'</t>
  </si>
  <si>
    <t>b'E\xe5&gt; yB\xb0\x00A1\x8a\xc5/\xab\xd9\xd3\x92\xea3\xbe\xd7\xe7\xa0~\xd8&gt;\xd0\x16\xeb+\xb0\xb4'</t>
  </si>
  <si>
    <t>b'\xf8p\xe7\x16.\x0c\xc2\xff\xf4\x83\x15\x02\x0eA9\x86T\x14^_\xd2\xfa\xe8B\xbfd\xad\xfb\xbc3?\x05'</t>
  </si>
  <si>
    <t>b'\x07\xe8\xcbo\xc8\x8b\xef0\xa3=\x18\x0e?^w\xa3\xeb\xe1F\x89\xd3m\xce\x1ai\xf7\xb2\xe1\xc6\xf0\xd9\x14'</t>
  </si>
  <si>
    <t>b'z\x06\xf5\xd1\xe3\x81!\x8dg$X\xe4\xf8/h7\xb1d\x9f\x9e\x13mc\xd2\xf6Z\x8bQZ\x14\x84\xa7'</t>
  </si>
  <si>
    <t>b'm\x07\xa3:\xa8F\xa6}H\x1a\xa8 \x97\x155H\xbeDKO\xdf\x80\x98\xb0\x08\xb9D\xaf\xad\xf8N\x03'</t>
  </si>
  <si>
    <t>b'\x15\x05l\xb4\xcb&gt;\xb5\xe8f}\nM\xf8v\xb2\xd9\xcd\xe4\x14_\x16\xdf\xd6O\xbc\xcf\x82\xee\xeaC\xd1y'</t>
  </si>
  <si>
    <t>b'\xa4\xa7\xd6L\xd6\rmT\x9e\xf3\xaaR\xe8b\x07P~+=\xc7B~\xbcU\xc5-\x89r\xc9l\xf4?'</t>
  </si>
  <si>
    <t>b"\xc2\xd9F\xe3\xd9CV\x10\xd4\x8c!\xee\x89jL*\x9b\xc7\xda\xc2p\xe0\xcf\xe3\xe5\xa0,'$b\x91K"</t>
  </si>
  <si>
    <t>b'\xae#\xae\x85g\xda\xfaCP\x0f5\xf5\x14n\x13\xee\xd3\x1cN\xa5\x829`U\x98H7\xba\x1d3=\xf3'</t>
  </si>
  <si>
    <t>b'\xda&lt;\x12\x05f\x85\xd2M\xc0d\xf4\x81\xa8H.Q\x17\x00e&gt;\xa1\xa9\x83\x01\xc3|\xaf\xc3\xee\xc7\xdcO'</t>
  </si>
  <si>
    <t>b'fC\xc6Y\xbdg\xa3\xcd\x1e\x9f\xec\x19\xc0z\xf4\xcd\x93\xac\n\xd0\xcb?\x87\xa4y\x83\xfd\xeew\xd4\xbeG'</t>
  </si>
  <si>
    <t>b'}\xb6\xf9#\x1a\xe2\xbb\x12:+zd!\x9d\xbf\xa3\x85l\xb5\xe4\xab\xd1\x8f=\xd5\xd4ME`+n\x93'</t>
  </si>
  <si>
    <t>b'\xbc\xfc\xee\x05h\xe3\x96\xe8j\xc5d\xc9\xc9\x8dB,\xceBS!\xc7\xace\x06\xbe\xe2\xbe\x88M\xfb\r\xd5'</t>
  </si>
  <si>
    <t>b'\xf0\x9b\xa2\x05K&gt;\xa6\xc3\xe02\x9d7\xef\x7f+\x80\xad\xce"w\xc0\x0c[\xc6/P\x86\xae\xf9\x90\x8d\xaf'</t>
  </si>
  <si>
    <t>b'Be\xa2lK5\xcf\xb5\xee6]L\xcc\x9f\xef\xd7x\xfd\xb5\x83/?\x8cV\xc4\x03jU\xda\xff\xd0{'</t>
  </si>
  <si>
    <t>b"E\xdd\xc4\xc7\xc9\x00!\x99E\xa0'\xb1\xcb\xfej(\xdfQ\xa9\x95\x8avr\xb1}\x1eW\xb3\x0cv\x93\xb5"</t>
  </si>
  <si>
    <t>b'\x1d|\x904\xd9\x07\x81\x13\x0fo\xb2\xbd\xc8"0\xf5\xd5\x95UoK\xa0|\x83$OL\xd7)L\xed\xc2'</t>
  </si>
  <si>
    <t>b'["\xde\xe1\x0f\x08J\x06\xdf\xf5\x9b\xac\x7f\xc8N3\xca&lt;\x80\xa7?\xd8\x10\x95!\xa1\xd2\xf7\xcfv\xe7M'</t>
  </si>
  <si>
    <t>b'\xef\x9e\x01\x86\xd1\xa1\x96\xe1\xaa\x7fK\x1f(~\x97\xeb\x9e\x9b&lt; nV\xfb\x8f\x9f\x18\xa4\xd8\xe6L{\xc7'</t>
  </si>
  <si>
    <t>b'\x8az\xaf\xe3\xfd\xaa\xc9\x93cM\xc7\xde\x07K\xe2\xa7W=E\xad=\x06Pgj\x9e\xc0A\xe7\x03H\xf0'</t>
  </si>
  <si>
    <t>b'\x9a\x96T\x17\x18\x16\xf3\xb8Y\x05d\x0f\x0b}\xf2.\xca\xe2/\x14\xacT\xf2\xbe\x12-\xe6\xb5\x8a\xc72r'</t>
  </si>
  <si>
    <t>b'\xab\x06px\xf9\xbb\xb4\x8c\xf5_\xa2\xcd\x86\x8a\x14\xe2\x08\xb2^\xa6 \x13\x18_\xf3\xfb]U\xe1\x13\x81\xbc'</t>
  </si>
  <si>
    <t>b'N\x8d\xe6%\n\xa8=\xc5\xda\xcd\xfc\xfc/\xbc\xaa[\xd7\xa4-\xc7\xde\x08/\x01c\xa9\xbd\xc0\xf0\xbdu\x95'</t>
  </si>
  <si>
    <t>b'\x0e\x95P\x1d\x81-H\xfd\x00-X\x99\xff\xcb\x94g\xac$l\x18\x86+}\xfa\xcb\x05\xc1l^\xac\xdd\x11'</t>
  </si>
  <si>
    <t>b'\xe6\xcb\xef+\xb5;\xa0\x83\x8f\xe8\x0b\x94\xf9u\xe8\xbd6\xffJ2Z\xee\x11\x07\xe9\x13\xa6\x1c2\x17\xc17'</t>
  </si>
  <si>
    <t>b'\x00\x91i\xf7\r}\xaah\x8a\xae\xfd\x11 \x12)U\xfe\x15\xa4\xdf\x80\xd9U\x0b\xc1\x14\x08\xab|j\x16('</t>
  </si>
  <si>
    <t>b'\xbd\x9bi$l\xc3\xf5\xe7\xb1\x0e\x06\x06\xc25\xed\x9f\xc8\x87\xe1M0\xb4\x18\xbc5\xb8\xc0\x1e\xd7u\xbbe'</t>
  </si>
  <si>
    <t>b'O)/\x1c\x81T\x8e\x83\xe6\xfe\xb1\x8d\xe2@`\x1d\x99\xed\xdd\x18E\x99\xdbG4\xdfu;@\xb5v*'</t>
  </si>
  <si>
    <t>b'_|#\x04\x90t/J\xd3\xf9\xe0\xb0\x11~5S\xcf\xc2q\xddE\x04\xf0\xb16\xd5\xe3:\xd7\xd1ut'</t>
  </si>
  <si>
    <t>b's^\xc9:\xac\x9c\t\xd0\x93L\xa7\xba\x1c\x84!\r\xdc\x1ea\x8a\xa7\xff\xfd\xe5\xe9df\xe5\xc1\xc6\x80\xa3'</t>
  </si>
  <si>
    <t>b'\x18\x97\n2jC&gt;\xce\x812bW#b\x84\xcf\xfa&amp;\xc4\x93\xf7\xa3\x99g\x13^Ke1/\xc0\x07'</t>
  </si>
  <si>
    <t>b"\x97=W'v\x9e;\xa5cl\xdd*\xde\xfe\x99&lt;%\x9a(\x14\x98A\xb1\xe3Pw)\x1a\xb0\xba\x00A"</t>
  </si>
  <si>
    <t>b'\t\xd1[-\xeb\xd2\x8cd\x18\x1f\xe6\xb0J(\xd1"\x95m\x1a\x95\xc9\x90\x0b\xf0\xf3H\x8dC\x90\xd3K6'</t>
  </si>
  <si>
    <t>b'\xbd\xdde\x81)_\xaf\xe5\xa0\x986\x1a\xa7a\x19\x07\x88oD\x847\xdf\xf9\x17Q\xfa\x12\xd0\xf0r\r\n'</t>
  </si>
  <si>
    <t>b'/\x1ew]C.\xff\xe2\xdb\xe3d-P\x1b\x1b\xfdj%obT\xb9\xef)Y\\\xdc\x92\xac\xfc\x88L'</t>
  </si>
  <si>
    <t>b'\xc9\xe6\xc3V\x0f3\x9bLM\x9d w\x1f\x91`\x81\x11w\xa9\x82\x93\xbc\x82\xb1F\xf5\xc5I\x93j\xea,'</t>
  </si>
  <si>
    <t>b'\xf1\xa0&lt;\xd4\xbc\xbc7\xb5H\xdb+\xeb^\xee\x06\x8f\x02&amp;\x1f2&gt;Z\xdaq\x92bf\xcf\xd9\xc8\xba5'</t>
  </si>
  <si>
    <t>b'\xebw\xfd5\x8e\xcd\x83\xab\x9a@\x1e7\x1f\xfd\x17\x92\xaf\x15\r\xb3\t4\xe12\xb1j\xbcGEBa\xc6'</t>
  </si>
  <si>
    <t>b'\x1d\xd8\xe8(\xad\xe7\xed\xa8\xc1\xccwJ\xd5!8 \x05\xe8&gt;\xd1\x1bJNx\x0e4VN\xd8i\x1e\xf9'</t>
  </si>
  <si>
    <t>b'\x05\xf3\x8e\x11\x81\xa3\x1a5\x0bF\x85k2=Tt\xf6V\x83\xbb\x19\x0f\x89\xae.\xd3\x92\xe8\x8a\x0c\x7fF'</t>
  </si>
  <si>
    <t>b'\xc9U\xb1\x1e-[\xe8=x\xff\xd4\xe4\xdbR\xa9\xa0$\x94\xd2\x08\xd8\xfe\xef\xf4N\x9c\xddt\x94zm\xe8'</t>
  </si>
  <si>
    <t>b'\xb6\x14\x14\x13 \x9f?]F\xfd\xf1~\xd9%&amp;\x0f\x96\xdd\x1e\xc3#\xfa\xe7q\xbaD\x89S"A\xd1I'</t>
  </si>
  <si>
    <t>b'?\xb8\n\xf0\xaf\xdc\\\xb1\xd9}\x8b\xd5\xd7\xe4\x06\x8a#\x9aN\x87\x84\xd3\xcf\xd7\xa6&lt;\xa3R\xfb.j\x84'</t>
  </si>
  <si>
    <t>b'\xb8\xfa\xa5e\x8c\xe5\xb1\x14Q\xde\xe6\x11x\xd1\n\x96\xd6]\xdc\xa2\x8f\xd6\xab\\\x80\xa4\xcbp\xe5\xff\xd5\x0c'</t>
  </si>
  <si>
    <t>b'\xc1P\xe5\xad\xc3T=\x99E\xae\xf1\xcf*\x12\xa3l4\xcaF\x9e\xd4d@W\xf3\x9b\xe6\x99\xe48\x1f\x8d'</t>
  </si>
  <si>
    <t>b"@v\t\x95N\xa9\xa4=u\x97\x8d\xf2\xa32\xa7\xc3\xc2\xd4\xeaw0\xa9&amp;\xb8P\x90\\\xc9\x84'\x14\xb5"</t>
  </si>
  <si>
    <t>b'\xcfM\x1c\xdf2J\xce\xe0e\x8f\x83\x8b\xd8\xde&lt;\x83\xb6G\xea\xb1\x9a\xf4F\xafn\xe77\x0e\xa9\x13\xec('</t>
  </si>
  <si>
    <t>b'\xc73\xce8\x99\x8e\xd2A\x9e\xe8\xb9\xd4\x82=T+\x11\x12\ne\x86\xff\xee\x11\x94\x9f\xf0\xef\xaf\x8e\x00\xe7'</t>
  </si>
  <si>
    <t>b'\xb3\xc5\x96 \xca\xff\'\x0e\xd3\x05\xbeY\xe8o\xe8 )\xebO\xe4\xd1\xe5\xd3=\xa5wW\xf1!\xc1"\xd0'</t>
  </si>
  <si>
    <t>b'\x11\xf6$\xe8\xb5\xe2,\x9eJH\x9d\x8ds\x90\x03\x8e\x02\xa0h\xb6\xe7t1hf0\xbbSR\x95j&amp;'</t>
  </si>
  <si>
    <t>b'fS\x82u\xd1\x96Iz[i\xd1\xf7\x8e\x8a\x93\xdd\xc9\xba5\x92\xf5p\x9c\x1c\xd9\xa8G\xf4\xd2n\xff\x1d'</t>
  </si>
  <si>
    <t>b'\xd4\xfe\xc9Et\xceyb\xbdA\xee\xc4\xe5\x1fw%\xa6\xd6\xd76\xae\xcf\xd8\xc2\xdaJdy&lt;9\x9a\x1b'</t>
  </si>
  <si>
    <t>b'\x0b"\x0e\xb6\xcb]Q/\xeb$\xb7\xc9\xec\xfaon\xc0\xef5=u\xc9\x9b\xa2b%b\xa0\xbdN.\x9e'</t>
  </si>
  <si>
    <t>b'"e"\x0c\xfdy\x90\xba\xfbU\xb4)Rk\x1c\xdaz\xa8\xfbb\xea\x83 _\x8eb\xcat\xba\xdbH&amp;'</t>
  </si>
  <si>
    <t>b'\xe5*=&gt;[\nVp\xd5n\xb9L\x7fak7;\xc3l~Q\x81\x99\x0e\xfd\xceZI\x958M&gt;'</t>
  </si>
  <si>
    <t>b'\xc7TM\xb0\x01\xab\x99M\xbc\xf2\xb6\x14e@O\xef\xd6.,\x87\x9dI\xb3\xcfr\xc6%g\x11b\xdf`'</t>
  </si>
  <si>
    <t>b'\xc23\xcdR\xbc\xb2\x85*P\x9f\xb9\xe6\x92o5# R?V\xfa\xac\x0e\x1fH\x0b\xd6\xb3m4]\xe6'</t>
  </si>
  <si>
    <t>b"\xd1\xe0V\xa1\xbf\x8d7\xc7\xb0\x16\xedy:zSd'0\x99{z\x95lS\x19\x97\x99&lt;\xaf\x10\x8ac"</t>
  </si>
  <si>
    <t>b'~)B\x03\xdby1\xc7\xa9W\xa2\x02\xf8(\xee\xa8H\x02y\t0\xc3N\xbf\xca\x15\x92\x8a\x06Y\x89T'</t>
  </si>
  <si>
    <t>b'\x13\x06x6F\x94o\x88&amp;s\x97Z\x0e\xcf\x00\x86\xd3\xa9\x8cP\x910\x05\xd3{?\x01\xab\xa2\xf6\xa0\xad'</t>
  </si>
  <si>
    <t>b'G\xee\xea\xdd\xf7H+(\xd7&amp;$g{Z\x81j\x8b\xc8\xe5\xcc\x8c\x92b}\xc4~I\xe9\x0f\xecB\xe0'</t>
  </si>
  <si>
    <t>b';$\x7f\xfah\x7f6,\x86z\xfe&gt;W\xce\x8c\x869\xbc\xfc#i\xd7m\xb4\xa7\xcfqJ\xe4!\xa7\xf3'</t>
  </si>
  <si>
    <t>b'\x8b6\xe1\x9d\xbb\xdb\xb8\xf6\xe0|Fc)\xdfn\x01=\xfc\xdc\xa3\x9d\x94\xa2-[\x03~\x04m\xf66\x11'</t>
  </si>
  <si>
    <t>b'\x82q\xcd\xf3X\xbf\x86\x8a\xc6\x89p\xea\x0ccd\x17\xb9LN]o&lt;\xec_\xacHZ[i\x81\x8fC'</t>
  </si>
  <si>
    <t>b"|\x84\xf0\xd2\xf8\x81\x8f\xed\x1b7E\xd1\xaf\xac\xfb\x06\xd5o\xd7\xb4\xdf\x12\x8e\xfe:\xdf}\x1f\xb2\xe6\xd6'"</t>
  </si>
  <si>
    <t>b'D\xcb\x94V\x12"\xda\xedmf\xc4~\xad\x8f8_\x1d\x9d\xd4\xfc\xe6\xfa\x1d9]\xa0W\x06\x055}&lt;'</t>
  </si>
  <si>
    <t>b'9Q_\x06\xf5\xb03\x10\x87\xdf\x11\xce\xc9rg\xab\xe0:b\xe5\xc4\xce;\xb9\xaf;\xbd\xfa/\xce\xec\xe5'</t>
  </si>
  <si>
    <t>b'"\xac\xba\xae\xb8s,\xdb\xf6\x8b\xce\xec_\xc9\xfb\xc3\xaeD\x83\x0c\xb2\xa6\xd7EK\x17\xa6\x10V\xd5b\xdf'</t>
  </si>
  <si>
    <t>b'~1\xc8aTq\xdd\x9c"ai="\x87&amp;\x7f}\x8cmfl;\xe5\xac\x0et\x96d\xa5\x87\xfd\xfa'</t>
  </si>
  <si>
    <t>b'\x9d\x84\x01Qi\x8fGb\xef\x97&gt;\xafZ\xce$\x02Y\xcd\xe7\x03@*\xbc\xd8\xd1\xe3\xc16[\xee"\xaf'</t>
  </si>
  <si>
    <t>b'\x925\x02Q5e\xd8);\x153\xf3\xf5\x0c\xd7g\x97\tBG\x87[\xa2\xe8\xadh\xa8g\xca\xe3"\xe8'</t>
  </si>
  <si>
    <t>b'8-\\\xf6j\xc3M\xfc3\xe8\xec\x1d|\xc1\x0f\x1d[U5^\x10i\x18L\x95\xd7\x8d\xcc\x0eB \x9e'</t>
  </si>
  <si>
    <t>b'\xb8\xc2 \td\xe5\xa9[6 p!\xd8\xab\xe7q;\xbfG\x90\xff\xce\xa1b\xd3\x84e\xc6H\xf7\xd2t'</t>
  </si>
  <si>
    <t>b'\xf0i\x0b\x1b\x18\x9e\x05\xc9\x11\xe0\x06\x903,4"\xb4\xf8\xa9Uf\x96\xf7\x11\xdb\x96\xf0\x80\xa2\x93:\xe8'</t>
  </si>
  <si>
    <t>b'&amp;\x1cD\xad3\xf3U\x82Y\xe2\x1fy\x87\x80\xb1\xd5b,\xaf\x02\x89[\x87\xa1\xdc!\xd0`ad\xf8\x97'</t>
  </si>
  <si>
    <t>b'\x9fy\xd9\x08\xb1\xe3@\xd8\xa5{1~\xa8$\xfe&lt;\x15\n\xfaj*\xf3\xbb/\xdfN\xac\x9b\xdah\x89O'</t>
  </si>
  <si>
    <t>b'\xcaRoH\xaa\xa9\xcc\xef\xc8\x17\xf3(Y\xed\xed\x02\x89\xe9\xf4pV\xc7&amp;#!h\xd6&amp;\x07u\xeb\x17'</t>
  </si>
  <si>
    <t>b'+jL}\xcf|\xb6|\x9e\xfa\x8d\x04\x88\xb1^\xd3\xae\x99FC\xe3 \x0c\xdcL&lt;LCy\xf4m\xb1'</t>
  </si>
  <si>
    <t>b'gW\x1eL\xaf\xe6\x99:\x92~\xdb.%\xc1\xc4\xd1z\x05\xf2"\x99\x8a]d7\xd35\rD\xc1b\xd9'</t>
  </si>
  <si>
    <t>b'\x9b\x0f\x82\xc9\xb7\xd6\xd6\xe2\x80u\xc8\xfdp\x81\x16Qf\x12NA\xa8\xb8\xb2\x16\xf99\xe2\x06\xbel\xcak'</t>
  </si>
  <si>
    <t>b'\xd2L\x99\x18\xf2Ir\xa8\xbf\xb4:\xf7\xa3r\xdd\x03\x83\\Tp\xfa&lt;\x80&lt;\x8a\x1a4Y\xa9mb\xe9'</t>
  </si>
  <si>
    <t>b'\xff\xbb\xffA/\xc7\xbf\x12\t\x11l\x1c\xe1\x19\xca\xfeB\xca\n\xd9\xc3\xf0\xcaI\xeas?\x91a\xd6\xc1\x9c'</t>
  </si>
  <si>
    <t>b'V\xb5\xd6\x84Q\xd5\xc6.Y\xb6\x1f/;\xf0C\xde@\n&gt;\xee\x94-\xfe]m\xf4\xb6\xea\xe2C\xe1\xd0'</t>
  </si>
  <si>
    <t>b'\x00\x14\xaa\xe4:\xbb\xce\x0f\xdc\x8cDj3\xd2\x13\xe0\xb3X3\x1bF\x8c\xc6\x85\x95\xb4K\xc0\xb4I\x8f\x81'</t>
  </si>
  <si>
    <t>b'\xfb*\x16\nS\xbdp:\t{\xc9\xa6\xac\x06\x93\xee\xa1\x95Y\xbb\x01k \x04uw\xc0G\xbdfK\xed'</t>
  </si>
  <si>
    <t>b'\xf2\n\nd\xa0\x16W\xc3\xd0\x80\xba\x0fJxzq\x8b\xf4\xc3~\xb6\x8b\xbfM\x03iX\xdc\xf8DS\x8d'</t>
  </si>
  <si>
    <t>b"\xcb\x99hK@\xa0\xa0\xd8\x02\xdd\xc0U\xe9\xce\x13\x12yK\xdbC\xeb\xda\x80&gt;\xb0\x02U\x83;\x8a'\xf6"</t>
  </si>
  <si>
    <t>b'zU\xc3\xe6]f\xb6\x8f9\xa2n\xb9\x80}(\x1bPE\x87\x85\x8c\xd0\xc4\xacj\x1diHy\x99j*'</t>
  </si>
  <si>
    <t>b"~'4\x92=\xb6\xca\x1f7\xe8\xda`|\x81\xb4;\xf4\xcc\xac\xb4LS\xf5e\xd4\xc8?e\x9e\x81u&gt;"</t>
  </si>
  <si>
    <t>b'\xd55\x97\xd5\x94\xae\xbb59.K\xbf\x01\xf1\x85\x14\xc6\xdd\xc2\x03lhShc@\x00N\x05!K.'</t>
  </si>
  <si>
    <t>b'\x9c\xbf\x8b\x8f\x88jl\xb6\x03i\xb7\xf9\x9f\x18\xd3\x11\xa9\xf4\x0c}\x8cK]\xba\xc8\xb3\xe8W\xaeh\x05g'</t>
  </si>
  <si>
    <t>b'_\xbcvx\xb3\xe8\x87\n\xdc\xe8`&lt;b\xd2\x80\x0f\xcc\xa7( \x9b\xb6\x18\x8a\xbe\x13\x05\x16\x8c\xb1\x7f\x8b'</t>
  </si>
  <si>
    <t>b'\xba\x18\xc2\xa2z\xc9\xba\xc27\xbc\xf8\x07j\xc2j\x8bQ&gt;M\xc9\x9a t8\x10v\x97\x91\xd2R\xa1j'</t>
  </si>
  <si>
    <t>b'g\xa3y\xb5}"\xa7\xfe\xb0\x02\xcd\xcf\x87\x13\xc37&gt;y\x00y\xcb\x01\xe1\xae\x0c\xcc\x9cyL\xecA\xd9'</t>
  </si>
  <si>
    <t>b'\xb4\xbb\x06\x88o\x1b\x9d\xd4\x1a\xc8T\xd5\x8b\xdb\xe5\xa2\xfe\xba\x7f\x14R\xb5\xe6*\xf5h\x83~\xab\xe9{t'</t>
  </si>
  <si>
    <t>b' n\xd9\xe6+74\xb6\xde\x0bb\x8a\xf1!\xef4\xaf\x03u\xef\xb6]\x87\xbfv\xf7C@\xe2\xe7i\x97'</t>
  </si>
  <si>
    <t>b'7i\xc9\xbf\xca\xac2T\xac\x01\xb2Z\x01\xa9\x80]\x07\xc3\xf5\xe2\xe7\x1d\x90\xfe:\xd2\x97\xcbe\x1cff'</t>
  </si>
  <si>
    <t>b'\xb9\xeaf/Q.\xd3(}|\x8b\xc6&amp;\xc009\xee8\x0f\x06A\x93\xa7\xed\xe7Qq\xee\xd2:;\xc4'</t>
  </si>
  <si>
    <t>b'kD\xed\xd0n\x96\x9d[\x0f\x1fN\x01m\xa1\xe5;#\xa8\xfe\xd0\xb7J.\x04\xadYq\xfbu|`\xfb'</t>
  </si>
  <si>
    <t>b'\xe4\x8b\x0f,\n\x88\x13N\x19\xa9|\xafm#&lt;\x7f\x92"|\xa4\xa3\x9f!\x14\xe9y\'\x7f\xd7\xed\xdcv'</t>
  </si>
  <si>
    <t>b'w+\x12\xcdp\x88\xfeu\x98\xb8\xf5\x9c\x10\xe4Dz5#\xf4\xfc&amp;\x89\xf7\xd4%\xa5!\x14b\xf7|\xc5'</t>
  </si>
  <si>
    <t>b'\n\xb3\xb6.Yp-&amp;\xf1G\xeb\x9a\xc3 \xcd\x16\xe9ae\tz9a!&amp;\xea1ZT1G\xa6'</t>
  </si>
  <si>
    <t>b'\xc5\xf3\xa2u\xf5\xfa_\xe1e7K$\xd0)#;\x9b\x01By6\nIa5J\x04\x03)xu\xf4'</t>
  </si>
  <si>
    <t>b'\xb1q=C\x96\xd7Z2f\xa1&gt;g\xdbTe\x9c\xabxY\xdfG\xa3J=\x9c\x8db\xf4$\xe1\xf3\xca'</t>
  </si>
  <si>
    <t>b'0&amp;H\x1e\x1e\x16hU\x88\x0b\x11\xd6iu-r\x8aj\x8e\x86v[\xa5\x1b\n\xf7~M\xb9E\xa2Z'</t>
  </si>
  <si>
    <t>b'U\xfeq\x18\x99\x7f{j\xe6\x92\xba\x1f\xa2\x10\x7f\xc9"1\xab\xb9\x914\xb8\x11\xec\xe2\xa7($gA\xaa'</t>
  </si>
  <si>
    <t>b'T#&amp;\xb6\x7f%\x1c"@$\xdc`\xc6\xfd&amp;\x0b\xd5\xe96+\xdco\xd6\xec\x8d\xc2\x88\x8f\x97\xe6\x9b\xcc'</t>
  </si>
  <si>
    <t>b'\x106\x19\x02\x1f\x0b\x7f\x06\x87*\x1bY\xce\x87\xbb\x94\xadK\xe45\xcfY\x81:\xd7\x95\xc6M\x18\x95\xfd\xa7'</t>
  </si>
  <si>
    <t>b'\x9c%#Y\xd1x3\xb7\xf02\xb6U\x94\x9bRZ\xae\xad\x18\xad\xc5\x96\xb5\xa5\xf8\x92\xa5\xbb!\xe0\x19\xb2'</t>
  </si>
  <si>
    <t>b"\x01\xcb\xe2'br\x11\xa4\xff|\x18\r\x06\xe3\xb5\xa8\xdb\xf9\xe2\xe3\xe4Sb`&gt;\\\x85\nAi\xd5\\"</t>
  </si>
  <si>
    <t>b"\xc8\xbb\x0c=G#:\xe7p#\x94\xe1\xce'\x80?\x87\x10\x9e\x90G\xfa\xf2\n\xcb9x\xa4\x1e\xca\xb1\xc6"</t>
  </si>
  <si>
    <t>b'M\x94\x16J?^\xb8\x12D\x0b\xb7\xec\x0f:\x0c\xd3\xc5O\xa7\xcar\xa9\xbc$N"8\xff\x16\x01\xb3\x08'</t>
  </si>
  <si>
    <t>b'\x1d%\xc3^\xb9Z\xa6i5\xd5U++\x9el\x13\xd4\xa0\x99"\xde\x10\x8ee\xeet\xe4m\xac C\x07'</t>
  </si>
  <si>
    <t>b'\x08\xa2\xd6[\xaa+e*\x02\x03\xf1\tY&lt;\x99\x04\x00M\x1dC\xa6\xfa\x07N\x97Pru\xb8\x95\xb7\xc0'</t>
  </si>
  <si>
    <t>b'\xbb539\xb9\x9d\xad\xd3r\xbf\xad[\xb2\x95\x7f\x88\xb3F\x14l1\x9f\x0cD\x19\xf8Rhl]A\x82'</t>
  </si>
  <si>
    <t>b"E\x16z\xf1I\xeb\xc3\xd2N\xb1\x00\xea\xb46k\xcf\xf1\xc6j\nX\x85\x80\xe9'\x8bbQ\xcca\x95\x84"</t>
  </si>
  <si>
    <t>wedding consolidation</t>
  </si>
  <si>
    <t>b'E\x9d\x1d\tD\xbf\x8f\xd7\x1d\x11hZ\xef\x0bf\x14\xb13\x1e\xae\xfa!\xbf\x02/T\xd3\xe3\x1a )\xd8'</t>
  </si>
  <si>
    <t>b'Kh7\x90)\xeb\xaa\xab\xd9\x81\x8b\xfb\x84\x18.l\xc7BA\xab\xbc\xd8\xb4M\x9f\xef\xf2\x0c%w5\xb1'</t>
  </si>
  <si>
    <t>b'J=\xe0$\x12\xf3\x02\xa9\xfe\xe83\xd7\xd3F{\xe1\x82t\xe2\xfd)m\xdf.\xd7-=\xce\xa3O;\x16'</t>
  </si>
  <si>
    <t>b'\xa9\xb3\x17\xe4\xc9\xda\x8f\xa1G\xee\x81\xae\xe0A}\x0e\xf2msWW\xc6;4\x8a\x1c&amp;\x95\xe86\x94M'</t>
  </si>
  <si>
    <t>b'~\xa8I\xa2]\xe9\xf3\xa0\xae&gt;\x9a\x8b\xa2\xa8\xaf\x155\x94\xe36x\xf6\x0e\x8e\xed4\xb0\xc6\xed\xd9\x1a\xd3'</t>
  </si>
  <si>
    <t>b'\xd7\xdeE{\x0c0\x1b-\x9dv6\xbe\xdb\x8d\xbf\x19N\xb4T\x15\xf1$\xfc\xf5\xd5\x97\x8dF\xad\r\xe7\xd1'</t>
  </si>
  <si>
    <t>b'\xee&lt;\xbbDvzS\\\x0c?\xca\xd9[\xd8\xd7a\xcd\x8b\xaa\xa4\xd1z\x0b\x17?\xcf\x06RE\xbd7\xf3'</t>
  </si>
  <si>
    <t>b'\xf8\xde\xc7\xf0\x81\\\xf3\x08\xa7\xc2\xc4\xbe\xcaV\xf2\xcd!\xee(? \xd4\x84\x0b\xe0\xef\xfc\x11:v\xc1('</t>
  </si>
  <si>
    <t>b'E\x8c!\xfdJa\x91\xa8\xdc\x88\xa5\xf5-\x906\x1d\xe1\xcb\xcb\xb2 \x0e\xf2\xc3p\xad!s:\x87\xe6H'</t>
  </si>
  <si>
    <t>b'\x9e}\x9b\xf4\xb7!e\xcf\xe8^\xc7\xb0^c\x16l\x87\xd6\x91\xb7N\n\\\x04hp8\xf0\x95v\xa1H'</t>
  </si>
  <si>
    <t>b'\x98\xc7h\xcd\xd4\xd8/5\x85\xcfh\xda\xd2\xddn\xa8\x1d\x99\xc62\x04)\xe4\xfc6\xb6\xd7\xf4HK\x971'</t>
  </si>
  <si>
    <t>b'\x7fl7\x83zU\xfd\\\x00\x82\xcd\x8c\xa0\xa9\xda\xc9txd[N\xaad\xac\x93.`\x9aU\xbe\xab_'</t>
  </si>
  <si>
    <t>b'\x02\x06\xae|\xc9h\xcd\xed\x12\xa4\xe1\x10R\xc5`\xc0\x8bG]\xacL3\xfa\xff\x17\xa6\x149\xef\x91\xa8\x9f'</t>
  </si>
  <si>
    <t>b'\x8f\x8e1,PC\x05S\xf0\xee$\xd44\xca\xf3\xd0\r\xdeF\xae)\xd7\x8c3\xee\x1f\x07\xc2\xf7\xae\xab\xfe'</t>
  </si>
  <si>
    <t>b"&gt;s'\xc7\x10\x1f\x99\x934i\x8d\xe6&amp;\x97\t\xb4\xe5\xfeO\xa8\x80\xaf\xb7L\x11\xe1\xd0Y \x07F\xbe"</t>
  </si>
  <si>
    <t>b'@SG\x9b;;\x12\xf4\x07\x9aj\xc6\xc5\xf7\x08\xb9\xe8\xc7\xbc\xf2\x8e\xcbG\xeb\xb3\xc4}\x96\x0f\x88dQ'</t>
  </si>
  <si>
    <t>b'\x81\x16\x8c\xee\r1\xc1\xe0\xf9\xc8\xd5\xc9\x17oxo\xe0\xbbi\xb9\xdba=\xba\xf39/\xe2E\xd6\x9a\x10'</t>
  </si>
  <si>
    <t>b'f\xd0+\n\x98]\x89M\xddq\xa6\xc8S&amp;XHj\xc5i\xf7o\xc9V\xb3A\xe2\x16\x19\xe2\xf2~\xf5'</t>
  </si>
  <si>
    <t>b"\x1e\xd1\xb7\xc0\xf8L\xf7\xf0\x04a\xbc=\xa4-')$\x91\xc9\xb4\xe7\x00\x1eyd*\xe9'\x19\x03\xe4\x93"</t>
  </si>
  <si>
    <t>b'2\xce\x05&lt;p\xf6\r\xe6\x7f\xc4S\x10\x1ev\x88\x99\x89\xf8y\xa7 \xb6(\xe7\ty\xa4P\xfb!\xda\xac'</t>
  </si>
  <si>
    <t>b"\xca\x8e\x13c\x93~c\xe6f\xbc5\xc2\xe2\xc8\xbc\\\xb5e]$'\xe4t\x98o\x9a\x97\xad\x89\xbeQ\xb2"</t>
  </si>
  <si>
    <t>b'\xda\x92\xff\xa3\x96\xcd\xd2\xf1\x94H\xf4jr\xcf\xfc\xdd\x1b\xc0\x88\xca\x92{R\x89~1\xaa\x91I\x14G\x1f'</t>
  </si>
  <si>
    <t>b'\xe0\xe4 \xa9\x1au\xe2\xae\x0eo\xe7\xda\x04&gt;+\x16\xfa\x18\xd7\xd7U\xc3\x02e1\xb4\x82\x1d]uU\x95'</t>
  </si>
  <si>
    <t>b'\xbfi\xe2\x17\x0fN8\xee\x8esq\xab\xc0\x10R3V\xa5\x06?\xaa\xd6\xf3\xf3]_\xe6j*\x90R\xc6'</t>
  </si>
  <si>
    <t>b"\xc4\x84\xd2\x04\n}0MK\x19tK\xaf\xf3\x1e`\xb9\xdf\xe6W ^\xa5N\xa0\xaf\xb1\x83'-\xf2\xa5"</t>
  </si>
  <si>
    <t>b'\xa0B@\xd6\xa6W\xceF\\\x15\x9f\x14\xf4dI\x01t\xe2\xc6Z2\xcf\xa1\x88%\x9c-\xd0\x1b\xa4Y\x11'</t>
  </si>
  <si>
    <t>b'/\xffgL\x84\x81\xec^\xbfC%Z\xa1\xac\x0f*\x94?--\xb9nb/H\x82g\xcfhg\xb4O'</t>
  </si>
  <si>
    <t>b'F\x13j\x84\x89\x9bB\xc7\x07&lt;\x17\xc5\xbb\xd0\xa0l\x1e\x12,\xa2A\x9d\xb2\x1c9-\xd7\xf3\x1e\xa9\xa7~'</t>
  </si>
  <si>
    <t>b'\x08\xf9\xe39\xb9\xc9p\x06\xe6&gt;\x850A$\xfc\x9bH[\xb5IV%,\xd6\xdaj_i\xc1\x8c0\xc4'</t>
  </si>
  <si>
    <t>b'\x00Yc\rZ\xd6\x03\x18\xb4\xdb8\xc2Q\x88?\x93\xeev\x94a\xd0\xbf\xe1U\xc0G\xe8|X_,\xe3'</t>
  </si>
  <si>
    <t>b'\xac\x84\xee\xd4eQJ4\xdc\xad|\x9d\x08\xa7A\xdbM\xbc\x0e\xc5\x1b-\xa3\xc1\xc0\xd7\n\xe9\x98;\xb4\xc9'</t>
  </si>
  <si>
    <t>b'r\xd1\xa1\xe9{\xae\x8a\x96\xb5\xf7\xe7\xe7\xfb\x90U\x9a\x9e\xd7Otw\xd4\xb2v\xf3\x9f\xcaP\x1f\x1a\tS'</t>
  </si>
  <si>
    <t>b'\x11V\xf7\x9f\x8dbz\r\xd5\x04\xb8x(\x17\xcc\xf93P\xf6@\x1d\xb1\xb7JsA:Xk{\xe9\xcb'</t>
  </si>
  <si>
    <t>b'5A\xb5@v\x81S{u\x150"\x19\xa3\x16\x0e\x0c\xea(H\x1d\x12\x1dI\xd7\xf12\xa4\xfa\xb2c\x17'</t>
  </si>
  <si>
    <t>b'UZK;\xa7\xdf0\xf2\xa3\xdd\x16\xc4\xb4M\xce8\xce\xae\xd8\x1c:\xb3\x8d\x10\x03J\xecn\xaaO=%'</t>
  </si>
  <si>
    <t>b"\x9d\xe8z\x1e\xef\xc1l?&gt;ug\x83*\xc2DC\xb2\x1b\x00\xa7\x8c\xf9&gt;\xc0\xb5h'\xdb\x1e\x93\xe4\x8a"</t>
  </si>
  <si>
    <t>b'\xcc\x16\xe9[R|\x07C7\xb5\xbb\x8bj\x1e=\x88\xd4\x12v\xf5&lt;!\x11l\x03V&gt;?\xc5\x03\xec\xa7'</t>
  </si>
  <si>
    <t>b'Z\xe2\x1d\xbb\x9c\xda\x89\xec\xe9\xf6s\x10\x9d/\x8d\xccL\xf4\xf1\xd7&lt;\xc5\xebH\x8f\xcd6f\x94\xe0\xb3}'</t>
  </si>
  <si>
    <t>b'\xbb\xd4\xd3\x10\xa4\xa43\xe3\xc8\x9c\x84\xb0\x978\xden2\xefqG\x8f\xe2\x0f\x19\xdcsU\x03D!m!'</t>
  </si>
  <si>
    <t>b'\xac\xe9\xb0\x93Ua"\xff\xfa \xe9S\xdf4Rx\xbex\x15\xafH\xbf\xb7%s\xfb\x9c\xc3\x01*\x84\x93'</t>
  </si>
  <si>
    <t>b'xwf.&amp;r\x0b}\xe9\r\xedJ\x98\x80\x9fZ\xe0\xdc\xeb\x9azB\x1b\xcc\xc1\xb5J{vi\xdf\xe1'</t>
  </si>
  <si>
    <t>b'\xb0)\x98\xf6&lt;\xeb\x90GN\xe4\x02\xa6\xe8\xb0\xae\xe4R\x95\xbc\x0e.\x88\x18\xb6\x9b\x04\xd9\x1d7\xb4.P'</t>
  </si>
  <si>
    <t>b'0a\xa5\x94\xe3\xe6*\x8d\xf5\xddP\xc1\x8bp@\xe0\x8e\x0b\xd7\xa8\xbf\xf5\x98\x1d\xb4g\xaf\x99\xde6\xf0\xf5'</t>
  </si>
  <si>
    <t>b'\xf5\xcb\xbfY\xe8\xb1\xd5\xbau \xdcA\xf9\xe9\xbc\xbe\xad\xf9\x1c\xde\x94\xbc\x88\xec\xea\xea\x0b\xd0rdQ-'</t>
  </si>
  <si>
    <t>b'\xd47@\xf2\xe7\x16\xaa\x8f:\x11\xb2N\x82\xc4t\x88^\x1dY\x89\xae\x17\xf5|e+mdm\xcb\xf6\xda'</t>
  </si>
  <si>
    <t>b'i\x1a\xd8\xa9\xc5\x91!\x95\xa0\xd4\x96\xb7\x15\xd6\tyQ\xf58ok\xc7\x06*\n\xf9\xfbx\xe3\x00\xd7\xea'</t>
  </si>
  <si>
    <t>b'{\t*:\x1c&gt;$\x04\xc6\x96;\x8d=Ck\x0e\xc8W\x1c\xc5\xaf@\xba8\xd1m\x9frU\x8d7\xfa'</t>
  </si>
  <si>
    <t>b'\x86\x96\xac/\x0b\xc9L\xd7a#6\x8c\xc4\xd8\xbb\x16\xc6|\xc5\x81=\x9f\x89_&amp;\xc9\xc2\x05P\xe5\xd7G'</t>
  </si>
  <si>
    <t>b"n7\x86'\x9d!\x1c\x00\x1av\xd8O\x0e\nO\xa5\x86\x04^\xd7\x93r\x92\x1b\xf0\x08\xb3;\x197\x9b4"</t>
  </si>
  <si>
    <t>b'\xa3\xd7\xb3\xee\x07\xef\xea\x1bb\x06\x8c\x1c7\x9fW\xed6\x9b\x06\xfd\xf8\xa0\xf9\x91\xbd\xd5\x0b\xf8\xde\x0b\xf64'</t>
  </si>
  <si>
    <t>b'\x91\x96\xef\x8d]\x02\x91\t+hM86\xa9a\xbb\x93$%\x04\xa0\xa6a\\&lt;\xca\x13\xd9\x12\xfd1\xa1'</t>
  </si>
  <si>
    <t>b"s\xd0:\xce\xc6o=\x1dD\xc94\xb4\x94#l0\x05\xcb\x11\xf2\xac\xa0\x7fi'c\xe3\xf5\xac\xfc\xeb\xae"</t>
  </si>
  <si>
    <t>b'c\xff03}d\xd4\xf1\x16\x19;-\xf8\xda\xa4\x12\xdd\xce\x91\xb1\x1f\xce\xec\xaf\xbc.\xe1\xd5,\x83F\xfa'</t>
  </si>
  <si>
    <t>b'\xcdyut\r\xa4\xfc\xed\xc1\xef\xbb\x1f\xf4\xad-\xdc\x01b\xf5\x14\x9b\xb5\xe4\x13\x91\x9cZ\x9a\xd3O\xbf\x7f'</t>
  </si>
  <si>
    <t>b'\xfe\xeda8\xb6\xdfv\t!?\xc0\x1b\xff\x7f\xe6:\xbc\x95\xc3Q\xb7\xab|\x88\xc3\xc0\xb3\x8138z\xd7'</t>
  </si>
  <si>
    <t>b'l\xf2b\xce\x93\x89\xec_\xa1e\x1d\x86\xe0\x8az\xfc\xd0c\xafIP"\xdcf&amp;\x0c\xeb\xfb\xcc.z\xfe'</t>
  </si>
  <si>
    <t>b'Dz\x8bt.G\x92\x8br\x1bb?\\Q\xf5H3\xe1\xfexf+\xba\x93\xbf\xfb\x7fF\xaf#`)'</t>
  </si>
  <si>
    <t>b'\xf7\xeb\x13C\t\xcb\x97Q\x85Z\xc3\x18I\xd2\xd9\xa3U\xaf\xcbk\xfc})\xdc}n0\x10\xf8\x04\x00\xd9'</t>
  </si>
  <si>
    <t>b'n\x9e,\x7f \x914\x0b\xd5\x94\x05\xb2}\xe0\xc2\x1bYb\xe1j.\xf7)\x8f\xf1\xf7\xa2)\xf4CW\x17'</t>
  </si>
  <si>
    <t>b'|:\xf3\xa4|!d\xdcc\xf3\xae\xef!\x90OT\xe7\xdc\xect\xa9\x94\x8a\xbbv\x8a\xa3\x1cw\xa8\xab\xc9'</t>
  </si>
  <si>
    <t>b'\xd1\xf2h\xa3F\x9a\xd4\x97\xb7\xe7\xa2\x94\x16\xed\xc2\xa3\xab\n;\xb2\xb3\xd8\xf5L;gu\x89c~3\xc5'</t>
  </si>
  <si>
    <t>b'\x96\x161\xe9\xef\xc05S#\xc1{~\x87J$\xab\x17\xeef\x82KG\xb1\xc1&lt;\x18\x032\x9a\xab_\x9c'</t>
  </si>
  <si>
    <t>b'6\x96\xad\xb7\x8b4;\xe9r~l\xff\x068\x15\x93\x82NxuZH/\x8a\xfaL\xa1\xaa\x95\xec\xab.'</t>
  </si>
  <si>
    <t>b'\xa9\xe4;\x14\xd7\xb31\r\x84\x02gE\xcf\xa7\xdb&lt;B\xa7\xf5h\xd2A\x06}^~f\xc9hcYY'</t>
  </si>
  <si>
    <t>b' \xca\xca\xf8\xe2T\\\x04\xcc\x0c\xa2\xde\xaf \xef\x85\xc5\xd6n.\xb1:\xd0\x9d\xaf?\xd0\xb0g\x18\x9e\xeb'</t>
  </si>
  <si>
    <t>b'\xb5\xa7\x1a\n3\x9e\xd8\xaeT\xb5\xa3X\xf7\xac\xb6\x99\x16{4\x1ft\xe5\xe4n\xff]\x03\n\xb4\xa8|8'</t>
  </si>
  <si>
    <t>b'q\xbd\x05\xbab\xbf\xc7\xb0\xe8\x01\xd3o,M\xcfL\xf6\xd8\xbbN\xc7\x1acg\x88L\x1f\xc4\xc5\x19Q\xbc'</t>
  </si>
  <si>
    <t>b'\xba\xb8i\xa0\x13\x00\xa1\xc9\x1c\xdb"\xe1\x9c\xc9(\x82\xd0\xa0\xbc\xa0._\x84U\xa6\xe4\x95d\x9b\xbbR\xf9'</t>
  </si>
  <si>
    <t>b'`\xaf\x80\xfa\xc3\xeb\x92\xfdq/ihsa\x0b\x94mI#\x11\x02V\xb8SP\xbf\xffg|\x7f\x01d'</t>
  </si>
  <si>
    <t>b'n\x0c\x04O\xa5\xfc\x9da)\x9aD\xa8\x10\xc2T\xc3-\xe5.\xb5\xb2;\xe4\xf3\x00\x15\x9f\x9b\xde\xb0\xb8G'</t>
  </si>
  <si>
    <t>b'4h\xdf\xf2\x99\xbb\xb6ie\xe0\x04\xde\xa7\x00\xca\xcf\x1b\xfb\xb4\x1ae\xa4\xea\x85\x01\xf5R\x8f6\x19\xd1\xbf'</t>
  </si>
  <si>
    <t>b'\x84\xe0Q\x9b\x14\xb2\x98~\xd5\xdb\xdfadCUuL\x12w\x80\xef\xdf\x18\xccP\xab\x9a\xb3\x8d\xbb\xb5&amp;'</t>
  </si>
  <si>
    <t>b'\xf3Yx]g\xe4ft\xea.-sB\xc1\xea\x83\xfe\xc3\x1cr\x90\xdf_\xaaV\xc1-\xf2\x05ff\xed'</t>
  </si>
  <si>
    <t>b'\xcc@\xcb\x87)\xe3GO\xdf\x96\xee\xf6\xee\x15\xa8\xf7X\xb3\xd1\xa1\xb4HH\xde\x14\xf7\xd1\xf1\xb3!\xc7\xd8'</t>
  </si>
  <si>
    <t>b'\x86"\xd4=m\x0f\xfe\x05\xf17\xc6\x07&gt;\x80\xf1\xa6R\xef\xe40\xcc\x8c\xba6\x89\xb9w\xa3\x1c\x7f-5'</t>
  </si>
  <si>
    <t>b'\x99\xcf\n\x9f\x9cX\x14#\x9d\xe72\x10,\xbf\xdd^U\xaf\xc2\xc6\x19\x08\x02\x1f\xfeht\xc85\xfc\xae\x9b'</t>
  </si>
  <si>
    <t>b'\x99/\xe6\xa2\x1c\xc0T5;\xd0B\xfat\xe8\x0f\xef4\xba\xdey\xd8\xd4.\x1f\xa4\x8dc\xb4m\xac\xcf\xb8'</t>
  </si>
  <si>
    <t>b'\xa2\xf5\xaa\x85\x98\xa2\xb1,=\xe2\xcb6\xbc\xd0\xea\xb7\xff&amp;\x96\t\x9a2\\\x90\xb56\x1f&amp;\xd4\x14\xa9\xfb'</t>
  </si>
  <si>
    <t>b"\x19\xdbG\xd1Z\x10@\xcb\x82\xd13c#bR&amp;\x8c\xd21x\x1f8\xc1\xcb\x1d\xf8,'K\x98\xf6;"</t>
  </si>
  <si>
    <t>b'\xb2m\x04WX\x97VP\xdf\xaeH\xe4\xaa&gt;\xdb\xb3\xe6A\x1c\xdex\n\xb3\x87\xbck\x82\x12\x96\xde0\xc5'</t>
  </si>
  <si>
    <t>b',\xd5%\xa6\x08\x96Z?\x9b\x8c2\x97=\xa5\x1aw\xe1\xc6%P%\x1eL\xfd\xa2\xb7\xe3#\x95\x8e/8'</t>
  </si>
  <si>
    <t>b'\xf90\xa3\x89\xba\xfe\xdd\x8d\xcbq\x9eP\x9a\x9b\x87\xd0z\xb3\x08\xdaC,\x82zI\xb9Z\xf9;\xe2\x0e3'</t>
  </si>
  <si>
    <t>b"\xcc\xee\xd4\x7f8\xdbD\xb3u\xbf\xd3\x85L)\x9a\xf7\xb4\xa0}\xdd\tC\xfc\xd7'\x1c+u\xcf\x876!"</t>
  </si>
  <si>
    <t>b'$\xdc/\x8f\xde\xde\x0b\xbf\xe2\x05&lt;\x8f\xac\xaa\x98\xa1\xb5-\xa1:\xfe\xe5+-\x9a\x04\xd7\x0c\xc1&lt;@\xba'</t>
  </si>
  <si>
    <t>b'\x17\xfaH\xd2\x99A\xe2\xf6M\xa3t\xaf\xa5\x95\xa2f(\x8b\xe4\xa6(\n\x80I\xa6|\x1e\xc1\xffG\xe0\xf0'</t>
  </si>
  <si>
    <t>b'&amp;\x16 3\xfc\xe4\xf5\xc1\xa8|K\xc2\xcd\xf5\xc4\xea\xe3\xfd\x13pi\xe2C\xbe\xfb\xea\x8f\xbe8\xb8"\x92'</t>
  </si>
  <si>
    <t>b'\xe9\xaa\xc0p\x07=\x0b\xa3\x17\xd1\xcacU\xd8\xe07\x16\xda\xa4\r\xa6^~1\xd0\xf6\xefu\xcd\x88\x8ay'</t>
  </si>
  <si>
    <t>b"D\x86\n\r=\x95\x84\xe2S;R\xad9;j\x86\xcc,C!\n\x1b\xfc'\n\x10\x04\t\xbe\x81\x02\x1f"</t>
  </si>
  <si>
    <t>b'\xd9&amp;`\\&amp;JU\x81Jr]\xf7ny&amp;(~]\x971\xb0\x10Q%\xd8\xd0\x1aZ\x89\xe1\n\xe6'</t>
  </si>
  <si>
    <t>b'\t\xe5\x90x\xd1{\xac\xb8\x9b\x9cJly\xcc\xd4V\x87\x8deQ"\x1cx\x1b\xe2\xc2@hqJ\xc4\x95'</t>
  </si>
  <si>
    <t>b'\xd89\xd0{\x0e\x81\xbd?\x99\xcbZ\xe3\xb8\x00m\xea\xf3\xfcjV\xf5iD\xfaQ\xb7\xa3\n\xe0\x92\x0c6'</t>
  </si>
  <si>
    <t>b'j\x01`\xf5=`\xb8Z\xef\xbck\xc4\x84\xd4J\nF8\x12\xb2\xf8\xca\xec\x12\x0c\tjFb\xd0\x9f\xfb'</t>
  </si>
  <si>
    <t>b'\xb2\xd1\x19\x84@%]\x89\xcb\xff\xcf(N^]d\x16\xf7\xdc5x\xed\xb2\x9f9GU\xd0\x14\x10(\xe6'</t>
  </si>
  <si>
    <t>b'\xf1{\xa7\x8cHl\xc2\xa8C\xa3\xb7\x19\x08\xa5=\x1e\x84w\xf6I&lt;3\xd4B\xca\xc8\xe5\x10&lt;\xa1-}'</t>
  </si>
  <si>
    <t>b'\x98\x022\xeb\xb4u\x9c\x85P\x1d\xad(*\xa3M\x8d\xb1^\xec\xf3\xd5\xadA\xc2\nx\xc9\xc284\xd3{'</t>
  </si>
  <si>
    <t>b'e\x10kY\xb6N\xf3\xf4\x8dg\x82O\x83\x944\x17\xb9H\xb7\x90U\x8f\x94\x90\xbe\n\r\tx\xee\xa1\xdc'</t>
  </si>
  <si>
    <t>b"=\xb9\x89\xa3\x86I\xea^i\xb1y\x07\xb9\xef\x98\xc9\xa7\xf4e\xfb\x7f\xe3\x1e\xe1l\xab\xa3\x8f='jO"</t>
  </si>
  <si>
    <t>b'\xd1\xbdc]4\x19\xa6\xa0\xc7\x8b\x8b\x07\x05\xcfEm[\x9a\x97\xcd\xdfFA\xfd\x8eY\xe8\x9a\x80\x1d\xc9\xb7'</t>
  </si>
  <si>
    <t>b"\x96,\x07;\xad'\xa8\x9b]\xfb \xb1F\x85/Eu=\x94\x13\xe7kN\xc5\x9e\x04q\x857\x83\n\x85"</t>
  </si>
  <si>
    <t>b'\xaa\xda\xc0u\xec#|{H}\xc4\t\x026\x97\xc5r\xe3H\xc9\x1e\xf7$\x11\xf5\xa5\xf9\xbd\xb12\xfc"'</t>
  </si>
  <si>
    <t>b'\x91S\xbe\x94L\xf57(\xa3\x86\xf6p^V\x04C\xd5h$B\xb6\x0b\x03U\x8c_\xa46\xf3o\x98\xaf'</t>
  </si>
  <si>
    <t>b'\x9f\x8fO\xdd\xa0:=\x92\xdb\x9d\x17\x1c\x85L\xb56\xee\xed\x13\xe9j0[$&amp;\xff"\xf5\x90C\xe4\x90'</t>
  </si>
  <si>
    <t>b'\xc3\x89\xef\xfd\xdco\xb5\xf3\x8d\r\xb3\x0f\xdaR\x14\xe6:\x17\xdc!\xba\xa5\xf3!\x8f.\x81\x9d\xf0*\xb8v'</t>
  </si>
  <si>
    <t>b"\x81\xbb\xe4+\x0c\xc4J;'7\x8b\xd5\xe1|+\xe7\xffz\x8d\xeb\xf6\xe6\xedt\x16\x99=B-\x99\xa4\x1e"</t>
  </si>
  <si>
    <t>b'\xc4\xda\xa5&gt;B\xd1\xc8\x9c\\\xd0,/p\xce4A\x18\x8a\xa4^\xf9x%d\x88\x1ay\xb8F\xcd\x97,'</t>
  </si>
  <si>
    <t>b'I\xf9\r\xf2\xeaROo\x87\xd9\n\xb04\xff*L\xa7b\xc5\x16\x98\x851\xdb\xccz\xad\xb4\x0etmO'</t>
  </si>
  <si>
    <t>b'J\n\xdfd\xd6\xe7\xa6\x80I\xaa4\xec\xbcJ\xc1\x8fF\x18@\xd7\xca\xbb\xef\xc1\x1f\xc8\xe2Pc\n\xee\x94'</t>
  </si>
  <si>
    <t>b'\xda%8\xeb\t\x840{x\x11\xcf\xa3a\xa8F;\\E\xaa"\xf2\x0c)3\xdee\x02\x15&lt;\x9cK\xbb'</t>
  </si>
  <si>
    <t>b'\x02\xa4\xe9\x19\tZ\xf5\x98\x9a\\,\xdfP\x9b\x82\x94\xf0\xb2\x04?\xa3Q=F\xae\x97\xce&gt;\x1b\xea\x82\xb8'</t>
  </si>
  <si>
    <t>b'O\x92\x19\xb7d\xdc\xf9\\\t(j\x10.\x0c\xc3t\xfcO@\x03\x06cZ\xd3\xca\x18\xd7+\xfc\xe4\xd7\x93'</t>
  </si>
  <si>
    <t>b'\xdb\x04\xf1R\x82\xd4k\xedE\xa8!2\x14U\x13\x1e\x0f\xc74R(\x88\xb0\x87L\xe1\xa3pSS\x91\xe6'</t>
  </si>
  <si>
    <t>b'\xcb\x10\xfd\xb1\xe0\x97\xbf\xfb\xa9\x1dv\xbc\xfd\xc7\x8a \xe9%g\xa8\xeez\x85\xd4J\x05\x00\xc4c\xf0\xa1\xf8'</t>
  </si>
  <si>
    <t>b"\xb5\xb0s\xe2\xc6j\xb2\xa1\xca\x8d\xcd\x8c\xe9'\xfc\xa41P\xe5\xac\x0cQ0\xba\xd6\xf4M\xb0\xbe\x80\xc8\xc0"</t>
  </si>
  <si>
    <t>b'\x9b\x83j\x90\x93\xb2i\xf7;\x07z\xf9\xb2\x85\x1c\x95\xc7\xb90\x93\xc00\xd2\x0b\xf2\xf6\xedX\xd9~\x8e\xb1'</t>
  </si>
  <si>
    <t>b'\xdf\xe0&amp;\xd9vL\x01L\x04|$f\x9c\x162\x00\x1a\xe75\xbf\xbc\xb4\xe2\xa6\xaa\x81n\xaa\xf0\xd0n\x7f'</t>
  </si>
  <si>
    <t>b'\xfd\xa0\x14\xd7w\xb7\xbf\x8d\xf3\xbe\xdd\x1e\x18e\xbbK%\xc3fRFm\xb5Iq\xe2s=F\xf0\xfb\x98'</t>
  </si>
  <si>
    <t>b';}\xc0mZ\xa7\x03\x88\xd0d\xd4&amp;k\x88\n\xaf/W\x9c"bdU%\xb6"%\xfcIP\xa9\xac'</t>
  </si>
  <si>
    <t>b'\xa1\x9d\x0bnIf\x1e\x18)D&gt;\x9b~\xff\xbc\xd3\xda\xbd\xf5&gt;X\xaa\xf5\x93Y\xcb\xa4\xc3\x183\x91\x18'</t>
  </si>
  <si>
    <t>b'_\x96\x89\xde\xbdJ\x00\xa0\xa8\x1e\x18\xaf\xb1249F\xcf?\xcc\x91\xbe\xc6\x1d\x17\x1f\x89AD\xfeS\xcf'</t>
  </si>
  <si>
    <t>b'r\x04dZ\xe9 \xef\xd4xa\x1f\xdd\xb6P\xc7\xe1Y\x88\x94\xf0U\x14?\x1f|\x1bm\xc8\x84\xbd\x0b\xdb'</t>
  </si>
  <si>
    <t>b'\xbd\xf6.\x88\xe5\xf9\xe4\x98\x82@[`\xcb\xa6fK\xea\xe6\x08X*\xf4\x9f9\xeaU\x08\xe3H\xef\\w'</t>
  </si>
  <si>
    <t>b"\x03\xc0\xc6\x14P\xdc\xcfI\x8f2\xc8\x1d\xca\xb0\xe1\xf7$j\xafB\xfcP\x13\x99\xf3'\xe0GP\xa5\xde\xeb"</t>
  </si>
  <si>
    <t>b'+\xf9f\x98\x0bc3\x11\xa4\xe7\xd6\xc9\xd2\xc0u\xd7dH\x89\x07\x17\x9a\xfd\xb9&lt;\xc4f&lt;\x1d\xfcf\xf0'</t>
  </si>
  <si>
    <t>b'wN\x91\x96\xd0\\\xb2\xf7h\x9c\x19\xe3]\xecW3\xd7o\xd8\xc5\x10b\x9a\x07\xa8l_\xe9\r\x9d\x96\x95'</t>
  </si>
  <si>
    <t>b'\\\x19\xd8\xd6\xac*\xd0~FS\x89\xc2\xc0\xd2\x0b\x1b\x0f\x9d\xf0\xd7N\x9e\xc6W($\x86\x1c\xf4\xc3\xdd!'</t>
  </si>
  <si>
    <t>b'\x86O\x17\x88\xedft\x8c\xccyQ\xf4\xd6\x8d\xb8\xba\x06\xe4\xffb9S\xd43\xac\xe2:\xe1?z0['</t>
  </si>
  <si>
    <t>b"\xaf\x80\xc4n9`\x7f\x02\xa2\x91\x1c\xc9\xde\x0b\x95'\xf0s\x94)b;\xe2\xb1\xd1\xa0\xfct?\x00\x89\xcd"</t>
  </si>
  <si>
    <t>b'\xea\xa9\n\x95\xf1\x8d\x06[\x92\x10\xc6\xf3r\x05\xd2\xbf\x89\xf7\x1f\x1d\xe8v\x03\xe7\xa0%\xd1|(@\xe2\xb7'</t>
  </si>
  <si>
    <t>b'\xd2IT\xca\xe4\xcf\xf9\x8a\xc5\x03A\xfd\xdc"\xb4\xf8\xf3\x0f\xad*\xd7\xb6\xe9\xa4@\xf2\xa4f\xc6\xce\xae\x1c'</t>
  </si>
  <si>
    <t>b'+\x92\xda*\x0f\xccZ\xf2\xebmn\xa3\xd6k?\xfd\x9f\xa7\x87\x15a\xc4E\xa4\t\xe9\xe4\xc4\xa1dD\xe7'</t>
  </si>
  <si>
    <t>b'\xfe\xc6\xa1\x0es\x06\xa7\xaa\x02o\xa6L\xd7\xf7+$x\x04\xe1\xef\xd3\xae\x88\xbef\xc3\xad\x1bNGa\xf2'</t>
  </si>
  <si>
    <t>b'\x86\xa3\r2=\xbe\x9d\xbb,\xbei\x97z\xb5\xaa\x1aj\xb9\xfb{/\xb4\xf8 v`\xdd\xdfb\x99\xa16'</t>
  </si>
  <si>
    <t>b'\xe57\xa4M\x15O\x86\xa9\xc0\x81\xcf\x1b\xcc&gt;U{L\x8b\xa6\xdf\x95N\xe4k\xf8&gt;5J\x12k/b'</t>
  </si>
  <si>
    <t>b'\x83a5kZU\x98b\x8f\x8b\xbc\x9a\xa1\xb4}fw\x96\x8a\\\x86O\x93S~\x852\x01p (\xfd'</t>
  </si>
  <si>
    <t>b'\xdf\x82\xb4\xe1\x98x?\xa0g}cD;\xd837!\xeaQ\xfd\xc5\x9c\x14[/.\x7f\xd3w\xd1g\xc0'</t>
  </si>
  <si>
    <t>b'=\x96L`r2J\x833@\x93\xea\xdfY\x836\xba\xcd\x17\xdc\xf8`\xc8(\xf4Rl\x94\xa0\xef\xd8\xcd'</t>
  </si>
  <si>
    <t>b'\xbbi\xc3\xac\xde\x984Q\x887h\x0c\x0f\xefA\x8d\x1b\xcdF#\x13\xce\xca\xee\x81M2r\xee-[\xbd'</t>
  </si>
  <si>
    <t>b'^c\xd6\xc2\x87\x8c\xec_\xf2\xc4j5\xafz\xe3\xc7\xfa#v\xb4z\x8f\xe6O\xe9.\x85o\x85L\xb0\x19'</t>
  </si>
  <si>
    <t>b'8+\x8d\x18\xab\xb3\x12ax7\xdd\xc1\x8a\xf5J\xa4r\x91T\x96&amp;\xdaS\xf8A#\x01\xc3e\xbd\xd0\xfb'</t>
  </si>
  <si>
    <t>b'\xa8\x9d\x80\xa2,\xb9M;\xc1\x06\xf4\xddv\x94\xdeY\xf9:\x1eC\xc6\xa4\x04\x8d\xb9\xf5&amp;O\xd3ww\xd8'</t>
  </si>
  <si>
    <t>b';ww\xdbeT\xc6\xa8\x88\x8a\xde}s\xed\xd9\x90\xed\x8d\xb7\x81\xb5\xcd\xba\xc5\xa9\x98\xcci{\x18\xf0\xa1'</t>
  </si>
  <si>
    <t>b'\xb9\n\xe0~&lt;\x0e\x85\xecA[/\xde\xac\x93+\xf1\x08\x142\x82\xd7=\x8c\xeey\r\x0b\xb9\x96\xe1\x08\xb9'</t>
  </si>
  <si>
    <t>b'P\xfc5T\xffB\x18\xb2"\xd1#\xe4\x87\x04g\xbd\xd4\xba\xe4[\xf7\xe9\x15Z\x1a\x19\x05\x83\tj\xd0p'</t>
  </si>
  <si>
    <t>b'E\x1c\xa5\x05&gt;\xa0\xbd\xeaG\xc7/\x86-\xc9f\xfe\x93\xc9\xfe2\x19\xed&gt;T^6\x81\xb19\xca\xfei'</t>
  </si>
  <si>
    <t>b',\xbd\xb5\xfe\xf5\xb9\xd7\xeeamk\xe3*V\x07\x08\xc9\xcaq\xaf\x19\xe0O8\xc8^5\xce\x84\xe8\x12\x91'</t>
  </si>
  <si>
    <t>b'\x04\xae\xf0\x8d\xc4\xcc\xdf\x0eS\xfeUPZ\xef\xf4\xeb\xc5\xb4k\x19UZ\xfc\x16X\x82\xe3\x00\x9fm\xa2\xcb'</t>
  </si>
  <si>
    <t>b'\x1e\x1fp\xff/\xf5\xef\x15h\xaf\x8b\xda\xf3G\x1c\x98\xaf\xe5S\xdb{?Y\xaeM.\xca\xa5J\x9fy+'</t>
  </si>
  <si>
    <t>b'Po\x99\xe9\x98f\xff\x15X\x18\xb0\xc9\xf9\xba\xa5"\xaf\xfd\x1a\x96\x13O0Hq\x08`\x9d\xba\xb1Ze'</t>
  </si>
  <si>
    <t>b'\xf7\xe5*\x9c\x8eu\xc5\x99`\xec\x80\xe8\xa7&lt;J\xf7S\xf8\xbb\xc9\xabIe\xdf\xbc\xa4~\xf4v7m\xc9'</t>
  </si>
  <si>
    <t>b'8\xd7\xec\xcf{\xa81\xb1J\x97)\xdcz\xb2\x0cc\x1e\\[^yb\x0c\xad\x07v\xec\x0f\xe4\xdb\xff('</t>
  </si>
  <si>
    <t>b'.q\xea\x96.~c\xeb\xdaQ\xff3Zb\xc6\xc2x\x83\xc4\xe9[\r\xb3\xab\x06\x05@\xfb\xf1qu\xa2'</t>
  </si>
  <si>
    <t>b'fzj\xc5L$\xdb\\z6S\xca\xcd\xc6\xb1\x95&amp;\xa6\x9c\xea0\xf0p\xac\x13(0\xf8\xe7$\xa4\xb6'</t>
  </si>
  <si>
    <t>b'\x1a\x9a|&amp;\xe0\x8d\xa2E\x16\xb3\xeb\x1b5\x87"\xd0\x182X\x12\xa4}+yNB\xee\xed\xd8\xc6\xd9\xea'</t>
  </si>
  <si>
    <t>b'o\x80\x0e\xe0F\xdb\x99?J\x87J\x92\xc3\xbb\xaee\x82\xa9\xc8\x99\xedCJ\x0f\xb0\x1b\x1eC=\xb5\x16\xba'</t>
  </si>
  <si>
    <t>b'\x7f_\xaf\x19?r\x95\x1b\x1a\xdd!o\x01]\x0eCr\x12*RD\xc8Xa\xc4yL\xf1``\xf7u'</t>
  </si>
  <si>
    <t>b'\xe4\xbb&gt;z~\x9e\x06\x15\xe029\x9c\x96`[\x99o\xb0\xfa\xed[\x1bj\xad\x98\x86\xe5\xed\xe7\x0b\x04Q'</t>
  </si>
  <si>
    <t>b'\xa6\x16t\xdcD\xd5M\xb0\x9e{%\x8b43v\xda/QB\xe6Mw\xcaR\x81\xcd\x08*\xe7S"\xcb'</t>
  </si>
  <si>
    <t>b'\xa5\xc7\x95\xfc\x0b$w2\xca\x07\xb1\xb3\xdb\xc5\xee\xe0a\xbd\xbe\xe6\x14^}\xa2cI\xc6\xb3n\x87\xc4\x85'</t>
  </si>
  <si>
    <t>b'\xb7$\xa0w\xfd\xf0\xd2\x8a\xfb\xba\xc1\xc7\xd3\xb4)\xb8-6P\xaee\x89"\xe1\x982\x9a&lt;\x18\x08\xfb\xf5'</t>
  </si>
  <si>
    <t>b'{\x1c\xfatL\x07\xfcD\xce$L\xb8\x9d3\x17\xda\xf9\x17\x06\xe9e$K\x91\xfa\xd2\xd0\xea\xdf\x06\xfe\x17'</t>
  </si>
  <si>
    <t>b'\x0eNM\xf9Ya\xa2\xe9\xf5i\xd1\xac^(\x8dDt_\xe9\xab\xccP\xb4L\xe9\xfe\x07\xef\x11I\xa4='</t>
  </si>
  <si>
    <t>b'\xd8\x96\xa1g&amp;\xe25y8j\x08\x0b\x020\xc3\xd7\x87\x0e\x15\xbb5&lt;0\x91\xea\xc0\xef\xdd4Ec '</t>
  </si>
  <si>
    <t>b'Ka\xdb\x96:\x85\xb7t\xff\xa4!T\xa8\x8fB\x05\xc00\xfd\xb5\x98\x9f+6=\xd4\x96\xc5]\x98\x9e\x88'</t>
  </si>
  <si>
    <t>b'w\xe7k&amp;\xb5\xdc\xf1\xbe\xdb\x93.\x90\xc8B\x87\xf1\x9f\x9d*$\x89o\t\xf7(Vq\r\x93\xc9\x85i'</t>
  </si>
  <si>
    <t>b'\xa2"l\xe9\xda\xc2\xb5Iv\x93}P~\xd17;\xf0,Z\x8d}A\x0e\xea9\xbdJ\x89\xcd\xc0\x8d\x91'</t>
  </si>
  <si>
    <t>b'\x08\xce\xec\x04\xd7\xfe\xa1\x038\x10\x9c\x99z\x97\xcc\x85\xee*\x0c`?\x87\x0bmpj\xf9\xf0\xf3\xe682'</t>
  </si>
  <si>
    <t>b'\xf4\x13!K$L\xf5\xb4M\xfd\xde\\G\x9f\xed\x82\x99\x91}CM\xf3\xa1\xe1\xf9\xa3\xa6\x98\x0c\x92\xb2|'</t>
  </si>
  <si>
    <t>b'i^\x91\xff\xab8\x8dy\xe9\xa7r\xc9/\xa5\x95K\x06v\xedR&gt;\xd9*\x05m\xf9\x828Nba&gt;'</t>
  </si>
  <si>
    <t>b'\xdb\xe8\\E\x1d\xe4d\xaa\xf1\xc4!\xe3\xdb\x95\x85&lt;\xcbICY\x7f\xcc\x11\x17K72,\xdb\xd2\x84\xe4'</t>
  </si>
  <si>
    <t>b"S\xb0\xe4!\xa3\xeb\xf2i;\xf8\xd3\t\x1b\xd6['\xd9_u`\x956\x9c\x7f\xbe ^\xf5OG&lt;\xc0"</t>
  </si>
  <si>
    <t>b'p\xe3\xb4\x19\xabqu\x99\xcc_\xb5N!\xa6\x8c\xca+"\x13\xea\x83V\xa8\xc1\xdc\xc2\xed\xcd\xf2\xa0\xcd\xb8'</t>
  </si>
  <si>
    <t>b"\x13\x8f\xe7'w\xff\x9a\xfd\xcc\xe2\xf0\xf5GOJ\xa1\xdd\xe4!\xb2\xdb@[u-\x1b[\xda\x8fuA\x99"</t>
  </si>
  <si>
    <t>b'\x0b\x8f5s\xb2\xc9\xdc;\x8d\xe8bo\xd1\xcc\x10\x94\x80\x91?\xdf8[\xad\xb3;R\xcc\x84GI\xe1&amp;'</t>
  </si>
  <si>
    <t>b'\n\x00\xdb[k\xfd\xc7\xefHW\xdc\xfb\xd1*M\xf0\xf4R0w\xd6\xf2\xbe\x9e\x9d@\xf7w&amp;QS\xe6'</t>
  </si>
  <si>
    <t>b"\tV\xa7\xb8\x17\xd5\x03\xf6\x84I\x81\x9b\xdd\x86L\x93n\xf4N'+\x95Z\x85\xa1\xeao\xfe\x16$\x86W"</t>
  </si>
  <si>
    <t>b';\xe8m\xc7\x01\xc9z\x1fkxS#\xd9\x8a#v\xad3\xf7FF\x07\x0f\xe2q\x8b}\xafE\x858\xff'</t>
  </si>
  <si>
    <t>b'Z}E\xc6\xd1\xf5\xe7f9\x0f\x95\xce\xf5\x8c\xb1%\xa4\x03\xf1x+\xee\x17\xc7\x85\x16cL\xb0+\x9c\\'</t>
  </si>
  <si>
    <t>b'+\x1e\xdb\x89r\xc2+\xd4\xd6\xa0\xfe\x13)\xc9\x9f\xc9YhS\x13\xde\xa1\x0f\x95\xa9%\xcd\x82\x0eT\xbf\xc1'</t>
  </si>
  <si>
    <t>b'M"\xebc\x07\xf5c\x1b\x01\xc7M$\xeds\xd9\x9e\x9dbsM2\x9ag\xa3\x8fW\x8eI\xb69&gt;\x1f'</t>
  </si>
  <si>
    <t>b'\xca\x12N/\xc1\x11$p7G\x8a\xd1i\x0c\xc45-\x90X\xbcO\xf605\xf5?\xa0\xb7u\xc3\xbf('</t>
  </si>
  <si>
    <t>b'YP\xdb\xccRJIh\xf5\xcbG%u\xb6[\x03U\xfaVm`g\xc7C+&gt;\xdf=52.\xf6'</t>
  </si>
  <si>
    <t>b'U\x95\x8b-s\x7f\xde\xa5\x84\xb3\xd1q\xea\xbd\xfa\xd5\\n\x82\xa1\x0cxh\xe7\xe2\x07\xf7\xb0\xa5\x02?\xa9'</t>
  </si>
  <si>
    <t>b'\x88\x86\x0e\xe7\xedQ\xfc7\xa0-2\xe9\xfa\xd8N\xfe\x88\x99\x1bY\n\x05n\xe0\x9f\xe7\xa9&gt;[\xd5\x94\x99'</t>
  </si>
  <si>
    <t>b'\tW5e\xe7xz^#\xa8\xb4\xfam\tI\x15\r\x19Ix\xb3\x07\x85\x9d\xa8\xc2\x82k\xd9\x97\x86\xba'</t>
  </si>
  <si>
    <t>b"8.\xa5G\xb3\x8a\xb6(;\xaa\x15\x83\x12\x97\xa8\x15\x8a\xd8\xd8\xd1\x9b@\x1d\xc9\xe5{\xe0\x84\xd1jB'"</t>
  </si>
  <si>
    <t>b'\x96o:\xa7\x85\xbb\xcd\x92\xf6"csI_\xef?\x1c:+\xad\xdd\xee\xe4+\xa1\x88~\x84\x07\xa2\x05\xc0'</t>
  </si>
  <si>
    <t>b']\xa4!\xca\x88MP\xbbA\xfd\x8e?9\x9b1\xad\x1e\xcd\x13\xc3c\x8b=S\x1c\x1b\x0c\x06\xb6\xad\xbb\xe4'</t>
  </si>
  <si>
    <t>b'M\x9b\x06\x89c\x97\xc70\xdf\x80H\xccL\x83_\x0b\x98\xaaj\x95\x841\r\xd2h?\x1a!\x1d\x1f\x1dQ'</t>
  </si>
  <si>
    <t>b'{3\xbb\xc5\x83L\xb3\x7fs;\xf5\xd2\x14\x99\xe3~!ON\xa3?\x85\x85\x05\xd1\x8e\xc5\x1c\x9f\xd2)+'</t>
  </si>
  <si>
    <t>b'\xaePY{h\x97\x19\x84K\xc3\xc7\xd51\xe8G\xee)67\x80\xa9\\S\x00\xe4\xd8\x8a$\xc3$?g'</t>
  </si>
  <si>
    <t>b'b[\x96\xd7P\x93\x02\x12@\xffH\xcc\xe5\\\xcc\x8e\x1f\xab\x82\xaa\xf4\xe4\xe5Q\x906\xda\xfa\xf7\x10\xa4m'</t>
  </si>
  <si>
    <t>b'5\xdc\x87\x17F5\xcf\xde\xd8\x81|\xef\xe1\x16\x89\x7f\xbe:\xbc\x89\x1e`z\x87q6\xf2\xcd\xfb\xa9[\xdc'</t>
  </si>
  <si>
    <t>b'\x15\xfdYF&gt;\xd68.\xcae\xebTU\xb0\xfb\xf7\xe5\xce\x1d8\xbb\xaeR\x07\xc0\xc4\t\xda\x8f\xfa\x91\x9f'</t>
  </si>
  <si>
    <t>b'\xc7\xd6\xd6\x96*\x99\x1b; \x135\x03\xfc\x07\x1d\x9a\xc6fMi$(\x8f\xde\xf0\xde\x8c\x84\x0fJU\xab'</t>
  </si>
  <si>
    <t>b'\xb2FK\x8c\x95\x91\xbe\xd3\xd6\xe3gy\xea\xd6A\x957\xc8b\x15\xc7\x91ogy\\q\xf5(\xda6{'</t>
  </si>
  <si>
    <t>b'\x83\xc8\xa0\x1a\x85-#\xbdo`\xc3\xaf\xb0\xbb\xed\x05\xba\x8f\xb2\xff\xc3\xc8Q\t2\x86\x92\x95\x03\xe8aL'</t>
  </si>
  <si>
    <t>b'\x8ac\xe8\xc5\xd7\x1fw\x1d\xff\xcdD\x08)\xaf&lt;\xf3\x1aS\x94\xdb\xfeu\x8e\xcb\xce\x1f\xcc\x93\x1e0\xad3'</t>
  </si>
  <si>
    <t>b'd\xe9\x9f\x1c\x04T\xd1\xcd\xfb\xb8\xf0\xfb\xa0\xe6\xedy\xfajU\xcf\x13\x02\x7f\x9c\xc3\x99\xf4?\xb2m\x1d\x85'</t>
  </si>
  <si>
    <t>b'\x8a\x04\xc56m\x98\x13\xa09\x8d\x8d\xcc*\x93\x18l\xf5\xa8tf\xbd\x17\xeam\x16y\x04F\x95=\x82O'</t>
  </si>
  <si>
    <t>b"\x16{\xaf\xad\xf7\xdabG\xf2\x90_0\xb45'\x1fm\xfd\xf63o\x94\xd9\xc0J&lt;Kl#f\xd9:"</t>
  </si>
  <si>
    <t>b'"\x13kf\x82\xc5\x0f\xd9r\x05\xe5s\x1b\xee\x85\x96\x90Fs\xff\x1f%8\xc0\xa7\xf6\x0e\x92\x9c\xad,\xd3'</t>
  </si>
  <si>
    <t>b';a\x1e\x1f^\x0c\x1aDn\xd1\xfag\x17\xe6\xa8\xe4\xbeR\x0f"u\xf6\xdd\xd9X\xd6z\xe2\x06\xf1C\x8d'</t>
  </si>
  <si>
    <t>b'&gt;W=\xd8)\x8d\xaa\x93\xe1s\x96\x9c0)Z\r(\xc1\x0b\x80\x9e\xb6\x0e\xfd\xf1\x9cK?\xed\x9f\xa5d'</t>
  </si>
  <si>
    <t>b'\x9bN\xfd\xb8&lt;\x86D\xb3FM\xb3N\x15=\xba\xc0\\=;~\xcb\xe2@|\x8fWhf\x89\x01\x86\x90'</t>
  </si>
  <si>
    <t>b'\xf0\xf8Xb}\xa5VM\xe6c\xcd\xe5\xaf\x12,e8\xc6Q\\\xe3\x92\xc2F\xc1\xcdj\xb4\xc9\xd9\x04\x15'</t>
  </si>
  <si>
    <t>b'w\xf8\'?\x1a\xa4&lt;b\xdfk\x7fN\x8b\xca\xa1\x89\xbf\x0f7\xe4"\xab\xfd\x84\xe8\x92\xa8\x19u\x9e\xd53'</t>
  </si>
  <si>
    <t>b'\x9bC\xbf\xe8i9\xae\xc7\x95\x9a\x99\x8c\xa6;\xb3\x89\x92\xaf9!VX\xb3\xfb\xfa\t\xee\x96\xac\x91\t\x07'</t>
  </si>
  <si>
    <t>b'\xc4\xf9\x05-vXw\xb8_&gt;L\x95\xde\xeb\x0c\x95\x10F\x180@Q\xb20&amp;L,o\x88\xc9!\x0c'</t>
  </si>
  <si>
    <t>b'[|\x06\xaaVrC\xbd\xe4\xda\x92\x02\xc4Y|\xed\x93c=G\x8c\xbauNNOf\xcf\x13\xe4T\xec'</t>
  </si>
  <si>
    <t>b'\x95\x12!"b,\xf9O\x00\xde\xe1\x02\xebGO\x8b\xe1\xf1\x81.H\x8e\xd3.e\xeb\xd1\xfe\xa9\x8e\xd2%'</t>
  </si>
  <si>
    <t>b'\x12EU\xb2\x0fs\x06\xb3\xfc#WJ\xdewJX\xc8i\xf0;\xb8%\x07\xe96\xfd\xb1c\x04\xc2x\xc4'</t>
  </si>
  <si>
    <t>b'\x1e|\xb6\x0e\xce\xa1^\x85\xf5\xe9&amp;\x11\x8atE\x07\xbd(O\xe1c\xba\xbe)\xac\x15A;\x8aw\x90\x91'</t>
  </si>
  <si>
    <t>b'So]\xf4\x06/XH\x1a\xa4\xc2\x91\xc0\xb54:K2uP\xfd\x0f5@L\xe3\x9a\xf1!\xbc^['</t>
  </si>
  <si>
    <t>b'\x7f\xc2\x17N\x89mP0\xd6H\xb4$),\xd6\xac\xdb;@\x99\x91u\xa3_\xae@\x01\x1c\x11\xa4h^'</t>
  </si>
  <si>
    <t>b'\x1c\xe6&amp;\xe9\xf4\xe4E*\xc2\x9f\xae%\x1bW\x03\x8e\xd2\xc1\x17^\x97\x14\xe9\x8b\xa6\xfd\xc1\x94\xf7\x03]\xeb'</t>
  </si>
  <si>
    <t>b'\xe1\xdd\x06\x83\xc1\xfa7\xab\\\xa8\xdd/\xc6_\x87\xf82s\xf6I\x18\x13\xff\xcb\xaddu\xde\xbd\x1c\xa6\xaf'</t>
  </si>
  <si>
    <t>b'e\x013J\x89IQ{.\x94\xd1\x8dm\xc4\x06\x16\xb7\xbfX63\xab \xbe\xf3\xb7i\xdf\xdb\x124r'</t>
  </si>
  <si>
    <t>b'8s\x80\x076\xd9\x92\xc5\xc8\x9d\xe3]\xaa\xfa\xe3\xfft"\x03&amp;\xb8\xa1D\x93\x88I\xc6=\xc3\xfe`a'</t>
  </si>
  <si>
    <t>b'I\x1f\xb9q\xe2H\xcd"\xb5\xbc\xf8\n\x85A3\xf8(r66@n%\x9f\x05\xf8\xda-\xbb\x878m'</t>
  </si>
  <si>
    <t>b'\xa9D\x98\xd2\xd5t_\xfc4\x82\xfeH,\x05\xb1F+\x9a\xfc\x1eK\x19o\xd1\xd7\xaa\xe5t|\xf0\x89\xba'</t>
  </si>
  <si>
    <t>b'\x9e\x87\xfd\xb5\xd8K\xe8\xaa\x02x\x04\xf8_(\x1a\x19*\xb2\xb2\xa2\xcd\xf8\x1d\x8dJ\xba\xd3\xa8Q/\xa7\x0f'</t>
  </si>
  <si>
    <t>b'\xd0N]\x87\xc6u\xa3#\xdf\xa5 \xce{\xc6\xd71\x80s\xbd\x0f\xa4\x0ei\x92\x0e6}\x19\xad\x83\xe8\xd4'</t>
  </si>
  <si>
    <t>b'}\xdf\xcf\x83&lt;M1\xc1\xa4\x93\x94\xe8\x84\xe7\xafX\xb3\x06\x8c?tn\x97\x08\x87\x99\x04\x9br\x06/\xec'</t>
  </si>
  <si>
    <t>b'\xdb\xd8\xd6\xae\xd7\xa9\xf2%~\x08\xb0\xce#\xfaYh\xe3\x0b\x8f\x82;\xa5N^\x83g-\x91\x9f3\\\x9d'</t>
  </si>
  <si>
    <t>b'\xb1\xf2\x86\x03Cg\n3\xda\xae\xcb\x81%K\xcd\xf7\x9a\xfcB\x81&lt;_\xcaoB\xb5\xfd6LC\xdb)'</t>
  </si>
  <si>
    <t>b"\r\xde\xceqgJ+\x164\x89\\\xd4b\xe1\x87b\x12\xb6\xa5\x83n\xe9-\xbc\xd3\xcb(\xd2\xe4\xc7'\xff"</t>
  </si>
  <si>
    <t>b'\xafO\xc3\x19\xc8\xa7\xa3\x08\x1b\xc1\x05\r\x12tBsx\xa4\xb3\xfb\x88I{\x1f\xef\x8a\x96\x86o\xb5\xc37'</t>
  </si>
  <si>
    <t>b'rI\xd9\xbff\x98\x97\xeb\x01-MVgs\xcb\x97F\\\xba\x05y\x9b\xbd\xec\xb7V}\x94\xa8\x7f\xb1\xb2'</t>
  </si>
  <si>
    <t>b'\xb2\xa1d\x19\xaa\xc7\xc8d4_\x99N\x80\xde\xf5\x8a\xf4;\x15&amp;\x91v\xc5b\x00\tfG\xa5\xd6\xcc\xe0'</t>
  </si>
  <si>
    <t>b'\xd7\x03\xc7gZf\xf7\xc2Q\xe2\xe28\x07%\xd3\xd5p\x1c\x99\x0b\xd5f\xf2#z\x95&gt;v\x9d\xd7\xe6\x89'</t>
  </si>
  <si>
    <t>b'\xad\x90r\xadC\x9f\xaeuU\x19K\xcaER\x96\xcff9=\x9cy4\xbf\xfc2\x9d\xd9\xcc\xedY\x97z'</t>
  </si>
  <si>
    <t>b'\xe0\xfb}\xd5uoG|\xb0\xfa\xa74\xc7d9\x01\x96\xbb\x80v\xa9\xe8\xc6\x96:\xde\x1c\xfc\x03n/h'</t>
  </si>
  <si>
    <t>b'\xb5f{.F\xab)(\t9\x8bi\x8f%(\x19&gt;\xf6\xfc\xe53w\xbd\x91\xf6C\x8f\xe4\x99z\xad\x08'</t>
  </si>
  <si>
    <t>b'8\xf6Gs\x82\xa45\x06\xf4\x10~]\xae\xf5c\x9a\xfb\xe4\x8dR\x92\r\xf5`\x1b\xbcO)\x9b\x83\n\xa2'</t>
  </si>
  <si>
    <t>b'\x8c\x8a\xd3\xe9r\xd9\x86\x8f\xb3\xcf/\xed\xd3\x98&gt;:7c\xad\x1c\xd4\xab+\xc5\xac=\xed\x0c\xd6\x16[\x96'</t>
  </si>
  <si>
    <t>b'\x13\x8d\x90\x90\xdeax\xb3\xb7\x88\xb3\x82\xefG\xa1\xe925A\xbb\x91\xf7\\RY\xad\x8b\xcc,\xaa\x7f~'</t>
  </si>
  <si>
    <t>b"l\xe8l\x03fJ\xbc\x1b'\xea!-\x05\xb6\xdaU\xd0\xad\xf7\xd7\xe4\x16\xbd\xda\xbbh;}\nd\xe0\x10"</t>
  </si>
  <si>
    <t>b'\x0c\xcc\xc1N\x82\xddx\x9a\x00.\x18\x86[\xb0\x9fK\xb4\xea\xa6^\xb9)$\xcd\xa9\xf7&lt;\xa0o\x8dq\xf7'</t>
  </si>
  <si>
    <t>b'\x13x\xc3\xa5a\x87\xb3\xdb\xed\x02\xe4\x1cg\xfc\x01X\xf6\x1c\x0f\xb2R\xcbV\x99\xd8"i\x0c\xba\xe2\x88\x14'</t>
  </si>
  <si>
    <t>b'\x89f\x96q\xb4\xbd\x07\xc4\xea^\xe1d=\xb2\x98/\t\x9ahr\x1819\x07\xf4\x84\x01\x99\xa1R)4'</t>
  </si>
  <si>
    <t>b'\xbf\xc3\xfaz\xba\xef\xd9\xf4r\x98&amp;\xe0!\xdd\xaas\xc0\x00x\x99\xff\xf6\xeb6\xa0\xf7Z\xd4\x13Y\xf7\xbf'</t>
  </si>
  <si>
    <t>b'\xd1\xf1\x1d\x84\x83\x90A\xef\xccz\x16\x1d\x0b\x11\xf7k\x91e]\xca\xb4\xfb\x8aq\x955\xd9\xee\xaa\xe5&lt;\xf6'</t>
  </si>
  <si>
    <t>b'\x12e\xe8"\x8f\x9a\x06\xfe^4\x8a\xa0\xd5\xca\x07\xf6\x9b \xd4!v\x90\xa3\xc7h\xc1r\xaeP\xed\xe0V'</t>
  </si>
  <si>
    <t>b'\xc3l|\x863\xe0zg\x88K\xad\x00\x9a&lt;\x01UE\xafD\xc3\xf8\xe9\x90\xa7\xbe\xa5\xe2h\xfbe\x17+'</t>
  </si>
  <si>
    <t>b'f\xed\xd8\x97\x1f\xddk\xf8+\xba\x11G\x0b\x7f\xd0\x9d\x13\x144\x8dBoY2\x166\xd8\xfe\xcb\xac\x14\xca'</t>
  </si>
  <si>
    <t>b'$Qy\x83ZK{\xcc2\xeb\xf0\xcct_\xc5i\xa4\x9bwcb\xb0c\x12h\x1a`N\x81\x05#\xba'</t>
  </si>
  <si>
    <t>b";8\xc9\xabKy[\x85N\x97\xbc'\x0b\xde\x1dT\xe0\xfb\xd9\x06\xbc\xff\xe5:9\xd2%z\xe4\xfd\x1dl"</t>
  </si>
  <si>
    <t>b'\x997\xf5F\x1cWQ\x92\xac\x99\xd1n\r*\x95\x8b\x19\x90\x08\x9d\xf59?\r0\x92\xb3=;{#S'</t>
  </si>
  <si>
    <t>b'TX\xe4\xe3b\\\xb0\x97\xc3\x80]\xaatUnb\xd3AwZ\xae9\xdc\xe1\x05\xaa\xff]\xfd\xc7\xf6\xa3'</t>
  </si>
  <si>
    <t>b'\xd7\xac\x94\x8a\xb2/\xaf\xf3W\xa7\xc6\xe5\xd4$\xf2O\xda\xb9w\xecC}jN\xe9*\xf3\x8b\x98\x82:\xaf'</t>
  </si>
  <si>
    <t>b"Oj\x84*#;\xf7&gt;\xe6\xe0\x96\x05\x95\xa4\xd4\x051\xed\xf2\xea\xd3\xa2}5g'\xa3\x8c\xe3\xc5\xb2\x17"</t>
  </si>
  <si>
    <t>b'\xa3t"mDa\x0f@\x01\xca\x07\xac)Fl\xe3\xa2\xcf\x91\x9b\xffB\x1c,`\x10\xd0\xe0\xaeW\xf7\xd0'</t>
  </si>
  <si>
    <t>b'\xa1\xeb-P\x1da\xbd!\xc6\xe1Ut\xde\xde\x12w\xd0\xcb\x14\x92\xde\x135\x92\xd7\xf3\xa4?Vj=I'</t>
  </si>
  <si>
    <t>b'\xb7|\xe9\xd38t&gt;.M\xce!oI\xf2\xbb&gt;\xa2\xb3\xd8\x99U\xfc\x9c\xe7\xa5i\xf3\xe9\xbe\xf4\x871'</t>
  </si>
  <si>
    <t>b'\x06ii\x17(3#\xde2\xf6\xa4;j\x8bc\x81b\xf8\xa8\xee\x98\xb2\x0f\xd4\xa6$\xf1kK(jl'</t>
  </si>
  <si>
    <t>b"\x8a'\x83\xde\x1c\xd0#^-\x13|\xcd:\x0b\x8b+\xfc\x9b\xa5\xcaj\xef\x11&gt;_\xca\xe7\xd4\xda\x18;'"</t>
  </si>
  <si>
    <t>b'z\xf8\xf7fMF\x0e\xfaO\x82\xbb\xc3\xee\x88\xb5\x17D\xcb\xb1\x0eEl\xca\xc9,\xcb\xe7$\xfcC`X'</t>
  </si>
  <si>
    <t>b'\xdc]\xef\xf0\xc8\x81D\x16:\x12\xae\x98\x81\x81\x071;;\x1a\xfc\xaa\xb22\xeb\xfbU\xbd.\xc7\xba|\xdb'</t>
  </si>
  <si>
    <t>b'\x8e\x98K\xa1\xf8w\x9dC++"\x1c\x0f\x80\xc5\x97\xf8G\x0b=\xf5"[{\x0fV\xd9\xcc\xce\xce\x0eC'</t>
  </si>
  <si>
    <t>b'a\xe1!\xae[\xb3\xd8\xce\xdf\x05\xa4\x11.;d{z\x89\x80\xd7\xd6\x0f\xc7_\x93z\xc4\xea,&gt;A\xbe'</t>
  </si>
  <si>
    <t>b'i\xe4_\xeb\xa4\xda\xae\xea\x85g\x1d\xff\xc1\xda3\xb7\xff\xa2Sp\xb9\x00\xa4v/\x88Q\xaa\xe2%\xab6'</t>
  </si>
  <si>
    <t>b'Z0\xabt\x00\x8cE"M`\xfbZ\xf0\xc9=\x95F{\x0b\x87J=\x10q\x1czq\x0e\x8d9l\xad'</t>
  </si>
  <si>
    <t>b'~\xa6\x82`\xe5\xdc\xf6q\x8c\x9d\xb4ya s\xb4\x1e\x826\x05\xdc\xb8\x8a ;g\x1d\xdf\x96\xbd\x8d9'</t>
  </si>
  <si>
    <t>b'{\xce\xdcI\x95\xcb1h|T\xe6\x85\x7f\xaa\x0bT\x84\x95\xef\xbei\xca\x0b\xde\xcd(\xaf\x9e\xef]\x00@'</t>
  </si>
  <si>
    <t>b'L\x89\x8c\x04\x103\xfd\x9d\x0c\x0e\xed\xadk\x8a\xd74\x89&amp;E\xf9\xd4\x8ceY~=\x88\xea\xa5\x03\xcf\x15'</t>
  </si>
  <si>
    <t>b'\\\xdf\x84Z-\xad\xe5\xdchb\x06V\x1d\xbb\x07\xbc3\xcaP\xbdG\xe1\xe6\x98\xf0C\xbf\x92L\xa7&gt;\x07'</t>
  </si>
  <si>
    <t>b'\xf6\x17Q\\}\xa0#x\xfa(\xe3\xea\x19\xfd\x7fo)F\x06\xa5\xc3M&gt;\x88\r\xb7\x93\xa8\xb1\xf1\xe4?'</t>
  </si>
  <si>
    <t>b"V\xc2\x7fc0\x90\xf6\xb4\xabV+\xb5\x04*\xc9Y\xec['\xbbc\x04m{\x84\xa1\xbc$\x96\xf6\x80 "</t>
  </si>
  <si>
    <t>b'\xe4_\x90\xbf\x16\xb6\xac+km\x99\xa5n\x0b\x1d\xde\xf2\xdf\xba\x10\xd7\t\xe3v\x01T\x8a--\x98\x08\x06'</t>
  </si>
  <si>
    <t>b'\x90\x18\x9d\xbf~\xdc\xd0l\xa5\xf2\x08\x9cO=\xbe\x8c\x1b\xae\xff\xc3\xb3gsdTNq\xb6\xb0G\xd1f'</t>
  </si>
  <si>
    <t>b"\x957\x13\x9f&amp;\xa7~t\xd5\xc1\x98\xfd\xde\xf9\xd3\xe1\xa1\x1d\xae\xb0v\xa8\xb9r\x99\xf5\x02M\xcdD\xce'"</t>
  </si>
  <si>
    <t>b'$]\xb2(\xd2O(\x0b\x04\x93\xb6tN\x9bl\xa0.ch\x8f\x94*\x8a\x0b\x92ezk0\xf7\xff|'</t>
  </si>
  <si>
    <t>b'\xc8\x80\xc6!H4\x1b\xccb\x9b\x91\xd9\xa2\xce\xca\x929bZ\xc9\x05\r_\xbb\x07\xcf"\xe8n\xa3\xf3\x1b'</t>
  </si>
  <si>
    <t>b'\x13\x9f.F\xc6&gt;\xfe-d\xf8\xbb\xf5\xfcB\xc7\x02\xb5\xc7l\x90\xcd.x#\xcd\xf4X)\x8d\x8a\xe6\xf7'</t>
  </si>
  <si>
    <t>b'\x94\x9e\xbb2\xef\r\x15\x05\x9fr4o`\x9f\x00)\xef\x9bI{&amp;6K\xfe\xc9\x18(|\xf5\xd3\xd2\xf1'</t>
  </si>
  <si>
    <t>b'\xd0_\xaa6,\xb7\x0b#\xcf\xf5~\xa3\xa4\x8c\xb3\xba\x89\x80&gt;^\xc7\xd9q\xf6\xe35\xef\xc6\xff\xd5\xb3\x81'</t>
  </si>
  <si>
    <t>b'!72\xfcX;7Hf\x15\x16\x11Z\xa2\xe1`%\xd9\xd6\xf2\xd4Ru\x9dv\x88"f\x1a\xf2\xe7&amp;'</t>
  </si>
  <si>
    <t>b'\xfc\xf3G\xae;X)\xd8\x06\xfe\xdfG\x12`&lt;\xaa\xdd7L\xe7\xea!\x91\xc2\x99}\xbb\x06\x9b\x17\xddn'</t>
  </si>
  <si>
    <t>b'\x07\x84\x88\x0e\xa2G0[\xfc\xc7nX77\xcf&lt;*"\x98\x881\x15#\xe5\x8ey\xf5\x1c\xad\t\xf1\x8c'</t>
  </si>
  <si>
    <t>b'\xee~\x86\x8bU+\x10Z\xb8;\xab\xf2f\xf6\x17\x01\xeaq\xcf\x1b\xfc\x8b%N\x08\xcf0\r@\x95\xd3('</t>
  </si>
  <si>
    <t>b'5\x06\xb8e\xed\xc5=\xb2fk\xc5\xb59N\x8c\xf8W\x8f\x8f/\x06Z\xf8\xa1\x9e^X\x8c.\xf5@\x1b'</t>
  </si>
  <si>
    <t>b'\xaag\x03!\xc5w\x10\xdfl\xefuu\xf2B\xbc}v\xd7\xe1\xe5\xbc\xd3\xe3\x8bD\xb4lp\xc9\xc4\xd8\xf4'</t>
  </si>
  <si>
    <t>b'\x96\xe6Q;\x11_~\xe7D\x06\x8dz \xfa\xae+\x1c\xa0vV\x8c\xc3\x84\x1c\x8e]c\x18{-HJ'</t>
  </si>
  <si>
    <t>b'\xa1\x8b\xb9\x9d\x9dL\xbb`\xb9\xfe\xa8V\xbb\x12\x18\xd9\x99PTVx)p\x86U\xe0\x9f+r\x92\x0b\xe4'</t>
  </si>
  <si>
    <t>b'C6\xa2\x0c\xc1&gt;\x9b\xcdl+4\x1d\xf5Tw\xfc\xe5\xc0\x8d\xa0\xd1\x18\xe3\xd6\x17\xe1\x96\xb8\x84xL`'</t>
  </si>
  <si>
    <t>b'&gt;c?hy\xe7\x91\x98\xfals\xbcj\t\x9aB\x9d:\xc8b\xb9\xd7\xa6:/\x8e\xe0\xb1\x94\x9f\x1c"'</t>
  </si>
  <si>
    <t>b'\xf6\xd7C\xa9\x19\xce\x10\xf8\x11\xc6\x80!\xfbXa+\xa5~\x08\x99~\x82\xfe\xacuB\xfb\x90\xa12\xf3\x13'</t>
  </si>
  <si>
    <t>b'\xd1\xf59\xe0\xd3\xd3\x84\xd9-\x17`q\x96\x1d\x1f~\xa3\x08`\x16\x0fPg@\xa2\xb3?\x0cE\t\xb0\xca'</t>
  </si>
  <si>
    <t>b'4\xf0+=8\xf8\xf6\x1b\x92k\x87,\x85\xe5\x17\x98u\x91\x99\x81q\xd1\xc43\xe7\xa3\xd6s\n+/\xd2'</t>
  </si>
  <si>
    <t>b'w\x0eD1P\x96\xc7:\xfb\xb6w\x83v\xbe\xa1j\x17b\x11\xdf\xa8/\x91nb;n\x14\xa64\xdd\xb9'</t>
  </si>
  <si>
    <t>b"G\xaa\xcau&amp;'\xab\x0c7\xa3D[\xab\xeb4\x99\x18\x8085\xca\xe4\xd1\x98\x86\x00D&gt;\x9a&amp;\xf9u"</t>
  </si>
  <si>
    <t>b'\x9cY\xd83\x1d\x1f\xd3\x91\xcax\x8e\x97\x00Q\xf6\xd8\x04}+\xd1\xeb\xfb\x17H@\xde\xd4\x07,\xde$Z'</t>
  </si>
  <si>
    <t>b'K\xdfG~D7\x04Z$\xf90c\x165,r\xc2wnpl"\x84\x17E@\xf5\xb2\xf1b\xe0,'</t>
  </si>
  <si>
    <t>b'\xc3p\x0bA\xbd\xe5\xad\xe5\xf3%u\xaeS\xa3i"\xdf\xce+v\xd82N\xe2X\xbc\x88nj\x8e\x0c\xec'</t>
  </si>
  <si>
    <t>b'C\x1e\x87\x9b\x8f\xa3\xd9\xb2:?\x13f{\x944s\xed\x857^\xac\x8f\x03\xe2\xc7\xd8@\x8aq\x02\xe0['</t>
  </si>
  <si>
    <t>b'\x0b\xa5\x8f\xf2e\xf1\xde\x1aN\x17\x02\xbb\x18\\Y\xac\x88\xe1\xab)\xc5\x95\x11\x95\xd9G\xf0\x0e(.\x07\xc2'</t>
  </si>
  <si>
    <t>b"%_W.o\xa6\xf3\xe5\x86`\xb3\\\x91\xa2\x9d\xce-'A\xf1@%=\x1b\xba\xa9\xa4\x9e\xf3Jk4"</t>
  </si>
  <si>
    <t>b'\x1e\x8c\t\x83j\xd2\x80_\xe8\xd6\xfb\x0bGS\x95KV\xbf\xeb\xb2\xf7\x14t\xdc\x04\x9d9\xb5\xa6\x17\xa1R'</t>
  </si>
  <si>
    <t>b'q\xf5x\xfc0\x80\x84\x88~f\xbe\xaa\xea?\xff\x1d5\xcc@)\x1a\xd3\x9bt\x93\xfaj\xbbf\xa3\x1c\xe9'</t>
  </si>
  <si>
    <t>b'\xda\x1b\xb2tLt{\\\x9e\x89{\xfbC\xaf\xe6\xe8R\x90\xd5R/d\xfaI\xd1\xa3S\xa4E\xf5.\xc6'</t>
  </si>
  <si>
    <t>b'\xab\xe4\x91\xe8\x82?\xa2\xf0s\xa7V\xce\x80yg~\x0fU&lt;\x04&amp;k[t\xb734g\x95\x80 \xff'</t>
  </si>
  <si>
    <t>b'\xfb\xd8\xd6\xa9^\xc6V\xea\x91\xa9I\x1f~\xc9\x91\x88.\xad\xb4\xc5}\xf7\xa2\x8e\x02\x02-a\xfe\xddh\xb9'</t>
  </si>
  <si>
    <t>b'\xe4\xd0#\xff"\x89\xc3\xac\xe8\xe4\xe5\xf0\xbe\xa6\x19\xba\xdd\xbc\xf3B\xa45\xb7~\xdd\x1d\x8cA\xb1t\xefc'</t>
  </si>
  <si>
    <t>b'\xabVK\xca\x85\xac\xcc\xdb)si;\xf7\xba\xe6$\x1a\xf2T\xee\xd78\xc7\xdeM\xe06?_\xac\x9f\xc6'</t>
  </si>
  <si>
    <t>b'\xff\xdc\xe9\x15\xd9O\x07c\xf5\xca\r\x13)\t\xcf\x8c\xabO*\xe4\xfc\xe3\xed\x9fG&gt;\xf6\xab\x7f\xea\xcd\xd4'</t>
  </si>
  <si>
    <t>b'\x95\x85\x841\xb8\xe3]tZJ\xb37\x84\xb0h\xae\xd6\xb1\xfab\xd6R\xa3\xbe\x8c_\xa6\xc4\xe2Q\xbbT'</t>
  </si>
  <si>
    <t>b'\x9c\x07k\xba\xbc\x86\n\x8f\x81\xcf\x1a\xe9\x0b\x14w\xe6\x06{\xf3F\x9f\x84\x808\xb3\xbf`\xd9J\xe9y\xa0'</t>
  </si>
  <si>
    <t>b'\xa4I\xbeq\xf1\x9a\xb22g\xcfj\x0b\x14\xa34\x01&lt;]oQD\xf6u\x86\xf9\x02\x87\xd7M\xea\xa0_'</t>
  </si>
  <si>
    <t>b'\xbd\xf4p*\x93\x89\x9b\xf1\xf7=C(\x10\xc8\xd0\xd2\xe3\xb2[r\xb3\xb2\x83\x9c\x0c\xfbCadCR\x90'</t>
  </si>
  <si>
    <t>b'D\xc32\xe9\xc3\xd2\xa7\x05/t0O\x9e\xd4u\xcc\x0es\xa9\xec\xc3\x91\xc6s\xaf\xc9\xa1\xbe\xfcT\xc1\x98'</t>
  </si>
  <si>
    <t>b'$q\x7f\x89y\xff4o\xfd|\x15\xbf\x87\xda\x15J\xe0)\xce\x0e\xb1\x93\x19^\x14\xff6\xb2\x10RC\xdb'</t>
  </si>
  <si>
    <t>b't\xc4\x81N\xd5\xac\xb9C\xeeE\xcfV&lt;\xdcl\xcb\x02\x1a\x1dl \xf5\x8a\xc6\x1a\xe2s\x06\xda\xa2\xb6/'</t>
  </si>
  <si>
    <t>b'{\xb5\xb2\xe6\x84\xf1\x8f\x9c\xa7\x8cuF\xc6\xdc\xeb\xa0\xea\xcfh\xcf\xdd!\x01#\xecxn}\xd6-\xc5\xbf'</t>
  </si>
  <si>
    <t>b'\xb7\xbd\xfe\xa7\x11\xdca\xe4\xf8\x0e\xaeZ\xc1\xaft\xa9\x9d\xa7\x10\x1d=\xc8M1\xa5\x1a\xea\xf4~\xd9Iy'</t>
  </si>
  <si>
    <t>b'\xa2\x06\x91V\xe8\xe208\xaf\xc6-\xf9\x90weGO\xd0\xe4!\x1e\x88\xea\xc15\x92Vm\x9c\xd1\xce\x02'</t>
  </si>
  <si>
    <t>b'\x9d\xd9\xb4\x08\xa3\xf0\xc9\x9c\xa9j\xb3b#I3\xfb\xadP\xb1v1z\xffP\x00e\x00\xa0z\x88\xb7h'</t>
  </si>
  <si>
    <t>b':\xa21\xaf\xce\xa42\xb3W\xc9:\r7g3\xbb\x9ey\x88\xa4Hi\x8b\xcd\x1bW\xc3\x88y\x01\x1b)'</t>
  </si>
  <si>
    <t>b'\xb2\x82\x8f \x9e\xfcm\x99\xdf\x836I\x90\xa0z\x7f\x96\xfc\xdb\xab\xd4I\xbd\xcc\x91\xa5\xea\xe4\xbd\x04jB'</t>
  </si>
  <si>
    <t>b'c\x8d\x8b\xdd\x8c\xeb\xbf+&gt;\x02\xf3\xd7\xbbP\xd6\xa3\xbe\xc5\xf4:z\\\x91\xa4U\x82\x08\xe5{\t\xbc\xf4'</t>
  </si>
  <si>
    <t>b'\xaf\x82Dp\'&amp;\xa0\x12Q\xa0"P\xb8\x8ce\xc1p\xe5}\x1f{C@\xc7\n\xaf-\x16\x81\xae\x82w'</t>
  </si>
  <si>
    <t>b'\x0c\x13c\xea/s\xa16\x085\xb3\xe7R\xde\xe2\x1c\x95\xac\xa1\x1c\x1cm\xc0\xa3\xb7\xa3\x19ZF1\xa3.'</t>
  </si>
  <si>
    <t>b'\xbc!e\xcc\xfe8\x9dU\x9dz\x03\x9e\x9ev)|)\xd6vp!\x19\xb5$\x14\xce\xd6+FJ\xe3\x9d'</t>
  </si>
  <si>
    <t>b'\xab\x90\xacA\x91\x16\x02\xffv\x7f=\xde\x8b%\xf9\xd2\xa4\xbc\xa29r;\xb67F\xd3\xe1\xa6s\xd8\x03\xe7'</t>
  </si>
  <si>
    <t>b'j\xb48\xe1\xbd8K\xdf\x9a\xcey\xdd\xeda\x9eu\xd9\x19F\x93\xac\xce\xb65\x91\xd1\xf9\xdf\x8f\x11\xc9\xe9'</t>
  </si>
  <si>
    <t>b'&amp;S7\x84\x1b\x80,o\xa1\xfa\xb4\xfa\xaf:\x9c\xbd\x0f\x00\xaaI\xb4$\xdd\xcc\xeb\x04\xef\xb87\xd3\x8a3'</t>
  </si>
  <si>
    <t>b'B\xac\xcd\x94e\x92\xeb\xd8\xd8H\x11E\t\xfar\x98c\x1be\xfc\xda&gt;\xc2Y\x80~\x80\xc8\xe8\xd7R\xc4'</t>
  </si>
  <si>
    <t>b'&amp;U\x91I k\x87`\xbd\x14\xf3;\x98\xe8\xdcT\xbf\xe3\xd7\x0f\xe2\xb4\xbd\xf4\xfbU\xca\xc6]?\xc4\x9b'</t>
  </si>
  <si>
    <t>b'F&lt;M\xf2\x8dH\xca\x15\xd8&lt;\xf4O|0\x85\xf0!dZ\xab\xf20\xb7\xef\xdc\xfeA\xacts\x04*'</t>
  </si>
  <si>
    <t>b'\xc8u\xe7\xb6\x14\\\x80\xd5;\xd4\xd8\xf3\xfb^\x8c\x15\xc6\xec~\x97*\x1e\xd3\x075\x9b\x19\x94%J\x19\x0b'</t>
  </si>
  <si>
    <t>b'\xb9\x9c\xf4\xd0W\xcd\x13\xa1\x87^,\xa4L\xbe\xd8\xce&lt;\xc7\x11}DJ\x08\xf2\x84\x02\\\xa3\x15\xd5\xbb\x99'</t>
  </si>
  <si>
    <t>b'\xc0_\x94\x1c\xfc?n\x8bg\xd5\xe2\xd1O\xecV!QAUX\x91\xb7e_\xff\xad5\xe0\x03X\x81b'</t>
  </si>
  <si>
    <t>b'\xb9t\x8e\xcf;\xde?\xac\xd1H\xd9\xd5\x9c\xdc[\x8f8\xf3\xe0\xbe\x81"\xf8Ny"\x9b%8L\x04\''</t>
  </si>
  <si>
    <t>b'\xec\x80x\x86\x94\x96\xedB\xe5\xd9%A\x7f\xa0\x8b\xd5\xc3HUx\x83\xf4\x1aa\x13\xb5\x15\xc0E\x1eU\x8e'</t>
  </si>
  <si>
    <t>b'\x87\xac\x16\xac6s\x1a\x9f\xfb\xaf\xda\x83\xe4\xd5p\xc0\xfd\xde\xe5\x96\xf9\xd7@\x16n]\xa7!\xbbU\xa9\x06'</t>
  </si>
  <si>
    <t>b'AG&amp;\xca\x07\xd3\xe5\x15\xc2{F\x8a\xc8\xaaw\xfcX\xb9\x8e(Z\x19&lt;#8M\xcf\xec\xb0O\xe9u'</t>
  </si>
  <si>
    <t>b'\xfd\xb2\x94K\x86#\xd1\x06\x92\x1b&amp;&amp;c\x90C\xa6I\xb3\xa4\xdd\x9e^\x9f\xbbG}Y\xd6\x12\xac\xf5\x91'</t>
  </si>
  <si>
    <t>b'\xb5\x11\xd5$x ^\xb2\xe4x\x87v\xa5\x88\xda\xea\x86`CA\xb3V\xe9\xball\x90dap\xe6\x06'</t>
  </si>
  <si>
    <t>b'fK\x05\xacI\xfd\\w\x95-\x0f32\x1a\xc3\xf6\xd1\x83;\xbd\x8f\x8c7A\xfbr\x15\x98\x0b\xaf6\x14'</t>
  </si>
  <si>
    <t>b"\x95'\x86\x1c\xf3\xd2\xe7Da\xa2^iI\xab\xf1\x97\xe8\xa0\xd1'X=j\x88\xfa*b\xb8\xb8\xdb\xce\xe8"</t>
  </si>
  <si>
    <t>b'\x11\xc4A\x1a\x07\x1a[\xb0\xca|z\xd3d\xe6\xcb\xad}m\xd8\xd0\x03\xb2+=\x87\xa8\xe63\x90\xae\xd2\x87'</t>
  </si>
  <si>
    <t>b'Dm\x85g\x86\x9f\xf7D\xa8-\x08\xcbk]\xf1\x8a!)\x0c(\x1dJ\xcc\xb6\xd3\xe93\xb2\xe6\x82\x02\xf0'</t>
  </si>
  <si>
    <t>b'\xfa4\xcc\xf3\x0cC&gt;\xba\x9dQ\xf0\xfeH\x86\xd2\xa6\xaf\xe6\x9d\x01`\xeb\x1c\xc9}\xb4\x8e?\xa2\xd4: '</t>
  </si>
  <si>
    <t>b'\x88N\x89\xf1\x00\x04\xb4\x08\x91\xa6\xf3\n3\xa7\xa0\xe3H~\x03%\xba\xdd\x8a\x91\xfa\xf6\x9f\x01\xa4\x83Q\xe0'</t>
  </si>
  <si>
    <t>b'\xce^\x89\xe92\xb5\xee\xe6F\xf9\x98o$\xfbf\xfdlD\xda\xcc\xcbh\xfc+h\xec\x81\x18\xf3\x0ca\xfa'</t>
  </si>
  <si>
    <t>b'\x83\x96\xc9\xa3\xea\xa4\xff\x10\xa2\x11\xad\x04N\xc8\xbd\xf2B\xeb\x10b)\xd8%\xc3&lt;\xfcS\xe4\xe2\xb2tu'</t>
  </si>
  <si>
    <t>b'\xd9\xb7y\x88\xe6\xf84k\xc6A\x8a\xd4R@\xbb{\xc8"\xa6\xf7\xfe\x07\xf7\x14\x9c\n\xd21\x9d\xff"\x94'</t>
  </si>
  <si>
    <t>b'\x8c\x06y3d\x93\xa0J\xf8\x94U\x08,t\xdf\xf3\x91\xec\xd4B\x05j\xa2\xc9\xf2S\xe4\xbf\xaa2l\x9b'</t>
  </si>
  <si>
    <t>b'\x92}\xf6Z\xd4P?\xcf\xbc\x16\xdc\x0f\xf4\x9f\x83\xc9\x10 {\xdf\xf5\x0e\x94\xc7g\xc1\xa5K2\xa3&gt;\xd1'</t>
  </si>
  <si>
    <t>b'\xa8\x1f?wB\x9a\xb6\xc4\xde\xba\xc4@\xb3\x9e\xb7^A\x85m\xca\xf9\x05B.Z\x91S\xb8\x97\xb5\x17\x1f'</t>
  </si>
  <si>
    <t>b'\xc5\x13&gt;\xbfmJ\xa71X\xc0\xe0\x84%\x9c\x97\xea\t%\xa6\xad.\xc7{2\t\x1e\x1bU\x1bz\xacE'</t>
  </si>
  <si>
    <t>b'\xd5\xf7\x9b\x00g\xaf\x1b\xf2\xd3\xd1\xcf*\xe4\xcb\x9b\xed\xa8\xf4\x1cG\xbb6\xf5\xe3u\x0f6\x18\xc5\xab\x03M'</t>
  </si>
  <si>
    <t>b'\xa7\xf7\x8eR{\xa0\xf7#\xb1(\xd4&lt;\x90\xb9u\x13l\xdd\xf1nPN@\xb2\xf7\xb4\xeaY\x90\xd6\x16\x90'</t>
  </si>
  <si>
    <t>b'\xb9az\x14\x96\x10j\xc4\xc8\x90\x19\xa8\xabr\xfc\x841\xeb\x91ICk\xf7P\xea\xedo\x85\xcdd\xaf\x8c'</t>
  </si>
  <si>
    <t>b'\x13*\xa0i\xa7\xfc\xdbl/\x9aO\xe6ue\n\x19\x0b{\xcb\xfc\x0c\x88\xe5\xa0\xbe[\xb6\xd3\xd2\xd1\xb6\x0e'</t>
  </si>
  <si>
    <t>b'\xd8\x8a\x14\x85*\xb8\xc8M\xd5\x07\xb3\x80\xf1\xc5H\xf1\xb6s\xf8\x06\x84\xda\x8ex\xfdFh\xd5\xc0\x92\xb3\x15'</t>
  </si>
  <si>
    <t>b'&gt;\xc3\x0b\x19-\xff\xed\xb1r\xb7|&gt;\x1fu\xfd\x7f\x80\x14WM,\x19\xf44\xfa\xf9-)\x99\xd7\xf8\xa0'</t>
  </si>
  <si>
    <t>b'\xb06I\x8d\xd4\x0f\xf3^/Y\x81\xc4\xef^\xfe\x16Z\x1d\xf6\tH\x86&amp;B\xde\x1b\xa6\x8e\xeb\t\xc9\x83'</t>
  </si>
  <si>
    <t>b'E\x87($\xc3\x02\xb7\xd8,\xc1\x02n?\x8f\x7f\x00\xb1C\x93@\xe1f\x8a\xf9"t@\xdd.\x1de\xa9'</t>
  </si>
  <si>
    <t>b"\xf1\x1a]\xb05\x80\x81\xaa\x1b\xe0\\%\x19\xda\tx-q\xe9Z\xa0\x1b[\xc1'\xae\xf4\x14p\xb5\x04C"</t>
  </si>
  <si>
    <t>b'\xf3M\xcb\xbav\xd8a\xc5\x8ftLv\xf9\xa65A\xc6\x99`\xf4\xd8\xa3\x8b\xe9\xc4\xf6^\xa9\x8f\x9f&lt;\xc3'</t>
  </si>
  <si>
    <t>b'\xbb\xb5\xc8YX7\xac\xa9\xf2T\xe6\xe8\x1f\x13\x92\x97]#Q3k\xe3\xe1\x92\xb8\xa0j\x19\x14N\xf6\x0e'</t>
  </si>
  <si>
    <t>b"V\xb3I\r\x8c\x90\xe9\xc0dN\x98W\xf2\xc4t\xa5\x9b5X\xc0Q\xe1'\x9aq\x04\x88\xe3\xce\xec\x7f\x88"</t>
  </si>
  <si>
    <t>b'E\xf8-\xa5\x9dR\xea\x16m\x02N\x89\xec\xe25\xdeD\xf2\xe5r\x1emS:\xb1\x01\x1b\x84\xc2r/\xb9'</t>
  </si>
  <si>
    <t>b'\x13a\x1e\xec\xa7\xc4\x8a\xce\xab\xe4\x06\x89\x0f7\x89\xb52\xaf\x08\xda\xefz9\xb3\xaf}\x8fa\xa9\xbf\xfb\x85'</t>
  </si>
  <si>
    <t>b'\x07\x0b:\xb9\xa8\xcb\xa8\x11\xcf\xcd\xbfva\xab\x99iK\xa6\xee\xab\xdb\x80\xbb\x18\x7ft^\x9eI\x00\xca\x9e'</t>
  </si>
  <si>
    <t>b'|\x80\x11\x90\xfc\x13\x9f(F\x9e\x13E\x8b\x7f\x90\xa5\xfbR\x19e\xed\xfa\xbbJ?\xdd\xcat:\xd3\xea\x96'</t>
  </si>
  <si>
    <t>b'\x9ey\x86\xebj\x96&amp;\x16\x01\x1fg&gt;gc\x90E\xa5\x04c\x1a\xa2\x0c\xeb\xc4\xce\x0c\xfc\xbb\xfb\xe5#\x0e'</t>
  </si>
  <si>
    <t>b'$\xe1\x9e\xa5u\xe8\xdf\x9b\xe5\x01\x06mu\x1emt\xd5\xdbh\xc8\xcc\xe4\x85\xb7\xc6\x9a\xbe/\x87O\x8e\xc2'</t>
  </si>
  <si>
    <t>b'\xf3\xb4\x17\xb4\xbd\xce\xd9\xb1K\xf9#|%\xa7ko\xe8\x1e^p\xe6\x99\xba\xf4=\xfa,\x1e\x00\x16x\x98'</t>
  </si>
  <si>
    <t>b'z\xd0\x8aH\xe5|\x0b\xb3fcH\x1b\x14\x95\xfd\xcaaa\xbdI\xa4u\xfa\x9d\xd6\xe0\x0ch\x9a\xbd\x04\x0b'</t>
  </si>
  <si>
    <t>b'\xa8Y\xc0\x03\x85\x19\x9b\xf2\xde\x0e\x98g\x1f\xbf\xeb\xa5\x92\xbb\xcc\xa5\x83\x91]\xe4\xf21\xf4\xd3b\xdd\x94\x9e'</t>
  </si>
  <si>
    <t>b"\xc3J\x15\xb4y\xf5\xa9\xc3j\xe4\x9bQ\xa7\x19\xaaH6\xd6?\x1b'\xb4N\rKOMo\xf5|,1"</t>
  </si>
  <si>
    <t>b's\x95\xd8\xfdO\xaam\xa48-]\x85W\xa9\xce+\xc1\xb0\x8al\x83\xca\x8e`a\x0b:\xf5\x06\x1e\x92\x13'</t>
  </si>
  <si>
    <t>b'\xb3\x8a]\xbdR\xa1\x99w\x98rs{r\xe7\xa1z\x85)\xbb\xc9\x05A\x9e\x96\xae\x8d\xdd\xda\x885\xf5\xa7'</t>
  </si>
  <si>
    <t>b'u\xc5\xd2l\xca\\\xfb\x9c\x98\xe4d\x17r\x1f\x87\xfeR\x1a\xe5\xd5\xb4}&amp;\xa1vo\x82\x1f\x1a\xd2\x871'</t>
  </si>
  <si>
    <t>b'\x94lq\t\x94$\x986`\x1c\x827\x96\x87\xf1\x04\xb7\xe9A\xa8Nv\xcd~\xd5M\x06\xa5\xf7\x85\xd2\xd9'</t>
  </si>
  <si>
    <t>b'\x00T\xde\xce\xe0\x90:9\x9c\xf3\xcf_$\x08\xc4\x92\xcc\x92l\xa8\x12\x0b\xa3\xec-k\xefM\x83WI^'</t>
  </si>
  <si>
    <t>b'8G3\xe1N(\xaa\x04\xc4}\xf3\xd3\xe0\xb5ZM_\xf5\xce6?\xb3)\x1b\x05n\t;`J\xf7 '</t>
  </si>
  <si>
    <t>b'\xf0\x01H+\x9c\xc7\x1d\x8d"6\xc4_\x81\xe1k\x832\x01\xe0\x99\xeb\xf0\\\xeff\xe5\x1b\xf7\xdb\x15o\x1d'</t>
  </si>
  <si>
    <t>b'CM\xe6\xa4Zwg\xff\xf4p\x93\xe4\xdf\xb8\x82[\xf6\xd3\\\xfb\xd4\x1c\xaa\x99\xfeL\xfc\xc0\x13\xf2\x17w'</t>
  </si>
  <si>
    <t>b'\x99\xa0\xc3\xe2Y\xa0\xe6\xc4\xcf\xe2-tF\xc2\x92\x1a\x86\xf2N\xacM\xdb"C\tG\x98\xfd\xaa\xa3\x8d8'</t>
  </si>
  <si>
    <t>b'\x88\xaa"@\xb5A\n\x1e\xe1\xf4cKks\xad}\x1f\xd1\xa0\xc6\x94\x92x\x17\xbeh\x06)\xfb\x894\xd5'</t>
  </si>
  <si>
    <t>b'\xce\xc7\x9f\x1fQ\x0f\xf3\x92:R\xaa\xd5,\xa1&gt;3\xaa\xf9L\xcd\x85zF\xb86\xeek0\xdb\x9c\xa12'</t>
  </si>
  <si>
    <t>b'\xc5\x1f\xe3\xb1{\xedy\xb1\x05b\xb4Q\xa9\xde\xb9GM/t\xb2\x91\x88\x06\xf3R\x83T|O\xdf\xee)'</t>
  </si>
  <si>
    <t>b'\xfa7\x94V\xec\xaeU&lt;"\x90Uu\xae"\x83\xbf$]\x93,\x9aD\x08\x16&lt;\xd1\x00\xcaX\xff?\xf3'</t>
  </si>
  <si>
    <t>b'\xfak\xc3\xda\xc5\xe1\xdaL\x19\xf6V\xdc\x0c\xaf\x8e\xc2\x0b\xd6\x99?\xe1Q\xb6\xd3\x9eq\x9db\xd4\x1b\xbb\x1f'</t>
  </si>
  <si>
    <t>b'\xbdpC\x12q\xe1\xfa\x17X\xf6\x9d\x10t\x1d.\xe7\x85V\xda7G&amp;\x94?l(\xea\x99\x036\xad7'</t>
  </si>
  <si>
    <t>b'\x81\x96\xc5\xdc,\xc8lg+w\xcdTR\xc2\x16\xa8\x12\xb3\xa9&amp;\xaa\x99B\xce`L\xdb;\xf4\x03\x82@'</t>
  </si>
  <si>
    <t>b'\x97\xc3\x9f\xab\xa6\xfb@\xfa\x9f\xb1v\xf8\x11\xe9\xd43E\xed`l\x8a\xa5\xba\xc1\xf8\x0fK\xec%\x8a\x8f\xea'</t>
  </si>
  <si>
    <t>b'Z\xb6\xbc+\x9f\xdb\xafc\x89\x14\xa3{BR\xd7Gja;\xfa)y)\x07{\xcb\xd3\xcfEg4\x06'</t>
  </si>
  <si>
    <t>b'\xfap\xc4\xd1\x82_\xbc:\xaa\xdf\xd5\xca\x06\xd6@\xf0\xb9\xea\x01\x1e(\xd95\xb1y\x1f\x11\xba\x16\x19LV'</t>
  </si>
  <si>
    <t>b'_Li\xfd\x88\xa7\xefY#j\xb1\xdfD\xa4@\xe2\x15\xb4\x12\xdf(\xb6\r\x99\x96U\xf9\x88\xf4\xb5L\xdc'</t>
  </si>
  <si>
    <t>b"2\xe1a\xf9H\xd6\x08y,\xf4'\xb7\xaa\x9f\xa90\xad\xeb\xf8\xd3\x02\x1bV\x95\xc4\x00\xa8\xd08\x18\x1e\x17"</t>
  </si>
  <si>
    <t>b'9\xdd\xde\x08\xec~\x18\x0c\x00b=\xdf\x19\x8bqA\xeaDs\xbb\x93\rn\xa0\x04\x05\xc2\x07L\xed\x05u'</t>
  </si>
  <si>
    <t>b"'\x94i\xcb\xfc\xcf\xb1\xe7\x1d];\xfd\x1auP`k\x8e\x06i\x83\x98\x91@'F`\x99\\\xfc\r\x10"</t>
  </si>
  <si>
    <t>b'j}\x1e}\xc09\x04\xc6M\xb8\xe6\x9bL\xd5\x07v8\xc2`z"\x0bq&gt;\xc2^z\x16\xb0G\xfel'</t>
  </si>
  <si>
    <t>b'c\xcd\x9f\xc3\xce}\x1e\x7fL\xa8\xcd4\n\xf2L\x0b\xb3\neQz\xb7\x83\x980\xd4\xe6d\xae/\x12\x17'</t>
  </si>
  <si>
    <t>b'\x08\xf9o\x04w\xe5\x8f\x8eWZ\xdab\x035\x84\xad\xff\xdeOb\xf8\xa9\xff\xebl\xcc\xfa z1L\xae'</t>
  </si>
  <si>
    <t>b'`\xb3F\xf9\x12\x88\x84\xbai:^\xacL\xdd\xc8wK\x90\x0c\x87\xd2\xc9D\xbei\xb3t\xfc\xf4|\xea\xdf'</t>
  </si>
  <si>
    <t>b'"\xf0zM\x83\xaa\xd67\xbdl\xaaKoS\xf9\xa4\x1e\x18R\xa6{\xf3\x9e\x86\xc6\xa7!~)\x8c\x0b0'</t>
  </si>
  <si>
    <t>b'\x02L\xea\xfc\x9c\x14\xe5\x18\xc3]Gn\xda\x94\x02?\xeb%\xe7fz\xa8\xc5\xc9#\xf8\xe4-ni\xb5\x07'</t>
  </si>
  <si>
    <t>b'\r\xb5\xf1\xa4,\xe0C\xd2\x8d7.\x9aU\x13:,!\xbb\x1e\x91\xf4\xeb\x91\x01\x1b\xab&lt;\x8a\xa8\xb8\xa7+'</t>
  </si>
  <si>
    <t>b'\xb8%\xd8\xe0\x85\x04\xc2\xff\xd8\xdb\xebK\x8dj\xab\xf0#\xa9\xf7fp\x99\xdam\x9e\xfd\x10\xbdS\xab&gt;&amp;'</t>
  </si>
  <si>
    <t>b'\xbb\xcd\xbf\xb1\xefW\xb7S!,?\x87?\x08+\x9e~\x04\x98!\xde\xfb\xf3\xef\x94\x97\xc21\xcd\xa1\xfcs'</t>
  </si>
  <si>
    <t>b'G\x1e\xd8M\xa9s\x88\xa8\xbe\xa8-z\xdf\x06k^\x1aD\x98J3@g%\xfa&amp;w\xa0\x9b\x03\x84\xd7'</t>
  </si>
  <si>
    <t>b'\xbd\xcc\x91\x8boV\x1a\xa1\xfa\x06\xba\x8a\xdd\xd7R\x83\xbc\x00\x97\x0cm\x0bTE)\xfa\x1d\xe0\xf8!5\x11'</t>
  </si>
  <si>
    <t>b'\xe2^\x90\xee\x9a8+\xd9\x05\xaf\xca\xbf/\x8e\xed\xf4\xbcW\xc8k\xfb\xca\x14\xce\x93\xeb\x9f\\\xfb\x8a\x95^'</t>
  </si>
  <si>
    <t>b"\x1a*t\xae\xd9\x8e\xb9\xfa\xfa\xb3\x96\x1a '\xb8\xe46\xf5\xaa\x9b\xdc\xb5\x10\x87AM5\x95\xdb\xad0\r"</t>
  </si>
  <si>
    <t>b'\x08\xf3B\xf7\xa1S\xb3q\x937\xdd\xd1_\xc6%3Z%\xa3@:\x81o\x18\xc5`\xca&lt;\x12\xb8\x81\xfd'</t>
  </si>
  <si>
    <t>b'\xe6u4\x061\x9c0\x0b\xb9\x1f\xaf\xc4\xf50\xfb\x85&gt;\n\xf5\xae\\\xa2\xde\x94P\xb5V\x15\xcbm\x1c:'</t>
  </si>
  <si>
    <t>b'je\xd0U?\xb6\x0c\xe5\x8a\x18\xa5#*\xb9Y\xf9\x01zf\x99\xfd\x1f/D8\xcfgE\x04)|\xdc'</t>
  </si>
  <si>
    <t>b'\xcc\xc0\x9d\xe7Jq\xde\x04o\xf1\xab\xba}f\xdb\xe0\x92Ya\x95\x80\xf2\xe6\xa7r\x84*&lt;NQ\xe3\xea'</t>
  </si>
  <si>
    <t>b'\\]\x180\xb17\x1a\x0c\x1d)\xfe\xf7\x0c\xd76g\xdd!\x11\xec\x1a\x06G\xef\xc4\xe5v\x95\xf1H2\xf0'</t>
  </si>
  <si>
    <t>b'\x8f\r2G\xd7@#\xc2\x01\xc2T\xa7\x80\xd3m\xacG\x88 [yY\xa8\x15\xfb\xdd2\xafvZ\xbcS'</t>
  </si>
  <si>
    <t>b'F\x97&lt;6\xf1pp\xc7\xe2[\xe7g}\x18\xe4\x884\xeb\xde\xf8\xad\xa4\xc4\xde\xdc\xb2+\xda\xd3\x99\xbef'</t>
  </si>
  <si>
    <t>b'\xe0tVqSH\x15\x83A\xd9^\xeai:\x18\xa8\xb9\xf6\xf0\xc61\x0e\x8e\xca\xd2\xa1\xac\xcdq\xce\xeeN'</t>
  </si>
  <si>
    <t>b'\xb6\xab\xd2(+\xc0\xcf3\x93\xaf\xa2\x1a"I\xf3\x9e\xd95\x14\x0e\xbfD\xa6\xaf\x82\xec.0\xa9V\xabH'</t>
  </si>
  <si>
    <t>b'\xfczG=O\xc5Ol\xa8\xe3\x8d[\xdc`\xba\xff|\xf8\x91\x101\xe8%_\xc3H\x06IP\xa4\x93\xfc'</t>
  </si>
  <si>
    <t>b'\x96\xf1\x19rQ\xc2wT\xff\x10\xe9\x16\xee\xe3o\x81\xc9\xdc\x91\x13/T\xfe0\xcd\xae\x16\xf1O\x81\xe4,'</t>
  </si>
  <si>
    <t>b'b\x8bB\x90( \x97\xf3I\xff\x9e:\x97n\x1c\xa8\xe4\x92\x08\x9bW\x17Pj\xf0e+O\xc0\xdco\xde'</t>
  </si>
  <si>
    <t>b'\xa1\x04\xdcgLs\xc0yZR\xea\xa9`\xcds\x9d\xa1\'\x15g"\xb9\xa2\x87K"\xac\x0e7\xd0/\x99'</t>
  </si>
  <si>
    <t>b'7\xf8p\xf64-\xb4f\xea#\x02Q \xc47\x8a\x82\x9aio\xac\x1bx\xa2,H\xedf\xfen\x96P'</t>
  </si>
  <si>
    <t>b'\x99x:\xcb\xf8\xe7\xd8|.\t\xe86t\xf8SS~\x93\xfe\x92\x0e\r0\x02\x04P6\xa5\x1a\xf4\xc5}'</t>
  </si>
  <si>
    <t>b'\xa4\xdb\xaa\xed\xc51\xab/DO\xa3\x8b\xa2\x05\xa3oI\rr\xaf\x0f\xb6\xfa\n\xc0\xae/C"Q\xfd\xe6'</t>
  </si>
  <si>
    <t>b'\xe5\x17DA\x91\x86\x95\xe4\xba\xd2;\x11\xf7S\xfc\x05\xe7\xf9x\xe5\x8dASy\xef\xbcH\x02\xba.\xf1\xb3'</t>
  </si>
  <si>
    <t>b'\xfd\x8b\xd8z\xe6c.Oj\xf8Mjw\xe8\xdf\x16G\xa2u\xec\xfa\xcd$\xf4\x17\xf0\xe4\xe0\xbe\xa5\xf65'</t>
  </si>
  <si>
    <t>b"@\x8b\x02\xad\xdc=\xd0'B\x96K\xb5\xc9\x0e\xaf\xc3(\xf4\xacxZ\xe6`\x7fM\xe6\x18\x17\x96\xf2\xa4s"</t>
  </si>
  <si>
    <t>b'\xf8\x91\xbf\x9a\xf9B\x93\x1aYg\x17\xd0\x84b\xe0\xa0\xa6\xfeR\x02\x8a\x90Ox\x1dXd\x9a\xfbj\xa6\x07'</t>
  </si>
  <si>
    <t>b'\x8e2\xe5\xa3\x02t_\xf1\xc2)\xfaY?g\xc3\xdd\x84\xd8\xa5\xb3\x11t\x1e \x1d\x93\xbf4\xa4\xa24\x02'</t>
  </si>
  <si>
    <t>b'\x08\xd9\xba\xbb\xff\x8f|#o\xf11\xb3n\x0c\xa7:\xbb\x8d[df\x11\xa7\xf2\xa7[j\x97\xd0\x81\xe6~'</t>
  </si>
  <si>
    <t>b'\xa7\xce\xab\xe6\x14\x07\xac\xe6\xaf\xaf\xe7\xfa0\xf4\x940\x89\x95dY1*\xe9\xf73\xad\tT\xb1\xbd\x1b;'</t>
  </si>
  <si>
    <t>b',\x19|~\xb0\x02B\x1a\xa9\xae\x8c|\x8f\xe2}&gt;\x17\xdd&amp;&gt;\x9e|\xd1\x02\xe3\xfa]R\x8b\xca\xf0\x02'</t>
  </si>
  <si>
    <t>b'D\xe1=\x95\xff\xd9\xf1l]\x1c1\xc4\x8alP\x81\x8a\xbd\xd0\xa4\xfa{\x9a\x1ag\x04\x8a\x0e$uk\x06'</t>
  </si>
  <si>
    <t>b'5\x95\xb6\xa0\xe4\rSc`~\x11\xd1\xd6\x93D\x0f\x96\xb3\x06\xe2\xcbd}\xcc\xf4\xe5h\xf2y\nP*'</t>
  </si>
  <si>
    <t>b'M^7\x831c\xd1\xb0b\x9a\x19\xdcx\xb7\x9b\xf9\xdb\x1a\xf9\x0f\x0eU\xb1:\xf6\x82\xf3\x96b\x98\xfdd'</t>
  </si>
  <si>
    <t>b'\xbe\xc64+\x0f+\x18&amp;\xe1"\xb4\xc3#\xc2\xe7\xd5\xb6`\xf0x\x96c\xfb\x0b\x97\xf2z\x7f\xe8\xa0\xb3&amp;'</t>
  </si>
  <si>
    <t>b']\x9cg&lt;;\x1d\xb5\x1a\x93\x86\xe8M\x95\x8a9+&lt;\x08\xf1\xa2[_HLY\xac\x95\xd1\x9b\x17\x11\x96'</t>
  </si>
  <si>
    <t>b'|\xa2\x18j\x1f\x1c\x15\xfe\xcb`\x9b#\xfd\xd7\xfb;\x99\xa9\xab\xc2B\x90t\x91\x0b\xe4d\xe5\x8c\x8cDv'</t>
  </si>
  <si>
    <t>b'#i\x90\xcc\x03\x19\xf3\x98\xcfG8\xa9t\xfb\xc4B4M:\x88\xda{\x11\x0b\xd98\xc8\x84\xf0]\xb7\xd9'</t>
  </si>
  <si>
    <t>b'\xdb\n\x17\xf2\x8a5\xc5|\x13\xfdp6[S\xdf\xb8\xff\xb9\xde\xbb\x90\xc1I\xb0\x0cg\x92jQ\x97\x89f'</t>
  </si>
  <si>
    <t>b'\x8a\xffc\x85\xe6\xc0\x97\xc1\r\xd1+r\x16be\xf1\xe3\x1a=\x1bj\x86C\x86\x93\ndn\xc9\xd9\xcf\x10'</t>
  </si>
  <si>
    <t>b'\x92\x9dH\x18\x0b\x15G\xdf\xed\xc0M\xfe"\x99\x93\x11]\xc5eAq\xcb\x96\xb8b\xd6\x0eP\x83ZQ&gt;'</t>
  </si>
  <si>
    <t>b'\x19X\xc0\x8f\x13\x9e.D\xb0xl\x90\xbe\xa3?1\xd7c\x1b\x8f\x13\xe5]\xe4uv\xd8!\xb7~\t\xe8'</t>
  </si>
  <si>
    <t>b'\xa4\x1d]9\xc5\n\xb6U\x93\x0f\xf5lY\x00F(\x9c\t\xc1\xa5k#\xd9\x8e\x12\xd5/\xd8\xf5!\x852'</t>
  </si>
  <si>
    <t>b"\xc3\xed\xd3\xc3\xbc5\xe8&amp;\n\xdd\x83z\xcc\xde\x16'\xc62c\xbf\xf6\xa3wA\x92q\xec\x87Z\xb8\xa3\xaa"</t>
  </si>
  <si>
    <t>b'\x88Y\xb3&amp;5\xdf\xd4\xa9\xc8sbsH!q\xd9q1r\xabj\xb56t\x02\x7f\x82E\xfc\xa0m}'</t>
  </si>
  <si>
    <t>b'\x14g\xe3e\x91\x85\xeb5un\xe2 j\x86\xf8\x88\xc1U\xd3\xa1Z\xc7\xbbea\xc8T\x9d\x99Q\xd6\x00'</t>
  </si>
  <si>
    <t>b'N\xa8\x91\x92\xe4\xf0[\xef\x19\xd2\x9e\x9e\x12R\xf8\x92T\x84\xa5{\x1dp3\x8e\x15h]0\xcc\xbe\x99O'</t>
  </si>
  <si>
    <t>b'\xedD\xd7e\xa9\x7f-\x83\xb0\x114\xe5^\x8f\x97\xf1\x89\xf9\xe0\x80VCo\xc6:\xbd_\xe7\x96\xe7\x8c]'</t>
  </si>
  <si>
    <t>b';\xb0\x11\x8dBh\x8b\x14\xb2\x84\x07\xeam\xcc\x8cZ\xbd\x86i\x12{\xb0\x8a\xd1\xfd\xef\x8b,\xcdp\xa7\xca'</t>
  </si>
  <si>
    <t>b'\xc7\xber\xad\xe7V\xcd\x90ul\xf0O\x94e\x1e\xe2|\xcf\xc1;\x97X4*8m\xe8N\x87MuB'</t>
  </si>
  <si>
    <t>b'\xfd\xa2\xce\xa2%\xe7*\x86\xe7\xed\x88\xa9S\x0f_.\xdd\x80\xe5(\xd9\t\x9a\xea8\x9f\xab*\x80\x10\x04\x95'</t>
  </si>
  <si>
    <t>b'\x92\xc3V\th)d\xb2\xc2\xd1&gt;\\?\x89a&gt;i\xa3\x99\xdc\x9b\xdc\xfc?\xa1\xb0\xa0\xden% p'</t>
  </si>
  <si>
    <t>b'\x8e\x87k\xf8\xb7^\x8a[[\x8e\x99M\xfe=\t{\xd8Q8\xbdv9*N\xd1\xd6\xb6\xab\xd0\x8a\x02\xfb'</t>
  </si>
  <si>
    <t>b'\x00x\xbaP\x07\x14]\x00\x88z\xd7\xf8L\x92$t6\xae\xedd@S\xa1#5\x1fS\xc9\x0e.\xe9\n'</t>
  </si>
  <si>
    <t>b'\x87\xe7\t\xf96Z.\x1e\xf5B\x882\xe9\x11\xd1#\x87\x0f\xbf\r\x0f\x94\xa6\x89\xb0\xab\x1a\x88 \x0e{n'</t>
  </si>
  <si>
    <t>b'\nN\x93\x8d\xee\xb7\x00C\x0f\xff\x8ac\xe7=L\x1dib\x8c\xf9\x1f\x93f\xd5\xd2\xb5\x84l\x8d\xab\xbb&amp;'</t>
  </si>
  <si>
    <t>b"{\x84\x8e\t\n\xceO\xca\xccNb\xee\xb7\xe7'8k\xbaEx\x8cu\xc2+\xb9\x12\x9f\xef\x89!\x94\xe3"</t>
  </si>
  <si>
    <t>b'\xd8\xc74\xdfs\xf7\x91\xf8f\xffMY\xf7xk\xa3\x1e\x11i\xca\x16\t&lt;e\x03(\xa8g\xa5R^\x02'</t>
  </si>
  <si>
    <t>b'T,\xed\x9cp\xc9\xc3\xd0\xa2\x13\xd7\x18\xa1P\x11\xa0\x19UJ\xa8\x9b"u\xe9*\xff\xc8\x1d\x12\xfc\x19N'</t>
  </si>
  <si>
    <t>b"\xe3\x8f\x0b\x85M\x07\xa11KS\xe2\x80\xc48\xcd\xf7\xe8&lt;uj\xe5\xf1\xae\xe3~\xf7\xc1'\x841\xaf\xdc"</t>
  </si>
  <si>
    <t>b"\xf9C{\xcb\xffZ\xeb'k\xcfK\x87\xc9\xbd\xf9CQgQ\x07 \x023X)\xd0\xcf\xabA\x9d\xd3\xf0"</t>
  </si>
  <si>
    <t>b"\x89\xdd\xb8\xbd'\xf6\xb7\x98\x0c\xa1\x11\xea\xf9X\xd8\x96\xc9O\xb7\xe04U\x02\x8a \x9d,\x02\xea.\x91\x08"</t>
  </si>
  <si>
    <t>b'\xa5&lt;\x03e\x8f\x0e\xa2\x08r.\xcb\xfb\xcf\xf4H\xac\xee\x944\x89X\xb7\x04\x1bW\xc0\xfe\xcb\xd0\x85]\x99'</t>
  </si>
  <si>
    <t>b'\t\x8b\x8dJt}\x13?\x7fM\xee\x06\xceW\xce\xc9\xdf,Uv\xb5L\xb3\x87\xf3d\x18\xb3w\xe7\xfa-'</t>
  </si>
  <si>
    <t>b'\xb3;\xe8a\xf7\xda3\x85\xc2UY\x03\xbe`\xbe\xadzKP\xf4y\x96C\x94R\x03\x04R\x0bJ-\xea'</t>
  </si>
  <si>
    <t>b'\x0c\xd3\x14\xb9e)b&lt;u\xad\x86Pv6\x1f\xa2:V\xbc\x9b\x98\x96-\x9f\x19o/\xbb=A\xdfE'</t>
  </si>
  <si>
    <t>b's\xb7\xcc\xb5;\xf9\x8b\xdcp\x11S\x904\xae\xbd\x08q;?\x1a\n\xca\xdc\x925J&gt;R?\xddT8'</t>
  </si>
  <si>
    <t>b'\xf1\x15]J#5B\xa71\xfaq\xda$c\xba7R%\x99\xef\xf3\x94\x01E\xee\xb5\x8f\x8d\x81\xb8\x14\x96'</t>
  </si>
  <si>
    <t>b'\xb9\xc2\xfe\xf8\xb1\xfd\x9f\x8c\xf2\x01\xb5\x1d\xae\xc5\xdc\xd5\x92\xef[q\xcc\xb4,Q\x07\xbc!\xadfo"\xed'</t>
  </si>
  <si>
    <t>b'#y\xa5\x847\x97/\x1b\xb4\x9f\xf9\x80\xf1\x8d\xa1\xe9k\xb9\t\xa3/\x81\xb2\x1f\xc8\n^\xf4\x85\x14\xd8\x8a'</t>
  </si>
  <si>
    <t>b'\x18bl\xbcK&gt;$F\x03\n"K\x83\x89\x1e\x96\x80\xc9w\x85\xdf\x87;\x89\x82&lt;\xd09\xefMT\x12'</t>
  </si>
  <si>
    <t>b'\x7f\xa5\xae^0\xe6s\xba\x8a\x1c\xb5\xc4\xe0)\x8bNP+=\x12\x05\x86?v,}\xb6_\x94\x15P\xa4'</t>
  </si>
  <si>
    <t>b':g\x93Q\xb5X\xd1\xe5D\x14\xae@l\xd5\xf2\xb3\x16\x19\x18\xf8\xc4\x0f\xb8\xcdk\xaao\xebH\xa5k\xd9'</t>
  </si>
  <si>
    <t>b'\xad\x84\xf6\x89\x8e\x9d\xf5\xc6~]OFd\x1b;T\xeb\x9eMw_}\xf0\xab\xb3\x0f(S\xd3\x11b\x83'</t>
  </si>
  <si>
    <t>b'\x85\xfd\x80\x97\x8c\x11W7\xc3\x91\x80\xa7\x96\xca\x99\xf8O\x7f\x8a}\xe3\xd4\xde\x88\xb6\xcc\xc4\xfa\x14b\xe2\x8d'</t>
  </si>
  <si>
    <t>b'\xeb\xda\xd3\xf0\x9d\xed\r\xe3w\xe8\xda\xdd\xb3B\x0em\xfdb3\\](\xad\xc8f/\xadi\x19\xd7\xf0\xc8'</t>
  </si>
  <si>
    <t>b'\x96L\x93j*\xa1&lt;;\x16SQ\r\xda\x18-\x80&gt;g\x13\xc6\xabC\xa9\xa6\xbb-\x0c\xf5\x8f\x11\xd1\xf7'</t>
  </si>
  <si>
    <t>b'y+f\xc8\x18N\t:Q\xa1\x80z_\xdb1\xc2\xb5-xb7\x02\r\xa7\x91\x90`+\x0e\x04\xacN'</t>
  </si>
  <si>
    <t>b'\xaf*\x11\xc0\xb4\xdb3;\xfde\x01&amp;\x07\xf30\xdb\xd0\xfa\xf6\x93\x83 \x06V\x03\x9d\xfd\xaf\xca\n4\x08'</t>
  </si>
  <si>
    <t>b'\xda)\xdd\xdb~\xf7\xbb\xf6\xacY\xed\xd2\x8b\x92\xc5\x19\x8cE\xc6\x1d$\xce\xa0SP(\n\xb4H\xfb \xa0'</t>
  </si>
  <si>
    <t>b'\xef\xfb\xa8\xa8&gt;{RkH\xb6\x94n\x0eSO\xdf\x1aG\xb2\n\xfb]4\xff\xde@^D\xb9\x9bb\xf3'</t>
  </si>
  <si>
    <t>b'\xf1\x13_j\x0f:(l\xa9\x8f\x12)\xc6\xe31\x8aO9\x9e\xe5a&lt;\xbb\x85\xd5.\xe5\x89\x05\xbc\xa5\xd2'</t>
  </si>
  <si>
    <t>b'\xfd\x9f\xd3\xb5\xd0\xe54\xcf\x8f\x15\x03:d/\x02\x8f\xf8\r(\xa1Y\xd5\xe9I\xd2\x98\x88\x81\xd2\xf4+\xf8'</t>
  </si>
  <si>
    <t>b'D\xe4-\x95\xca\x1b\x98\x1c\x9dX,:\x8dY\x01\x1d\x98\x90\x8b\xf4\xa4\xf9/\xbd\xcfd\xd3PE\xb1\xbe\x1f'</t>
  </si>
  <si>
    <t>b'\x9edM\x84c:\xad\xad\xfc:\xaf;h,{\xf9{`\x9eT\xc7\r\xbfts\xee\x86\xf6\x88\xe5\xee\xe6'</t>
  </si>
  <si>
    <t>b'\xbax\xe5F\x00\x84I\x92\x03\x01E\x8a\x17\xdfR\x1cX\xfdqU\xcd\xa4d\x81\xf0V\xbc\x87\x9e\x12\xcb\xa1'</t>
  </si>
  <si>
    <t>b'\xd3\x06@\x84\xb3\xa9\xad\xe9KW\xceV\x8a\xc6\xe4Z \xa6e\xb1bsy\xf5\xd1\xfas\xc5\xae\x03\xb8\x86'</t>
  </si>
  <si>
    <t>b'%\xc8\xaf\x98\xee\x1f\xed_t\xb3\xfa\xe0\x19{\xe7D\n\xfb\x9b\xe1\xa3\x85\xf6\xcd\xe7XU\xe8\x98\x94}\x14'</t>
  </si>
  <si>
    <t>b'\x98\xb4T\r\x17\x9d\x87v4%\xc2\xb8\xcd\x9e\x9d\x8e\xcat\xb2U\x92\x7f\x9e\x83\xe4V-XT\x82\x85\x8d'</t>
  </si>
  <si>
    <t>b'\x82\xabQ\xafU \xfa\xa9NC\xee\x92\x9aJz\x1c\xe1\xb9r\xd0\x9f\xa6\x83\x1c\xf9\xa3CA\xdc\xb3\xbb\xc7'</t>
  </si>
  <si>
    <t>b'\x82\x9e;\x89R;\x91\xcc\xdd\x18\xecp\xe9`&amp;\xf3\xb1]f0\xf6 U81hz\x16\xbc\x03\xee\x9a'</t>
  </si>
  <si>
    <t>b'\x83m\xa3\x8f\xee^\xa5UM\xcatQ7\\J\x7fY\x9a?V`*\xa2;\xf8/vy\xe3![b'</t>
  </si>
  <si>
    <t>b'h\xc7\xbf\xaf\x04\t`\r\xae\x0e\x0fh\x9b\x93\x0es%i\xce\xb0_l\xe0\xbc?X\xde\xc7\x8doM\xa7'</t>
  </si>
  <si>
    <t>b'c\x10\xbf\x0bKnv\x86\x14\xb5\xe3]]\xc1dzS\xd7\xa7\\,\xdds:\x8e\x0b\x14ol\xc1\xeb\xb4'</t>
  </si>
  <si>
    <t>b'B;\xc0\x03pN*\x8e2B\t\xf4\xe0\xd2&lt;m\x9dyV\x01\xc5\xdef\x8blB\xbb}@m\x12\xdf'</t>
  </si>
  <si>
    <t>b'\x8dH\x91\\k\xeb\xdb\x91&amp;\x0cC\xb1\x1a\x1d_\x80\xca\x1a\xf1\xc8\xe7\xbcz"C\xc7\xd7\x80\x7f\xda\x03\xfe'</t>
  </si>
  <si>
    <t>b'\ts\x17\x83\n\xef%\xae\x7f\xd1\xa3\x19 6KD\x81h\xdf\xc2\xc4uR\x89\xec\xf6\xea; \xdb{\xbc'</t>
  </si>
  <si>
    <t>b'\x07&amp;-\xf1\xe4\x12\xb0\xe3\xf8\n\xf7$\xfa\x92\xca\xe8P\xc8\xea\xbd\x9b*J\xb1\x18#\xd7\xb8.\xf7\xb7.'</t>
  </si>
  <si>
    <t>b'\xd9*r\xa3\xd6*\x80\xd9\xd2\xb3\xb0\xac[\xa6$w]\x8c\xfd\x87[\xda\x05\xf6bn\xafM\xd28V\x15'</t>
  </si>
  <si>
    <t>b"\x15\x88\x02e\xa2\xc5&lt;F\xc8\xe6\xe7,\xa4\xcc\xf3\xc6]\xd3\xccu\xca4X\xf5\xb6`\xfc\x9b\xe2\x1bX'"</t>
  </si>
  <si>
    <t>b'\xc7B&amp;\xaf\x8b\xad\x86\xf7N7\xe0V\xdb\x93.\xd0__i4\xa6\x11`$\xaf\x10\x8dS&lt;\x87Q\x06'</t>
  </si>
  <si>
    <t>b'\x95\x9bt\xe30\x0f&gt;\x97\xb5w\x1f\x01\x05\xae$+\xa7\xa4P\xcc\x99,\xf3\xde\x9c\xb5\xea3\xb9s\xc6Q'</t>
  </si>
  <si>
    <t>b'\xb6{\xad\xd1\x153\xbd\x05\x1e\x197&gt;\xa8\xc3\x17Ay\x1e\x98Fn\xba\x051y\x95\xba\xf3\x0fc\xf6\x84'</t>
  </si>
  <si>
    <t>b";\xd3\x8a\xbc\x86\\\xd1\xd2Y(t\xb4\xd8\x97\xb5\xadTx\xc2\xb7\x0b\xc7\xd7\x86\xbd+&lt;1\x90'd~"</t>
  </si>
  <si>
    <t>b'\x90\x82\xb1\x1c[\x9b\xef\xa2]\xca3\xe7\xd1\xc4@\x8d\xa8\xbd\x9d\x9d1\x9f\t\xab\xc8\xf5\xcc=n\xa3\x17|'</t>
  </si>
  <si>
    <t>b'\xa4\x10~\xd4\x01\xa4\x87\xd8\x9a&gt;\xedl6X)\xe1@\x0fX_Q\x10;\xd5`X\x85\xb9\x072#t'</t>
  </si>
  <si>
    <t>b'=\x07\xed\xb4u\xde\xed\xb0c\x9b!\xf3\x8c\x89Z\x0f\xa3\xff0\x0c\xaa\xa9\xa0O\xae\xc2\x9ci\x04\xba\xa2\xe6'</t>
  </si>
  <si>
    <t>b'\xac+W\x11\x8do7\xc2/i\xaebI9\xee\x13\xfd\xe1\xdf\xcd08\x84\xe1\xfe\xe8G\xdc\xd1\xa4L\x07'</t>
  </si>
  <si>
    <t>b'\xe7@\xaaf^d\xb2C\xa5j\x0bHG\t\xc85\xed\x01G\x97W\x90D\xadl\xa9Sj\x1e\xdfOu'</t>
  </si>
  <si>
    <t>b'\xb0\xb4j\x17(/\xe0o3\xe2\x8a\x04\xd9n&amp;D|s \xa6\x1f\xef\x16t\x13\xd3z\x85\xf9\xe4f\xc5'</t>
  </si>
  <si>
    <t>b'\x17J?\x13\x8bt&amp;\x01\x94~\x9f\xe2}\xe0\xc8\xfa\xdcn\xb2L\xb12\x92\xbd\xa0%\xd0\xbe/\xec\x9eT'</t>
  </si>
  <si>
    <t>b"]3R\x91\x0f\xe1\x98\\F\xc4\x81/\x7f\xa9A'\xe6\xf9\xf2!\x0b\x12\xef\xf7]\xcc;\xfc\xed\x1b\x00q"</t>
  </si>
  <si>
    <t>b'\x08\xe6\xb5s\x9dpT]~\xcc\xafZ5\x17K5+\\\x1aV\xa8\xab\xaeJp\x9bm$bP\xac\x88'</t>
  </si>
  <si>
    <t>b'T8\x1fBFDP\x8d\xd4\xfd&gt;\x95\xeb{\xbd\xf2\x14t#\xc7-\xf1\xca\xa8\x84\x14\xb8i\x9eh\xe8\xb1'</t>
  </si>
  <si>
    <t>b'GB},L\xfe\xd9\x19eq\x13\xdb@X\x0e\x92Z\x90\xd6N\x96^@\xb4\x06\xb7\xbdq\xea\x07{\xe2'</t>
  </si>
  <si>
    <t>b'\xa7\xed\xb3Xt\xac\x1f\xd7\xca\x1d`\x04\xd0*\xb4\xd7\x95\x1d\x8b\xb0\xfd[\xd6\xe0X\xaa\xaa\xb9\x81\x87\x95\xc9'</t>
  </si>
  <si>
    <t>b'\xfa3\x16Wk\xda"\x93\xa1z\xc5"\x87Q\x9a\xe8\x89\x06\x8bpb\'\xef\xd9^\xe9\xbbD\x17\x94.\xcf'</t>
  </si>
  <si>
    <t>b'\xd7\x18ynT`\x0eDq3\xa9\xd5\x9d\xfa\x9dI\xd5\t"m$\n\xa1\xd2(\xc6\xf6mmDD\x89'</t>
  </si>
  <si>
    <t>b'\xd4\xc5 fM\xa2\xd3\x1cd\x04\xe0\xe2\x16{\x1c\x89\x11\xdf\xd1\xe9_\x8e\xe7vv\x88c\xe4\xfa(\xf3\x00'</t>
  </si>
  <si>
    <t>b'\xdf\x909\xf7\xd2qI\x19\x13\xe8&gt;\x97\x9a\xc5\xe1\xe4;]n\xcd\x99\xf8\x86\x04\xcb\xf3V\xfa\xdd\x82\xf0\xc7'</t>
  </si>
  <si>
    <t>b'xZ\xb2&gt;Km_&gt;\xd3\xcdS\x97\xcd\xdbM\xfaq\x88O\x03`9\xc5\x91l\xb9w\x16d\x95\xb0\xd2'</t>
  </si>
  <si>
    <t>b'\xea\r\xe0\xe8\xc1^\xf0\xc0\xe2DU\xec\x8bU4\xb9\xabP$\x8b\xb2vl\r\xd0R\x91\xe4j+\x87\x9b'</t>
  </si>
  <si>
    <t>b'\x1a\xb7\xd1\x07\xce\xce*\xfe\xd8u\xef\x8e\xee}{\x13\xeef{\\\xedO0G\x04{\x9d\xa1\x85\xfeTc'</t>
  </si>
  <si>
    <t>b"\xfdu\x0e^\x05\x03\x99FEoh\x18oZr\xa9\x8eR\xae'\x90i2\xe1\xd6\x8e&amp;\xa6\xdba\xbb\xae"</t>
  </si>
  <si>
    <t>b"\x90b{n\xdf\xb7\xf9GV\x81'9\x1dPc,&gt;p\xef}\xd5\xc0 \x9b\x10e\x14\xdc\xf9\xdf\xd4\x89"</t>
  </si>
  <si>
    <t>b'\x95\x01\xed2.\x98j\xf2\x00o\xba\x8aP9\xee\xe4=&gt;v\xaf\xb5@\x1c\xba\xfd\xef3\xd7\xa9\x11\xde\xea'</t>
  </si>
  <si>
    <t>b'\xb7\xca\xc3?\xc0\x14\xeb=\xd6\xa2\xfa\x99*\x87\x8d%\xf2\x1d\xfd\xce\xc5\x96\x96\xcc\x8f[,\xb0\xd4\x8f\x1c\xfb'</t>
  </si>
  <si>
    <t>b"I\xfc|&lt;\xa8\xa2wY\xe1\t\x9f\xcf\x1f\xc5\xccI'*\xd3\x93gF\xea\xad0&amp;\xbcS\xa6\xf5\x86\x98"</t>
  </si>
  <si>
    <t>b'\xb0a\x1f`/\xdf\xe3`o\xbbLWA[\x0b\x9c:\xb1a\xdd(\xd4\x168=T\x89\x8bO\x92n\x94'</t>
  </si>
  <si>
    <t>b"8\x89\xef\xdd\x07\xac\xf4\x1f\xb7\x00\xe1\x1d\xc0D\xd3h\x04\xc7!''\xd9C\xb8\x84\xf0af\xcbB\x11]"</t>
  </si>
  <si>
    <t>b"\xf4\xcdS\x9f\x92\xd3\x97m\xd8\xde\xb9\xb2\xa4\x87\x9bW\xfe=\x12\r\xe3`\xacn*S\x7f'O\x00\xadR"</t>
  </si>
  <si>
    <t>b'x\x81\x94\xc4|\xc9\xf9b\xe1\x9a\xee\xe8\x00\xeb\x8d\xb4\xd4\x98\x03\xa0\xae~\x82\xf6\xcb"\xe32\xee!y*'</t>
  </si>
  <si>
    <t>b'W\x83Wr\x81\xd4\x16\xa0\x07\xcdM5\xcd\x16B\xdb\x10\r\xa5\x858\xf5d\xadSh\x18\xad\x12=b\x85'</t>
  </si>
  <si>
    <t>b'\xf7#\x03}\x04\xf6\xa0?\x19xH\xe0\x99W\x9c\xdb\x1d\xea\xfbx\xd2\x97Gr\xc9\xd2\xd5\xbb\xd6\xa7\x11\xa5'</t>
  </si>
  <si>
    <t>b'\xae\x99\x1e\xc6\xa9o]s\x17?\xfc\x8f$`}VP\xef\xa8\x07[Z\x041\x93\x80\x11u\x1d\xfaW\x00'</t>
  </si>
  <si>
    <t>b'\xb35$\xc7\x82B\xb4\xce\xb6\xe6w\x1b[\xccg\xf9\x80?\xcf\xd4\xe4\x91\xc8}\x1a\xea\x81x\xef\x93\xe2\xa4'</t>
  </si>
  <si>
    <t>b'\xa1"\x0f\xd7ZP\xe8\xc5\xe4\xf6\x95\xc5\x11\x7fEt\x0c\xb2V\xf6&lt;n*\x16\xf9=jIML\xa5k'</t>
  </si>
  <si>
    <t>b'\x94\xc0+&amp;vO\xcei\xb0_\x08\xfa\x95\xab?F\xed\x0f\xef\x19f\x11\x1a"nG\x17\xeb\xc5:\xd8\xaf'</t>
  </si>
  <si>
    <t>b'\xfc\xfb\xb2s\x00\xc5\xb8\x17\xe2\xe17!/\x015\xef\xae\xed\x9b\xe8p\xe1\xe1\xa2:\x1f\x16\xf7\x0fl\x8a\xdd'</t>
  </si>
  <si>
    <t>b'\xe0H\x13@\x9d\xf4\x05\xffa3\xf8H,\xa7\xdcM)J\xd6C\xe3\xf7-\xed\x8d?3\xdc\xa4\x04&amp;\xa9'</t>
  </si>
  <si>
    <t>b'\xb9Q"\xa607\xaf\xf4y{\xf8\x9a\xf71\xe8(\x96\xbf\x05*\x9a{?\x05{\x07\x08\xce\xc4\x90;3'</t>
  </si>
  <si>
    <t>b'\x82\xb0)\x00\x95 \x14\x1a\xa3\x02\xaau\xc2_\x11\x9f\xf4\xca\xd4\xa6\xee\xcd^\xb4\xb4C\xc1\x9e\xa4\xbf\x0b2'</t>
  </si>
  <si>
    <t>b'\x05\xd21q\xa84Pj\x13\xd0{\x12\x8e\x17\xe0\xcc\xfe\x07ayW3\xaa\x03g\xf5wAE\xf4\x1a\xef'</t>
  </si>
  <si>
    <t>b"k9\xa2\xe8E\xc4\xa0^:@\xd4\xc8\x06'\xce\xbc\xa7@iA\xf7i\x86\xe6NTQ\x83\xcc\xddR\x9a"</t>
  </si>
  <si>
    <t>b'\x91\xaa\x02\x8c;hy%\xd5\xb5\xf5\xf1\xb1I\x8b\xc4&lt;kd\x93AZ\x05\x99\xf3\xdd\xf8\x98\xf2\xa8\xaf^'</t>
  </si>
  <si>
    <t>b'\x8055qU*A\x84\x81\xb8\t\xcd\xe0\xb5\x9c\xfbQ\xb2\\\x83)\xe1*\xbc\x82\xd2j)\xb9tz\xd0'</t>
  </si>
  <si>
    <t>b'722F\xa0\x10\x01&lt;9f\x90\xa5\xcb\xcb\x87`\x9co\xd4\n\xbd\xc2\x88e\xd1\x17\x1a\x17\x82x\xc5\xe8'</t>
  </si>
  <si>
    <t>b'+k\x14K\xc7\x80\x08\x17\xaf\xc7SS\xefk\xf1\x14c}\xd8\x99\xd7\x9e\x0c\x0e.\x9f\xf1F\x86\xc0&lt;\xc6'</t>
  </si>
  <si>
    <t>b'\x16\xb2X\xbc@\x8bzl\x1d\xe2Pq\x12\xf9^Y\xd2w\x8b\xbe7\x1a\x1a\x1dO\xeb\x1bxZ\x1e\xc7\xc9'</t>
  </si>
  <si>
    <t>b'\xcb\\\\YF\x1c\x9a\x1f\xeb_U\xa8H\xd7F82\xfe\xb14\xf4a\xd2\xb1\xc5\x06\x87\x00&lt;\xc38\x12'</t>
  </si>
  <si>
    <t>b"\xb2O\xc2\x9c\x1e:\xf6\x1e\xe6r\xb6\x1f\xb5\xb8\xd9J\xc5'\x8f]\xc3\xd6\xf7\x85\x85\xac\xad\xf7N\xf5\x17\x18"</t>
  </si>
  <si>
    <t>b'\xfe$\xfd\x941\xfa\x08\xf8I)\xa4i\x82\xbb\xe1\x07^\xfcI\xe1\xbf\xf2\x0f*x\xbe?wBC(i'</t>
  </si>
  <si>
    <t>b'Q\xd8\x01Q\xca\xe2\x83\x0c\x97\xbcV^\xedN\xa9]\xbfp\xf5C\x80u\x1f4GX](`\x86\x05\x83'</t>
  </si>
  <si>
    <t>b'\xb0\xa9Z\xe0mz8\x90\x03+2\xd0\x14\xff"&amp;_j\xe26+\x14U\xf4\x97z5L\xa5\x83E\xd8'</t>
  </si>
  <si>
    <t>b"\xcd\xcfmS^Y\x8e\xef\xd4\xd3*9\xd1'gO\xaf\x81\xfc2\xd7\x8c\xdfq\x9c\xac=\xf5-Xt\xa2"</t>
  </si>
  <si>
    <t>b'\xd3\x1b#\x9c\xa4\x86\x1c\xcf\xf3\x84\x1f\xaf\xb4\x08p\x9eg/\x1e\x8a\xcc\xb6\x9e\r\xc2\xfa%\xa0\x128\x85N'</t>
  </si>
  <si>
    <t>b'a7\r\r6\xd1\xcad77\xcfw#\x8d\xb8\x83Y\xfd\x07[#\xbc_^\xa0\xa7\x9f\xc0L\x82%H'</t>
  </si>
  <si>
    <t>b'-y\x1c.V\xbd^K\x13y\xfc\xfd\x18\x1e\xda\xf2\xadh8\xc9\xde7Y\xe4N\x19\x85\xdc\xfe\xa7\xd3\xc4'</t>
  </si>
  <si>
    <t>b'\x92\nel`N\xd4\xbb\xab\xb6\xe6\x8f\xae\xb5\xe2\xfe\xfb\xe8/\x91\x06\x19\xf9\xd0jN\xd6\xa0PJ\x88\xf1'</t>
  </si>
  <si>
    <t>b'\x8en\x8d\xba&gt;\x03(\xa4\x9c\xf8\xd0*2\x0en\xb5\xba(\xa1\xe64\xba\x91\xfb\x87\xef\xf59\xf7}\x879'</t>
  </si>
  <si>
    <t>b'+\x13\xc3\x19\x80\x1b\x9fb\xa3=\xdd\xc2\xde\xec\xcc;\xecw8E\xc5Sp\r\xd0\x0b\xebH\x9c\x98\x8dP'</t>
  </si>
  <si>
    <t>b'\xa8q\xf0\xbc\x99ns5\xc6\x17\xa0\xa7+j71BE\x87/K\xce\xcf\x8dN\x1a[\xdeZ\xf9\xf3\x81'</t>
  </si>
  <si>
    <t>b'\xb4\xf3\x18J\x1c\x95\xde\xf5z\x02\xc5sT\xf9\xbdfN&lt;y}i\xa5\xc3\x1d\x9aW\xb6\x9fc\xdfE\xb4'</t>
  </si>
  <si>
    <t>b'l\xc0\x1cn\xca\xd3\xe7C\x8b\x81*\xdcp\x9c\x00\xb1+\x84e\xeb\xbd\xc0b\xd5E\xcfJ&amp;C\x18\xb1\xe5'</t>
  </si>
  <si>
    <t>b'\x86\x02\xdb_\xecp~n\xc1\x1fH\xb7\xc2\xb4U:\x1bq\x9dx\xe3^\x8b+5\xad\xc1\x1f\xd1\x99u\xd2'</t>
  </si>
  <si>
    <t>b't\xd8\xc3\n3\x82\x19;\xf0\xc7s\xe4&gt;G#s\xf4\x83\xa2\xc0\x93\x95A\xb3/\xc2b\xaa\xd1\x90\xa23'</t>
  </si>
  <si>
    <t>b'\xeb\xe4#\x1e\xfa\xe8\x1a\xe4\xeaH\xefkfc\x91\x92J\x8cYW\x0e/\xd5\xb2EVQ_\xbbC\x87\xb7'</t>
  </si>
  <si>
    <t>b'T\xb8`\x1a\r\xbd\xa6{bN\x04*\xc5K\xf4+\xb9,#1\xe1\xe8@c\x9a\xe8\xfal\x0b\xedgi'</t>
  </si>
  <si>
    <t>b'\x0e\x18\x99\xc5j\x0f\x9bak\x9c\x14i\x15\xee+9\x98\xee\xfb\xf9\xa0\x82\x05\xb5\xbc-r\xbae\x08w\xe3'</t>
  </si>
  <si>
    <t>b';\x7f\xd0\xd1_\x8a.\x19\xc7&gt;\xf7\xf4,\xe7\x1c\x00\xcfE\xfc\x0f\x0cV\xa0"%\x0b\x97\xd2\x98\xb8\xbb\xcd'</t>
  </si>
  <si>
    <t>b'\xb7\xc7\xd7@\x00\x8esu\xd1G\xc3\xb7\xbe\xeb\xa7\x19|\xa3 \xe5goLQD\xfens_#\t\x80'</t>
  </si>
  <si>
    <t>b"\x08\x02\x9c\x08\xe5\xc8!%'\x8d\xed\x9e\xf7$Y`t\xb7\xcb\xb6\x91\xe6\xb7\xa2\xff-\x13\xb0\xaf\x07\x96\xbe"</t>
  </si>
  <si>
    <t>b'(\xb6\xfa\x01\xbfq\xf9\xcf_Z9\xd5\xa1D\x82jv\x9e\xaaC\xa9\x88[\xd5r\xa6\xe0R"\xb4\x0fW'</t>
  </si>
  <si>
    <t>b'P\xbb]u\xca\xe4{j\xa2M\xb5\x8e\xf4\xfef\x18H\xe9\x0f\xe0R_\x1e\x03\xf5h\xc7\x17\x07is\x97'</t>
  </si>
  <si>
    <t>b'\x98\x1c\xd2l\x1a\xc6=\xe91&gt;\xf6\xdd\x89\x91o7\x97 8\x8a\x1a\xfccK\xe5U\xd4\xc8\xbf\xdc~@'</t>
  </si>
  <si>
    <t>b'\x122\xcdJgKI\xc8x"\xa81\xd0\xe9\x9b&amp;g\xd8\x95\xd5G\xcdS\x0f\x10\x1bA@\xb5d\x9e\x8e'</t>
  </si>
  <si>
    <t>b'\xb1\xf0\x90\x93n\xcb\xf8\xb1\xac\xccf\xbc\xcd\x07kN+s-\x06\xfb\xdd`:\xa1u\x03\xf1\xd7v\xad\xc1'</t>
  </si>
  <si>
    <t>b'\xf9\x07\x8c\xc8a\x87\x8c\x94pe\x8b\x04/$\x99\xf0`\x02\x08\xf1\x906\x10\x89\x10\x83\x7f\xf6\xcd\xa3\xdbx'</t>
  </si>
  <si>
    <t>b'D\xf8\xcd&amp;.\nP{\xd0\x7f\x8c-\xceX\xce\xd9\xb1\xff\xeeb\xb2\x9bY\xf0\r@^p\xe87-\xff'</t>
  </si>
  <si>
    <t>b'\xa3q\x9d^L$\x8e#t\xea\x90\xf4\x94\xa9\xc8\x98\xc6\xbf\xbaZG\xccg\xf4r\x8f\xdd\x03\x91!\xa3\x9d'</t>
  </si>
  <si>
    <t>b'\x14\x1c\x96\xef~\xb6\x81\x85L\x9a\xd1\x8d\x9d\x18\x95\xdbM\x8d\xae\x1f*\x8eJL\x82\x1b.\xb9\xf6\xf7\x9d-'</t>
  </si>
  <si>
    <t>b'\x94p\x0c\xed\xfc\xca\x87\n\xc9\xa7l\xc5\xa3\xb9\xef\xd0R\xb4\xb8PDSP\xc7\xb4J\xdd8\x98\xae7\xb4'</t>
  </si>
  <si>
    <t>b'_Ccw_\x13\xd6~f1EK\x0b\x9e\x1f\x19+\xe3\x00\xcd\x13\xac\x9b\x11-\xe3\xdf\xad\xff\xe9\x88I'</t>
  </si>
  <si>
    <t>b'\x00\xf3\xbbM\xf7?\x88\xfc\x0e\xd5#\x18\xf2\xc2{\x84\xba@\xc2W\x01\x11\xff\xc5\xed\x96A\xe6\xf8\x98\xbb\x97'</t>
  </si>
  <si>
    <t>b'"\n(\xa7J\x0f\xf2\xe4\xd3\xbe.\xa02"\xa8\xf0\x04^}(f\xb7\\@\x9a[V\x99=a\xb7v'</t>
  </si>
  <si>
    <t>b'J\xaf+\xeb\xb2\xac\xa81\xc4\x8ep\x84\xd5\x03\xcc\xe6\xe8&gt;9\xc9\xf8l\xe3\xaf\xe3\x82}\x90W}\x024'</t>
  </si>
  <si>
    <t>b'MS\x03\xa8\x9e\xb6\xc3\xb5Kn\xb1\xa4M\xda\xf4\xe4\x14\x8b\x855\x98\x12f\x97\xde\x92\xadi\xd9\x8d\xbd\xc7'</t>
  </si>
  <si>
    <t>b'k(\x9c\x0b8\xaeZ\xbd\xac\x97r\x9e\xb8(@\x15\xc5@;b[yd\x91\xb7\xee\xa7\xa0\xf2\r\xf7['</t>
  </si>
  <si>
    <t>b'\xe0\x14\xb9\xd4U;\xb4G\xa9\xa67F)\xc1\x0f\xb7\x060\r.\xb8\x01Z6\x93I?\x86w\xd7\xac\xd4'</t>
  </si>
  <si>
    <t>b'\xa3\x97\x8dp11\x08\x91\xc3\xf1\xbcmV\x93\xf6\x17\x1aP\xdd\r\xa6\teel\x06\n\xa3qqP\xf1'</t>
  </si>
  <si>
    <t>b'5\xbb\xb2\xcc\xcdu\xfad\xe2\x9a\xc3\x97V#\xdcz\x80\xae\x84\xdewm\x95/\xde\xe2}\x1d\x8bCQ\xb7'</t>
  </si>
  <si>
    <t>b"\xe0\x94\x1f0:?\xd3ES\xfd\xb6\xda\xe6\xec\x10B@/'\xc5\xad\x96W\xc1\xb6\xbc\xca64\x18}X"</t>
  </si>
  <si>
    <t>b'\x032z\xa3\x97R\x89\xba\x95%\x81\xdd\xa5&gt;\x04\xe6\n\xc3\x86G\xda\xc6V\xa0\xd8\x8fd7\xdd\x06\xd8h'</t>
  </si>
  <si>
    <t>b"\xf4\x1f%\x804\x9d\x00\xd5\x1d\x8eH\x04\xa0\xfd\x91G\x15O&amp;\xb1\xa9\x8c\x1a\xa1'\xf3x\xe0\xa3o\xdd\x94"</t>
  </si>
  <si>
    <t>b'N)o\xa12/\x8a\x1c\x19UxB\xa8#\xa6DG\xfa\x834\xa0S\xfd(\x92\xf9\xd0&amp;A\xb1e\xbb'</t>
  </si>
  <si>
    <t>b'\xce\xb8\x86A\x0b"\x08\x97\xb5\xf5:=b\x16A\x11\xb0]\x14\xd7\xf8x\xd3\x8f\x85\xa2\x1a\xe1W\x82{\xc9'</t>
  </si>
  <si>
    <t>b']\xc6\xa2\xc4\xc1\x80\xd9\x1b\xe3\x043r&lt;\xca\x92\xda\x05\xbc\x8a\x8a\x05\xfcJN\xc1:!\xe8\xca\xbe0g'</t>
  </si>
  <si>
    <t>b'\xc6\x00Yq\\\xd5\xd4\xe4\xbf5\xdc\x91\x13\x96\xc4k\xec|\x862\xf5\x8c\x95+\xd9o\x15\xa8\x13\xbe\xca~'</t>
  </si>
  <si>
    <t>b"+\nd2'\x01\xbf\x15g\xcb\x96\xd3bf\xd9\x8d\x97\x81\xe4V\xe0\x9c\xcf\xdc\x99\x99\xc3\x847\xfbV\xc2"</t>
  </si>
  <si>
    <t>b'\xa9\xec\xd6W\x99%\xc9\x8e@v\x7fuh\xa0\x877\x9e1\x9dg\xaf\xe9\xa9\x87\xf4\xcd&lt;\xc7w\x07?\xb2'</t>
  </si>
  <si>
    <t>b'0\xad\xe7\xebV\xe0\xdfh\xe2\xf3&amp;F\x9f8\xfeh`\x93\xdf\xbb\xd9mV{\xb69S$C\xe6\xec\xa1'</t>
  </si>
  <si>
    <t>b'g\x90\x89\xd3\xb3\xe5G\xd126q\x14\xfd\xa3\xe8\xa04\x80\xb9=\xb6\xdc\x03\xc0c\xcb\xca|\x92k\x98\xd3'</t>
  </si>
  <si>
    <t>b'\xed\xac\xcc\x8ffgk\xf5\xbe0\x97R\x9f\x98\xb1H\xd0\xecr:\xb0\xdekA\xfe\xd9Y\xf1\xb4h\xbb\x8f'</t>
  </si>
  <si>
    <t>b'a\x1cS\xcf\xeb_\xb5\x93Xnf\xe2\x98\n\x81\x81\x97\xcd\\\xaf\xa5\xc6*\x84\xcch]\xfb\xf5\xaa3h'</t>
  </si>
  <si>
    <t>b'\xa9\x88\x00\xe6\x12\x9c\xfan\xf6\xeb\x8f\x9a\xa2T\xc1\xbb\xb0\xbe\xa0U\x91\x04\x90t\x92\xac*s\xaf\xa1I\x0e'</t>
  </si>
  <si>
    <t>b"\xb0\x836\x88*iZ\x86\xcd\x1fR\xab\xfc\x806\x1a\xd0\x1c?\xca\x81\x1a\xfc\xf4\x11'g\xe3&gt;\xdd8\x13"</t>
  </si>
  <si>
    <t>b'\xa0w\xdd\x94\xbf\x87\xea*\x7f\x88\xc1$E6\xdc&lt;\x15\x01\xa5\xe1\x14\x80R]\xf4\x9e\n\xa6\xd9\xcd\x9a\xac'</t>
  </si>
  <si>
    <t>b'+\x91\x8c)j\x03&gt;\xcc\x8e\xd1\x07\x8e\x06\x93\xd1\n\x98\xd3\xac\xc7\xbfW\x81i\x15\xa4\x8c\x8c]KS2'</t>
  </si>
  <si>
    <t>b"f\x16\xb8\x9a\x08\x93\xe7Mp\xeb\xc7\xf5\n~\x02\x1eY \xc0\xfb\x8fwgU\x98\xb1\xe4\xac\xda\xff\x8c'"</t>
  </si>
  <si>
    <t>b'\x16|\x821q\n\x91z\x01\x98\x93\xbc\xdbFg\x10\xb2^\x15\x02\x17\xe3\xaa\xa2Qg\xf2\xd6\rs`\xd8'</t>
  </si>
  <si>
    <t>b'D`\xbb\x99\xd058\xfa!\xf5\x16\x9eAh$\x13\xd8\xe5\x15\xc6`\xee\x99W-T\x9f\xa1\xe9\x1bVg'</t>
  </si>
  <si>
    <t>b'\x0c&gt;\t,\x0ecs\xf0=\x1a$~\x9au\x81\xa2I\xcb\xd2Qg\xed\x0b:\xeb\x13\xfdR\xf7\xe7\x13\xdf'</t>
  </si>
  <si>
    <t>b'\x08\x1b\xdc\xa7%n\xd7(\xdc\xc7\xe9J!\xdd\xefb\xd1U\x9a\xb6\x08A\xc2J\xccVi\xa2\xddAT\xda'</t>
  </si>
  <si>
    <t>b'\n&amp;&gt;\xd5\n\xed\x90\x1d\xa1\x1e*\x14li\xb0\x11\xda\xcdG\xb6\xbe\x08\x91\x07\x82\xc3*\x17\x12\xa4LS'</t>
  </si>
  <si>
    <t>b"#S\xce1\x9chn\x03'\x1ey\xee{\xd8\x07\xf3Mt\xad\x83\xb8\xa7r\x04gn0\x80\xa4\x89\x03@"</t>
  </si>
  <si>
    <t>b'\xc4\xde\x8f\x1f\x99jm\x1eE3\xea\xa0\xfc\xa9\xacUC\x90W1d\xe87\x0cu\xbb\x93)\xef\x18\xb3\x07'</t>
  </si>
  <si>
    <t>b'\xf1\xd8Gz\xf1-\xc1\x89\n\xb9gSg\x9d\xbe\x9f\xcd\xdc\x7f\xe1\x8dU\x8c.S.\x8a\xc45%\xccT'</t>
  </si>
  <si>
    <t>b'b\xe4\xa7\x077\xdd\x10\xdd\xb0\x03~\xc9\xe7\n\xe3\x18\xb9!\xf9\xb6\x9cw9!\x9fL\xfa\xb7,|cK'</t>
  </si>
  <si>
    <t>b'f\x80z\xb8\x9dGh\xac\xab:\xe2d\xafe&lt;O\xc9\x91\xc9v\xeb\xfb\xae\x96\xbeWf\xf3BK\xdb\xac'</t>
  </si>
  <si>
    <t>b'\xae\x95Oo\x13j\xfc\x86\x1a\xbc\xcd\x93a\xc4\x8e\x81WCc\x0b\x0e\xa9K+7\xd3\x81\xcc&lt;\x94\xe3\x8c'</t>
  </si>
  <si>
    <t>b'\x82\x14T\xfb\xa4d\xe1\xb7\x9f\\\xf0\xd4\xb39\x9bk\x7fr\xa5j&gt;b\xab\x17\xfa\xfd\x18v\xc2\xcaCi'</t>
  </si>
  <si>
    <t>b'K\xb1\xc7C\xb4\x02\xa7\n\xf4P\x10q$\xf0!q3*\x99\x08\x17\xc0\xea\xce3\xb2\xbcb\xee\x9bQ\xfe'</t>
  </si>
  <si>
    <t>b'\x03\x86\xa2\xcaA\n\xaa\xb5\x92jy\xcb\xe5\tQ\x1c\xa3 \xff\xe7\xe9\x94`m\xdd\xf5\xec\xef\x8c\x9c\xbfA'</t>
  </si>
  <si>
    <t>b'\xddq\xdf\xeb\xd0\x93bm\xa2&lt;\xcb \xf5\xad9\x11\x8dh\xba\x8f\xb1b7\x85\xd5&gt;^v\x7fK\xcf\xe5'</t>
  </si>
  <si>
    <t>b'\xf3\xc0\x97\x90;\xb3\xf5\x1b\xc09\xef\xc1\x8b\xa3b\xefj\xd3\x12\x9c\x88\x81^kz\xa4\x18\x89\xff\x94\xfa\xa6'</t>
  </si>
  <si>
    <t>b"\xd9\xaa4`\x14\x90T\x0bQ\n' l\xa2\x86\xb2\xbaZ\xb8\x01\x8d\xce\x13r\xa7\xf5?m/\x1cy\x1e"</t>
  </si>
  <si>
    <t>b'$-a#\xf7xkWf\xb1lS\x13\x1fq\xfb\x83\xcc\x03\x04 \x93\x1cCZ\x8c\x95$\x8f\x1b\xfa\x16'</t>
  </si>
  <si>
    <t>b'^\x91pl\x08\xf1\xad\x1a\xad\xdeP\x0e\xfa&lt;\xc2\x8d\xf0E\xc8\xc0+\xb0u\x1d\xb94-\t\xbf\x96[\x03'</t>
  </si>
  <si>
    <t>b'\x15K[d\xef\xdf\xa7\xe3\xa7\x81\x17&amp;\xc3R\x02\xf54E?\xbbcf\xf6;T\xbb\x0f\xc9HW8\x96'</t>
  </si>
  <si>
    <t>b'b\x88\xc2s\xc6\x0cZ\xd3\x8a\x8c\xb3\xef\xdb\x97\x9f\xd7\x9c\xb3n\xc3\xdf\xc0\xed\xbb\xbb\xf0\xde\x8d\xb2\x9fv\xb9'</t>
  </si>
  <si>
    <t>b"\xfd\x10\xc4\xe9J\xbb\xe2\x06h@x#h\xe7\x9e~'\x7f\xaa\xacW\xbf2hjq\x061X~%\x15"</t>
  </si>
  <si>
    <t>b'\xcf/\xc4\x89\xde\xa4\xef\x8e?\xf7|\x95Y\xc3\r\xbcH&gt;gp\x95l\xef,\xd0\xb1X0\xdb\xe3\xcc\x89'</t>
  </si>
  <si>
    <t>b"\xb5\x9a\xf0\xf3\xb3o\x97\xd1c\xdaISPP\xec'\x91\x89\xf5mM\x90\x1c\xba\xb4\x9aH\xc0\xcf\xf5Ko"</t>
  </si>
  <si>
    <t>b"&gt;\x1bt\x80\x06\x16y\xa7\x05Z\xbc\xc0' u\xe0\xcb\xe7\x9e{}c|\xea\xc0\xd4\x96\xc8\xba\xcdA\xf1"</t>
  </si>
  <si>
    <t>b'\xf5\xcd\x9fX\x8b!\x92\xa7\xab*\x1e\x0b[etf\n&lt;\xdb\x1b4\xc6\xbd^*o \xcf\x91z\x8b\xbc'</t>
  </si>
  <si>
    <t>b'\xa1L\xbd\x87QeG1*]V\xa7\x81\xe8uS\xd7\xb3\x1d\x9a\r\xc5r\xd2\xc9\xe1(\x9a]\xb7\xf2A'</t>
  </si>
  <si>
    <t>b'fo\xccq\x93\xeb\xeb&gt;Ry\xff|\xb9\xcc\xe0\xa4\x92\x97\x01C\x96\xf1/QT\xbd\xe8\xb6\xd0\xa2O\x0f'</t>
  </si>
  <si>
    <t>b'C\\W\xff\xeb\xd4y\x0b\x16\x1a\x91\x1c8r@d\xc8\x1e!\x0e\t&gt;\xad\xc2\xdc%\xd1\x02\xc2\xef\xc6]'</t>
  </si>
  <si>
    <t>b"\x18\x81\xdb\x92\xf2\xdc\x16\xd6\xd35\xe2c\x00r\x1e\n\xf2\xb9Hp=\xc7\x90\x1a&lt;\xb7\xdeYi'\xa5\r"</t>
  </si>
  <si>
    <t>b'\x04h?\xd1\x8b\\J\x9b-Fv\x10\xb3\x93&lt;\xd6\x11G\xa1#\xe2_\x02\xd9HH\xd4\xe1+\x99\x12f'</t>
  </si>
  <si>
    <t>b'\xd6\x815T\xca\xe9oF\xf8\x90\x17\xe9\xb5\xc8D\xc5\x90\xa9\xf3\x01\x99\x96\xd7J|\x8b\x04b\xb7X\x07 '</t>
  </si>
  <si>
    <t>b'f\xe6\x9e\xdaZ\t\x8b\xfc\x03U\xd3-a\x89\xe8!\xe9\xd2\x0c\x91\xccr\x1b\xd0I\xba^\x1b\x80\xfe\xcd\xc7'</t>
  </si>
  <si>
    <t>b'\xcd\xcd\x01\x8dMq\x03\xc2\xab\x01\xb4\x08\xc0\xa8Y\x86P\xab\xe76\xb2Q?K\xd0\xaeS\xf1\x0bF\x11&amp;'</t>
  </si>
  <si>
    <t>b'}\xb1r\xe6\xc2\x86c\xc71\xdc\xc1\xf8 =?T\xed\xfc8\xbe_\x85.}\x8f\\\xb7\xe5 \xe9\xcez'</t>
  </si>
  <si>
    <t>b"G[O\xfc}\x9a\x1e\xd2f\xc0{8\xf2\xb4E|\xcbb\xda\xc7A\x15\xd5\xd8\xae\xf9'\x80Z=,\x03"</t>
  </si>
  <si>
    <t>b'S\xe6H\xdaC\xd1\xe4\xa90W\xea%\x10n^\xfaA\x07{D\xa1K\x89\xfd\xd6\x10\x04;\xdf|N\xbb'</t>
  </si>
  <si>
    <t>b"(\xff9\x86'bb0\xd4\xa2e\x0b\xf7\xca\nj\x18\xbad\xd1\xa4\xd8\x1d1&lt;\x01\xbd\xaa\xa8\x1b\xe1\x93"</t>
  </si>
  <si>
    <t>b'-\t\x18\xd8\x94\x85\xe7\xdd\x94|\xf1\x1b\x16\x9e=\x9a/u\xfc$\xf7\x93\x82\xe8\x13\xab*\x0b \xe5:\xf6'</t>
  </si>
  <si>
    <t>b'\xf1\x93\xed8\xebx\x7f9x=r\\\x18|\xc1\xef\xbb\xea\xd1\x9e\x05\x9f}[\x84\x8e\x03\x83\xddL \xf5'</t>
  </si>
  <si>
    <t>b'\x83\x14iN\x82\x8dR\xc9\xa7+\x84\x9dt\x96E\x87&amp;\xb8\x82_\xae,\xd7%\xe8\x98\x1a\x8b\x86\x15^\xa0'</t>
  </si>
  <si>
    <t>b'\xbf\xfd\xb1pmns\xa5\xe6\xa8%9\xfe4G*\xb3\x8d}l\x8b\xaa]r\xfb\x9fk\x9e\x83=\x82t'</t>
  </si>
  <si>
    <t>b'.\xbb@\xa2h\x9e]\xcc\x94\x00&gt;\xca\xf6k*G\xb5\xac-\x97\x89\x07Y\x8f;K\x01\t \xacr\xe7'</t>
  </si>
  <si>
    <t>b'#!\xe5\xb20Tj,\x93r\x94\xfb\xf3\x1a\xcct\xb4i\xa4w\xf2\x00I\xc8\xff\xc3k\xb9|&lt;b\xbe'</t>
  </si>
  <si>
    <t>b'o\xedd\xc9\xa1G0\xde\xe2\x01y\xcak\xc0\x99\xadZYX]:!.U\xe7\xe2Q\x1b\xa9{@\xed'</t>
  </si>
  <si>
    <t>b'\x88\x04\xce\x83H\x0b\xdey\x12x\xdc\x98"\xe8\xa2Qpg\xe9Ra\x7f\xce\x7f\xd8w\x871\r\xf5sp'</t>
  </si>
  <si>
    <t>b'\xbf)\xe1\x86\xee4i\x11\xb0C\xaf\xd1\xd4\xbe\xc5`{5B\x02?\xbd9R&lt;A;U\xca\x92\xc4\xa2'</t>
  </si>
  <si>
    <t>b'.!\xe8\x0b\xe7vM[\x92\xba\x06b+\xe6\xeaa\xcdmYw\x1b\xc0e\x86ajA\xab&gt;\xaa&gt;\xc3'</t>
  </si>
  <si>
    <t>b"'\x07\xf0\xb4W\x92mK=\x8b\x1c\xe0_Q\x1a\xec\xd8\xd8&gt;\xf9[\x0e\xc0\x04\x17\xd1\xd8\x02\xbd}\x08\x13"</t>
  </si>
  <si>
    <t>b'\xb7\xf9a\x0e\xbc\x1c\'^ Q5\x15"\x81\x1f\x9f\x15\xc6\xcc\x03?*\xbd0\xd80\xe7\x85i\x89 S'</t>
  </si>
  <si>
    <t>b'\x89\xc4\xacZ\x8b\x83K\xbbK\xe3\xe7\xd1\xc1\xbf\x18q\xe2\x07\xb9\xd7\xb3\xe1\xedk\xa1`\xc9\xe4&gt;\xe2\xdd\x18'</t>
  </si>
  <si>
    <t>b'\x14\x96\xcd7\x80\xabR\xfe\xbe\xf0\xa0\xbd\xfcg\xbf]l\xbe\xc1&lt;N\x1bW\x04n\xe4e\xd9\xf1\x99A\x8e'</t>
  </si>
  <si>
    <t>b'\xb6\xca\xa8\x9dE\xdc\x00\xb5\x0b\xd7\\O\xca1\xa3\x8dWj\xef:\xb7\x9f.\xbf\xfc\xe6\xfb\xf5\xa4\x8f[e'</t>
  </si>
  <si>
    <t>b'y\xe16~F\x01\x8f&amp;\x9e\xffE\x8c\xc9\x97GT\xefUk\xd7\xb8\x8a[\x03\x0e\xc3\x1c\x8fQ+\x83\xa2'</t>
  </si>
  <si>
    <t>b'\xa0\xac\x89hv\xca\x81)\x1fZ)~\xec\xe7\xb4j\x9e\xach\x9f&amp;\x84\xe1O\xa0\xbf\x13H\xfb!\x83\xba'</t>
  </si>
  <si>
    <t>b'\xdd\xc4\x1d\xb78\xf7d\\\xdc\xd1e\x14\x83e\xa8\x16\xf7\xa7\xaaI=_\xe9!\x9c|j!tw\xec\xed'</t>
  </si>
  <si>
    <t>b'O\rB3\xda\xc5\xf9\xe7\xcf\xd7\x87\xe8\xaf&amp;A\xa0W\xd6b\x89H\xf5\xae\xe9o\x7f\xd4W\xc8h\xe7\x95'</t>
  </si>
  <si>
    <t>b'@\xcask \xdeQ?\x9aX\xbe\t\x19/\x88\xa0\x92\x9a\xccm\xc9n\t\x8a\xa2Q\xb5Tz\x1f\xb6\xc7'</t>
  </si>
  <si>
    <t>b'\n\xdf\x05\xe9\xf4\xee&lt;yg\x01` |\xb8\x0e\x07.\xc5\x97\xdcf\x8a\xc1X\xb7\xba\x81\xff\x89w\xff1'</t>
  </si>
  <si>
    <t>b'\xde\x7f\xde\x1b\x10\x90\xb1\x95\xc5\x08\x11&gt;\xc3\x00\x8e\xb7\x1a\x80\x95h\x7fh\x9c8\xa8E#\xd8\xb8L\x8b\xb2'</t>
  </si>
  <si>
    <t>b'/R\x9e\xdb\x0c\xb6\xe0zk\x84\xadE\xe9\x04H\x8b\xfc&amp;Rg6\x904\xbb\xafq\xc7\xc6\x9e\x16\xe7+'</t>
  </si>
  <si>
    <t>b'e\xedJ\x88\xc5\xb2\x1c\xda\x08p\xcc+(N\xa28\xc6-qK\xf51\x15W\x03=\x0e\xf8\xf9\x90I\xe9'</t>
  </si>
  <si>
    <t>b'\xae\xe0q\xe2a\x175\\\x1bv,\x18\xc5\xebb\xda\x8eB\x0c\t\x90\xe8\xa6\x17\x03S\xed\xd8\x9c\xa6\x00\xe5'</t>
  </si>
  <si>
    <t>b'\xd8\x0f\xdb\xa4\xd5\x1b3X\x96\x13\x1e\xaeE\xe5\xfb\x02.\xe3\x8e=`\x15\xf9\xf3\xc5\xb5\xaf&gt;d\xf5|\xba'</t>
  </si>
  <si>
    <t>b'\xa7B\xda7\xfa\xa6\x07K!\xf6q\xc8\x84\xa1\xb3`-\xe1zj\x9do5\x8fG&amp;\xad\x015a\xe1\xd5'</t>
  </si>
  <si>
    <t>b"\xbd\xb1\x88d\xc0\xa7$x=p)^BL\x9e\x0c'\x14(\xc9r\xf3\xbf\x17\xb5\x88\xb8\xd8G\n\xccF"</t>
  </si>
  <si>
    <t>b'\xe4\x1d(\xfd\x10"\xe9VpYa\xcf\xff\x86\xaf\x96\xf5\xbf\xb1\xca\xdf\xe6\x0e\x05&gt;\x06c}0w\ta'</t>
  </si>
  <si>
    <t>b'?\x1c\xcd.\x92v\xdd\x01[}Q\xd5\x07\xa3\r\xf5]\x8fJ]\xe7\xfdK#Y\xac\xdb\t{|\xd0\xff'</t>
  </si>
  <si>
    <t>b'&gt;8O\x17\xb8\xef\xb8)\xdb\x1c\xf5Ln\x88\xb3Z\xfdE"\xb8M+\xd8BU\xf3\xf4,\xaf&gt;\xf40'</t>
  </si>
  <si>
    <t>b'\xa1\xc9\xaewn\x83;\x05"\xb7R\xb3\xb9\r\xbf)\x8c\x90\x88#\x90\x1c\x02\xb5Y&gt;HE|\x87\xbd\x8b'</t>
  </si>
  <si>
    <t>b"\xae\xd1\xa9y`G\xa3*d\x97\xaa\xcd)\xa1\x9a]C\xab\xfc\xba\x08\xe9\xf8&lt;\xf2\xc4\xf9y'&gt;N\xa6"</t>
  </si>
  <si>
    <t>b"=\x93\x83\xbf\xe4\xfa}\xbd\xc9\xc8\x16\xfbZ'\xd5C\x12\x95+\xf9\xaee\x08\xd6\x9e\xde\xfa\x1b+\x9b\xe7i"</t>
  </si>
  <si>
    <t>b'\xdc\xacvw\xeb\x7ftM\xad\t\x1aR\xe2\xbe\x01\x87\xa7\xd6\x1d\xd1t\xae\xb2\x06#\xfb4LoT\xb7\x88'</t>
  </si>
  <si>
    <t>b'\xd0\x82\xdf?\x08\xa4\xa4\xd6B\xd2\x8bPD\x93\xed\xd1\x03\xa7\xc6\x178\xab\xeb\x91\x8f\xda]\xdd\xb0\x8b\xbe\x89'</t>
  </si>
  <si>
    <t>b'c\xce\x9d\xe9f@\xb8\xda\x12\xe9\xc9\xc1\xb1\xc8\xf2\x959:g\x84\xc3#\xdf\xda\xbb}\xa7\x86\xdf\xef%5'</t>
  </si>
  <si>
    <t>b'\xccD\xe7\xa3\x07*Hb\xf6i@\xa5\xd9\x10c^\xc8\xd7\x00`\xd3A\xb5\xa3\x9d\xc1\xce\xb0*.jE'</t>
  </si>
  <si>
    <t>b'2\xb8\x15q\t\x99\xdb\xde6\x83\x8bD\x9d&lt;\xafAw2\x003\xa80C\xfdF#\x83!lv\xeb\xcf'</t>
  </si>
  <si>
    <t>b"\x1en\xe1\xc8+\xe9A-\xbax\x8ah\xc8',\xa4p\r{g&amp;\xda\x93)[\xe8\x15\xd7q\xdcUC"</t>
  </si>
  <si>
    <t>b'9\xf7\xb5VlY\x82E%@\xdbC\xf6j^\nQ\xde\xcc\x07\x10B\xde\xb0`\x87\xad\x8a\xba-w_'</t>
  </si>
  <si>
    <t>b'\xce\xbb\x15;\x80g\xc1\xba\xf84O\x1ewl\xb37\xac\x02v\x99\x04\xad\xb7l;\xf8\xea\x84\xf5\x8e\xf3\x0c'</t>
  </si>
  <si>
    <t>b'\x16\xeb\xf0\xdd\x8a\xbf\x82\x9ah \xdf\n\xf13&gt;RA\xa0\x83\xab\x16%\x9cx\xd2\xf6\xd6\x0e\x96j#&amp;'</t>
  </si>
  <si>
    <t>b'[iLB\xd9)R\xb3\xcd\x8e\xb2\xa2:R\xd4\xd9wb\xfa0%\xae\xb7\x83\x8a\xc0\x94bb\xd7\xf8J'</t>
  </si>
  <si>
    <t>b'm]\x96\xcc\xff-\xb6\xee{K\xadH\xec\x83}\xe0y\xf6"&amp;ak\x98\xa8\rE\x8a\xf6\xe3\xc9\xfa\xa8'</t>
  </si>
  <si>
    <t>b'\xc5\xdd\xf46\xe3!y\x11W\x8a\x86`\xa2e\x02\x8d\x8a\r\xe2;\xf6\x0c\x1c+\xcaq\x93\xc6\x18\n\r\xf5'</t>
  </si>
  <si>
    <t>b"\xa4\xde\xc1\xd8\xaf;'{\xa2\xd6\xed\x83\xbc\xe1V\xd3?#\xf3\x83s\xbbS\r\x84\xb7\xcck\xa8\xe6I\xc0"</t>
  </si>
  <si>
    <t>b'X\xe0\x86\xfb\xaf\xa2\x1a=p\xe9\x10R\x19\x04\xaa\xda\xddu\x14\te\x00\x15C\x871\xd2\x19\xf8l\xee\x84'</t>
  </si>
  <si>
    <t>b'?\x94\xce\xb2\xe6\xcc\x8cJ\xd8\x99\xa4\xf7]\x07\xa66L\xafM5\x87\xc9i\x06\x17.3\xfa\xf0(\xdd\xaf'</t>
  </si>
  <si>
    <t>b'g\x1e\xef\xd0 \xb3S6\x0e\x9e\xc2\xc2K\xa8\xdf-\xe2&amp;\xe0\x95g\x89\x84\x93\x10%?\x15x\x96\xb5Y'</t>
  </si>
  <si>
    <t>b"\xca9\xf9 \x95u#\x08\xb6'\x00\x994\x06\xd9KU\xbd\x02\xbd\x08\xf9\xdcmUq0U\xda\xff\x84\x0e"</t>
  </si>
  <si>
    <t>b'n|\x9f\x1eM]\xac\x00\xe1!CR\xf5\xa6~\r\xd8a\x9a\xf6\xbd\x86{\xb7I\x16\xfcc\xfa\xa6\x1b2'</t>
  </si>
  <si>
    <t>b'\xd1\x91\x98%\x0f\xbd\xbc\x96\xffxX\xf3:\xcb\x93\xb6\xa3BL\xe5\xf2\x13\x8c\x80\x93u\xc6\x8f\x8b\x9e~\xe4'</t>
  </si>
  <si>
    <t>b'O3\x86g\x05&lt;\xeb\x04\xd8\x9a\xf0\x98\xac\x0b\x1a\x0f\xd2\x7fl\x13\xcd\x82\xed\xb3\x1a\x9d\xc4\x9dD\xf9\x16\xbc'</t>
  </si>
  <si>
    <t>b'{4\x88X\xdcon,\xdf)\x97\x1d\xf8\xdf\x04\x83y1\xba\xf4=\x84X\xb6\xb3\x98\x9dz\x9fu\xbcm'</t>
  </si>
  <si>
    <t>b'sJb\xf7\x84\xf6\x05xe\xb5\xcf\xe1c\x9b_=_!I\xf63\x7f\x80\x0b\x03\x1f_\xbb\x82\x8fsm'</t>
  </si>
  <si>
    <t>b'\x84?\x82h\xb3\xeb\xf6\xc4\x96/\xb8\x94\x12G/\xf2}\xa4""\xa3q\xd5t\xc5\xc1B\xf9c&gt;\x9c\xac'</t>
  </si>
  <si>
    <t>b'Q\xd5\xba\xc2 \xc0\xac\x1f@H\xcbUu\x05\xcf\x88oIdCmV\xfb\xf7\xf8kZ\x18\xbf\x7f\xe3\xfb'</t>
  </si>
  <si>
    <t>b'U\xdc\xed+\xd2\x871my\xb9\xfd\x94{S\xcde;\x13\xdb\x87\xff\xea\xfc\x9f4\xd4\x92]) \xab\x10'</t>
  </si>
  <si>
    <t>b'\xff\x98{\xef\\\xbe\xd7y\x9f7\x9awbD6$t\x02\xbd*jq\xee\x00J\x92\x17+y(\xc3\xc6'</t>
  </si>
  <si>
    <t>b'T\xb4&lt;\x07cc\x12ze\xdd\xea\xd1b \xe2\xbb\xf1\x9ao\x10\xc6\xbe}\xa5\x97\xac-\xd9\xd6H\x93\x14'</t>
  </si>
  <si>
    <t>b'\x16\xc7\xc4\xf2z I\xfb\xd1\xbd\xfa\x9a\xbb\xbd\xd9\xa0\x82c\x8c\x064\xd6\xcf\x83\x01\x18{\x0c\'"\xe4d'</t>
  </si>
  <si>
    <t>b'\x97O\xd7\x8f2\xa3?\xa2Ek\xc0-@\xd0#\x8c\x99|\xcf\x10h\x1d\xdf\xa6Qp\x19\x06\xb6?\rA'</t>
  </si>
  <si>
    <t>b'\xef\xe3\xd3\xdcJ6\xc8\xf3{\x17\x1am-N\x1bX&lt;\xad\xa2{\xe9Y\x12JN\x14\xc2t\xa8[\x18\x81'</t>
  </si>
  <si>
    <t>b"\x13&amp;\xcbX\xe5\x0f\xc8\x8d\xb15T\x89(['\xccf\xa0\x95W\xd4]+I\x98\xc5N\x0b\xe3\xd6\xc5 "</t>
  </si>
  <si>
    <t>b'=\xdd\x0f\xc3\xaf\x85\xcd]dG&amp;\x02\x02K\xa3\x86\xf2\xa1"\x8f+&lt;\xdd\xdc\n?\x18\xec\x14\xe1~\x87'</t>
  </si>
  <si>
    <t>b'\xe57lmg\x91Z\xe40\xc8\xd2\xfd\xa2\xfd\x04\xc3&lt;\xb7\xd5X\x8e\x84\x8f&lt;\xc2Kb&lt;mcw\x7f'</t>
  </si>
  <si>
    <t>b'\xe1\xcd1\xb7\x96Tmk\xb4\xd3\xf8\xc7/\\\xaa\xb6\xa66+\xf6\xc2\xad*\xbf\xfe81\xf5\xed\x8eI,'</t>
  </si>
  <si>
    <t>b'\xa4\xe7\xeb7x&gt;l\x1bD\x16\xd3\xce9L\xcf\xba!&lt;\xc8\xa3Z.\xcb\xc2\x90!l^\xd6S\xd1\x03'</t>
  </si>
  <si>
    <t>b'\x93C\xe5*\x84\x06\xb9M\x85V\xdcZ\x16\xa3{8\xc9\xa0\xc7+\xa6\x92\x82Vo,\xd2\xdc\xef\x95\x023'</t>
  </si>
  <si>
    <t>b'\xcf!\xc4\x81\xad\xf7\x06\xfe\xed\xd9\xd4z*J\xcf\xbd\xd8\x8c\xabL:W#\xa8HI/[\xa0Q\xde\xf9'</t>
  </si>
  <si>
    <t>b'S\xb0\r\xe8s\xc7t\x88\xd9\xee\xe9#\xcd\x97q\xa7\xec K\x81\\\xae\x04\xf4|&lt;zi\n\xf5U\xec'</t>
  </si>
  <si>
    <t>b'&amp;\x8ed\xb6+\xa8ht\x80\x9e%\xa8\xc4E]\x97\x1a\xd4\xa9I\x03R\x04,\x8d1ua`\\\xca\xc1'</t>
  </si>
  <si>
    <t>b'\x15=\xbd.\xe7{h\xc2\xad\x16\x89\xb4\xf7\xabC\xcc`V\x11t\xd7\x87\xb7q4q\xe8\xafC\xbe\xd5\x9e'</t>
  </si>
  <si>
    <t>b'\x94~\xfcz@,\n\xfb&lt;\xe0D\xcd\xc7\x19EJ9]]O\x82@u\xb2~n\xd0OD\xde\xc4B'</t>
  </si>
  <si>
    <t>b'fE\xac\x8f\xc7\xd9\xf7X\xf9\xf8\x9e\xbe$\xb7\xf1}\xb4\xc2\x01 &amp;CW\xb8\xd3\x0f-\x7fz\xd0\xc8$'</t>
  </si>
  <si>
    <t>b'w\xdc1%\xf5Ts\xa1#\xd7+R\xa3g\x8bN\xc0\x10U\xc7\x8fX\x8eck\x12\tN\x89\xd1\xf6\xa1'</t>
  </si>
  <si>
    <t>b'7\xb0v\xc6\x98\xcb\x97\xe6 \xe8\n\xe2\xd5`\xdb#\x05\xaf\xa3\xae;\xe6\xb1\xc9HFD\xa3\xc6\x94\xa5\xd4'</t>
  </si>
  <si>
    <t>b'\x85_\xb1\x15\xd3\xa5\xaa~\xa7W\x9eI\xd2\xdb\x04\xc2\x04[T\xbf$\x99\xd7\x1a\xe1\xaf88H!1)'</t>
  </si>
  <si>
    <t>b'D\x89\x0eQI\xe0\x80\xa2\x12:i\x94veJ-\xf4\xbf\x18\xb9\xa70xU!\x84\xda\xbe\xfa\xdc8\x0e'</t>
  </si>
  <si>
    <t>b'YfP\x01\xa4f\xc9U$\xf0\x88\x1c\t\xab|\xf7\x05\x82,F1\xe4e)"\x9bF\xee^\xba\xa6\xb8'</t>
  </si>
  <si>
    <t>b'\xe7(\xc2\xa1\x1a\x0b@5\x9b\x98\xddi[S\xa4\x84\xfc\xb7_\xddx_\xdb"A\xc0\\\xe7\xce\x89\x19S'</t>
  </si>
  <si>
    <t>b'\xf7\x97^\xec\x89\x9b\xdb\xa8\xf00\xc9\x98R\xec\xab-A\xabG\xa5\x9a\x0e\xb26\xbfs\xbf\xbf\xf9A\xb5\x89'</t>
  </si>
  <si>
    <t>b'\x1br]\xfc\xce\x9a|\x87`L\x07\x0fV\xf5\xa4\x98h\xd3Z\xe6\x9b\xfe;X\xf1\xc4\xc8\x80\xcd\x17S\x12'</t>
  </si>
  <si>
    <t>b'|\xee\xf0i\x05D\xb8\x03\x86$,/\x17e=T\xde\x1c\x1e\x9e\xcb\xcc\x05P(\xb9\xb9\xa6\x87\xa2\xd5\xc7'</t>
  </si>
  <si>
    <t>b'\xfd\x9f\xe2s\x8eM\xca\xd1\xe2\xf2\xbf\xb2\x01w\xc3\xa9\xb4\xb5[b\x01\xc19\xc6\xffGJ\xa8\xb4\x02\x81\xad'</t>
  </si>
  <si>
    <t>b'\xc7\xa5@\xfe\xa1H\xe6g\x95\xbd\x00\x0b\xa8\xbc\x0cq\xf6\x94\xe1\xd4\x82\xc4\xf7\xb7NB6}7G\x11w'</t>
  </si>
  <si>
    <t>b'\xb6\xfe\x89y\xe6?\x0b\x8bc\xbe\xbc\xc7=\x1d\x9e\t\xef]L=\xc6\x8c\x10\xcb\x9a\xc1\x7f\x86\xef6t\xb7'</t>
  </si>
  <si>
    <t>b'L\xf4\xca\x022\x83r\x1fZ\xfaD\xd3\r#`R\xb55sxe"\x078z3\x1b!\xf8\x841\xfa'</t>
  </si>
  <si>
    <t>b'/dE\x19d\xab\x9a\x86Yf&gt;\x97R\x91B\x96\x8f\x91)\xc2\xd0&gt;N\x9a*R.|q\x00\xbaH'</t>
  </si>
  <si>
    <t>b'\xc1\xf7\x10T\xdc~\xec?\x97\x8e\xa9\x1f\xfcF\x0e|\xfa\xa9eZ\x93\x98\xfa\xbcT\x9e\xe4\x02\xfa\xc3)\x1d'</t>
  </si>
  <si>
    <t>b'\xcb`\xbdLi\xeb\xd6\x17\xb9\x8a+g&gt;\xb8\x0c\xaa\xe7\xa6\x03\x9e\x01\r\x06\xffMV\xdd"\xfe)\x07\xac'</t>
  </si>
  <si>
    <t>b'p\x88\xcaD\xb9\xb9\x18\x8f\x10\xec\x0c\x9a\xb8Qx\xac$5\x91jO\x8f\xa9\x9b\xad\xbf&lt;\x02\xf1O\xccI'</t>
  </si>
  <si>
    <t>b'k\xe7\xb7\xea\xfeU\xe6\x02o\xbe\xf1U\x0cV\xb5\xc01\xa6\xdd\xe2\x84~&lt;D,\x81\xbbd\x84\x1al4'</t>
  </si>
  <si>
    <t>b'\x14\xd1\x7f\xbe\xae\xc8\t}\xfd\xeb\xd7;\xe8}\x94\xb0\xc1\x84\x98\xa2\x1dy\xf5\xff\xc9\x84\xa6R~so\x1e'</t>
  </si>
  <si>
    <t>b'\xdb\x82\x83\xe2\x81@\xec@8\xc7\xdc\xa7\xd8\r\x93\xcd|\x10p\x96Q\x80fZ\xe0A\xdc\xa1S-\x07/'</t>
  </si>
  <si>
    <t>b'\x96\xad\x99\x85\x80\xd2\x1eE\td0\x92\x9f\x9a\xadf\xf1A\xe4\xa1\xfc,\x9a_\xd71.\x9df\x81\xcap'</t>
  </si>
  <si>
    <t>b'VA\x8d\xaf\xfb\x8d\xf8\xa3\xf9\x9e\x189,\x90\x06\x9e@\xc2\x17\xadw\xcf\x9e\x8e\xfa\x96x\x95\xdeI=+'</t>
  </si>
  <si>
    <t>b'\x1d\x0eHY\xb5\x08s+\x8cR\xf8\xeb\x82\xde\x08\xb8:\xe8\x03\xd1\x10\xb2\xc5\x8a\x80si\xb3\xa7\x98}Q'</t>
  </si>
  <si>
    <t>b'4L\x9b\x0e\x07\x991)&amp;\xf4\x8d\x86\x9f9$\x0e\xd0y\xdcr|\x1d\xb1/K\xfe\x82n\x1c\x86\x8cG'</t>
  </si>
  <si>
    <t>b'\x94\x16$\xc9\x16\x1fD\x8c.fq\x17\xd4&amp;\x85\xc2\xe5C\xa0\xc6\xb6\xb8\xacg]\xe1\xc4\x7f\x95R\xf5\xe4'</t>
  </si>
  <si>
    <t>b"\xb5\x8f\x9d\xe5]\xf4\xf9/v\xf1\x9c\xb5=;\x8d\x80\x00'\x18F&gt;ts\xf7\xc2!\x86\xf5Iq\x8b\xfa"</t>
  </si>
  <si>
    <t>b'\x1e\xc9\x94K\xe8,\xec\x84\xa4=;\x05\x80\x82a7b\x01:\xcb&lt;\xfcWd\xef\xe4\xff{v\xd4\x02\xa5'</t>
  </si>
  <si>
    <t>b'\x8f\xa2A\xea\x13_\xd8x\xcc\xa0^^\x8ek\x07\xa3\x14\xe7J o\xc0?\xe8l\xea\x0bDF\\[\xa2'</t>
  </si>
  <si>
    <t>b'P_\x1d\x9d\xc5\xc0\xee\x80\xed\xdd\x10ImK\xeehE\xfd7\x13 \xd3\xa6-\xfd\x1a!\x8b\x13\x8b\x0e='</t>
  </si>
  <si>
    <t>b'\x1c7Q\x85#\x05\xa3\xa4c\xc4\xc1O]\x84Zn\x82"\\\x9e\x15\xf2/\nP&lt;\xf5\xc03\xdd\xe0\xde'</t>
  </si>
  <si>
    <t>b'\x16\x01zk\xd4\xe6\xf8$F\t\xe0\xd6+\xc1I$\xc9)\xe8\xc8;\x12\xa6t\xe6\x91\x82(\x00^\x99\xe5'</t>
  </si>
  <si>
    <t>b'\xa7@Y\x07\xee\x14\xfa\xc9\xf9\xa6\xee\x91\xf9\x0cU\xc2\xc6_\xef\xd3$sCQ\xb3d+\x12Q\xe2/\xf0'</t>
  </si>
  <si>
    <t>b"\xdc\x95\xf8\xa5\xe6\x07\xa1\xc9!T\xb6\xba1\xc4\xb9\xdd\xc0\xd8\xaa\x97_\xd9hV'2\xb0:\xb1\xad\xbd\xa1"</t>
  </si>
  <si>
    <t>b'*z\xeb\xa65\x03EY\xaf\xb2UO2\x9cM\xe3\xa6wW\xf2\x9b\x1b!\x8a\xe9\xf6\xdaEy\xf4#M'</t>
  </si>
  <si>
    <t>b'\x15\x08\x1c\xe3y5\x8c\xdc\xd1i[\xc0\xf6\xd2\xff\xae\x8c\xf2\xd9]#\ty\xd6\xa2\x88\xe5\x18\xc0\xfd\xfd\x8a'</t>
  </si>
  <si>
    <t>b'\x81:\x93\xba\xb82y.\x16\x86\xc8\xbd\x82\x87\x9cQ\xd3M\xe3.\xa2\xccLO\x84\xedb\x961\xa7b\x95'</t>
  </si>
  <si>
    <t>b'd!F\t(s\xc7P~\xd4\xda1E\x94IZk\x82\xb8bhF&lt;\xfc\xfa|}u\xd4\xd7\xff5'</t>
  </si>
  <si>
    <t>b'9r\x06\xa4E\xf0\xdb"\xd8\x88\xde\xff[i\xa3nB\xdb\xf9\xd6n\xccA\x98\xf5U%\xeb\xda\x07\xf7+'</t>
  </si>
  <si>
    <t>b'\x9a\x1a)u\xe7\xfc\xc0\xd9\x92\xf1W\x9b\xe1ft\xc9\xeaJ}?\xba\x88\xd99\xbbji\x92\xce\xe5B\xf8'</t>
  </si>
  <si>
    <t>b"\xef\xdc\x97\xc8[\x86\xee\xe8\xd0\x8a\xdd\xbd\xb6q\x04\xd40\x18\x88\xd33\x00\xd6%+/\xfb%\xcb\x93'\x86"</t>
  </si>
  <si>
    <t>b'\xac\xaa\x9aG\xec\x07\x95\xc2\xde\xb3\xeb2\xf4UzH\xdc\xa9l\xe1\x88b\x9ff\xce\xc9\xd9\x84\xac\x91\xc5\xfb'</t>
  </si>
  <si>
    <t>b'\x16\xc0\x88\xb2\xcf\xb3\x15f\x0b*\xf2U\xc1G~J\xc3J\x93F;!\x84\xe0&amp;\x00a\x147\xd3I,'</t>
  </si>
  <si>
    <t>b"\x16\x8c\x08\xba\x9ehd\r\xc2\xe4\x95('=\x02\x9c\n\xec\x96y\x85m\xf9J\xc3\x02U?\xcb\xbbx\xc9"</t>
  </si>
  <si>
    <t>b"\xd6RR\x01\x1c9mDht'\x9c \xd3\x93d,\xa5Y@&gt;y\x9e\xd3P86I\xcah\xe4\xb9"</t>
  </si>
  <si>
    <t>b'\xe1\xa1}\xa3\xb7\xde\x8f\xc2y\xc75\x9c9\x00He\xf5|\x07eUJW\x1d\xd7\x17B\xf8I\x93\xf3f'</t>
  </si>
  <si>
    <t>b'}n\x97UDZ\xe7^+\x12(&amp;Q\xb5\x89\x08\xf1\x9a|u\x85r\xfd\xb9OR\xc6?(d}\xbc'</t>
  </si>
  <si>
    <t>b'\x16D\xd1\xcf9\xb9\x1e\x96D\xe55n\x95\xac\xe7L^=\xbe*p\x84h\x9c!\xda\x88\x83\x83\x91\x7f\x9d'</t>
  </si>
  <si>
    <t>b'n\x8a\x91\x18fqc\xa8:]\xf9\x9a\xcb\xaf\x85\xd5%5&amp;\x9d\xe3~\xeb03\x08c\r\n\xf1Xt'</t>
  </si>
  <si>
    <t>b'_\t~6\x17:\xd5\x99\x05\x83|\xf7\x87e6\x13\xc8\x9e\xf77)X\x16Q\xd8r\x1a\x11s\xaa\xd4\x93'</t>
  </si>
  <si>
    <t>b'e&lt;,G^^D\xdb\x05\xaf\x1b\x06(\xd8\xf4\xabVU\x97\x0b\xc0\xe9Z\x98\xe2\xa7Ki\x88t\x08\xa0'</t>
  </si>
  <si>
    <t>b"&gt;\xd7\xce\xa8\xfeG\xfc\xf7\x03\x7f\xdb\xdb\xe4\xbf(l\xb6\xc3\xa8\x97'\x0e`\x02Pc\xd1R\xc1\\H "</t>
  </si>
  <si>
    <t>b'\x9d\x93CoiuoC\xd2 \xec\x03\x0b\x19;\xa3Fz\xd79El\xca%@\xc59\x9du\xa7\xe6\xb6'</t>
  </si>
  <si>
    <t>b'\xcfo\xf1\xdc \x95\xb0\xbc\x06\x1a(\xc5\xd1\x8e&amp;\xf5\xb4\xde\xe6\x1b\x9bdd$\x0f\xeb\x13\x86\r\xc7\xad+'</t>
  </si>
  <si>
    <t>b'\x90g&amp;9\x1d\xc9\xa6\x13*l0$\x06\xd2\xaboz\xb9\x9c\xb5\xa7RJ\xcfe\xec\xed\x9e\xb8q1\xe2'</t>
  </si>
  <si>
    <t>b'\xb9=a\xda;\xa5\x9fl\x1b\xd9\xee-\xd1W\xe5\nR\xe0\xd8\xfe&amp;\xdc\x01~\x1e$\x1f\xefa\xc7G\x80'</t>
  </si>
  <si>
    <t>b'\xbdB\x14\x1f\xcc\x9c\x01\xee\xdb\xdbh\xe9;\xa4\xccBg#\x8b\xb2\xa5\xff\xb2e{{\\tB\x8e\x8aq'</t>
  </si>
  <si>
    <t>b"9\xf4\xb69\xa9\x9dY\xe8\xe0\x9er]\xa5V(\xd1r\x1d\xbb\xfb\x9aL%\xcd\xcb\x91\xfd-'\xc4\xb1U"</t>
  </si>
  <si>
    <t>b'\x7fAx\x10M\x1e[\xe5K\xc1\x1d\x02v^p}\t\x121nne\x82\xfd\x88\x0f\xdb\xe6\xee\xd4\x1b\xaa'</t>
  </si>
  <si>
    <t>b"\xa2\x85+\ty\xec!\xe6\xdb_Z\xfb'\xcd\x11*J6\xd4LB\x18\xe8\xa2z\xc6F\x0b\xdcD\xac/"</t>
  </si>
  <si>
    <t>b'.\x81\xa1\x8f.\x9eF\xeb\xf7\x88\xee\x8ck\xda\xb0\xde\x84{\x13\x1eL\x8e\x18F\xa7\x17\xb6\xd6$}P\xcf'</t>
  </si>
  <si>
    <t>b'\x10\xe6\xf4\xa7,8H?\xf0t\xeb\xd3P\x82\xf4P\xbeO\xb1\xc0\xce\x98Z\xe6\x92(Z\x1d\x9e\xe5\x8c\x0f'</t>
  </si>
  <si>
    <t>b'\xb0\xd6\x17\xe6-\xa4\xb6\xff\x0e\x8d4R)\xf5`{\xdc\xf4q\xfdS;hZ%\xf6\x8b)\xcb\xb2F\xad'</t>
  </si>
  <si>
    <t>b'\xa9c\x04S \x9a\'\xec\xb4\xcc\x9b~\xcd"\xac\xd6\xde\xc9$sp\x0e4\xff\x85\x94%\x06\xad\x130A'</t>
  </si>
  <si>
    <t>b'\xf30\x99\xf4\x98\x894q\xb8_\x88\x98CA\x11N\xb1t\x05\x945\xb9cO\xd3\x0b?\x98;\xa1\x8e\x1f'</t>
  </si>
  <si>
    <t>b'\xe6Q;\xc4\xadm\xda\x86\x8f.(l\x90QX\x82\xba\x9e\xc5O\x84m;\xca\xff\xd6\xd1\x85\xe2\x1f\x96\xf6'</t>
  </si>
  <si>
    <t>b'?0\xfc\xa1n\x8a\xc6\r\x83\x9f2\x94\xbc\xc2`\x07\x17\x91\x97\n\x1d _|\xca\xed;\xc7^Zk\xd2'</t>
  </si>
  <si>
    <t>b"\xc2z'd\xac\xb5\x0c\x80\xa8\xc7ZK\x84W&amp;\xd2\xb7\x0f\xf0=\x1e\xf8\xa6s\xe16#\xc9\xb60\x1b\xea"</t>
  </si>
  <si>
    <t>b"\xea\xf4\r\xb31\x8b%E!\x1c{d\x8ad~'\xf1\x9d\xfc\x9bz\x80\xd3\x99n\xa6%\xee0\xf5\xa4\xee"</t>
  </si>
  <si>
    <t>b'^\x02\x04S\x18u"\x9e\xa9,\xf2\xee\x02\x81\xe5^\x9b\xa7\xd8z\xb2]\xef\x19U\xe0\x9a\x86f8\xdf\xb8'</t>
  </si>
  <si>
    <t>b'\x01\xcc?y\x88\xe9\xf5\x92\xdfp\xf7\x13\xa8\xfb1\xcfJ\xd8\xc4\x02f\xf4k\xc6\x93\x1c\xbd\r)\xad\x88\x8e'</t>
  </si>
  <si>
    <t>b'i\xf6%\xff\xfa\xba\xea\x0c\xa6\xf3)+\x14\xc7~\xd6-\x9cr\x14\xd5"!\xdd\x14\xa2\t\xd6\xab\xa2\xdeH'</t>
  </si>
  <si>
    <t>b'\\\x84gn\xb9oL\xcc\x0b\xa1\xc2V\xe3\x84\xcb{69.\n\x87 1\xe4\x84\xd1g\xdf\xa6\x14\x0b\xa0'</t>
  </si>
  <si>
    <t>b'\xa7\xff\xe6\xc0;q\x0b\xba\x8f\x05\x95i\x1bF\xe8\xdf\x89\x818iibr\xd6\xa0,P\xb9\xb2\xdf\xef\xe5'</t>
  </si>
  <si>
    <t>b'3"\x8c&lt;\xaa\x03q \xbc\xfa\xee\x1f\xfa^c\x87\x9d\xb1\xa6\xffxv\x93\xfbm\xf0\x9d;\x97\xc8\x8d\xd3'</t>
  </si>
  <si>
    <t>b'\xcc\x8c\xedv}mS\x17&amp;\x1a\x9d\xa5\xe6\xa5\xd3\x18H\x1dL\x15\xa5\x14\xa4\xa7`\x18\xe3\x9b6W\xe83'</t>
  </si>
  <si>
    <t>b'\x9d\xf2\x8f\xeb8]D/\x90\xef\xd5\x8d\xe2s\x01\xcc\xb2\x9bS\xf2\xc6\xecv\x026=\x0flf\xd2\x1eu'</t>
  </si>
  <si>
    <t>b'p\xb8\re\x1c\xe5\xbd*Q\x12;DE=\xec\x90E\xab\xce\x88\\\xf5\x86?\xfe(\x93S,0\xef8'</t>
  </si>
  <si>
    <t>b"\xa8\xbb\x85\x8f\xc9#\xb0\xd3CNI1\xbc\xed\x83'\xdd6p\xc2\x9d\xabB\x8ct\xa2\xe9\xd7\x9e\xc6\x0f&lt;"</t>
  </si>
  <si>
    <t>b'\x03\\ggZN\xc7\xa8?$W9\xecd\xdd\x97\xe2\xc4\x95\x96r\r\x81\xe7\xa9\xcc\x1cBb\xbd\xc8-'</t>
  </si>
  <si>
    <t>b'\x05J&gt;f\xa4F\x99\xfa\xac\xa0\xc3\xdf9\x15\x8e\x89\xdeLg)\x00Cl\xfbkl\xa6\x93\xa4=\xcb\xaa'</t>
  </si>
  <si>
    <t>b'o\x890o]\xfa\xdb\xc7\xd8\xa9\xe9\xcf\xf8\x9e\xeaD4Y*\xe1_\x0e\x06\x98\xacW\xb7\xf0V\xf7\x07\xe8'</t>
  </si>
  <si>
    <t>b'\xabd\xd2hf\x9c\xfe\x83h\xfcE+\xd9\xad(\xeb\xb5b\x99\xfb\x8a\x9c\xf5\xff\xeb\xceg\xaf\x05z;\x19'</t>
  </si>
  <si>
    <t>b'K\xe7\xda\xacP\xb3Ql\xeaG\xf7O|\xa6`\xb3\xa8u\xe83\xd1o\x17\x08z\x9d\x03@\x1fjQp'</t>
  </si>
  <si>
    <t>b'\x99QJ\x128S\xa5\xce\x96\x04RV?\x17.\xd4\x96\xbc\xf0\xda\x8f\x97\x1a\xc2\xd0\xf8\xd37\x89T\xf3W'</t>
  </si>
  <si>
    <t>b',\x99\x1e.\xf6^jcW\x96ba\x10\xf7H{\x18\x87&amp;\x9d\x92p\xc0\xe2\xa2|h"\xd4\xee-\x07'</t>
  </si>
  <si>
    <t>b'\\\x01uQ-Cc\xc1\xf0X\xef/\x94*\xfd\xc2H\x16\xc7\x95@\x0em\xdc\xc2WG\x89\xac\xe9m\xa4'</t>
  </si>
  <si>
    <t>b'\xf1\xf9k\x80\xecw\xae\xf8g^\x14=\xfa\x9d\x8f\x8d\xec\x04\xd9F\xff\xca\x1aj[fT\xba{\x01\x0c\x87'</t>
  </si>
  <si>
    <t>b'\xa60\x89\x19\xefV-\x98\xf6\x1e\xff(\xe0\xdb\xadP74\x9d2\xe1z\xdd\x17VI\x81\xa7K?\x1c\xe9'</t>
  </si>
  <si>
    <t>b'\x18HG\xbd\xfc\xa0\xfb\xf1\xf3C\x91A/5\x15\xb0=\xdf\xecd\xfa\x9f\x8f\x04\x85n\x8cW\xe9\xfc\xd6\x08'</t>
  </si>
  <si>
    <t>b'\xff6\xbe\xa8\xc2\xd6h\x8b\xe0@`\x95\xaed$\x03/\xe4*\xb2$\x8c\x8a \xec\x01E\x7f\xf2\xf7\xd9 '</t>
  </si>
  <si>
    <t>b'i\x0c\xd5\x01\x9fQ\r\xfd\x03(\xbediO\xc9^\x10A\xa6\xde\x84j\x81\xec\tx\x1c\x83\xe0\x84\xa8\x81'</t>
  </si>
  <si>
    <t>b'+\x80\x01\xb6\xeb\x9fi\xc7\xa4J\x91\xe2\xf4=\x83Rz\x15U\x96\xa9[\xd0\xe5\xab\xd2y\x08\x8b\xd3\x0c\xd1'</t>
  </si>
  <si>
    <t>b'\xdc\x00\xa1tB\xf7\x99\x19\xbax9\xea\xfaU\xcd\xd8\x93@\xb9h\x19\x864\xdb\n6\xfc0\x1d\xeccL'</t>
  </si>
  <si>
    <t>b'\x18;\xd0\xf7\xf8\x121\x98\xe7\xec\t\x02&amp;\x88\xf4\xeb\x96\xc9\xbc`\x05K\xe7\x07\xcd\x01\xb1m\xef\x86\xb8\x0b'</t>
  </si>
  <si>
    <t>b'&lt;\xfd\xa8\xad\xb0^S:\xb4\rH\xed\x1dZ\x8aE\xdb\xbe\xfc;\x7f\xa1\xe6\xb2\x8e\xef-[C\xd3\xc8/'</t>
  </si>
  <si>
    <t>b'\xc8\xd0PP\x7f\xc4\xf7%\xd3_B\xdcW2\xc1\xaeq=\xb5k\xcf\xc4\xf2\xbeF\xc1\xf2*?\xfc\xba\x15'</t>
  </si>
  <si>
    <t>b'!\x1eGb`u\x15\xb8X\x84\xa1b|\xd7)\xeat6\xe6&lt;\xad$&amp;u\x019\xb3\x88\x86\x85E\xd4'</t>
  </si>
  <si>
    <t>b'\xa4\xccq\xf61\xea\x89H\xec\x15\xc9\xed\x87\x9f\xd5d\x96Y\xe5\xfa2J\xae\xe0H\xc2\xbb\xa8q\xac\xd30'</t>
  </si>
  <si>
    <t>b'6\x8931\xcd\x14\x8d\xe1\x91\xcb\x82w\xae\xcc\xe9W9=\xe1\xec\xb2\x15\x12\xcbx\xa0\x93\x1bi\xa6\x82\xdc'</t>
  </si>
  <si>
    <t>b'\xa2\xfdS;\xbf[\xba\xd2\xaat\x8f\x1a"#q\xd6\xd3\xa6\xb51\xc9&amp;4\x01\xbfb\xd4vj\xe8\xf0f'</t>
  </si>
  <si>
    <t>b'\xbc\xd0+WT\xce\xca\xc6\x81\x8d\x0f\xd6\x08~\xa4F\xe2se\xfd\xc0\x02\xff\xb5@\x14\xfd0\xeel\xe6\x0e'</t>
  </si>
  <si>
    <t>b'P\x00\xf0n\x89(2\x89&amp;\xac\x9e\xffZC\xf7\xd8\xd3d*`\x95er\xe1\xae&lt;\x85\xe6\xeaB\x8b\xdd'</t>
  </si>
  <si>
    <t>b'\xa6U\xf0\xc3\xb5\x07$|\xbb\xf7\x98\x02\xbc\xab\xdf\x9eP\xf5\xa0\xe7)\xfed\x12z!\xd1\x8e\xce\x1b\x13\xd5'</t>
  </si>
  <si>
    <t>b'\xba\xed\x023;q\x18&amp;\xc9pa\xed\x1e\x95\xac&lt;\xed\xf5\x83&amp;qv2SW\x9eI\xfd\xb0`\x892'</t>
  </si>
  <si>
    <t>b'C\x01\xdc\x99\xe6f\xc5\x98\xa26\x11\x06\xce\xcb\xfc\x94\xf1WU\x04\xc8\x15\xca\x10\xd2*\xb9I\xc7\x03\xb37'</t>
  </si>
  <si>
    <t>b'\\\xf2i&amp;\x9b\xa5\xbf\x1b \x00Z?9\xb9"{|\xb5S|!P\xfe\xd0\x87G]\x8aT\x89\xeb;'</t>
  </si>
  <si>
    <t>b'\xca \xe8)\x86\x11q\xd7\x10\x94)\xddtjBW\xdaR\x88\xa7ko\xd3\xd41\xfdF\xefh5\x10?'</t>
  </si>
  <si>
    <t>b'\x0eqE\xf7eIQ\xc6\xc0\xe3\x83\x92gd\x8e\xb8{\x0e\x18\x02\xe6\xd2&lt;\x04\x17\xa0|^j[\xcf\x80'</t>
  </si>
  <si>
    <t>b'\xb8h\x89\xe6\xfb\xf5:F\xa6\x1f\xc9\x15!x5\x1a2A#\xfa\xa8\xc3\xc7h\x88N\x15\xa8&amp;\xfef\x83'</t>
  </si>
  <si>
    <t>b"\xcf|*\t\xd85\xba\x1a`'\x845\x88\xb5\x9e\xc8Z\xc3\xb1\xa4F\xb2X\x96D\xd4)\x8c\xcfB&gt;\xa4"</t>
  </si>
  <si>
    <t>b'$x7\xcc\\q\x93I\xa4\xe1\xf7\x97\x83\xc1\x9f\x06\x14\xa4\xd1\xd8\xec=#OU\x18&gt;\x01\xbb&lt;\xbc\xc1'</t>
  </si>
  <si>
    <t>b'\x1d\xe5?N\xa8b\x84\x9c\x81\xd0A\xc4&amp;\xe0\xdd\x8c\xb2\xa4\t\xf0+\xe3\xccLG\xaf\xf3\x97O)\xab\x17'</t>
  </si>
  <si>
    <t>b'p\xba\xd5\xa4\x95\xbc\xbf\xd3\x1b\x10\\\x8b5\xd1\x9b\\\xea\x13\xc5\x96D[\x95\xad\xde\xc2\xab\xcd@?\xa9@'</t>
  </si>
  <si>
    <t>b"\x04\x1d\x84\xfbHp(\x98\x07\xf4p\x82\xe1d\xa9\xca\x88ry\xa21&lt;\xffh'\x87\\TzI\x18\xca"</t>
  </si>
  <si>
    <t>b'\xb92#\x80`b\x06\x05\xd6.)r\xcee\xf6\xee\xe3\x9c\x02\xe51\xaf\x97\xd8\xd3\x1d\x0b\x0f\xae\xc0\xb1\xbd'</t>
  </si>
  <si>
    <t>b'\x90l\xb83\x9d\xd1x\xaftb\xac\x7fKCH\x9dQ\x85\xbb\x7fVOpe\xc0\xf5\xd2\x94B\x1c\x0bp'</t>
  </si>
  <si>
    <t>b'j\x9br\x9eH\x8a\x9e(2\xe9A\xc30\x82Ka\xaete+\xe5\xd9\\\xf5U(n\x16,%\xaf_'</t>
  </si>
  <si>
    <t>b'\xeb\x04\xb3\xce\x84\x8eG\xe95"\xe6g\xc5u\x19\xf8\xbc\x12\x95\xaf\x9bc\x8f\xc13o_\xd4\x9c\xf3\x9d\xae'</t>
  </si>
  <si>
    <t>b'G\xe7\xcc\xb6*Nw\x07\x99\xde\x85\x18H&gt;\xb6e\x91\x81\xb8\xf4\xf2\x13\xdb\xf6\xa8\xf8\xfe\xe8\x8cCYp'</t>
  </si>
  <si>
    <t>b"\t\x08\x06M`\xe3\xd7 \xad\xb3g\xabY'\x0bF\xacd\x95\x15C\xe5\xeaN}\x0e\x1d*S\xd0\x81\xae"</t>
  </si>
  <si>
    <t>b"\xcd?;Z'\x9a\xad\xad\x1e\xd3\xc2{Q\x14*\x92\xd8\xfdP\xb6\xb2\xe6\x9d&amp;s\xfb\r8\x14qb\xf6"</t>
  </si>
  <si>
    <t>b'G\x03&amp;\x91\x00\x14\xff\x95\xe8\xa8\x7f\xd9u-e\xdfUp\xa2\x89\x98\x00[*\xf2\x9e`\x11&amp;:p\xa3'</t>
  </si>
  <si>
    <t>b'a\xa5\x93\xf8\x9e\x0e\xc1n\xd6\x9b\xbd3\xe6\xf3-\x85$\x8e\xf0\xa1y\x04\x89\xd1\x98\xf1\x00\xb8*\xe2T\xb0'</t>
  </si>
  <si>
    <t>b'\xfev\x7f\x9b\xe5\xe3\xcd\xa6#\x94\xc6\xe3\xed\x9e_\x0c\xdaD\xabu\xfc\xf9\x00\xfc*|\x1fS\x7f\x93Q\xd6'</t>
  </si>
  <si>
    <t>b'\xa7TAd&lt;\xed \x10\xa76\x9d\xbc\xe4\xfa\x99{i,\x9d\xb4\xc3\xbbTZ?\x1b}\x92Z1\xbe\xcf'</t>
  </si>
  <si>
    <t>b'\x9an\x01\x8e\xf8\xf0\xec\x07\x06f\xcd\xfa\xae(\xcd\xe2\x04C;L\x95\xea\xc6x\xc7\xf11b@e\xfa\x9c'</t>
  </si>
  <si>
    <t>b'\xa6l6\x80q^YQ\x80\xc0\x97\x0b\xabG2\x17\xb7\x0c\xefT\xa9\x81\xab\x10\x1da\x7fr\rB\xaal'</t>
  </si>
  <si>
    <t>b'n\x96\xd3\xc2\x89\xe6\x9d\x1d\xf9,\x06S^\xf55\xd0$\xae\x0ey\xdc\xed\x95\xfb3\xb3\xf6\xf1\x97\xe8\x03M'</t>
  </si>
  <si>
    <t>b'\x07Um\xe9\xdc\xcd\x80\x00\xae\xb7\xe9\xf8_\xa4\xa5&gt;\xaa\r2C\x80\xb0efS\xc14\x0e\x83\xe1\xf4\x06'</t>
  </si>
  <si>
    <t>b'\xd6U\xca\xf1%2\xa3\xc9_\x9c\x82\\\xf6\x9dn\x94\x08\xea\x0b\r\xc2\xd3*\xcc\xa4\xfa\xd4{\x95\x07y\x89'</t>
  </si>
  <si>
    <t>b'\t\xa3\xbc\xa2T\x8a;\x1d\x15\x02\xbb\x82\x88\xd0\x08\x81\x89\n\x91\x85J\xec\xfe\xe4\xb4\xa1\x9f\xb3\xa9 \xcd\xff'</t>
  </si>
  <si>
    <t>b'\xbdfN\xa0\xdbu\xba\x1e=\xc9\x80\xd0\xd9\x80\x17\xc6W\xca\x16\x0b\x8at\x91\xea\xfe\xa9\xe1\xc6\x81\xddjZ'</t>
  </si>
  <si>
    <t>b'\xce\x87\xf5\x03{\xe6\x1c\xcf\x80I;\xbe^,]Q\xd8v|#q$*\x1c\xf3\x89\xd2\x8c\xca\xc1\xe8\x1a'</t>
  </si>
  <si>
    <t>b"3\xf3o\xe7\xbaT\x81.\xcb\xb9\xd3\x92'\x0c\xce\xa7\xa4I\xa3g\xc6B\xb6\xc4\xf6.\x07GV\xf8\xfa\xb0"</t>
  </si>
  <si>
    <t>b"pQ\x86\x1agq'\xec\x9a\xb5dA\x00\xfah&lt;\x80a\xdct\x18\xbe\x0bb\x9c\x84\x9b~q\xebV\x1e"</t>
  </si>
  <si>
    <t>b'\xee\xa3\x86\xe6v9T\xcf\xd5{Y]Q_1*T\xdf\x0f\xcb\x85yI\xf2\x18\x11\xea\xf4\x05\xce\x97\xe8'</t>
  </si>
  <si>
    <t>b'k\xd2\xa6\xcc\xe3\xcb\x1f%&lt;\xe8\xabn;|*\xf6\xe8S\xcc\xef\xdb\xb29q\xe5\xbea\x80\n\x14;\x96'</t>
  </si>
  <si>
    <t>b'=\x89I\x8f\x1c\xecx\xfc\x01UQ\xa0:\xcb66\x9c\xc0)hsE\xfa\x91j%\x18b\x8c\x18\x83\xf6'</t>
  </si>
  <si>
    <t>b'\xc9\x1e3\x97\xb5\x98\xe9\xc3\x00\xb4\xe0\xb0\x06\x066R4-+\xc3K\xfc\x16\xc5\x1c\xff\xaf__\xceX\xd9'</t>
  </si>
  <si>
    <t>b"zi`\x88&amp;\xae\x19z\x82\x8e,\xa6!\x10h\x1cv\x94\xbc\x19\xd5\\T'\xf1\x8a\x00\x03\xfc\xd0\xe2Q"</t>
  </si>
  <si>
    <t>b"\xf2\xd5x\x0f\xf5\x82\x8f\xb6l\xeb\xa67\x83c'_V\xc8\x18\xf3:\xd8\x08\x1a\xf0\x02\xc3n\xa1k\xb0\xff"</t>
  </si>
  <si>
    <t>b'icN"$\x99\x17\xd8]\t\x92]\x19R\x12\xb0\xba\xae\x96\xd8#\x7f\x7fD\x8b\x7f2\xf6\xa6\xad\xd6\x8f'</t>
  </si>
  <si>
    <t>b'\xe0h\xc8\xa4Z\x17\x91\x18\xb9\x89\xa0\xa4y\xc6B\xbb:V\xa1QZ\xec R\xc8N5\xa6#(&gt;D'</t>
  </si>
  <si>
    <t>b'\x92u\xb2\xea\x94\xfeM\xf8\xedf\x0b7\xc1G\xe7\xd6\xe0\x18\xc8\x0e\xd5\x83\x0b\x07\x9e\xcd\xb0\xee\xe6\xcfm\xaf'</t>
  </si>
  <si>
    <t>b'\x99\xb0\xf6\xa9\xef\xff\xd0k\xea\xce\xaa\x1b\x8eq\x150\xea\x93\xe5\xc7&amp;\xb6\xdcE\x0f.v\xcdN\nS\xb6'</t>
  </si>
  <si>
    <t>b'\xd73}\x8d\x91\x82=\x8am\x9a\xf5gi\x00\x07\xee\xe7|Q\xc0+\x8cC\x8a\xc5\x14u\x90\xe2\x8f\xde\x9d'</t>
  </si>
  <si>
    <t>b'\x13\xc8gX\x02\xa3\xf65\x81r\xd6P\x04(.\xab=\xac\\\x89\x11\x8e\x18\x9ap\x01\xbc\\\xd41o\x8a'</t>
  </si>
  <si>
    <t>b'\xc1r\x91/\x85hE\x0b\x0be\xe3\xf2Q8M\x89-\xea\x949\xd4J_0\xe6;\x98\xbe\xae)\xed{'</t>
  </si>
  <si>
    <t>b'\x82\xed\x05\xbd\xf4\x9fH\xd5\x80fOd\x92\xc8\t\xb3r\xf2J!\x0c\x11\xb7\x82\xf1\xc9_\xbf\x03\xe9\x009'</t>
  </si>
  <si>
    <t>b'\x8f\xfei\x05\xc5\x19\xf5\xb9\xcf\xd9M\xffW_\x8b\x80\xab\xe9\x86z\xc9\x88`\xad\x02\x0b\xf6\xf8YEPS'</t>
  </si>
  <si>
    <t>b'\x0c\x1c\x18&lt;)b\x82d-\x7f\xf7\x1d\xc4\xd4&lt;\xfc\xdda|W\xf2zB\x88\x01\xd2\xde\xcd\xb0\xfc\xe7,'</t>
  </si>
  <si>
    <t>b'9\xbb\x0b\x1a\xb1\xbbZ\x15\xa4\xac$\xacB\xa5\xab\xbdv\xef^\xad\x03\x9b\x90\x843I%\xcd=8\x03J'</t>
  </si>
  <si>
    <t>b'n\xc6\xdb\xa4\x11\x1b\xad\x95N\xa6\xffM\xafx\x04\xcd{\xfd)c\x99\x80\x84\xfc\xf4\xf9W\xd7|W\x93\xcd'</t>
  </si>
  <si>
    <t>b'\x11\x01\xe4\x17\x82Y\xe5\x8cz\x01q\x04R\xba\xe3\xb28\xec\xe1\xd3\xbc\x18+p\xb5\xf2Vd\xc1%Io'</t>
  </si>
  <si>
    <t>b'\x9cZ\x0ef\xf5\xf8Q\xf9\x9e\xf9\xa4it\xb6\x9a?~\xa9\x90\xdf\xabFzp\x0eH\x93k[!|\x11'</t>
  </si>
  <si>
    <t>b'sz\xc6\x17\x99n\xb0z\xba\x89\x92a\xf9y\x1d\xc5\xbd\xfb\xe6\xb7\x1d)?\xcd\xec\xf9\x98-\xa16b\x14'</t>
  </si>
  <si>
    <t>b"\x04\xfc\xf9\x94\x1aP\x0e\x0c\x8e\xfa\xac\x86\x86}e\xa3Q\x8cQl@f^\x80n'\xe9W\xad\x18s\xcb"</t>
  </si>
  <si>
    <t>b'\x87\x82\x15\x02\xc1)\x8e\xf5G\xaa\x08\x10\xc89\x02+\x03G\t\xb5\xa7\\}\xb8\x8b\x00\xe7\xf1nN\xa98'</t>
  </si>
  <si>
    <t>b'\xe0\x01\xd3\xd4\xfa\xf9?+\x9a]\x1c~\x9b\x11\x8e\xf9HE\x0bU\xca#\x95\xb8\xd8\xd2\xf7x\x88gU\x05'</t>
  </si>
  <si>
    <t>b'\tEy\x93C\x01C\xf7\xa9\x90\xcc\xf8\x81u\x97\x14\xc9\xdd\xc4\t\xd3\x9b\xd5\xa7\x973\x11~\xca\xba#\xa0'</t>
  </si>
  <si>
    <t>b'\xd8\xb3\x00\x9a\x9d)\xa3l\xf8\x92\x01;\xd7\xe3\x91\xe4\xe9\xe3"\xab\x19\xf5\x8eM\x1d\xa4z)\xc3\xca\x9a\x0c'</t>
  </si>
  <si>
    <t>b'\x18\xdc\x1e\x95\xf4\x91q\xd7c\x7f?0\x80\xc492U7\xbaB1\xc6aY\x0c\xb3\x1c]\xa9\x80\xfaU'</t>
  </si>
  <si>
    <t>b'E\x0c@^Kp\xdd\xf1\x8ci\x0c\x03\xaf\xf5H\xaaQ\x07\x98\x8b\xf7JR\xa9a\xf9\x97z\xbd\xb0\xff%'</t>
  </si>
  <si>
    <t>b'\x0c\xba\x03\xf3\xab\xbc_\rE\x9cX\xa7FH\xfc\x8d&gt;n\x0b6#\x8e\xe6\x06m}\x9a\xa2\xd0\xc5f\x1e'</t>
  </si>
  <si>
    <t>b'\xec\x01\x8f\x94x\xf6\x001\xd9t\xae\x99\xc0\xed\x1b.\xfb\x01\xafi\xeb\x07\r\xbf\xfe\x99\xba&lt;\xa6K\xf8w'</t>
  </si>
  <si>
    <t>b'`\xbdz\xb7\x90x\xf0#5\x1f\x89\xb3\xae\xd9\x81@\xb3+\x07\xf3\x88\x88\x8b|G3\xbb\x18\xd4Y\x9a\x91'</t>
  </si>
  <si>
    <t>b'\xf7\x17"\xc8R\xfb\x1fT\xb7D\x05V\xfd\xa3\xb2\xd2\x90V\x8a\xdd\x7fuuO?\xab\xf2\x0e\xfb\xf0\xb4A'</t>
  </si>
  <si>
    <t>b'\xe1\x8bM\xc9\x08\x8br\x9c\xeb\xa3\xb0\x04?\xf5Y\x14\xdf\x10W\x94%\xcb|\xde\x9e&gt;&amp;\x86\xe2\xfe\xd64'</t>
  </si>
  <si>
    <t>b'p\x8f\x13\x88\x977Kr\xdf\x95E\xa2\x99\x8c\xde\xca\x06\xb4\n\xd8\xc9\xcc\x16\x1f\xd7\x9dGWH\x88\x143'</t>
  </si>
  <si>
    <t>b'\xcfT\xdf\xc4\x02\x9ei\xc1&lt;3\x0e\x89\xc9\x83\xb97\nF\xeb\xec\x9di\x18mV-\xd5\x816\xd9\x94;'</t>
  </si>
  <si>
    <t>b'\xab\x85\x0f\x8es\x1c\x97QB\x96f\xb3^m\xcf]\xf2\x80+2\x08\x90A\x96A\xc0x\x00uK\x80\xe5'</t>
  </si>
  <si>
    <t>b'\xd5\x97\xd52\xdb\xc5w\xa2\xd3\xbe\x0eA\xffn\xd7&gt;D\xffl\xb7\xcd\xebWHa\xe3\xc1\xbf\xeaW}\xe6'</t>
  </si>
  <si>
    <t>b'\xb2.y0\xcdE\xb2\xea\x9b\xa9L\x845\xf470R\xd9\x9c\x87\x85\xea\x96\xb5\x15_j\x8dy\xfd\xd2\x9f'</t>
  </si>
  <si>
    <t>b'E8%-o\xa8\xbb\x96\x08\xc4\x07\x8e|X\x1a\xdaV\xfa\x83\x8d\xd6\x84\\\x98B\x11\xbf\x8e\xef\x05\xdf\x94'</t>
  </si>
  <si>
    <t>b"\xa5\x97\x0b\xac\n\x99\xcb'5\x175\x8e\x12u`-\xbe#\x83r\xbd\xba\x17F\xff\x8bw\xc9\x0c\x01\xbb\x95"</t>
  </si>
  <si>
    <t>b'5\x0cU\x82t\x1f\xbefN\xe6;\x92\xc2\xf5\xd6\xc5\x1f\x80\x94 \xfdT\xb0y:d\x84\xe9{\x86\x013'</t>
  </si>
  <si>
    <t>b'\xfb\x80\xa5y\xddb\x18\x82\xe9+\xd4A\xa6&lt;\xe7\x06\x03\xe6\xcb\xb9\x12\xd2\xcc\x91C\xa1&gt;\x17\xc3u\xac\x9c'</t>
  </si>
  <si>
    <t>b'c@\x9f\x08\xadB\xea+\x1aQ\x14\x99\x83\xa5\xe6\x0e\x13,\xff\xd7\x84\xa0I\x94\xccs\xe5\xafu\xef\xab\x04'</t>
  </si>
  <si>
    <t>b'\x178\xf1\xed\x0c\x96\xa5\xcb\xce\xfa\xe3\xd5\xe0\'\x89\x12\xdac\xc7\xbb\x96I\xce\xa0O\xbab.\x13l\xe4"'</t>
  </si>
  <si>
    <t>b"3\xa1\xdc#8\x89\x1d\x07\xc4tR\xb2aa\xf5\xa8ZR\xe5U\x18\x14\x08\xd9'\xdb\x01\x92\xe6\xdf\x18E"</t>
  </si>
  <si>
    <t>b'\x83\xfe\x1a\x14\xc0\xa9\xc8w\xc3t/j\xda\xfd\xfeWJ\xa8V\x02\xd1\xf8D\xa7\x83\x94of~\x03\xed4'</t>
  </si>
  <si>
    <t>b']\x7f\xf6e\xc9\x08\x0e\x19\xc8;\xac\xec\xb5\xe2\xd34\xf7\x8f0\xbe\x99M4p\x91\xbc\xc3H\x8d\xa3_\x0f'</t>
  </si>
  <si>
    <t>b'Y\xa7\x82\xae\xc3\xa2\x1c\x84\x80\x0bL\xdb\x99&amp;\x17\x12I&amp;8(\x9d\xb0\xca\x82\xf3\\$\x1fd\xdc\x0c\x8d'</t>
  </si>
  <si>
    <t>b'\x8e&gt;\xfey\x94\x88,\xda\x8e\xbe\x9395T\xe5+8\xc5k7\xb4f\xf7]:;\x12,N\x7f\x87\x92'</t>
  </si>
  <si>
    <t>b'3\x15\xf0p\xf2\x01\x8f&amp;\xb13\x97\xfc\r\xfd*R\xf6\xec\x84\xd7S\x92\xa7\xc1ni\x82ti\xb3\xc7\x85'</t>
  </si>
  <si>
    <t>b'E\x8cx`\x92C\xc6\t\xbd\xc3\xba\xd0\xbex\xea]\x08\xf4\xce\xc2\xb87\x98\x19\x14\xb8\xf2\xb9\x16.\xf18'</t>
  </si>
  <si>
    <t>b')_\xadvH\xaa&lt;G\x0e\xa0`\xbf1z\x8e\x84z-\x9f\xdc\r\x19M&amp;~\xd8\n5Z\xc9\xcaN'</t>
  </si>
  <si>
    <t>b'\xae\x03\x0cn\xb6\xe9\xd1\x0b8Z\x9az[O\x87\xb7\x07\x0b\x0b\xf6\xf7\xc5\xfe\x81\xe8\x1co\xbc\xcdkwx'</t>
  </si>
  <si>
    <t>b'\xef\x81\x9c\xac]\xa9\xf8\xb6\x04\xa2\x08\x84\x89qKV\x80\xe0`7\xc4\x04&gt;\x0f`\xc4L\x98Z\x1b\xeal'</t>
  </si>
  <si>
    <t>b'\xf7\xef-\x92\xa5\xb8\x8cf\xc7\xe8\xb0\x0c\x12Q\xb0\xea\x07\xb7\xbb\xa8\xf7VcIQp8\x06\xab\x92f\xd7'</t>
  </si>
  <si>
    <t>b'\x89q]t\x0e9\x03r\x80\x94\xff\xe2\x0f\xf1\x0cu\xbe\xdbi\xcf^\xc7~X\xce\x1cF\x0b\xa4{_\xf7'</t>
  </si>
  <si>
    <t>b'\xac(^\xe5S\xce\xaf\xc9\x1d\x06w\xb8\x9e\xcfvS\xeaM*\xbe\xc3N\x1f\xaa)\x90i\xc8\x9a\x94\xdc\xe3'</t>
  </si>
  <si>
    <t>b'\xcf\xc51b\xef\xbf\xc7E\xe7\r6\xbcH\x81\xa1\xa8&gt;T\xe5\x0en\xb6\x05\xa5\xba\xb5\x1d\xeaM\xc3\xd0\xf4'</t>
  </si>
  <si>
    <t>b'M`\xecr\x92v\x04\xd6w\x00\xb5\xb4b\x06[r\nz\xc3E\xc9\x8c\x93]|\xa3\xa1\xefb\xe2\xdfB'</t>
  </si>
  <si>
    <t>b'\xb3B;\xf1\xc3$S\xa8-\xb2\x7f:V\x86$A\xac|\x8c\xc5\xac\xbd"\xf1\xa9\xbd\xa6\n\xe0p\x9b\x1c'</t>
  </si>
  <si>
    <t>b'&gt;\x19\xbaf\xd0\x84\x1a\xa6m\x84\x8d\x8ad\xccv`\x08\x8d3\x05q\xedz\x9c\xd5\x0e&lt;b\xd7\x84.A'</t>
  </si>
  <si>
    <t>b'\'^\x85hG\xf2\xdd\xa7\x05\x82&amp;\x1e:\xa5#\xd9\x0c"\xb9\xa2\xefq\xba\xea`\x87\xda\xe7\x86\x1de~'</t>
  </si>
  <si>
    <t>b'\x94\xdf\xe3]U\x965\x89\xaeu\xc7\xbf-\xa4\xb4/B\xcf\x88\xc1\x08\x9d\xa7ZM{\xc8k%\xd7\xdf\x9f'</t>
  </si>
  <si>
    <t>b'hX\x19\xa2\xb0T&lt;\x1cv\xe2l\x7f\x8c\x9c\xc5\x18K##\xd7T\x92\xe5F\xf0\xf1)r{w\xc4]'</t>
  </si>
  <si>
    <t>b"\xc3\x15\x9aC2d\xfb\xd2\x9b\xb5\xba\xe0H\x1d\xe8_N\x8d&amp;\x81k'\t5\x86\x9f\x0b\xd46SJ\x8f"</t>
  </si>
  <si>
    <t>b'\xc0\x86\xef\x81\x14\xd0!,\xd2\x03\xdf\x9c\xcc/\x9d\r\xf7\xf3\xee\xbc_n4&gt;\x02\xa7c\xe3\xd8\xdfM\x92'</t>
  </si>
  <si>
    <t>b'\x8e\x0eyR\xd9\x13\xa7oc\xdc\xb1\xa5\xc9L\xf0Vo\x8eh\xee\xf4\xb3\xbe\x82ea\x9aXU\xef\xa8\xae'</t>
  </si>
  <si>
    <t>b'P\x8f\xa1\x15\x8e\xc6\x9e\x0e)\x99/\xb7\xcdL\x1b\x06Kr\xa9\x89\xd1\x11%\xd2hu\xa0\xb3x\xfa#\x10'</t>
  </si>
  <si>
    <t>b'38\x19\xbf\xa3d&amp;\x83\x82\x91\x1f\x10\xbb\xfc\x9be\x10\x00\x82\xa7]\x1eYu\x9dK\xe34\xb7\x04\xa7s'</t>
  </si>
  <si>
    <t>b'\x13\xcc\xb8\xad"\x1b\xdc\xf4\x90i\x8bb\xb0S\x8f\x04\x0el\xd5&gt;$\xd0\xda:2\xc6^\x96F\xf6\xb7^'</t>
  </si>
  <si>
    <t>b'\x15&lt;\x1e\xed\xa3ik8\x84\xeal5#\xdc\xfc(\xf8\xef\x82|\xd8\x88\xd1*\x97\xe5\xa7\xb2\xbb\xb4C\xa6'</t>
  </si>
  <si>
    <t>b'\x8e(m5\xa0\xcfM\xb7sT\xaen"Uq\xbc\xb6\xdar\x9b\x16\xbe\xb8\xe9\rRs\x0e1@e\x06'</t>
  </si>
  <si>
    <t>b'K\x10\xfb\xd6\x14\x9a|\xf9K\x12\xa0\x8d(\xc7\xc4z@\xb0\x11)d\xfe\x1e\x9e%\xbc*/+P\x00\xc7'</t>
  </si>
  <si>
    <t>b':;\xef\x04\xfb}FE\xdcv,&amp;Qo\xc5\x1c\x96\x19\xa1\xaf2\xad"\xaa\x8a\\\xe7\xca\xd3iQ\xb4'</t>
  </si>
  <si>
    <t>b'^\xa3b\x08\xe8\xd1\xc6\xe4\xd4\x90|\xb8H\x1e\x11\x19\xd2\x83\x80!D\xcb%]\xf8\x1f\xad\x80\xcc\xc2\x8fv'</t>
  </si>
  <si>
    <t>b'A\rs\xb5\x9d\xe5^\xa6&amp;\xea\x86\xf2\xc6\xe4\xe1G\x89\x8biG\xb6N\x16\x15Nb\xa5\x15\xfdU\x95\xe1'</t>
  </si>
  <si>
    <t>b'\xb9\xf5\xa9\x0b\xdd=\x00\xc7\x02\xcf\xd9W\xe7\x08\x91\xdc:R\xb3P\x92\x88\xb7\\\xa4\x85/\x04\x15\xaf\xadk'</t>
  </si>
  <si>
    <t>b'\x81\x9e\x19\xdePH\xa4\xed\xd1G4\x0e\x11\xcb!\x08\xfeI\x97L\xf4\xbeT@\xad\x99\x85\xbc\xab\xa0\x081'</t>
  </si>
  <si>
    <t>b'\\\x1b\x94\xfdq\xadZ\x0f\t\xc7\x0eq\x96\x9c8\xebQq\x17\x8b\xfd\x81FS\x95\xc0\xb4E\x88\xb9\xb3L'</t>
  </si>
  <si>
    <t>b'\xb4\xe5s\xffp\xc0\xd32\xf3\xc2\xb7W\xd0\x8eR`Xz\xcd\xcdP\x05&lt;$\xb8\x9f\x98(\x97F\xc0M'</t>
  </si>
  <si>
    <t>b'dM\xa8\xf0\x89\xa1r\xcbw\x03\x8f&lt;\xdc\x0e\x0f\xfe\x19\x12\x03\xa4\x10\x84\x159\xc5\xd2xT\xd3\xc5_\x95'</t>
  </si>
  <si>
    <t>b'\x9d@r&lt;\x88\xf7!R\x92\xad\xb2\xaa\xcf\xa0s\x08\xbc\xbb&amp;\xec\x19\xb0=r+\x10\xdaa\xb2\xecng'</t>
  </si>
  <si>
    <t>b'a\x13ZG\xab\xa4\x12o\xf8\xa5K\x91\xee\xe7\x95&amp;i\xbf\xf4\x90\xcb\xe1\xcd\x91\x12\xecc\xf2X\xe4c\x03'</t>
  </si>
  <si>
    <t>b"+*P;\xc8\xee9'R$\xab\x9d\x87\xb6jr\xf0A\x04\xdb\x94!-\xc8|\xc7\xbd\x17V\xb5\x83\x1f"</t>
  </si>
  <si>
    <t>b'\xa5D\xaa\xdd\xa4\x00\xa3\xee\x97\x10W\xa4\x91\x1a4\xdc\xbdc4r+2O\xa1\x8f\xbc0\xdd^\xd6\xd8\xaf'</t>
  </si>
  <si>
    <t>b'\xe5\xd6\xd3$\xdc\x85 \x14w&lt;\x13\xb8\xed\xaa\xc2\x99\x9bq^\x87f=i\x96/\x8f\xa5\x0cv\xa4\x82!'</t>
  </si>
  <si>
    <t>b'\x1e%\xb1\x9b7\xdfv\xde\x9d\xeb\xc9\x7f\xec\xa1\xe5%\xeas\x7f3"\xd0\xe1@q\xad|\x9f\xf3\xa32\xaf'</t>
  </si>
  <si>
    <t>b'\xa5/!\x93\x02\xa3\x7fD\x0fq\x95\xa4}\xe2\xd2\x8a\xb1\xd7\x0e\xdc\xdd\x19l\x1e\x0e\x9a\x08\x85z[&gt;\x8c'</t>
  </si>
  <si>
    <t>b'\xed\x02\x99\xc9\xcb\xbc\xd6\xa7&gt;\xb3\xa7\xf8\xf7\xb1X\x9aL:L\xb2,\xd1D\xb1q\xedM\x95\xfd\xdej\xdd'</t>
  </si>
  <si>
    <t>b'=\xe6\xdc\x9c\x01*\xec\xffiQS\xc9\xebdv\x0c0\xb0\xb4\xa18\x90{\xb1\xf5{\x81;\xc6;\x84\x82'</t>
  </si>
  <si>
    <t>b'\x99\x19\xa8\xde2H\x88g\xc1\xcb\x93&amp;\x8cP\xc0\xdd\xd8x[t\xfd\xa2[\x04\xec\x08\x151\xff\xed}~'</t>
  </si>
  <si>
    <t>b':@\xac\xb4\xfa\xbf\x83\xd0\xcd(\x0c\xfb\xdd\x02\xa4Y\x8a0\xdb\xc6\x1b\x0b\x8b\r\x87 \x96w\xd1\x8b\xe7~'</t>
  </si>
  <si>
    <t>b'\x81K\x01*v\xc6&lt;\x0c\x97\x91\r\x89Vz\xdfk6\x944\xec\xd5\xca\xe1\x11U\xc6\xc8\xae\x8c\xd4\xee\xbf'</t>
  </si>
  <si>
    <t>b"\x9d\x96\xe4]'y\x80\xdeR\xdf#\x87\x08O\xf7\xcb\x1a\x8a=\x8d)Wu\xd7\x1b#\xf8\x8ef\xbag\x8a"</t>
  </si>
  <si>
    <t>b'8\xa8\x95q\x95\xbe#\x838\x06j{.\x1a\xaf\x13\x8f\xdb/\xc64F\xc9eig\x8f\x8ff\xe3\x96\xca'</t>
  </si>
  <si>
    <t>b"#\xd0\x1f*\x8fb1\x0e\xa6G\xf5\xa2\x96\xd1G\xf9\xaa'P\x86z\xc2\x92\xeb7!\x85w\xaa\x0c\x1f\x95"</t>
  </si>
  <si>
    <t>b'\x9az\xde\x9d\x884i\xaa\x82\xaf\xe7\xef\x01\x81\x9b\xe9\x90n\xf5\xc0;\xf3\x1a(q\xce\x8e\x84\xa3\x8c;E'</t>
  </si>
  <si>
    <t>b'\x80\x03vS\xaf\xff\x97\x98t&amp;\xc2A[5G^%\xd1\x83\x0e:\xc6\xd9d\x1cQEG\xf5$\xea7'</t>
  </si>
  <si>
    <t>b'}_&gt;\xd1x3\xd6\xe7&amp;\xd2\xd3\xe7\x8b\xd9e\xc5C{(\xeb\x0f\xdf\x1f\xe3\xb7Pww\x92\xf9\xb0a'</t>
  </si>
  <si>
    <t>b'o:\xdd\x84\x8aQ\xbdv\xac\xfd\x02\x89\xfa"k\xb9\xe5\x0b\xdalq\x03}\x91p*8-\x9e\xe4[\xfc'</t>
  </si>
  <si>
    <t>b"w\xc9\xfc\xe71\x88-\xc8\xbe\x95,\xfd\xd4\xef\xb6C6\x01'_\xc2C1\xc8\xc92\xbf\xb3\x93\x10\x9e\xa4"</t>
  </si>
  <si>
    <t>b"\xfb\x19Y\xad\xd8WB\xc5-'+-j\xf5\xd7\x07#\xd1\xed\x1e\xc2\x02;\xfe\xda\xffil\xa7e\xe7/"</t>
  </si>
  <si>
    <t>b'E\xacm\xde\x1c\xa6\\A\xc9z\xd8N\xafS"\xc3\x11[F\xed\x99\xa8\x9f\x1c\x06\x0cwM\xf5K\x19\xac'</t>
  </si>
  <si>
    <t>b'\x1en\x9b/1\x9c\x13\xebN\x9d\xa2\xb3H\xdc\x0cM\x0f\xf6T\x15\x83\xdc\\Era\x01\xec\xd4\x86\x00L'</t>
  </si>
  <si>
    <t>b'UP\x15\xe3\x8a"\xf4\xa5\xc4\xcd\xfb\x93+$\x88\xc2\x7f\xcc&gt;3\xdc k\xbe\xb6\xa0\x9dQcG\x97\r'</t>
  </si>
  <si>
    <t>b'R1\xba\x8f\x14\xb3\x19\x85\x97\xda\x15ir\xc4\x1d\xa7g\xe7\xeciif\xf1\x8c\xd7\xf3\xc1C\x1e|\xd7C'</t>
  </si>
  <si>
    <t>b'T\n&amp;\xd4\x8c\x15\xac_32\xc2\xe9ba\xd6\xe3%\xae\xa4\xe8\xc4\xa8\x03\x9f\xd1\xe2Le\xc1*a\xbd'</t>
  </si>
  <si>
    <t>b'\x93-\xf1\x01b0\x07^\xed\xd4"\xc2\xbbb\xcb\x8d\x10|f\x99U\xc8\x1f\xb3\x06[\xcb{q\x1b\x0b\xa1'</t>
  </si>
  <si>
    <t>b'\x93\x15\xc7\x82#\xc6&lt;\xa1\x11\xcd\xe3\x1e}K\xc6\xe3\x8ca/$n\x89\x02\x16\xd2?9c\x03f0m'</t>
  </si>
  <si>
    <t>b'\x83\x0c\x8a_]4l\x9f\x88\x8e\xe7\xa1\x9d\xd9\xa20\x89\xd0\xd0\xa9\xd45\x95Ng\x18\xaf\x0b&lt;X\x91r'</t>
  </si>
  <si>
    <t>b'Y9\x00\xdb`x\x9c\x0f\xbcW\xe0}\x02\xe6\xcc\xf6Bg\xa0*1\x9a\xe7\xf0\r \x89\x1fGY`\xe0'</t>
  </si>
  <si>
    <t>b"\x06\xa8\x84\xad\xaa\xcd\xab\xef\x9c{'\xd2\xfc\xa2\xaf\xc2V\x1a\xe4\x15\xe1&gt;\x9b\xe3~P9=\xf3\x8b\xc6\x97"</t>
  </si>
  <si>
    <t>b'\xb3\xfe\x07\x12[\xfc\x9c\x02\x95\x94Xa\x0b\x9fZb\xf7:\x81\xcejYXX\x95\x0c\xdeBu\xad\x18\xd2'</t>
  </si>
  <si>
    <t>b'\x8a\xee\xe3\x14\x10\x10\xe14\x0c\x94D\xaf\xb5.\xaa\x1dZP\xb9N@a\x9f\x04\xc1Cp\xff\x13\x14\xa1\x80'</t>
  </si>
  <si>
    <t>b'\xd7\xdc\x18\xa4\x8f\xca\xb4\xbc\xd9\xe4\x07\'\x12\xd0t\xff\xaf\xcb\x96j\xcd\xc5&gt;\xd6}\xef"Z\x8e\xbeG/'</t>
  </si>
  <si>
    <t>b'J\x82\xeb\xd0\xa0DJ\x12\xbd\xa7gj\xac\xbd\xf2\xa9\xd8m\x8f\x03{\x0e\x93\xeb\x07\xf2\x82\xf3%\xcem)'</t>
  </si>
  <si>
    <t>b'\xa7WW&lt;\x92\xad\x0eB\xbb\x90\xc0\x11(\xa1\xe6EFlu\xe1\x9f\xa4\xf9\xcae\xda\xa5\x0c\xe4+\xe4='</t>
  </si>
  <si>
    <t>b'\xb6\x9d\xba\x1fg\xef\xa5\x1e&lt;\x0b\xac\xacT\xa6NAFr\\\xa7\xe59Y\x1dd\xb8\xd5\tq\x00\xc3z'</t>
  </si>
  <si>
    <t>b'\xb0\xdc\xe5\xf5`\xb9\xc3\xb4\x19-\xc2\x02\x0e#\x8c\xbe\xd8\xf7\x9e\xd2f\x93\xfa&gt;R\x05\x0c\x99\xdap\x02\x91'</t>
  </si>
  <si>
    <t>b';\x1aQ\x93\x8ai\x981\n\xbf/\xedG\x89q\xbf\x19\\\xca}\xb4\xfe\xf3\xcd\xb2\t/M\x19\xc9mK'</t>
  </si>
  <si>
    <t>b'\x10\\T\xd3\xec\xd7\xc8\t\xe9\x1d\xa7\x9229\x8d\xbd"\x16E\xf1\x83\xd0\xe5\x8dxih\xfb\xc2\xea\x06s'</t>
  </si>
  <si>
    <t>b'\xb9c0o\x87\xf6\xdc`\xdb\x94\xccz~\x18\xd6\xe9\xa6\x81\xf9i\xb9&gt;\xefo\xe0o\x99\tOx\xee\x9b'</t>
  </si>
  <si>
    <t>b'\xf2\xcb\xe7\xba\xb9y\xa6\x8e\x88\xc6m\x9c\xc3\xdbn\xc6q8\x8aZ\xdf\xc2\x95l\xa4\xfbc\xc6\xdf\xf2R\xa3'</t>
  </si>
  <si>
    <t>b'\xe7\xe1\x9ea\x15Q\x87\xa3$n-\xb4\xbd\x98rF\xe7\x81~c\x16[\x80\xaeCz\x9d\x03\xd8\x89\xad='</t>
  </si>
  <si>
    <t>b'\x1f)i\xac\x07D\xa2\x03n\x99\xdao\xf7 \x9a\xb5@\xe4\xc4\xeb\x84C\x8f\xb6h\xec\xa8\xd1?\xc3\x03\xbe'</t>
  </si>
  <si>
    <t>b'\xdc\xa2\x9d"\x8a\x10V%\x94\x85A\x14rE\x08\n}\xba\xe4\xca{YNo#~.\xd4\xe7\xe4&amp;N'</t>
  </si>
  <si>
    <t>b'\x1dd\x16\xae\x0e\x92r\xf0\xf7\x02#\xfaV,\x103\xcb\x845\x8cs\xbb\x04\xdf\x0fK\x91g\xac\xb8\x98\x8d'</t>
  </si>
  <si>
    <t>b':gv\x88\xc2\xac\x1ds\xb4e\x98`i\xbd*+(r\xb9m\xd0O\xcb\xcd\xc2\xe2\x1e\x1a\x0fb\xca\x82'</t>
  </si>
  <si>
    <t>b'\x88\x91`\xf6&lt;\xd3\x18y\xf4\x1c\xe2)\xcd\xcd\xa8b\xe8\xc5?4&amp;Y[\xd7C\xb0\xf4\x06\xb0\x87\xde7'</t>
  </si>
  <si>
    <t>b'p\x86\xaf1\xc8c]\xb8\xcb\x91h6\xb0\x0f\xbe\x06\xc47Dt\xf1\xf3~\xc0e]\xab\x0b\x8a\x88+\xa8'</t>
  </si>
  <si>
    <t>b'n9+[\x83\xf8\x80x\x04h\x96\xe0\x1dD\x13\x03Pq\xab\xbe\xf4\xe2\x83\x03C\xb1\xc1\xe7"\xd9\x13E'</t>
  </si>
  <si>
    <t>b'/\x99\n\xf7\x98=\xd3\x12\xc6\x11\xc61\xf3\xe0&amp;\xa3\x15\xf5R\x8b2\x83\xa9E\xeb\xee\x97-\x043\xca\xfc'</t>
  </si>
  <si>
    <t>b"\x90\xf0\x9dzG\xbc\x83\xa6fZ\nW \r'$\xd4\x93)\x0c\xb0\xd2&gt;@L\xe8\xa8\xae\xce\xd6\xcbY"</t>
  </si>
  <si>
    <t>b'\xb9\x0c\xa7\xe8\xf9f\xa02\xe4\xc0\x04\xa5\x0bW\xf2\xb4\x84Z\xd4\x84_\xe5\xfb\xae\x90bU\x16`\xea\xe6\xef'</t>
  </si>
  <si>
    <t>b'\xd6\xb2\x9c\xf4\xf3es\x9d\xe0\xdby\x06E\xa9\xa9o\x08\xb6\xac\x1c{sFBz"\xa6\x94\xa9\xb5/w'</t>
  </si>
  <si>
    <t>b'\xa2J\x10,q\x02\xb1%\x82\xe4%Wg3\\\x95!\xdc\xba\x95\x1bc\xca\xbd\xd5\xb1\x92D\xb4\xea\xfe4'</t>
  </si>
  <si>
    <t>b'\xac\xe2\xbbpTl\x81%\x1fPc\xff\xba\x921j\xf9\x85G+I/5\xbf\x80\x1a\x8c\x9b\xad\x8e\xfd\xbd'</t>
  </si>
  <si>
    <t>b"Id\xbd\x13PN\x8a\n\xb7H\x035\xb3\xed\x94\xc7u\xea\xeb\xd9\x95\xef\xc8\x1a(\xea\x00\x04\n\xfb\x12'"</t>
  </si>
  <si>
    <t>b'\xc5\xd5\x15c~\x97\x8e\xf8\xb5\x12\xa7\x1bx\xc9\x05@\t\xdap\xe5\xf2#!\xf9j\xe8 zGhw\xd1'</t>
  </si>
  <si>
    <t>b'\x8f0\xdd\x1e\x01\xfb\xf1\x1f\x9c\x93\x9b\xfc\x1f\xd9\xda$\xb2\x9b\x02\x89:\x91\xe7\x8d3\xaa/\xce@\xbb\xc0\x92'</t>
  </si>
  <si>
    <t>b'\xe8\xf7\xed\x1e\xa1^\xad\xc1\x98i\x96o\xee/\x9c\xf0\xf4\x8f\t\xe8\xf5\xfb\x023\xc5r\n\x9e\xce\xc8\x94Q'</t>
  </si>
  <si>
    <t>b'\x03\xbb\xe0O\xbd\x8a[\x0b\xadNp\xe1\xcd\xacV\x1e=C\\\x11R\x9f,\x84\xbc\x9f\xbbMp\xdae\xbd'</t>
  </si>
  <si>
    <t>b'\xa3xy\x83l\xd7\xdb\xe9\x9a\xe8\x0b4\xb6\xb8\xb0\xf5\xcb5\x95Pb\xbe&lt;\xfd\xc1y#@\xdeM\x80\x82'</t>
  </si>
  <si>
    <t>b'\xc6\xeap^\x9d\xa8\x08OW\x0ch\xb9\xbf\xf3\xcbeLU\x115\xa8\xb9\xdd^`\x05\xfcA\xd66\xcc\xe9'</t>
  </si>
  <si>
    <t>b'\x1bnm\x16J\x00/\xaeQ\xde\xc3&lt;\x8f`\xa4\xb2=\xde`c\xee#\x9c\xe5sa\xcc\xf4\xe2T\xf3\xd5'</t>
  </si>
  <si>
    <t>b'\r]\xc7:r\x0c\x14n\x03\xa3\xed\x10\xac{E\xc8 \xa7kS\x15\xbe\x0eP\xd2}\x03\x15\x7f\\)O'</t>
  </si>
  <si>
    <t>b')&lt;\x98\xee\xbc\xc8ox\x9d~\x8b\x9cl\xbcN\xcd\x9d|\xb8\xdfv3@:F\xca\xbe\x18\xed\x90\x89&amp;'</t>
  </si>
  <si>
    <t>b'\x90\xa0L\xaf\xcf\x9b-\xa6}\x02_\x86E\x07\xe0\xe5\xa8|M\xbe\xc1c\xa8\xa9\xc5\xff\xb6\xb0\xc0?\\\xb8'</t>
  </si>
  <si>
    <t>b'\xd9Iw\xc3\xc0\x18\xa7\xbe\n\x1d\xa5zXAC(\xa2\xb9\x87\xba\x9ef\xa5\xab.{\xd56\x8cuP{'</t>
  </si>
  <si>
    <t>b'\xb7O\xa4\xcb\x8f7\x12#\xe9\x1c\xe0\x15\xd2Iz\x92O\xca\x00\x07\xbc&lt;T\x87S,\xb5\xe9\xc7\xc9\x9c\xbf'</t>
  </si>
  <si>
    <t>b'\xff\xfe\x9e\x05\xfbS\xd1\xff\\\x15\xc2djQ\x9a[\x8c\xed\x9b\x81\x10\x0ePf\x85\xd2\xa9n\xbd\x83\xb7['</t>
  </si>
  <si>
    <t>b'.`#\x8f\x92\xa7\x95\xb0o6\x16r\x10u0\x83W\xfe\xa2A5\xd5\xbazx9\xbf\xf8\x98\xe0\xf5\xff'</t>
  </si>
  <si>
    <t>b"P\xa0\x90\x1f\xa4\t3\x0bE'\x01t\x02:MP\xc1\xc4\xea)\x00\x9e\xaf\xcdI3z\xaa\xa5\x90\xb6U"</t>
  </si>
  <si>
    <t>b'\x9d=\x03b=\xe6\xdd\x1a]\xd0\xb1P6\xdf\x98\xd7u!\xcb\xbdM\xab\x85\xbf\xa0\x95\xa3\xf5F\x98n\x8e'</t>
  </si>
  <si>
    <t>b'B\x93wl\x0f\xe6x\x11Td\xdb\xacP\x96\xd7E-\x93\xbdp&lt;Rw.\x97\xab\xd7\xad\x80}\x81g'</t>
  </si>
  <si>
    <t>b'#U\x14\xaeQ\xab9\x9b\xd5\x06\x80\x17G\x91,!=G\xf0aP\xa6P7.\xb7\x82\xd9A\xb3\x99\x8e'</t>
  </si>
  <si>
    <t>b'\xf19\xd8\xfa\x88\xfeqX\x0b\xf5\xca\x13\x80\x88\xf0\x98\xb5\xd5\xc6J\x03\xcet\xe6\xd1\xbcR%\xf9\xd9\xa2\xfa'</t>
  </si>
  <si>
    <t>b'\x8a,\xf8\x9a\x0e\xc4\xd8\x98\x17\xe0^\xdd0\x8a\xed\x99\x1b\x9a\x12\x9f\xa1\xeeb\xeb\x9f{\x12kq\xa3\xa9\x12'</t>
  </si>
  <si>
    <t>b'H\x92\x8em\x89c0v\xbc\xf9\xdff\xf0\x94\xdf\xd1\xf7\x8a\x97c\xc4\xf8)K\\\xab\x8d\xee`Y\xcf\x1e'</t>
  </si>
  <si>
    <t>b'1A\xf9(A7\x0b\x9c\xf1\xdd\x07P~\x9f\xd2q\xb3,A_\xf3\x1aw\xe7~\xd3p\xc4\xf0r0\x97'</t>
  </si>
  <si>
    <t>b'\x91Z\xde\x11\xd6\x16\x93E[!\x88[;\xda\x82\rR\xb9_G\x08\xa4]\x1d3\x02`,\xcd\xd6\x159'</t>
  </si>
  <si>
    <t>b'fquZ\xe0t\xfd8\x8e\x8a\xc8\x115Q&gt;8\x0bEg\xd5\x08?\x0b\x1c9\xc9\x0e&gt;\x8b\xcb\t\x95'</t>
  </si>
  <si>
    <t>b'\xb8\xed\x14\xa2A\xc4\x80\x0e\x9e|Dhq\x96"\xaf.@\x12\xb0e\xd8O\xb9\xf5\x89\xbe\xb8\xa6\x11\x9ag'</t>
  </si>
  <si>
    <t>b'\x93\xc6&gt;i\xcdU?\xc2\xe3\x02faoE\x81\x05\xa5\x83\x98\x0c\x9a\xd0d\x04\x93\tJ\x92\xfa\xcdy5'</t>
  </si>
  <si>
    <t>b"\xb4\x94\x8d\xab\xad\xe5\xfd\xc5\xf1\x03'\x19X\x15f\xed\xd8p\xb3,\x8c?9\xbf\r\x15\xae\x01\xfe\xa9\xb2\xae"</t>
  </si>
  <si>
    <t>b"\x07\xe1i\x83\x08K\x8a\xb8\x06\x81\xd9=\x11/\x02!'mW\x1a\xd5\xb5\xd1\xfb\xc3\xe3\x02i\xfa4R\xc9"</t>
  </si>
  <si>
    <t>b',g\xf9\x13\xc1\xeb\x1e$\xed\xa9\x7f\xde\xf5\x9f\xbe\xa4\x00H\xef\x91\xc3\xb1\xfa\xa4\xba[\x129oq)\xbf'</t>
  </si>
  <si>
    <t>b'\xf8\x95U\xb7"\xdeE\xea~\x8c\x8d\xbb\xcfFo\xed\x9c\xd4\xafD5\xfc\x06&lt;\xb8I\xaa8\x18\x99\x02a'</t>
  </si>
  <si>
    <t>b";\xe0[,\xcea\x12\n\x0ed\x8e\x05{\xe7\xc5\xda\\\x82\x87]Lx!\xa0\x84u\xb4\x8a\xce\x12'\x94"</t>
  </si>
  <si>
    <t>b'\x9b\xfd`\xf0\x92\xad\xb3\xc1\x1d\xd0\xf5\x9a\x11\x8al\xab\x97\x1c&lt;uvh\x00EP\x99&amp;\x85\xcfW\xdd\xc9'</t>
  </si>
  <si>
    <t>b'Pw\xd7c\x8a\xde@(\xb7/\xed\x05\xdb\xfcw\xe8n\xd6-mz\x1d\x8e\xf9v\x1e\xa9\xdf\xa9 \xa5\x87'</t>
  </si>
  <si>
    <t>b'\xaf\x9f\xc2\xb7\x0b&gt;\xb3\xc3f\xe3f#N\x85\xfc\xf3?\x9a\x9aS\xce/yE\x1b\xa9mW\x80\xab\x06\xeb'</t>
  </si>
  <si>
    <t>b'\x92\x9e\xb5\x8c\x9a\tT$\xd2\x1d=\x15`\xe1\x84t]")\xd7{G\x18k\x03\xdc\xd3\xebS\xb6\xf9W'</t>
  </si>
  <si>
    <t>b'hG-\xe46IN\xaaT@\x8c\x80@\xd2\xcfMlu&gt;\xf0\xa6\xe2\xd3\xcd\x81\xec\xe8RE\\\xcc\xd7'</t>
  </si>
  <si>
    <t>b'\xb1\xa2\x06MA\xca\xc4\xb8A\x14\xbae}\\\x06\xee\xef\xac\x83sE\xfd\xc9\xa4[\xabE\xd2`r\xb1%'</t>
  </si>
  <si>
    <t>b'f\xd7jE\x16e\xaa\xf1\x1c\xa3|[\x01\xa3\x8f@\x1c\t\x05\xb52\xb7R&amp;\x1b\x1f\xb7\xbc^\xa0!G'</t>
  </si>
  <si>
    <t>b'\x08\xd1\xb6\x01\x91\x17\x85#\xad\xbe08X\xd7!\xa4\xd5\xe7\x1fs\x18W\xb0\xec\x1f\xc2\xb5:\xdd\xaf\xfcv'</t>
  </si>
  <si>
    <t>b':\x9e\xf2S89\x1e1\x1cA\xe7\x86\x9a\xc5\x91\xbf\x0c\xc1\xb5&lt;7\x1f\xf3\xc14\xff\x81"\x1b\xed*\xc9'</t>
  </si>
  <si>
    <t>b'\xcf\xbc9\x03F\x15\x1d\xe5\nm=\x951\xea\xaergP\xf2\xe6A\r\xa0{-\xc0\x17j\xf5\x00\xe1\x89'</t>
  </si>
  <si>
    <t>b'\xcf%[\xa8\x8d\xe1Z\x8aeY,~\xdf\xf8\xd7\x14_\x145\xc8:F]\x80\x8f^\xde\xbd\xc5\xae\xdf\xed'</t>
  </si>
  <si>
    <t>b'\xa4l\x84\x19\xf6l\x98\x1d6I\xa8\xfb\xfe3aT\xe2n{ \xda\xcaiX\xaeh@\xb4\xf6\xee\x00\xc0'</t>
  </si>
  <si>
    <t>b'\xd5N\xf7`y\xf4uls=E"\x8e\x0c\x8d\xdd\xb7&amp;\xd3)O\xde\xff\x00O\x03_\xa3\xc5\xb2\xb0['</t>
  </si>
  <si>
    <t>b'\xa07\xde}\xc4\xe2r\xf6\x1bD\x16_5\xe2\xab\x7f\x03\x01\x83\xe3\xe4\x0f6\xaf\xfd\xc1\xdd\x1b5\xdb\xb9o'</t>
  </si>
  <si>
    <t>b'\xcc\xdd\xe1\xdbw\x9czQ\x06O\xae\x9a\x1f\x84\x11\x85h_\xd2V\xd4~\x87r\x90J\xd7\xc2\x1f3\xbez'</t>
  </si>
  <si>
    <t>b'Y\x0cvT\x17\xe1E\xd7\xae\xcc\xff\x82\x1c\xdcq\xdc\xdf{P"B\xdbAR\xe7\xc2\x87v\xb0gel'</t>
  </si>
  <si>
    <t>b'\x1cp\x88\xe0\xd8\x83\x13TX\x0bm\xcc\x89\xa5\xf5\x88\xb6?\x1b\x80\x89\xe8i\xcc/\xb3\xcf\xd7\xe09\x945'</t>
  </si>
  <si>
    <t>b'*\xcb\x16!\xa5[\x01+\xf4\xb1\xc1\x06e\x92\x97\x80$\x03\xd2\xc2\xf7+\x96\x9e\x12\x06Y\xd5\x88R\xbf\xa3'</t>
  </si>
  <si>
    <t>b'\x8dF&gt;U\x90\x1f\xa9z\xdb\x89B}\xd0\x81,\x028\xf1\xaa(w0\x93\xcd\x16\x81c\x94}#A\xb4'</t>
  </si>
  <si>
    <t>b'"|,\x1f\x80\xc6E\xf8\xb6\x8f\xae\xc9\xbb&amp;\x9c\x91\x15J)9\xb3\xcahj\x83P\xccW\xb8\x94\xe7~'</t>
  </si>
  <si>
    <t>b"\xeb\xc4k\xc8\xf5\x92\xfd);\xc8\x19\xa61\xd8\x8a\x06/=\x1ea\x9e?'\xdc\xd4\xcc&amp;\x9a\xaf\x18F\xb2"</t>
  </si>
  <si>
    <t>b'\xf42\xa9\x12\xa9\xb4\xbaL8\x89 o\xa2~\xe5=\x1c\x95^\xech\x10\x8d\xbd\xeb\x15\x179\xcb\x929\xf3'</t>
  </si>
  <si>
    <t>b'l|\xe9\xbf\x10\xd4V*\x8d(LR\xfa\xb6_D7\x83r:\xbf\xb5\x00\xac\xa8\xcc\x9f{\x89\xfa\xac\xe8'</t>
  </si>
  <si>
    <t>b'_7G\x81\xf8\x83\r\xfe\xd3#zJ\xc61.\xa0\xc4\xe8\xaaI\xca\x18\xe6\xe6u\x9bH\x10M4)\xa3'</t>
  </si>
  <si>
    <t>b'R\x96\x01!\x0f`@\xa8\x99\x92\xb5.\x97\xed\xe9uG\xa2\xdcPP\xa4\xae\x06\xe6\x1a\x94\xa9\xf6\xff`\xa0'</t>
  </si>
  <si>
    <t>b'\x9bt\x1b\x8a\x1c\xbcI\x98\xcc\xd6\x87\x05\x84\xf9b\xc1\xf0P\x8f\x92\xc3*\x04\xf7\xbf}\xb0\xc3\xd33\xaeJ'</t>
  </si>
  <si>
    <t>b'}\x1f#b\x12R\xb3\xf5\x8e\x05\x0c\xe8N\xab\xd8Na&amp;\x8c\x18\xcd\x99\x98Q\xeb\x8e@[\xbbO\xae\xd6'</t>
  </si>
  <si>
    <t>b'\x9e+\x18\xa7t\x9e\x99\xb4y\xdf\x9d\x84\x10\xed\x9bC\xf4\xa3\xf7#3\xcd\xf7\xfau\xdaq\x17\xb0O\x1a\xaf'</t>
  </si>
  <si>
    <t>b'HM\x94\xe0K\xfd\xd3\xea\xeb)\xc4\x1a"92\xce\xa9\x90\xba\xdd\x9e\xe1\xc8\x91\xefl\xf8.\x835\xe5\xdf'</t>
  </si>
  <si>
    <t>b'~\xb9\xa3o\xa10m\xe0^\xe6qnu\xdd\xa0\xb1@\xdb\xc8\xdd\xc2\xa1\xe9\t\xd3\x0e\xa6J\x05\x99T\xf6'</t>
  </si>
  <si>
    <t>b'_\x00\x9d\xad\xa9\x90c\xfd\xb1P\x15,+\xd9_LA\xda$\x84#\x80\x9a=\xe57\xca\x8b\xe6\xa3\x10\xe1'</t>
  </si>
  <si>
    <t>b'.;c\xbc\xa6\x18q\xa1\xcf\xc1pR\xadW7\xc0\xa8\xc6\xb3\xdaB\xa6\x83W\xda\xf9\xc2\xda\xc0\xa3\x9b\x8d'</t>
  </si>
  <si>
    <t>b'\xfe\xc2\x99p\x166\n|\xcb\xd5\xd8~\xb1\xb5x\xc3\xbc2\xb0\x90\x9b\xeet\x15\xaa\xb4\nz#\x91Go'</t>
  </si>
  <si>
    <t>b'\xb9\x87%\xff\x9f\x0e\xc0\xd9\x12\xd0\xeeMd~\xa7\xee\x0f\xdcu\xea\x17\x1c9\x93\xc2\x11+\\\x19\x11{\x90'</t>
  </si>
  <si>
    <t>b'n\xe5\xc0\x16\x0e\xa1\xc8\xcd\x17\xe10\xa7&gt;\x84*sR\x9be6~\xae\xafR6+W\xf9U\xf3\x1c0'</t>
  </si>
  <si>
    <t>b'c\xdb\xc8M\xf4\xd9\xb9\x1a\xd9\xcc2\xeewb\xd6\xa2c\x0bI\xb7^\x83\xff`\x1c\x8b\xa1\xa1\x93\xd5A\x93'</t>
  </si>
  <si>
    <t>b'f]_9\x1d\xfc-\xd2r?\x97\xb3\x0e\x8f\xc7\x04\x86R\xc5A\x1b\xf2\xa9\xc9B\xc0\xf0!\xcba\xac\x97'</t>
  </si>
  <si>
    <t>b'%+\x82\x0b\x06O\xbe\xa7\x9e\xab~\xbb\xf3\xd0\xfd\xb8\x11O\xec\xadC\xb9\xa5\xf7\x07\xe95\x96\x93\xc1\xcc\x91'</t>
  </si>
  <si>
    <t>b'\xc2\x98:F \x14\x92\x83A\xd6\xd8\x0f\n!\xb5\xad\xd4\x18-`\xb9\x9d\x8e\xc7jB\x93\xac\xbe\xb4,\x05'</t>
  </si>
  <si>
    <t>b"\xee\x8d\xd6D\xaf\nV9=\xb2\x0c+G\xd1\xadQ\xa4\\PY'\x01?\x7fkI\x8d&gt;\xac\xc5\x8b."</t>
  </si>
  <si>
    <t>b'E\x080\xa6\xe7\x02\x04\xc9/v\x1c\xd9\x9c\x87\xf4O\x0c\xf7G\x9bb\xe8\xed{0I\xe4\x0e\xa6\xcb\xc2\xcd'</t>
  </si>
  <si>
    <t>b'\xdb\x82i\t\xfd\x81\xb6\x82]\xfb\xd5$*\xa4\xf7\t\x99]\x99m\x01\xdd\x15\x88%"\x8a\x90\xde\xbf\xf5\xe5'</t>
  </si>
  <si>
    <t>b't\xb9\x99\xf3L\x90\xed8\xcc\x87a\x87\xec\xb8pm\x95\x1f\x8b\x91\xa1\xad*\xeb\xe8\xbaP\x84\xc4=)t'</t>
  </si>
  <si>
    <t>b'Z\xe5\x1e?j\x9f\xf4-\xe8u\xd0\x86aw^w`mIb\nM|\xe5\xa4\xb0\xef\xff\x9d(\x02\xd6'</t>
  </si>
  <si>
    <t>b'\xab\xbf\x0b\xbeu5\x89\xd2\xf2x6\xeed\xc2n\xaf\x1e\x11S%B\xe0\xad\x82\x0c\x8a(*\xdf\xf5\xf9\x1b'</t>
  </si>
  <si>
    <t>b'\xbe\x9a;\x84g\xbd\xb16x\xed\xac$\xa9\xdc\x1baf\xea\x7fHu+\xec\xdeY_\xae\x02\x80\x88\xff\x1c'</t>
  </si>
  <si>
    <t>b'h3\x00W\x1dM\x8d\xe5\xf8\xa8\xd6\xc9\xcf\xe5\x92J\xcfg\x9dR\x17\xab\xae\x8c\xc8\xbc\xfe\x12\x9c\xd5Q\x18'</t>
  </si>
  <si>
    <t>b'\xb43\x84\x9a!\xaa\xb9\x16\xa3X\x9b\x89\x9c\xf5-\xfc\x84\x0e!\xaa\x99d5\x89\xa9\xce.\x85\x95\xd1a\xb6'</t>
  </si>
  <si>
    <t>b"4'\xd2\x88\xd4\xf8\x0et\xcfk-\xdew\x88\n\xd1=w'\xba\xa3r\xf7\xf1\x06\xfc\xe7\xdcu=\x80V"</t>
  </si>
  <si>
    <t>b'(G\x15\x87\x8a\xa3T\x93 \xd7\x95\xc5\xd5plcU_\x8e\x06z\xfbke@d\xa8J9\x9c\x122'</t>
  </si>
  <si>
    <t>b'\xdb\xc6\x9e\x8a\xcd\xbe\t5\x9f\xe2\xb0\n\xfci\x8er{\xae\xc4!?\x04W\x84*`\xd3/\xfba\xab\xea'</t>
  </si>
  <si>
    <t>b'\xbbO[\xf7-\xd4\xb2\x99\x1fS\xa8\x08\xd0"\x12&gt;AZ\x9e\x1bu\x9ecX\xdb\xb0*\x0c\x99=\xdb\xe3'</t>
  </si>
  <si>
    <t>b'w\xcd\xc0k\x1d\x02\xff\xa5\x01/\xe9\x03@\xab\xbc\xf4\x96f\xf5E\x99e\xc2\x8b\xaa\xa7+()\x83\xce\x06'</t>
  </si>
  <si>
    <t>b'\x92\xb2\x97x\x83\xc42&amp;A\xee\x1b\x17=\xae\xda\xbd\xfb\x0f$\x8f\xf7\xcf\x88\x1d\xc2\xd2!\t9\x7fi\xca'</t>
  </si>
  <si>
    <t>b'\x07\x1f\xf2\xc2\xca\xf5\xdc\x94OP\xd95\x01\x7f\x7f\xd6D4\xb1\x0bA\xa6R\x8f\x18\x00\x82\xd3\xa0\xf2$\x9a'</t>
  </si>
  <si>
    <t>b'\xc4~&lt;\xaf\x02\xce\x15\x18\x12\xa1s\x0f4n\x1c\x12\x1e$r\xd10\x18=#r\xae\xd7G\x84\x96K5'</t>
  </si>
  <si>
    <t>b'\xabj\xefO\x93\xb9\xf7\x84c\x0e\xce?Uk\xa8w\x92R\xa2x _N((\x92f\xf1P\xca!\x1b'</t>
  </si>
  <si>
    <t>b'\xaf\xee\x91\xaao2\xef{\xbfIR\x0f\x91\xa8\xf0Q\xb4$\xf84\xb9\x18\xa2\x07\x9c\xf8Kr\x14\xa8\x7f('</t>
  </si>
  <si>
    <t>b'b\x83\xaf\x18e\xd7\xf68\xc6\xe2C\x7f\x036\xb8\xd1e\xe3\xe3\xdbJ\x04Z\xbc\x89n\x95\xde\xbd2.\n'</t>
  </si>
  <si>
    <t>b'\xd6\xdfI\xca\xff\x85\x17\x86\xae\xfd\xba\xfbsM\xa6W\xfa\x07&gt;_$\xa1\xba\xa2\xcd\xd5\xff\xf8\x13\xb3Ho'</t>
  </si>
  <si>
    <t>b'\xcf\x9dl\x86\x05|\x05\xed\t\xd2\xc8/\xe7o\xd0\xc5\xcd\x1e_\x8b\xd5\xefOC\xf4\xb2]\xa0s`\x92\xe0'</t>
  </si>
  <si>
    <t>b'\xfb\xca\x8e\xb7\x81\x87\x00\xdb\x99\xec\xe7?\xc2\xa2$\xc4|oR\x90\xcc\xa3\xedR[\xa0\xa0HC\r\xa60'</t>
  </si>
  <si>
    <t>b'\xa7\xb7\xcb\xd9\xc5\xe3n\xcd\xe4\x07\xad\xf1\xd83\x02\xca\xdd!Q\xa2)\x8a\x9a7\xfc\x13,\x9fCwE@'</t>
  </si>
  <si>
    <t>b'\x8dw\x08\x16\xa0\xc6\xad31\xb5\x80z\xd7|\x97\xf1a\x0f\xe3##\x81~\xf3\xf3\x13\xb1X}\xf9\xdd"'</t>
  </si>
  <si>
    <t>b'\xe7$\xb9\xba;Wj\x8a\x07\x04rt\xfd\x08\xa1,5\x9d\x87\xb6\xba\x07%n\xc4.\x10/l\x8a~\x85'</t>
  </si>
  <si>
    <t>b'\x8f8`\xe4\xdc%`Z\xa1\xda\xc5qj0X\x0b\xd2\xd5m[\xddLZq\xd3c\xd9\xe3\xfa\xa0\xd49'</t>
  </si>
  <si>
    <t>b'\x95\xca\xfe\xb8\xa8\x1a#\x15:F\x9f\xc99\xa1S8&amp;\xf3|o\x16\xac\xb6\xbc7\xcd\xd5\xff\xe86\x06\x04'</t>
  </si>
  <si>
    <t>b'\xa9O\x19\x82\xfd\xc6~X\xd3\xc3\xd8d\xa7\x19\xee\x8f\xad\x07\xb9\x06\xe4PT\x9a\\\x02\xa7\xca\x04\xd660'</t>
  </si>
  <si>
    <t>b'\xcc\xaa\t\x07a\x13\x86\x08\xc2\x02~\xdd\x02\xe8\xc0G\xf7rB\xb0\xec\xa0(\xed\rX\xe0\xc3uV\xeaa'</t>
  </si>
  <si>
    <t>b"\xee\x0c=\x90\x06\x8a\xd8w'\\ \x17\xc8C\xccJ\xe9\xf2\xc2\xec\xb1M\x0f3\xd9b\xee\xe2y\xe1#:"</t>
  </si>
  <si>
    <t>b'\x8c\xf3\x05W\xbb\xdf\x93P\xc4\x0f\xe1\xb3\xc5z\xcb\xbcoe&amp;p\xe2[S\x9e\x19\xc9@]%.U\xfc'</t>
  </si>
  <si>
    <t>b'\xce25\xd4y\xfc\x19\x1b+\x177\x86\x0e(\xfd\xac\r\xd4&amp;\xcf\x93n\x1d[\xa6\xcd\xe1B\xa0\xfe\xc96'</t>
  </si>
  <si>
    <t>b'm]\xe1\xaa\xd7\x82\xd3Lt\x03\x03si\xee\xcd\x9b\xac$\x91\x0b\x06\xe9\xd6\x17\x01c\x7f\xaf\xef\xf6\xe1\xec'</t>
  </si>
  <si>
    <t>b'\xb8z\xa8~^\xba\xaf\xbd\xa2\xebYX\xcf\x1c\x82"\x12Z\x12e\xe9*Y1\x9c\xa8\xc4\xabL\xf7nQ'</t>
  </si>
  <si>
    <t>b'W\xa8\xdc\xa5\xf4\xddn\x18\x94\x86\x1b\x01\xd5r3k\xf7\xac\x7f\x83\x92\xad\x04\xb3\x92@\xf5[\x97\t\xac\x93'</t>
  </si>
  <si>
    <t>b'\x12D,\x0f\x10\x89\x16E\\\x115%?D\x85\xfb\xbb\t\x06\xd7\x9b\xb0\xcb\xe3\x8b\xaa\xec.$\x92\xf1 '</t>
  </si>
  <si>
    <t>b'\x00|"%\x9d=\xbc\xc5\xef\xb2hhD3x\x0bJ\rB!\'4\xb6p\xfb\xfa\xd8?g\x03\xd8\x1d'</t>
  </si>
  <si>
    <t>b'\xf1\x0b\xd4!\xc8\xd2\xba\xc7\xed\xb1&amp;p\xe4E\x16\x13\xc8\x11\xb6s\x18\xd0\xfd\xbb]\xd0y\xe1\xff\x88\xb0\xeb'</t>
  </si>
  <si>
    <t>b'\x1b\x84U@[\xe0\xa9\xec\x9c\x08\x08\xc78\x01\x0bA.CzGu\xa4\x16V&lt;8}\x17&lt;\xf17\xd7'</t>
  </si>
  <si>
    <t>b';#\xdb\xc7\xadK\x85\xb3\x16z\x1b\x92\x88S\x0e\x02\x13\x8c\x9f[C\xde\xa7-=?\xa0\x16\xd2|\xe8&amp;'</t>
  </si>
  <si>
    <t>b'\xa4\xee\tP6\xbe\xb7\xa5l\xa8HE!\x0f\xda\x0bT8A-\xabY`\x02\xc2UC\x83\x80\xe9#\xe7'</t>
  </si>
  <si>
    <t>b'c\xf1\xc0v&amp;\xd3\xc0\x9b\x0b\x1d\x81w\x13=\xb6\x1f\x18H0\xc0\xb2&amp;\x81\x86g\xaf\xd4\x0f\xcc$\x1c\x9b'</t>
  </si>
  <si>
    <t>b'M\x87MC\x05?\\\x8e\xff\x92Z\x85g~\x13\xd4&lt;\x16\x9b\xd6&amp;\x9b\x15{$\xe0\xad\x06(/\x94\x10'</t>
  </si>
  <si>
    <t>b"e\xb6\xb9Z\x14]\x8a\xae\xf1ly\xc4\xaa\n\xae'\xae`\x1a4\x9dI\x00\xc7\xf0a&lt;V\xb3\x8c\x0c\x8f"</t>
  </si>
  <si>
    <t>b'V\xe1o\x99\xc8\xe5\xc3\xce\xc0\xafj^v\x8cn@\xbc\xbb\xc7\xd6syl\xa9\x9ch\x91\x97\x84ci+'</t>
  </si>
  <si>
    <t>b'\x9d\x05\xbdpo\x9dF\x8bk2o\xeaB]\x81\x86a.\x18\xb2\xa9\xf7\xaf\xd0\x9cS\x9d\xfa\xb2\xa9\xddi'</t>
  </si>
  <si>
    <t>b'\xd5\xd7`2\x18\xb43\xb0j\x8f\x80\x04\x9b\x05\x02\xb6\xc7\x150\xd9u\xfbD\xd5G\xb2\x13dM\x88HP'</t>
  </si>
  <si>
    <t>b"\xfch\x16\xe85\x17\x0f\xd6z\xff\x95\x96\xaa'\x93\x02\xff\x93\xb3&gt;0\x84O \xe8\x80\xedxC'\xf1'"</t>
  </si>
  <si>
    <t>b"\x8fj:\xb9\xff\xa2\xe5W\xd7,\xd1\xcb\xf5\xe8_\xee\x92\xc0\x94\xdd\x16'\x93\x1a\x8fp.?\xe5|r\x87"</t>
  </si>
  <si>
    <t>b'\xa5h`1\xbc\xd3Z\x14B\x8f\xe7\xfa\xae\x0c\x11\xca\xe2i\xec\xfdr/m\xe3$\xfd\xf8B\x04\x88"r'</t>
  </si>
  <si>
    <t>b']\xbd\xfd\xc9\xc8{y\x9e\xd90\xef\xe1z\xcd\xb5a9\x19\x88\xd3W\xb0\xc4(\xba\x0e\xb4i\x9d\xb3\xdcx'</t>
  </si>
  <si>
    <t>b"\xed2P\xa8\xc0\x88\xf6Y'\x14\x01\x1a\\\xde\xe6\x984\xc2%\x9cw\xdc\xc3\x80\xae0\xd9Uq\x11Yn"</t>
  </si>
  <si>
    <t>b'\xc8J\x02\x93\xba\x1e\x0c)`s\xb7-\x9e\x13\xdd|\x92\x07\x1f\xee\x8eI\x1e\xdd\x81CQ\xd3\x95\x07\x0cE'</t>
  </si>
  <si>
    <t>b'\x1d\x0b\n5\xb8}\xb9g3\x8a\xc4+\x0e\x9aEq8\x96\x1a\xeb\xd5(\xffi\x9fd\xfc\xa6\xdd}\xe2@'</t>
  </si>
  <si>
    <t>b'\x00\xa3\x88\x901\xe5\xd4a8\xfd\xc81/LH\x95F\x0c\xb7\x03\x04\xe3\xe1\x15\xbe\xbe\xf4_\x19\xc9\x1dV'</t>
  </si>
  <si>
    <t>b'\xb7\xa0\x8b"\xe2\x0f\x90\xac\x12m\x92\xc9\xab\x9b\xe9\x06\xc9\xacl\x85W\n\x89R\xda\x1d^{\xcc\xb0\xa83'</t>
  </si>
  <si>
    <t>b'\x9d\x9a\xc8*\xde\xa2V\x08\xe7\xa9n\x0b\xe5\xe9\xbb\x08\xbd\xba\x13u\x8c\xa6\n-\x80\x12%i\x85\xc9f\x9d'</t>
  </si>
  <si>
    <t>b'\xcdz\xf2\x92\x97\xffH9\x90\x81I\xfa\x988\xaf\xa5\n[\xd6\x95\xc57\xa1x\xff\xc0#\xc8Q\xf3\x85s'</t>
  </si>
  <si>
    <t>b'\x11\xe2eq\xb2%|\xd6\xb4\xb42\xfd\xa1j\xb3\xfaw\xfcw\xc7\x81\xb3l\xff&lt;\xf7b\x95\xe4GY\\'</t>
  </si>
  <si>
    <t>b'D\xd3\xa9\x05\x96V\x85Pa\xd6\xb6OL\xb9\xdf\xcb\x98\xe5\x99{"I\xfa;;\xe9P0l\xb6i\xee'</t>
  </si>
  <si>
    <t>b'\\ymo\x10\xa1\xd588\xa0y\xf6\xe0*\xa6U\x1cY\xe1\xbaBAk\x8fy\xe6\x0b\x81v\x9c\x89\xe6'</t>
  </si>
  <si>
    <t>b'3m\xad\xba\x18nK\x9c\xa8\r\xc7\x001;\x8b*\\\x88\x9c\xf2\x15\xe6r\x03B\x05}T%\x83\x8e\x88'</t>
  </si>
  <si>
    <t>b'\xbd\xba\xd9\x13d\xc5\xdfa\xf8^d\xef\xa6n\x9f:\xf6\xfc\xa7\xf5*Q\x0fx\x05A\xdc\x8e\xfd\xadr\x96'</t>
  </si>
  <si>
    <t>b'I:\xfc\x1f\x92,R\xc6mu\xa0\xec\xc8\xa2\xaa\xa6\xd2xi\xa7\x87\x18\x92\x8b\xc1\xc8e\x9a\x00\xa5\xec\xf1'</t>
  </si>
  <si>
    <t>b'\xc97\xc1\x8df7\xa7\t\x96\xfd\xb1\x06\x08\xc8]~\x82\xe2\x97\x91\xc0\x89au\x9d\x1e\xf1\xc8\x85\xed\x0c\x15'</t>
  </si>
  <si>
    <t>b"\xa2\xb2\t\x98\xd0\xdbI\xe5'{G\tGMb\xd4\x96\x14\xc0,\x9fF\x17=\xcf\xbf&amp;\x87uV\t\x0e"</t>
  </si>
  <si>
    <t>b'\xa54w\xc8\x13x\x80\xc6\x7f\x02\xd77K\xa5\x81\xa7\x8a\x80O{\x85x/j(\x13\xac\xe1\t\xa8\x05\x1f'</t>
  </si>
  <si>
    <t>b'\xa7[\xe9h\xd62\x90\xd4\xb7\xaf\xb4\xd4Z\x8c\xc1\x0bU/M\x9b`7&gt;C\xf1c\xcf\xbdq0t\xf4'</t>
  </si>
  <si>
    <t>b'\x13\x14\xbc"~\xc2\xafmQ\xb2\xc4\x0b\xe5\xb5\xaf&amp;\x02B\xfd\xf3HYB\xa1;\xac3\xea\xb9\xef\x83e'</t>
  </si>
  <si>
    <t>b'\xe4\x83\xfb\xbe3\xe3\x90\xfdC3\\\x99\xd0r\x88"B\xc4\x88\x9d\xb0\x7f\xd7\x0f\x96E\xb1\xa6\xf1hx\x87'</t>
  </si>
  <si>
    <t>b'\xb8\x1e\x88\xb6\x13\x83\xdf\xa6b\xfa"\xef\xa3l\x14\xcb/\xe3\xb3 \xaa\xeb\x1b\xd4\x8a\x99\x97Lf_]\xea'</t>
  </si>
  <si>
    <t>b'V\xf7\x06+\xccx\x9bE\xd5\xf4\x12^\xc6\x10r\x90\xd6\xfd\x81\xad\xc8V\x9a\xab1\xa8\xea\x19\xa1\xa1\x87\x95'</t>
  </si>
  <si>
    <t>b'\xa6\x8c\xb1\xe8\x9bx\\\x98\x07Iu\x85E\xb3\xed\xfd\xdb\xaby;\xf7)N\xcc\xd6\x15\xb6(T\xb4\x05\xa5'</t>
  </si>
  <si>
    <t>b'\x97\x04\\\xd0Jy\x1b\tr\xd7/\xa5\xb5t\x0e\xee\xa6\xea\xaf\xdbK\xb2R\x11\xec\x17dG\xf2\x80?\xc1'</t>
  </si>
  <si>
    <t>b"\x93\x8f\x9b6\xe9\xa1\xf5\x85\x80\x82\xc0\x9a\xb6'\x93\x9f\xded\xfc1\x06\x10=\xbf\xa39\x1a\x9d\xee\xc9\xe7\xa4"</t>
  </si>
  <si>
    <t>b"+-\xc2\xf3\x93\xa0x\r\xc0D\xf9,x\xd6'\x1d\x97e\xb9\x0c\xb5\xb1\x15\xf8\x7fp,Z\x8aj\x94o"</t>
  </si>
  <si>
    <t>b'm\x07\x9e\x81\x91\x9b\xae\xb6\x1c\x86x\xfctZ\xa5\xf9D\xa7#\xa0R\x16\x8d\xa6\xaf\\\xe8x\x1e\xbc\x86\x0e'</t>
  </si>
  <si>
    <t>b'\xd8y\xda*\xf6\x18\x0b\xcf\x9e\xe5\xae)x\xdc8n&gt;\xb8\xdb\x196\x1b\xfa`\x83\xb5T\xc51\x80\xa7!'</t>
  </si>
  <si>
    <t>b"\x92vA\x7f'\xce\x19(\xb2\xb9\x122\xf3\xc5]v\xb1\xd8\xd1\x14\xe71\x97l\x91W\x8a\x93\xb0\x82\xc9\x15"</t>
  </si>
  <si>
    <t>b'el.\x05\x97.9\xe4@\xa1\xa5I.Qs\xb7\x96h}\x93\xecp\x9d\xabZ\xb79\xe2\x9a\x80\x10A'</t>
  </si>
  <si>
    <t>b'\x94\xd5\\\x0c\xf7ECQ8\xe4@\x7f\xe8W\xefb\xef5\xfe\x9a\x15\xfd\xe7\x98\xf4\rP\xfa\xc0\x95cB'</t>
  </si>
  <si>
    <t>b'\x96B\x03\x86\xf3x\xc1\xc7\x08t\x05\x94_\x90}\x939\xd4\xfb\t\xe9\x8c\xf5\xfe\xbd\xae\x9f\x8a\xa7E\x98\x19'</t>
  </si>
  <si>
    <t>b'|\xb1\x10\xc0_\x17T\x05\x06\x18{Xd\xb1\xb0\xf24N\xbc\x0b^\xe3Iqp\xda\xd6\x10\xdd\xe05\xcc'</t>
  </si>
  <si>
    <t>b'y\xa7o+\xf9\x0c\xd9\x86\xefx=S\x06s\xd3\x99\x06\x1d\xa99\x8a\xc6\x8e\xfc\x9e4\x91x\xc8\x89O\xb3'</t>
  </si>
  <si>
    <t>b'J/\xdb\x08C\x1a\x10\xb1\x0b\x16\xc0\xd8\xc5\xf8\x7f\x08\x9e\x06\xa32\xe3\xbfo\x1a\xd4\xad_\xebR\x8a~\x15'</t>
  </si>
  <si>
    <t>b'm%\xcd\x1aa\x98\xd7\r&gt;*}k\x1c\x9d);*Wz\xbc\x8e\x8f\xa3\xe1\xb9=\x8e\xf1\xde\xde\xba\x85'</t>
  </si>
  <si>
    <t>b'V\x00\xfd\xd8\xf1\xb8\xab\xb2\x9dH\xe4\xd3\xd4\xf4\x9a\r\xc2#\xfe\xf3K~\xc6\x9eTA\x19\xb4\xfc\xbc\x12\x87'</t>
  </si>
  <si>
    <t>b'\xe3\x14\xf2\xe1|\xe4K\xfb2\xdd\xe9\xf1\x800\xbd\xc0g\xe8J\xc6\xca7E\x1fS.\xd8A\x06\xd4\xe0\x11'</t>
  </si>
  <si>
    <t>b'_\xb7\x1b\x11\xf6\xc7\x8e\x17M\xec\xeb\xec\x940\xc1\x97\x89\xdb\x95i\x1c\xc9\x9b\xb3\xd1\x8c\xbd\xa1/W\xcb\xd0'</t>
  </si>
  <si>
    <t>b'^q\xc6W\x96i\xdd\xe9\xca\xc5~\xbe\xcc\xc1\x1d]\xb55\xfd\xbc,\x85\x08\x87]\x7f\xd6rg/\xb2\n'</t>
  </si>
  <si>
    <t>b'w\x8a\x04N\x85\xcab\x06(\x83[@\x01\xad\x1ee5Uu\xc361\xa1O\x1b$Io\n/p\xb9'</t>
  </si>
  <si>
    <t>b'.\x84v\x13+\xd0\x81^`\xba\xbe.\x8az\xd5k\x13\x0eX\xc7\x8e\xaf\xae2\xe7\x00\xf7 \xd5\xa5\xa3r'</t>
  </si>
  <si>
    <t>b"m\x08=\xae\x1b\xa8\x91z\xcfuc\x94\xd9\x97\xbf\x06m\xe7'2\xf8\x1d[\x82(]\xdeF\xdej;\x88"</t>
  </si>
  <si>
    <t>b'/\x14\xadTR3\x1d\x084a\xf7\xb6\x7f\xe3O!\xde\x10{\x99\tn\x12"IpIa\xca\xf3\xcf\xc3'</t>
  </si>
  <si>
    <t>b"0z\x89'\xae\xb3D3\xb8\xdc\xf3\x88\xe8\xf5\xaeozUU\x158\x15\xc80\xd9\x7f\x86\x817\x96\xeb\xf2"</t>
  </si>
  <si>
    <t>b"C\xd1\xa8\xd1/6\xa2'Q\xeb\x8a\x9eGC2\xf5\xa6!\xc14\xbfA\x9f8\xa9\x1a\xfb\x7f\xe7\x10\x04="</t>
  </si>
  <si>
    <t>b"\xd0\xa1\xb9\x94\x89\x9d0\xaf\xbb\xa6\x0f.B\x94\xe8P\x02\x8c\x06\xb6E'\tNrY0\xbbjL\x8a~"</t>
  </si>
  <si>
    <t>b'5\xf6\xd6\xd1{\x83!\x13\xe0gy\xafn\x11\xb2\x08\xd5\x9c+\xdd\xc8\xbaSG\xe3\x8f\x0b\x0e(\x0c\x81q'</t>
  </si>
  <si>
    <t>b'\xc3eo\xe03\x1e\x80g\xda\x9c\x16\xc3\xe6\xdc\xa0r\x8d\xab\xef\xf4G9CF\xfe\xb0?\xe5\x81\xbd\xdcT'</t>
  </si>
  <si>
    <t>b'\xa55\xd9\xdc\x8f\xe0\x08\x87\xef[j\xb9X\xaa\x89*\xf2(3\x08&amp;$q\x93FN\xa2\xbexRg2'</t>
  </si>
  <si>
    <t>b"\x94,y:\xf2`\x9a\x904x'\x9b\xc7\x13\xd5\xfb\xa9\xdf\n\xa8\xd0\xa3\xdc\xda=,R\x9c\xe2M&gt;\xd3"</t>
  </si>
  <si>
    <t>b'\x83\xf7\xa9\xf9m\xffK\xb4\x9a\xf0\xef\xfe#u\x81S;\xc8\x1ec\xcf\xb5Qp"0j-\xbb\xb1\\\xd8'</t>
  </si>
  <si>
    <t>b'`z\xd6U\x08Q\r\xc2\x9b\x9f\x97\x89\x00r\xfaT\xd2\xcb\xa8\xa8\xc1\xfc#\xed\x88\xd5\x1c\x9f\xeb\x9c\xb3\x7f'</t>
  </si>
  <si>
    <t>b's!\xf1\x04V\x16\xe0\x07k\x0b\xc8\xc9\xb1\xfa\x1f\xd9\xd9\rw\x0e\xd2w\x8e\xc7\x1f3\xc4\xac)F2\x1b'</t>
  </si>
  <si>
    <t>b'\x85sD\xd5\x1d\x94\xb4.X\xb9(\xad\x06?\xeeL9\x17\x0c\xe9\xff\xc3\x03\x84,\x950\xe8\x8d\xf0I\x8a'</t>
  </si>
  <si>
    <t>b'\x13\xca\xb1\xe4\x11\xe2\x1a\xb4e\xe1ZM\x030\xd8F\xcf(\x13SF+%\xc8P\x13T/\xf8\xd7\xf3^'</t>
  </si>
  <si>
    <t>b'*\xdb\xa6\x05\x02\xfev\xa9\xcf\x9a\xa4\xec\x81\xe3VZk\x84\xf5\xa8\x856:\xf4|\xf0\xcdjMi\x08\xaa'</t>
  </si>
  <si>
    <t>b'!C\x86\xe2\x96\xd0*&lt;\xd9L\x1eT\x1f\x9f\xb2\x9d[\xb2\xc3\xf7\x01\xd6\x1eb&lt;\xacHl\xdb\xee\xdby'</t>
  </si>
  <si>
    <t>b"\xe1\xfaj.\xf7k\xd0[\xd9\xac\xa3\xfd\xe7aC\x0f\x04\xf7m\x1cN\x05m1l'$\xb2\x1d\x0es\xfd"</t>
  </si>
  <si>
    <t>b'\xbd\x19\x0f\x16\x97\xde\x01\xe8S\xb4\xf6\xfe\x04\x9e4)\xa68|\xde\\q\x1f\x9a\xd9\xcd\xa6?\xfe\xd4/\xde'</t>
  </si>
  <si>
    <t>b'6\x832\xda4p\xd3\x91r\xad\xcd\x02\xccX\x99 \xf3\xe2\xe2\xbbb\x9d4\x85\xc3\xaa\xee\x95\xf4k!\xa1'</t>
  </si>
  <si>
    <t>b'\x8e\xa8\x1a\xb3\x91&gt;\xde\x08\xa8(\xe0\xf1\xaaZ\xb8\x91o\x80\xe9\xe4N\x92\x86\xe8-GQ\x91w~\xcb\xb0'</t>
  </si>
  <si>
    <t>b'{\xb4\x06,3\xa6m4\x8f\xb2wZ\xb8\xc9&amp;\xb5:\xff\x1b\x17\\!\xa7\xfc\xcd5v\xcc\x0f\xde\xc9C'</t>
  </si>
  <si>
    <t>b'\xab\xfc3\x7f5\x00\xb20rhc\x1eD\x90\x0b\xbcK\x9e\xa0\x826,\xa6$\xcfb\x81\x18\xd1\xbd\xaf\xad'</t>
  </si>
  <si>
    <t>b'\xb8\x81l\xf0\x80\xb2v\xc1\x85z@\xad\xed\xec\xac\x08\xee\xd2\x08\xe5\x931\x8bM.\xda\x9a\xb3\xd5R\\\xb1'</t>
  </si>
  <si>
    <t>b'\x05\x0bbV\x01D\x93\xc8&gt;\xde7G\xe9;,5q\x87QL\xe2E\xe2r\x19n\xcbsV\x19\xf2\x91'</t>
  </si>
  <si>
    <t>b'\rZ\xea\xea)\x80\x9f\xfc1\xfb&amp;\n\x92F\xdd\xe3\x96\xb7\x91\xe8\x87\xbeK\x94\x0e+\xd7\xfd\x95^\xb2\xc3'</t>
  </si>
  <si>
    <t>b'\x1d\x88g\xbd/\xd5\xd6\xde;!\xab\xe6U&lt;e\xb8\xaf+\xe1\x86\x8c(HEZ\x13dx"|\xc6\xe5'</t>
  </si>
  <si>
    <t>b'\x14\xb8\x97\xe0\x1c3f\xfa\x1cQ\xc7l\x86\xce\xaf\xc2+\xa2G)W\x97\xb8\xdcP\xec\x8b\x14\xc6\x88\xae\x1c'</t>
  </si>
  <si>
    <t>b"\xee\x862j\xf0p:\xcc\xc74.s\xdbwT\xd34\xde\xe5\xd3\xf04\x17\xdb\xaaP'k\xf2\xfd\xfd\xc6"</t>
  </si>
  <si>
    <t>b'}/\xd4F\r\xe8\x18*%Y\xb2l\x1d\x15Y\xfd\x8e\x94t\x1a\xb6\x11\xe0]\x98\x1e\x97\x7fI\xf3K\xec'</t>
  </si>
  <si>
    <t>b'\xa3\xc4DG(\xe61\x05 \xca\xaf\x86u\xfa\xbbV\x01\x01\xea\x83\xd1\t\x89\xc1\xda\x1d"\x7f\xd2[1\x89'</t>
  </si>
  <si>
    <t>b'@\xaa\xb3O\xad\x17\xbe\xdb2\xd6y\x89;Z\xeb`\xdaD\xa3\\\xe3b\xdd\xfb\x9d.R\xf8\x8e,\xfc\x9d'</t>
  </si>
  <si>
    <t>b'\xc2h\x80\xad\xa4;\x18\x13\xd2}t\xca:\x95\xa6\xea\x06\x0e\xd7\xbc0\xe6W]\xf0\x92\xc0\xf0c\x00G@'</t>
  </si>
  <si>
    <t>b'\xda\x94m\x8d\x03\x9b\x90\x81\xe1\xfb"\x80W#\x90\x98 \xd7\xf9\xd3\xa6\x0b\xcf\x15\xd7^/\xe9\xc6\x87\xb5\xf6'</t>
  </si>
  <si>
    <t>b'#%\xec\xa7\x85\xcf\x8e\xfe\xe3\xc2\xe9En*\xa0\x11\x8b\xc9\xe6Ea\xe8\nB\x9f\xab\xc4Z-i\x04#'</t>
  </si>
  <si>
    <t>b'\xfd\x1a\x99\xec-S\xf3!%\xcc\xa51\x1f\x10\x8e\xa5\xb1L\xf8\xda\x00\xca\xd3\x9e\xd1s\xa8SO*"\xaa'</t>
  </si>
  <si>
    <t>b'H\xac\x8a\xe6\x8f\x97\xcd&amp;:\xe6\x1bi\x11,nf&amp;\xe5fu\xd3(H\x18\x91\xb5q\xd5\x91\xfag\xca'</t>
  </si>
  <si>
    <t>b'\x91\xd3\xca\xf3\x05\x0b\xaa\x0b\xd1\xc0?&gt;qm\xd7\x97h.:\xc5\x83\x17\xd5\xf5\xe0\xfc&amp;\xf6\xf2_\xecu'</t>
  </si>
  <si>
    <t>b'\x16\xd2\x0c\xe5\x9f\xb2@#\n\x0f\xd1\x1a\xf1\x1b\xbb\x13w\xb6\xd9XO\xb5+\xe6\xf4$\xcc\xd6}\x9ei\xa9'</t>
  </si>
  <si>
    <t>b'\tj\x07\x9b\x9a\xd1\x15\x9at\xd3\xca\x14=ID\xa3\xf3&lt;\xdf\xee\xcc\x93%\xa0\x83\x19]\xf8\xcb\x12V\xa5'</t>
  </si>
  <si>
    <t>b'V\xab\xa2\x80\x1d\x91\x91J\xfa?^\xae\xba\x10\x93\xd3\x98\x01\x9d\xd1N\x9c\xab\x1a@\xf3n\xea\x1f\xe9\xb8('</t>
  </si>
  <si>
    <t>b"\x17\xd9L'\xc2\\1\\\xbb\xa4\xf2\x9d\xb4\x05\xf7}\xf9\xa3k\x04s+\xc1\xb5\n\x85e\xa8o}M\xbc"</t>
  </si>
  <si>
    <t>b'N\xae\x83\xd4\xe13f\xaf\x00@\\9\xd1,!\xdc%nv\x8f(\xddCC,/4\x84I`S\x82'</t>
  </si>
  <si>
    <t>b'NJ\xf2j\xc9\xc7x\x96\x04\x16Zt\xd1\x14\xd3\xfe\x0e\xeb\x90\x14\\\x8b\xe9\xbb\x0e\x97\xd4\xfe@\x08\xd8\x88'</t>
  </si>
  <si>
    <t>b'\xeeRO\xe9\xae\x14\xcf\xe3\xc0*\x90)\x80\xe0n\xaaa\x91\xcd\xaa\x06\xbc\xd9\xe1\xad\x96\xb8\x0b\xf2E\xcb\x8a'</t>
  </si>
  <si>
    <t>b'\xcc\x1b\xd1\xbd\x9a\x8czTi\xa51\xa7\x11\xb4\xb4y\xd80h\x8bI|\xf5F\x9e\xe81I\x16oi\xa4'</t>
  </si>
  <si>
    <t>b"\xae\xe8'#\x8d\xc4\x16\xdb\x871\x94?L]\x01\x02%yiC\x161\x91\x9f\x11\xd3*4\xed\xbfG3"</t>
  </si>
  <si>
    <t>b'\xa0\x81\xef z\xce\x80\r\xf6\xd3\xc4\xc2`\xfd\x19~\xd4&amp;\xd4I\x1b\x7f{\xd77*\xda \x1d\xd7\x7fb'</t>
  </si>
  <si>
    <t>b'\xfb5\xb0B$|ySd\xc8\x84\x8bLW\xc7m\xb3\xfd\xackk\x82\xd4\x11q\x8c\x0b\x11\x18\xabh\xe9'</t>
  </si>
  <si>
    <t>b'\xe5\x80\x80]\x93{ a*\xe6\x16r\x9e\xec\xb2F74\xc4\xb8\x9c+\xcc[\x042&gt;\t\x9c\xf9I\x0f'</t>
  </si>
  <si>
    <t>b'\xf5\xc4\x16\xb5\xa2\xc0\x15]\x13\xc9\xf3E\xdc/\xe0\x05h\x02)\x8a\to\\\xf4\xb4\xa5DkL\xaez\x1f'</t>
  </si>
  <si>
    <t>b"bU\xb2\xa1&lt;\x13\xf5\xff\x99\xfbs\xfc+\x83\x01G\xdb\x048\xc5\xb9\x1e'\x84\x9ey\xbdX\xbe\x1aA1"</t>
  </si>
  <si>
    <t>b'\xedj%\x1f\xc7"\xd3\xa2\x98.\x03lH\x9b\xb7\xe6\xc0\x8f8\x1c\xb5\x9b\xe6B{&gt;\x1b\xc6\x9f\x0b\x98i'</t>
  </si>
  <si>
    <t>b'\xb3\x94\x94w\x92\x94}q\x01u\xee\xfc;\xa8\x92K\x14\x17\xf95\x92 \xceu\x9b4l\x82\xf1\xc9\xf5g'</t>
  </si>
  <si>
    <t>b'\xfc\xd3\x93N\xa1\x9a:\xcc\xff\xf3\x02@\xf4i\x95\xdd\x05.\xce\x1b\xde\xf5p\x11*\xfc\xf5\x91D\x16-\xcb'</t>
  </si>
  <si>
    <t>b'\xf0O\xc7\xbc~\xd4zH\xa7\xe8\xcb\x8b5\x96\xca\xc3\xc3\xde\x0cph\xedjM\xe3OR\x0e\xed}\xa7\x0f'</t>
  </si>
  <si>
    <t>b'\xf9#\x1a\x97\x17\xf4\t4\x15\x90\xfa\rT\xe4s\xd79c\xd5\n\xac\x97\xd3xIb\xd5R\x05\xbcn\xf6'</t>
  </si>
  <si>
    <t>b'V~\xb1+\x0b\x9c\t\x08\xd7x\x11sW^\xeb\x81\x0bC\xad\x07\x9a&amp;\xd3\x14G\xe2\xd5x\x84\xa71c'</t>
  </si>
  <si>
    <t>b'\x1d-\xfeI\xe6[\x07\xa1A\x14\xe8l\x7fG\n\xa8\xda\xda\xef\x00\x81\xce\x8cv\xd4\x9b\xf2D\x04\x91Cd'</t>
  </si>
  <si>
    <t>b'\xec\x1b\xf4f\x87\xc7\x1a\xce\x93\xb3o\xd0Rj\xd7\x88\x04B:\x16O&gt;\xf6lT\xb2\xaa\r\x0f\xdd\xd3\x15'</t>
  </si>
  <si>
    <t>b'\xd8\xf9\x11\n"Y\x8f\xb3m~\x89\xfeW^\xf7S\x88\x9d\xf3z\x92)\xa7Z\x1d\x85\xb0;js\x04m'</t>
  </si>
  <si>
    <t>b'\x93\x18\x80w|?\x19\xf8,K\xbb\xe4\xba\xdd`\xf0\x03\xdbZ:\xab\xac"\xa0\x96(\xe8(X\xc2"['</t>
  </si>
  <si>
    <t>b'_\xc2\xc7\xf3\x80\xb5\xd9r\x93\x87\x83*\xb1\xb6\xee\x87\x15J\x95fe\x11\xaa\x97\xc9\xfcB_A\xdc\xca\x01'</t>
  </si>
  <si>
    <t>b'9\xeb$$\xb6\xb0\x9d`\x16"\x16\xfb \x05\xd4\xe5U\x9dW\\\xee\xe1\x0b\xec\xf2\x0b\x96\xec\x7f\x18\xe2\xa3'</t>
  </si>
  <si>
    <t>b'\xfd\xe5\xaeW\xf7]\x19\xca\xf9\xb6\xe0\x15J\xfb&amp;\xb99\xa6\xfa\xd2\xec\xde\xeb\x9dm\x9a\x0c\x95\xcf\xab\xd6\x8f'</t>
  </si>
  <si>
    <t>b'q\xcd\xde\xb8\xae\x05\xd7(.\x08\xa75jp\xd1\xeb\xb2\x98\x86v\x00w\x8b\xc9\x12\x88\xc4\x95\xc7\x93\xa8p'</t>
  </si>
  <si>
    <t>b'LP\xf1\x14\xe9\xe5^D\x15Tx\xbb\xec\x1d";\x08\xd9\xe9\xf6.1lm\xf68\xcb!R\x831\x95'</t>
  </si>
  <si>
    <t>b'[kR\x02E\x13\xce]t\xe06\xf8\x07\x8b\xb9\xdc8\xee\x18\xde2\x1b]\xeb\xc9\x9a\xb7N*\xbeg\x06'</t>
  </si>
  <si>
    <t>b';\\6\xcd#\xf9|\xab\x91\xed\xb8\t41\xfc\xa6\xb37#\x9f\x01\xb4&lt;*|\xc2\xd5HS\xc3$\xb7'</t>
  </si>
  <si>
    <t>b'\xd8\xea.@\xccST\x81\xa3\xb4\xc7T\x82k{\xc6\xc6\x82\x15hD\x99\xcd\xb1;RR\x86^*\xd6\x83'</t>
  </si>
  <si>
    <t>b"A\xf6V`b\xb1\r'F9\x08\xcfl\x9c\x81i\x7f\xa6\x13\x94\x05(\xc6\xab\x1bE\x06e\xa5\xd8\xd5\xc9"</t>
  </si>
  <si>
    <t>b'\xa7\x03,\xd6\x7f"\x1c\x88\xf5\xd3\x1b&amp;\x03\x94\x05\xe5\x0b]|&amp;d\xfd\xb7\xb9Z\x8a\x98`&lt;\x1f3u'</t>
  </si>
  <si>
    <t>b'\xf4|\xac\x9f@\x1f\x11_\xd2\x8ej\x8f\x9c\xb1)\xa3\r\x8c6U\xfb\xd4+\xc9\x9bZR\x08\x98\xe9\xabf'</t>
  </si>
  <si>
    <t>b'\x16h\x85V\xf2\x97t3\x81\xbad"s\xa9\x83#\x9aEd`\x8c\xd7A\x80;~c\xbe\xac\x13+y'</t>
  </si>
  <si>
    <t>b'X\xd3h\x13\x7f\x9b\t\xb6\x8d\xc1\xda\x03\x86p\xf1\xc2\xe8\x06\x1b\x1b\x0c\x86)\xaf$&amp;?\x0f\\\xc0\x97\xc8'</t>
  </si>
  <si>
    <t>b'2t\x02\xdbi\x00\x9b\x7f\x1e\xb0]\xbd\xcf\x04\x15\x08\x05\x0f\xeb\x01\xae&lt;-F\xe1|j\x12\xf4\xa0!e'</t>
  </si>
  <si>
    <t>b'U\xac+\x00v\xac\xd4\xb9 6?.\x89\xee\xca6V\xbd\xc4i\xf5\xc3\xe9)\xccd\xa2\xcd\xe5\x85\xe2\x0c'</t>
  </si>
  <si>
    <t>b'\x8d\x00WP\xf8\xfe7\xcf2CB\xafZrTRU!n\xd0\x02\xdf\x05jg\xa7*\xc4*\x13\xd9\xfa'</t>
  </si>
  <si>
    <t>b'r\xfa\x00\xbd\xad\x00\x84\x0eE\xe2\xf2\x15|\xdf1b&gt;i\xdb/\xb3E\x15\xe1\xc5\x96\x8f\\R\xaa\x00w'</t>
  </si>
  <si>
    <t>b'{\x92F\x08\xca\xaba\\\xeb\x98\xc0X\xfe\x96\xbaK\n\x1b&amp;K0\x85\x1c:!\xe5DWm\xfcj\x80'</t>
  </si>
  <si>
    <t>b'S\xb8\x1e\xe7\x8ag\x82?F\x89\xdc0\xa6\xd4q\xc6\xc5l\xc2\xe4\x9f-\x81\xaf\xe4]\xce\xb7\xe4\xbe\xe3\r'</t>
  </si>
  <si>
    <t>b'z\xc6LZ9JPs\xc5yW\xb5\xacs\xa9\xf4c\xf8\xdes\x07`\x01\xe2\x11\xf9\x17\xf1\xc2\xdd0\xd5'</t>
  </si>
  <si>
    <t>b'\x8f\xac\xd2\xbc\xe5\x88\xaa;\xfe\xb9\xa4\xc1N\x8f\x84\x8e\xe0\xea\x07\xe8G\x9a\xb7\xf3\xa0\n\xb4LX\xd5\x192'</t>
  </si>
  <si>
    <t>b"u\rS3_\xa6\xa3\xa3\xaaPd\x03\x17*I\xb2n'\xc9\xc2\xc0\x17y)}\xb4\xb7\xaf\xcfH\x89L"</t>
  </si>
  <si>
    <t>b'\xc0K\xb3{P\x8f\x08\xec%\xea$3\xe7|\x1a\xf0\xe8s\xd1\xcf\xe7_k\x01\x17\xe1\x15\x02m1\xc5@'</t>
  </si>
  <si>
    <t>b'\xb9\xd1j&amp;\x1f\xcd\xe7\xe4u\x0f\xb8\x9a\x83,\xd5\xed&lt;L#\xa5\xaeX\xdcVh\x83\xe5\x9d\x8a\xdc\x83\xc4'</t>
  </si>
  <si>
    <t>b'c\x83\x82\x12\xfc1vxH\xd0\xfe\x91c\x8f\xd8C\xee#\xab\x050\xb1\t\xb5V\xdftW\xc6"P%'</t>
  </si>
  <si>
    <t>b'~\x18\xd7\x0c\xd3\x9a&gt;+\xba\x842\xe4\x11\xd7\x82A\x9a\xceA\xe1c\x1b\xc2\x15\xf6+x\xd6EasU'</t>
  </si>
  <si>
    <t>b'\xacadL:L?=\xd7B\x94hJ\xd3\xf0oc\xac\x9e\\\xcd\xbeY&lt;_\x8eL\r&amp;@\xaa\x0e'</t>
  </si>
  <si>
    <t>b'pB\x8f\xb53\xb1&amp;\xd7\x19\x17\xae\x9e\xd7\xcd\xb3\xdc\x07\x0c\xea\xba\x11\xac0\xe4\xd8\x07EE,\xc0\\\xde'</t>
  </si>
  <si>
    <t>b'\xba\xc9\xadW\x90\x16\x14\xf40S\xe9\x011m\xd5\xdd6/\x9f\x7fb*A\x05\xb5\xa1\xf7*\x96\xb3\xf6\xc2'</t>
  </si>
  <si>
    <t>b'a\x95:up\xb6\xa9\xb7\xde\x88\xcb_\xf8\xf4\x1bR\x82N\xf9\x85\xe5\xb1CB\xa3\x9b(\xbcnG\x83~'</t>
  </si>
  <si>
    <t>b'\xe7R"\x03ZD\xaa/\xd21v\xdeR\x9a\xceO\x0f\xc6c\xbc\x98\x18\x99"\x0fz\xb4\xe0.\xcf\xed{'</t>
  </si>
  <si>
    <t>b'\xd0m\x8d\x82&amp;\xe3\xb3\xfc o\xa6Jq\x04\xbf\xaf\xb0\xdei\x82c&gt;Q\x9b\xab\xb2\xb2J\xe9\x8d\xbb/'</t>
  </si>
  <si>
    <t>b'_yN\xb6=#\xbf\xe7E@\xaft6\x1a\x0e4\x9eZ\x00\x00YW\x9b\xbf\x88\xeb\xdf9{M\x8d\xd0'</t>
  </si>
  <si>
    <t>b'\xdf\xba\x7fXes\xfc\xa1\x86/\xf7B\xae=\xdf6\xcd\x94\x8f\xa0\x93t\xbd\xed\x0e{\xa0/\xee\x9eh%'</t>
  </si>
  <si>
    <t>b'\x00\x91G\x9b\x16\x9aW|y]\xebm\xa5\xe4&amp;\x05\xe9FL\x1a\x1eA\x83d/\xd5.\xf8\xb4/5i'</t>
  </si>
  <si>
    <t>b'\xf4\xb0f\xec\xe5~\x01\xa8\xb7ZT\xf0Er\xf6\xabV\xc0\xa4)D\x8d\xf3HW\xeb\x1c\x8bH\n\x88\x02'</t>
  </si>
  <si>
    <t>b'w\xf5Pa:\xc7\x86@\xc6&lt;\n\x12\xdb\xd2\x1a\x8bF\xd6x\xbcaU\xac\xe0\xed\xb2\x80\x13\x7f\xc5+\xa9'</t>
  </si>
  <si>
    <t>b'Q\x82\x03D,\x8c: \xabK\x87\x8f\x99\xb9\xdd)\xad&gt;@\xbb\xa0\x94"jP\x1a\x03\x91\xec&gt;tP'</t>
  </si>
  <si>
    <t>b"J\x99\x81sff\x99\xe3tFh_ R\xd8\xe7\xd4\xd3\xcf)3\x86\x10+2\xcdiE'@{\xb6"</t>
  </si>
  <si>
    <t>b'\x17LfT\x039\xe8\xc8\x9f^\xf0P\x8e\xc5\xad\xc6,\xcb\x06\x8fM\x85\xd9YZ\t$\x0c=J\xfd\x99'</t>
  </si>
  <si>
    <t>b'"D\x03\xd1e"\xa6\xfb\xbe\x9e\xa8\x11\t\x9d\xca\x88\xfe0\xc1\xb0\xa0%c"2\xe1\x07\xd7\xe2f\xa1j'</t>
  </si>
  <si>
    <t>b'&lt;\xb9\xbf:\xa1\xcf\xa6X}\x06\xa2\x8a\xa5\x8eV\xa6\xc5&gt;By6\xa6\xa8\x0e\xca\xd4&gt;\xdfu\xd4\xd3\x99'</t>
  </si>
  <si>
    <t>b'\xcc\xc0\xe0\xfaF\xa6\xd3\xc8\xa3\x12#\x19\x94J!P\xe2t\x16/\x99&amp;\xdc\xe5\x87\x19Y\x83\xe1\xf0d\x99'</t>
  </si>
  <si>
    <t>b'I&amp;\x9eC\xfaQ\xcbO\xa2\x1a\xbc\x1b\xcb*\xc9M\x9c\xc1\xdd\xa1)\x8b\x134\x93\xbb\xb5F\xadX\x85a'</t>
  </si>
  <si>
    <t>b'\xdf\xff\x96\x11]\x92\xc7\x9f6\xd2n\x17H\xb23\x9a\xb9\xe6\xd1\xee\xf0L\xa4\xb1\x8f\xc7\xdd\xf6\xc7G\t+'</t>
  </si>
  <si>
    <t>b'9\x8d\xc6\xc7\xc0\xbaT\x8b\x9d1\xb2v!\xd0\xef\xf0]\x06s\x03\x89\xb2\x05&gt;\xfa\xca:\xa2\xb2p\xa6\xc2'</t>
  </si>
  <si>
    <t>b'\x00&lt;Q\xb78C\xbc[]\x92\xbb\xaaySA\xea#\x0c\xb0.hRU\xa2\x00\xa4\x84\x98\xa9J\xc1D'</t>
  </si>
  <si>
    <t>b'\xa4$\x97\t.\x04BF\xe27\x14\x7fVV\xcd\x92P\xd5\xc0\r+\xa5FO\x1a \x13\xa300!E'</t>
  </si>
  <si>
    <t>b'\xb2\xe0Ut\xabD\x1e\xc8\x8a\xc3\xae7\xbc\x92\xec\x91\x911\xa3\xbc\x81\x84\xfd\xbd\xa4\xb8r(c\xd0\xf4R'</t>
  </si>
  <si>
    <t>b'\xb7]\xd0f\xc9\xef\xad\x9c=\x93\xc2\xefZ\xef\x15\x13\x00\x0e\xb5+\xde/\xe24h\x0f\xcb\x02\xd9z\xb5\xe3'</t>
  </si>
  <si>
    <t>b'\xbc[@H\xf3\'\xf0\xb5d\xe4\xc0\x1cQ\xdf9"\x93\xe7\xfag\xf9\xe0\xcf\x862\xf3\xe0}@{\x9d\xc7'</t>
  </si>
  <si>
    <t>b'\x95z\xb0k\xd6\x007^\x9f5\xb3\\\xf9\x8e\xf1\xa0(@Uu\xa9\x96\\qv\xaa/\xe4\xb9We\xb7'</t>
  </si>
  <si>
    <t>b"\x1e(\n\xf7Y'\xc5\xd3k\x92#\xbf\x91\x04&amp;ts\x8ch\x08\x9f\x8a&lt;z\xaau\xea\x9c\xc9\xdd8\xc7"</t>
  </si>
  <si>
    <t>b'\xa0\xc3\x92\x14&gt;+\x90\xd9\xba\xf5\xfc\xc0S\x94\xa81\xd6c\xb3\xd0\x87\xc6\xacX\xcf\n\xdb\xd0[?\n"'</t>
  </si>
  <si>
    <t>b'\xd7d\x11U\xcaI\xf1\xf5j\xd5b\xae,I\xa0\xe3\xaf\xb3d\x14l\xafMv\xa0Zn1\x9b\xc7\x92\xf6'</t>
  </si>
  <si>
    <t>b"\xb4\xa8\xdb\xfa\xb5\xde\xf8rG\xb1\x1b'\xce\xa7\x1a\x8b\x96\xd0:;\xf2n\x84\xca s\xccRj\xf0\xd37"</t>
  </si>
  <si>
    <t>b'\xa9\xb2@(\xae\x12\xf4\xe3\xc8\xb3\x08\xe7,%\xa0+\x05G\x9e\xc9\xf9N\xa8{@\x91\xd5h`\xfehu'</t>
  </si>
  <si>
    <t>b'h(x\xa1)\x0e\x1f6KT\x94\xcb\xbao\xf9\x80\xcc\xecE\xbd\x97\x83\xa4\t\x90\x8e\x8aPfWx\xd4'</t>
  </si>
  <si>
    <t>b'Bf\xdc[\x06\t\x88~:r\xb8\xa9\xd6\x88\x90\xb0\x7fa\xefg\xdd\x99M\xfe\x9d\x85\xf0\xad@x\x1c\xc7'</t>
  </si>
  <si>
    <t>b'\xea\xee\x8eT\xbfI\xf4@\xf5\xf4#\x1b\xff\xc1\x1a\xc5\xb9\x10\xb4\xf9j^\xeb\xb84p\xa7\xc1+\xdb\xb7\r'</t>
  </si>
  <si>
    <t>b'\xc6\x06\x85\x80\x15Q3\xf5\xca\xb2\xe1\xe6\x95\x95_{\xb7]\xf4\xdc}\x8a\xf6\x1e@E\xa8\xa8\xdb\xa1W5'</t>
  </si>
  <si>
    <t>b'\x87&gt;\xb9s\x06\xd8*$\xdaE\x97\x8a\xfd#\xc0E3\xe6\xc96\xad\x8f\x0fZ\xe3\xa3\x04\xf6\xa9\xa5\xca\xc2'</t>
  </si>
  <si>
    <t>b"\x1c\xa5\xa3x+\xd6\xb0\xa4z\xad\xe1\x93Q\xf4\x9f?\xbf',@L3\xa9\xa0o\xe4\xeaW\xbb~\xf4h"</t>
  </si>
  <si>
    <t>b"I5\xcc\xdc&lt;2=D\xcb~\xe7\xc7\xa1'h\xd9\x12\xb2\xe7\x1b|\x16T$\xad\xebt\xa36\x1f_\xdd"</t>
  </si>
  <si>
    <t>b'\\m\xf4\xa9(7\xf4\x19\xc4\x97\xfd\xb8\r\xe3\xed\x92\xfaS\xd3\x9fsl4)\xd3\x88R\xed\x0f\xaaN\x9f'</t>
  </si>
  <si>
    <t>b'\xf1\\/D[FG\xe5\x942\xce\xa6q\x8b\xc5\x98\xd6\xcbL\xfc=\x9cgT"RZ\x12\xdfC_\xe0'</t>
  </si>
  <si>
    <t>b'w\x08\xaf\xbbq\xe8\xbf3|!vT\x86V\xc8\xca9F6\xb8=&gt;\x15Gn\xa3\xa9\x80~  !'</t>
  </si>
  <si>
    <t>b'\xa6\x8b\xb5\xce\x9c\xa2\xfb\xdd\xe6\xfc\xb8\x81\xf5\xb4\x8d\xed\xab\xa2\x91\xa8\xb80\xf3\xdeg1O\xe8\xa1\xd9\xfeB'</t>
  </si>
  <si>
    <t>b'\x04\x16\xdd*\x14\xb09`\x10\x8f`\xf9\x9e\xed\x13\xb1&lt;\xdb\x1d&amp;\xed\x8bD\x12O\x04\x8emC-\xbc\x08'</t>
  </si>
  <si>
    <t>b"\x00&gt;\xa1\xaf\xbf\x82vQ\xd3\x88K\xa1y\\\x1f\xbbGp\n&lt;\xaf\xc1V'\x8ba*2X\x88s\x8e"</t>
  </si>
  <si>
    <t>b'1\x9f\xa4\x8b\xa2&amp;\xb6Li\xf8o\xa7\x16\xb9\x8c\xccm\xc1\xfa)U\xdc\x13Xsz\xfe\xfb\xd6C\x86\x1b'</t>
  </si>
  <si>
    <t>b'\xdf\xd8\xcb3]d\xac\xc2\x96\xa3\xc2\x85\x1a?Y4\xb0\xf5\xcb\x14+N=d\x99\x12\x02\xb3\xdf\xca\xeb&lt;'</t>
  </si>
  <si>
    <t>b'_f\x1c\xfe&gt;*\xfa\xa0\xa4\xab\xd8k\xd6\xc6\x00/\xb2\x05~\xe7\xf6)5\x14\x0fY\xa57\xfc\xbc\xbdH'</t>
  </si>
  <si>
    <t>b'T\xf6k\x1d\x9c\xea\xfc:\xcc\x10\x16\xe6\xb6j\xca\xf7fj\xbb\xdd3c\xf0\xb3\xd4$\xe0\xb6kW\xaf?'</t>
  </si>
  <si>
    <t>b"\xb9&gt;EA'\xe9\xc5i\xa5/p\x8b\xd1]G\x05\x86\x90\xb3b\x1c+\xbe\x83+u\x14&gt;3\xa4L3"</t>
  </si>
  <si>
    <t>b'o\x01\x15\x9f\xce\x85&gt;\xec\xb3\x81\xdb8A5\x1f\xf2\xf4\x97\x9aCX\xbf$&lt;\xde]\x9a\x7f\x8a\xc5\x12b'</t>
  </si>
  <si>
    <t>b'{%\x89\xbb\xc7\xd1\x855\x92\x02\xf4\x1a\xe5:\x04\xda\xf9C\x87\xd4&gt;\x0b0 \xdbB7\x88\xcd\x0c\xf9\xd9'</t>
  </si>
  <si>
    <t>b'f\xd3\xb9\xffs-\xbc.\xed~\x84\r\xec\xd3p\xc9\x12\x0eh\xc7\x1e\xae]\x01k\x81\xdb\x9dFw\xc8X'</t>
  </si>
  <si>
    <t>b'N\xd1\xd6\x97\xe0\xd1\xd5t\x02\xbd\xcd\x82j\xd8\xe4\xde\x98\x90\xd2\xe7\xae\x84;q_\x98\xff\xd2\x01\xf6\x15\xd3'</t>
  </si>
  <si>
    <t>b'1.\x84\xca\xe3k\xe8\x0f\xe4\xd0\x93\xf1\x93\x8c\xd7\xf3\xed\x1a\x9a\xb5\x98\x9a,#\x1a3Gt\x11\x11\xbe\t'</t>
  </si>
  <si>
    <t>b'[\xf4\x8a\x9e\xc8-\x15P\xe2\xe9G\x1c\xd8\x0cZ\xbc8\x05\xbe\x97|T\xadm\xf8N\xe8\xbb\xf8\xb5\xfer'</t>
  </si>
  <si>
    <t>b"p(\x01\x0e\x1b\xd0$\x80\xdd\xe8O\xcf\x93o^FY\xec~ \x14\xb5\xb2'\x15~\x1f\xfc\x03\xdb\xac\xbb"</t>
  </si>
  <si>
    <t>b'3\x0b\x17\xff\x0et\xda}4x@%\x7f::\xefl\xd4\xebn= \x888\xd0p\x9a.4\xb3\xb4\x02'</t>
  </si>
  <si>
    <t>b'y\xbc\xabD\xc7\xdb\x8eZ\xb6bK\x8b\x1d\xb9\xba4M7\x8c8^J\xcexF\x84\x08\x1c\xe8\x04\xda\x9e'</t>
  </si>
  <si>
    <t>b'p\xdau\xc8\xcd\xe7\xc7pb\x1e\xb1\x8f\xaf`\xf2\x10\xa3\xb4\xbe\xdd\x9fAi\x85\xceq8\x1a\x9f\xfe\x17\xf1'</t>
  </si>
  <si>
    <t>b'\x0cw4\x8b\xb9\xb7\xa25F\xbd\x83w\xd5\xa8\xeb@\x139c\xff\x8c\x03\x85\x9e\t\xa8\x9d;P\xb5|\x02'</t>
  </si>
  <si>
    <t>b'F\x85KG\xcdra\xbc\xce\xd0:\x04t\x14\xab\xdf\x97\xef\x8d\t\x12:P8\x8a\x9a\x08.K\xfb$\x81'</t>
  </si>
  <si>
    <t>b'\x16Z[\x1a\xebWX\xa7&amp;m\x89\x02\x85\xdc\xa7\xfe\xd4\x96\xd37F+\xc9\xcc\xee\x8f+\xe6\xb6\xcd\x16\x94'</t>
  </si>
  <si>
    <t>b'\xe5\x02\x8eZktr\xe0\xba\x9f54H\x92)\x07Q\xc0\x05]^&lt;z{!~\x8b\xc4\x9b\x82tk'</t>
  </si>
  <si>
    <t>b'\xd6\x05\xdfBV\x8c\x1ai?\xd2^\xb8\x8c\xa7\xc2\x18\xec\xe1\xf7\xe6\xaac\xdf\x87\x82\x02/\xb0\x85\xbd\xbb|'</t>
  </si>
  <si>
    <t>b"\xdc\xe5\x15\x07\n%\t'\x1f/X\xfff@;V5\xe7\xc2\xbf$\xc8h\xf4\x0eUkF\x99\xb6\xfe\xdb"</t>
  </si>
  <si>
    <t>b"\x190\x87n\x8e\xe2\x14\xee\xac@\x85*\x18\x1e\x94}.\xf5\x80\x04\t\x9c\xe5\x8c'\x96%TT\xfeT\xf4"</t>
  </si>
  <si>
    <t>b'\x95u\xc0Tp\xb1@:H\xc4\xdf\xdf\xef\n\xca\x94l\xac\xa5bv\x83\xa3\xaf\xf8\xcb(~W\xac\xd7\x9e'</t>
  </si>
  <si>
    <t>b'\xc3\xaa\x94\xaf\xf1R\x0c^b\x0bX\xb5\xe2Y\x99\t\x90_[\xf3\x99W\x9d\xafE(]\xd1\xc1\xa8\x89l'</t>
  </si>
  <si>
    <t>b'x\xe1\x8e\xcbpAnj\x90\xaf\xfa\x89\xec\xea\xe6~\x7fM-\xc2\x95\x86i\xaa\xc5&amp;c\xed\x7f*D\xfa'</t>
  </si>
  <si>
    <t>b'\xdd+\x9dY\x17\x17\xaf\xe8\xfa\x01\xd6\xa2\xaa\xa5q\x8e^\x00\xed\xc7\x1f\x8f?\xf2\x14\xd8\xb5\x00t\t}\xed'</t>
  </si>
  <si>
    <t>b'\x8c\x7fFs\x10\xa7&gt;&amp;\xaa@\xbc\xfcw9&lt;eK\xef\xfe-\xdd\xe7d\xa5,\x13+U\xc5\xca\xa7\x10'</t>
  </si>
  <si>
    <t>b'\x02\xc5\x9d\xde\x86\x1c\x95\xe3\xfa0\x80\xcez\n[^\x90\x12\xd3BHV\x89Q\xf7\x1d\x0e\xc0}\xcbl~'</t>
  </si>
  <si>
    <t>b'=\x951\xdd\x8f&lt;\xfb&amp;\xf7\x90\xba B\x8aG%2=\xe5"\x19\x17Y\xd7n\x19\xc1{\x10\xb7\x03\xc9'</t>
  </si>
  <si>
    <t>b'\x0f&gt;\xbd_[g\x97\\\x8e\r1\xf1V\xd1vQ\x04\x0c\xbfs\xd2\xe3mY]\xc6\xf2\xc7/\x1d\xfd\x97'</t>
  </si>
  <si>
    <t>b'=$\xd5\xd0\xaf3\xd7_N\x7fxi\xc5\xc5\x96\xad8\xa4}\x08\x04\x7f\x82\x9c\xcaI\xdec\xcb\xa7\xfa\x11'</t>
  </si>
  <si>
    <t>b"\xe1=\x14t\xba\xf2\xabV\x82jG\xca*\xd0\x05\x195\x971\x8cg\xc0v\xb5\x8b\xef|'\x17\xf9`\xd9"</t>
  </si>
  <si>
    <t>b'\\A\x11o\xa4"\x8c\xdeuT5$\xc9\xde7\x90B\xb2\xac\xb6\x90P\x9b2\x1d,v\x05&amp;\xe0\xa5\xc8'</t>
  </si>
  <si>
    <t>b'y(\xb2\x0c(\x81P\xe1\xb7\xf0\xef1\xe0\xdf\x1eU\xae\xce\xa8W\xfa\x9b\x1f;v`\xcc%\xa7\xd0R='</t>
  </si>
  <si>
    <t>b'\xe2\xfd\xc1\x06W\x9eZ\x10\\\x18\x1d A\x81P\xeb\x0c-:\x16\x0bI\x96\x8fv\x95\x01\x02\x08,\x94M'</t>
  </si>
  <si>
    <t>b'0K,\xdb\x91\xbc\xc89\x8f3\xe2\rU\x8c\xa6\x9c\x08\xbc\x1bGo\x19\x0e\x1d\xc1\xd3C\xe3\x988\xe8\x8a'</t>
  </si>
  <si>
    <t>b'\xd8~Rs\xa1^7\x95*]\x9e)5\xa3:\xceq\xb3\x98\x9a\x1a6\xd1P\x99Juq\x97\xb5vo'</t>
  </si>
  <si>
    <t>b"Y\x90\xf4)a\x0cN;yE\x84o\xa4\xf0L\x96\x9e\x0cQ\x0f\xa2\xbf\xb0#'\x8c\n\xcc\xdc2J\x8b"</t>
  </si>
  <si>
    <t>b'!/h\xc1\xe5K\xd2]\x02\xae\xf3\r\x83\n\xd3\xff\x86\xa7\x1alCk\x94U\x17\xa3\xba\xf5\xb9Z7\x14'</t>
  </si>
  <si>
    <t>b'9\x04\xd9Q\xdf\x80\x13\xb7\xec\x9d\xc4l\x90-FZ\xb3Ws0\xac,\x8c\xc3\xa3A9\x1c\xb2-\x83x'</t>
  </si>
  <si>
    <t>b'\xd5\xa6\xda\xe4\x93\xe2)\xb0\xf1\x98v&amp;CJ\x1f\xdc\xb3\xeb\xc1\x80bk\xf1b\xf6.w\xd8\xf4\x9aC\xa3'</t>
  </si>
  <si>
    <t>b'\xa3\xe3L\x8c\x0e\xe9\xb2\xbc\x1a[\x80\xe5\x17\x80{gl\xf7\xd8Zo^\x9a\xaa\x9cO\xafF\x00PuE'</t>
  </si>
  <si>
    <t>b'&lt;\xd9\xf9\xfdH\x1ft\x97\xba\x8e\xf3\xc1(\x990\xcd\x8e\xfb0\xcd?\xf5QG\xb9\x84\xb2_\xdeU\x14\xea'</t>
  </si>
  <si>
    <t>b'\x0b0\x07\xd1R\x99%&amp;\x9fY1\xa0B\xe4\xb1B[bTe\xf4\x18\xb6.\xee"\x10\t\x84\xad\x06\x8a'</t>
  </si>
  <si>
    <t>b'&amp;l\x0b\xe5\x85]\xfb\xc9\xe2\xa1\x82\xd3\xc7p\r\x0cO\x84l\x91\xb8I\xb6\xa9\x02n\x92(\x8e%p\x94'</t>
  </si>
  <si>
    <t>b'\x94MLq\xbf9\x9a\xf4\xf4h\xa3\xff\xe6\xefo\xa5\x07\x84\x08P2\x95\x84?.uS\x88n\x85N+'</t>
  </si>
  <si>
    <t>b"\xc8\xe8A,q\x90~,&amp;M\xa4\t\x91\xdb\x98\xe7:{\x137r';\xb6\x99_H\xaf\xc1eo\xaf"</t>
  </si>
  <si>
    <t>b'[\xf3z\xd4zl\x86Q\x84\xe3\x00\xbb\xba\x83f\xdaI?\xb9`\x1e\xab[i\xeb\x98Z\xdb\x99\xfe[\xc0'</t>
  </si>
  <si>
    <t>b'\x97g\x13\x96&lt;%8\xf4\x03\x7f\xb8r&amp;\xae\x13\x88@\x1b\xea\xbao\xb0omb\x14\xa5\x91\x9d2c\xeb'</t>
  </si>
  <si>
    <t>b'\x8e\xb1\xf8\x90`h\xeb\x86\xa2\x82\xd0\x03\xd7E_iLIhv\x96\x87&amp;\x8dw\xa8\xb4\xb3X\xfaP '</t>
  </si>
  <si>
    <t>b'_\x9dg\xe9\xa2\xf6\x16\xa6\x03\xb9\xa6\xb3x/o-\x85T\xbed\x80)iN\x0fT\xa5\xe5Uc\x8d\xd2'</t>
  </si>
  <si>
    <t>b'w\xa8\x90\x93\xedZ\xb82S\x81\xb9e\x10mE\x02om\x8b\xd1\x86\xf9\x8f\xb5\xf6\xf4\x91M\xafe\x1b)'</t>
  </si>
  <si>
    <t>b'c\x1f\x06\xf4X#\xd8\xcdV\xbeS\x0bx\xceQ\xc9u\xe8\xb8\xe5]$tFb \x18\x0bD|g/'</t>
  </si>
  <si>
    <t>b'\xd0k\x17\xe7\x17dr\x058\xf0\x13\xfd{\xc9\xe5\x04\xe15s\x03b\xc1\x94\x1bp\x04@\xc4\xc2\xed\x92\xab'</t>
  </si>
  <si>
    <t>b"\x82\xb0\xeb\xf2\xff\xa5\xb8\x17u6\x05\xf7y\xe2\x08\x91Duc\x97\xc0wd\xe6'\xe6R_\xcb\x93+\xbf"</t>
  </si>
  <si>
    <t>b'\x02\xfa\xa4\xcb\xe8\xac\xf0`\xa9\xfd\xe11\x91\xc1aX\xd4\x89\xa3*~\xf7\x8d\xafp}\x03S%\x85\xedM'</t>
  </si>
  <si>
    <t>b'\xe4GW\x1e\x8cW\x02\x9e\xc9\xde\x7f\x98\x1c\xc2\x825\x01n\xc4\x89\xc0\x14/Y\xdc\xee\x98\x8b,\xfb\x9bH'</t>
  </si>
  <si>
    <t>b'\xe4T\xbc\x98\x80\xe5\xa62\x07G\x97v,\x82\x90\x93\xb3\xe6h\x1f\xa8\xa4\xe8\xed\x8fP\xa7/\xea\x1eVH'</t>
  </si>
  <si>
    <t>b'\xc4ty\xd9\x92f\x12\\\x99\x88qh\xc2\xaa\xa4#\x8a\x03"1&amp;\x9a\xed\x17\xdb01\xd5%\x9a\xdc\x84'</t>
  </si>
  <si>
    <t>b"\xba\xeb\xdcL\x05P\xbf$j\x12\xfcf\x01\x06\x86\xc6\xe0\xfc\xa6^\xf3//'\xf9y\xb3\xab=\xff\xb0\x04"</t>
  </si>
  <si>
    <t>b'-\xf2\xf9\xc0\x08\xf6P\xba\xe4Fd\xe4\xa2\xe0*4\xad,\xcc\xac\x9f\x0279\xdc\xbd\xc2\x81/\xf4\x94z'</t>
  </si>
  <si>
    <t>b'\x14KO\x9a\xd4\xb9\xe4\xbaxG\x19\xbe\x02\xd10\x13\xb3\xda\x16\x07\x8ey\xa5\x01\\\x0cF\xdb\x08\xa5\xc0\x1a'</t>
  </si>
  <si>
    <t>b'Lfs\x01x~\\s\xf4\xfa\xf6\xf5\xe3\x13\xcd\xbaR\xf4W!w\xb7\xa1\x84\xe3\x11I\xa2\xd7\x7fO\x94'</t>
  </si>
  <si>
    <t>b'\xa4vH\xd3\x17\xfb\x15\xfc5\x07\xa2\xe5tf\x13\x1bZ\xa9\x13Xl\x86\x97\x9c\rL$0Hr\xb5\xeb'</t>
  </si>
  <si>
    <t>b'\x95\x1en?b\xf6\xab\x98\xa2\xe7m\xe7\xa0\xeb\x80\x98\x94"\x16 \xf1~\x844\xab\x03I\xda\xfck\xf0\xad'</t>
  </si>
  <si>
    <t>b'Y\xb2Ci\x8d\xef\xf56\xb7\x94\x81.8\x877\x049\xc2\x87J\xb9Y\xfad\xfcA\xa1\xf0a\xd0S\x86'</t>
  </si>
  <si>
    <t>b'\x00\x98\xd7\xfc7\x82.K\x11\xd89\xdb\x8eR\x924\\\xe3\xa7\xe3s\x86\x9e\xad\xe5\x91\x14.\xdcv\xe0L'</t>
  </si>
  <si>
    <t>b's"\r\xd1\xe3X\x87\xba\xe1\xa3\xd6\xaa\xe2P.\xa3rth\xb5\xf4c\xa8\xe2\xc4\xcfW\'\xbe\x07\x9d`'</t>
  </si>
  <si>
    <t>b'0\xd7\xe5@C\xb0\xadY\x87\xff=\xae\xe4Z\xfd\x06\xba\xb2\xa0n\x8cs\x0bUZ\x19&lt;\xce\x08\x9a\xdfs'</t>
  </si>
  <si>
    <t>b'u{z(\xe64\xb0\x0f\xe6\xd8\x8f\xe0\xc1\xa4\x139\xb0&amp;\xe7\x90\x1d(\xba%\xf8\x025\xbc\x1a\x89\xf2@'</t>
  </si>
  <si>
    <t>b'\x88S\x05\xf7\x19\xd1\x19\xc2\xfe\x12/\xdbF\xbc\xe7\x1cQ\x1ce0\xf5\xf2&lt;oZIG\xfd8\x8e\x89j'</t>
  </si>
  <si>
    <t>b'\x0c\xb9\x06\xb0\xa5\xdaE?U\x8e\xa6\xafFn\x83\xca\xe8\x83\x12`\xe2s\x1b\x9a\xdc\xa2\xe6d\xf0E\x9a\x7f'</t>
  </si>
  <si>
    <t>b';\xd7\xbc\x0f\x10N\x98\xd0\xb1j\xeaU\xb2\x0b@\x8f\xac\xaf\x07xU\xd7D\xc19puA\xd7T\xbcS'</t>
  </si>
  <si>
    <t>b'&gt;0\xfe\x8c\x9b\xe1\xdf\xd8\x94D\x1f\xbfN*\x9d%j\x111\rB\x98?\xc1\xddj\xb5\xe9\xfb=\xa5\xd6'</t>
  </si>
  <si>
    <t>b'\xc5\xa3\x1f\xf8^\x9b\xa4!\x1b\x04\x9d\x16K\x8a\xff&amp;\xb8\xc2i\x81o\xa0\t/\xc1\x0b\x93\xc4\xc6\x1aQo'</t>
  </si>
  <si>
    <t>b'&gt;S\xdf\x13\x1d\xfaX\x04\xe7X\xcd\xce[s\xf7\xf3\x82_\xa5\n\xc8\xdcT\xc0N\xb7\xf7l\x03],\xa0'</t>
  </si>
  <si>
    <t>b'a\x16~\xd0w\xa2H\xc02\x10c\xd1=TU$x^\xca\xa1b\x95[\xee+\x98\xbeGK\x9a\r\xf5'</t>
  </si>
  <si>
    <t>b'\x12\xc4r\xd8\xd2/\xae\x8f\xf4\xa8LN\xfdH\x12Eu\x9c\x9b\xc1Xn\xd8\x0b\xc8\x8c\xbe\xf3\x02W\xf1\x05'</t>
  </si>
  <si>
    <t>b'\xa4_\xf5\x1ba\x8f\xbf\xba\xd2"\xb6H\xd1\x0e`\xceS\x01\x90\r\x16|K8^Z}o\x1e\x91\xd3\xaa'</t>
  </si>
  <si>
    <t>b'u\x80\xb5e\xb4\xf4\xf8\xaf\xa3\x98G\x1f4\xe17T\xae\xc7\xf4\xef\xc7\x7f\x85kIu6OV\xc3\xc9C'</t>
  </si>
  <si>
    <t>b'\x90\x87d~!\x08\xba\xedj\x16\x8c\xe7\xc6\xf0\x9b\xc7\xe3\xd7ze\xff\xd8D\x84\xfa\x9e\t\x8b\rI\xfc\xac'</t>
  </si>
  <si>
    <t>b'\xd4H\xbd(i6E+x}\xe9\xe9!&amp;\xe8v\xec\xbb~y\x04J\x19\xd5\nn\xea\x1b\xba\xa1:\xc1'</t>
  </si>
  <si>
    <t>b"\t\x148\x16\xb4D^%\xc4\xda\xc9\x96\x0b\xfd\xcc6kv\xf9I\xe8\xa4o\x82\x1f\x1e\xe6 \x9b\xcd\xf3'"</t>
  </si>
  <si>
    <t>b'\x80\xb1\xcf\x89R\xdcC\xb9\xb2\x96M\x8a\xd4x\x12\xb8\xe9&gt;\xe7\t\xffL@b\x83i\x84\x07\xae\x89\x8d-'</t>
  </si>
  <si>
    <t>b'd\x94Vb\xd2\xe8\xc9\xd5v\xd4\xba\xc5T&amp;\x89\x97\xb0o\x84~\xd4t&gt;0\xb7\xa8\xaf\xd7\x92T\xb1\x1b'</t>
  </si>
  <si>
    <t>b'\x0b\xd3;\xea\xf6&gt;\xebv\xc0}n\x80\x1e)\xa4\xa8h\xa64ANZ\x1f\xf4\x01\x7f\xa4yn\x87\x90o'</t>
  </si>
  <si>
    <t>b'\xff\x04f\xf9\xd6t\xf3\x1d\xc9H\xaa \xa2\x9d\x08xC*\x94\xf7\xd8\x85\x96\xb1\xe5]\xaa\xab\x15\xd2\xa0\xd0'</t>
  </si>
  <si>
    <t>b'\xd5\x0e\x94\x96$d\x92L&lt;b\x91\xb2\xd0N\xf9\x9b\xcd4\x1b\x89\x83O\xdb\x94\x13\xd2\xef\x97\xf5\xa5\xb3h'</t>
  </si>
  <si>
    <t>b'B\xd9u\x88B\xe5,\xdb\xf0\xbb~u\xc4\xf1hI\x96\xbb\x96\xa9\x9d\xebx n\xfd\x84*\xc94B\x93'</t>
  </si>
  <si>
    <t>b'w\xc2q\xbc\xdc\xf2\xca\x06\xd6]\x0c`\xb8JD\x7f+\xa2x\xcf\x9c=}\x16\xb4P\xe9\x04@\xba\xbd\x90'</t>
  </si>
  <si>
    <t>b'\xa0"j\xbc\xca"\x0c\xe5\x02B\xcf\xc7\x04;\x9a]S\n\x9a\x90B\xb1u]\xc8\xcc\xeck\xfa\xc7\x13\x12'</t>
  </si>
  <si>
    <t>b'[#H\x06\xc8\xa0\xdb\x130\x04\xaf\x1f\xe9\xc4&gt;\xefST\x07\xdflB~\x14\x9bn\x8e\xa0B+\xfe,'</t>
  </si>
  <si>
    <t>b'\xdc.\xda\x7f\xd0Qy\x9d9\x8a9L8;\xc0{\xc4Wq\xca\xe2s\x9b\xfe@\xef\x9b\xcaZ\x96{\xf4'</t>
  </si>
  <si>
    <t>b'\n 0cM}LpG\x7f&lt;"X\xe7\x99\x14\xc47Z+\x1f-y\x06IjM%stn\x7f'</t>
  </si>
  <si>
    <t>b'\xaf\x9b\x94\xbd\xfc\xe4n\xeb\x1aF.&lt;\x99\x87R\xeaSN\x03beQ^\n+\xe8\xcb\xc2\xc7_\x00\x9e'</t>
  </si>
  <si>
    <t>b'\xfa\x81\xab\xf5\xc6\xcbq\xfe\x96\xb6\xc8I\x16\xe8R\x10\x11\xd6g\xe9t \xe0(\xa0\xaa\xd3\xe5\xad\x10\x1an'</t>
  </si>
  <si>
    <t>b'\xe2\xebw\xd9\x19\xe9\xcd\xb2r\xe1\x15\xf2\x06*@\xa0\xda\x06\xb2\x88aTD*\x12\xbe\xd2M\xc5i\xc3\xd6'</t>
  </si>
  <si>
    <t>b'_\xb5\x0f-2F7\xadj,\xf4\xe2\xaek\x16\x96Z\t\n\xb5Hf\x85n\xad\xd7\xb3o\xb9S@8'</t>
  </si>
  <si>
    <t>b'6\x03\xd5\x84q\xdeM\xfd\xe9u\xcb\xec\xbbX\xaa_\xc2ISHy8s\xf1\x90\xbb\xa2\xb2\x93e\x18C'</t>
  </si>
  <si>
    <t>b'8$\xb0\xa0\xe6\'\x0c^\x8d\x88\xd4j\xe6\x83"\xbab%\xff\xc25\xafj7\x8d\xcf\xc6\x02\xe7\xb2!\x08'</t>
  </si>
  <si>
    <t>b'#^\xd0\x0c\x16\x012-Y:\xea\xfde\xef\x12\x17\x0e\xee`\x17\xf0CgT\x15\xa3\xa6Z(\xff\xd8E'</t>
  </si>
  <si>
    <t>b'\xdbp\xf2me\x8bF\xd0\xcbK\x06\xac\xaf1eK\x0c0\xd9t\\\xb5\x85\xf1h\x04\xea\x9cg3\xad\xb7'</t>
  </si>
  <si>
    <t>b'U\x08u\x1c\x97(\x14\xe8\xac\x8ad\xa9v\xff*\xc1\xcb\xf0$\xaa\xbd\xff.F\xc3\x82!/,\xc4\x9f\x13'</t>
  </si>
  <si>
    <t>b'\xff%\xe6\xd1[\x9d&gt;@\x9d\x0b\x03\x97\xb0\x1ea\xe0\x1b\xfb\xd5\x8e\xcf\xdf6\xe3\xf8\xcaq\x11]\xea\xa6E'</t>
  </si>
  <si>
    <t>b'wU\xdd\x9f\xc5\x15\xf5\xfc\xd7[\x8e\xf5\xbcg\xeeG\x8a;+\x06\xfd\x06\n\xe0v\x1c\xd7\xce\xed&amp;\xbe\x9f'</t>
  </si>
  <si>
    <t>b'\xa8@\x94/7\x87\xf0\xf8\x94\xe4\x87\x1c\xf5\x0cp\xa4\x0b 1\x99.-\xc2[\xe9\x8f\xbc\xae\t\\+\xcd'</t>
  </si>
  <si>
    <t>b'\xfe\xc3\xefA!x\x9fP\x1a+\xca\x05\x14\xb0$\x03\x99\xec\xf4.\x9a\x94k\xfc\xf8\x0e\xda\x1c\xeeR,\xc8'</t>
  </si>
  <si>
    <t>b'I\xb4\x88\xa2\xd0&lt; I\x13\xa9\xce^\xc3h&amp;&gt;g\x9e\xb3\x11\xf3\xa5\xc7$\x08\xa9o\x10\x0f\x0cQ='</t>
  </si>
  <si>
    <t>b'\xe3\xb5\x05P\x8a\x82w\xc5\xff\x1du\xcc\x82\xd5\r\xd7l\xee\xcc\xe3D\x0b\x9dN\xfb]\xaa\xfej\xb9)\xe3'</t>
  </si>
  <si>
    <t>b'Ge\xf0\xc4\x85\t\x1d\xb7\xe2\xad\xf1&lt;T\xd3\x0b\xa0\xce\xce\xe8\xd3\xc5\xfc\xf5\x1fP\xc5\xef\x90\xb2\xa6\x85\x82'</t>
  </si>
  <si>
    <t>b"L\xa6\x7f&gt;\xa1\x11v\xbc\xb5'\x1b4I\x1d/\xd67\xc8-+%Ug\xb3\x17\xa6\xcc\xecr\xde\xeb\x99"</t>
  </si>
  <si>
    <t>b'q\xa0\xe2c\x899\x1c\xb7\xb6\xf22\xd8_\xc3^\x07\xb34n\xa5\xed\x13M\xc9\xc1A\x1c\xf4\xaf!\xa3\x1c'</t>
  </si>
  <si>
    <t>b'o\xd9+Z\x1c&lt;\xd3\x17\xc7\xd22\xfa\x80T\xb0\xa4\xc1\xe3\xe8\x99\xa8h\x9cT[\xbf\n\xbb\xce\xed\xba\xd4'</t>
  </si>
  <si>
    <t>b'K\xd9Y\xc5\xc8\x08\x9e\xd2\x0f\xe2\x91\x8e\xbaz4\x9f\xe4\xf26\xef\xabc\x1f\xca\xaebm\xb5-\xcf\x92T'</t>
  </si>
  <si>
    <t>b'4\t\x86\xf8B\xfb\xdb\xfa\x9d\xa3[\x83\x0c\x82"Y:H\xeb\xeb\xfc\xe9\nz\xe9\x01\xd4\x15\xe1Ye@'</t>
  </si>
  <si>
    <t>b'E\xb0\xa1x\xd8[u\xc0\xbdyc\x1f\n\xb9 V]\xaffYx\xcc7\x13\xa2]\x05Km`\xc9\x17'</t>
  </si>
  <si>
    <t>b'.\xb2\x97-`\xe9\xde\xf5\xa5\xeb]\xe1F*[\xc5G&amp;\x94&gt;\xabm\xbf\xfb\xec\xac\xa1\x1a6D\x1b\xd3'</t>
  </si>
  <si>
    <t>b'\xcd\xfc\xd2\xffJJ+\xee\xb9\x9d8\xee\x86\x90\xe4f\xe8V8\x9d\x05\xe3?)\xb5\x9dyC\xa0\x16\xc7/'</t>
  </si>
  <si>
    <t>b'\xa7q\x104\xd9\xad\xd1[\x1f\xb3 Ns\x86A\x02 \xb1\x95\xde\x93\x8by1Ut%Ov{\xc1\xa5'</t>
  </si>
  <si>
    <t>b'\xe2\xc4\xe0\xdce\xea\xb9\x89\xed7\xebA\x93\xab_\xf2\xb9\x96\xfcdv\x9d\xa7\xe1D\xa8\xfd\x1f\x9f\x9c:S'</t>
  </si>
  <si>
    <t>b'a\xecF\xc0\x85\xe7J\x16\x8e\xdf\x9bp:\xd2\x0f?+\x8b\xfa_\xcc\xb0\x056\x8d4|\x17\xc9\x1a\xbc\x85'</t>
  </si>
  <si>
    <t>b'k\xbav\xb8\x8c\xa16I[\xe9\xa7p)\x86\xfd\x95\x1c\xa2\x9e`\xcc\xc3\xb0\xe3w\xee=f\xb56n\xc2'</t>
  </si>
  <si>
    <t>b'p\xa6\x87F\xab@B\xd667mh"\xa8Zf\xa3\x19#\xa7\xa6\x17\xa4\xb91\xfe\xf7v\xfeHd\xf9'</t>
  </si>
  <si>
    <t>b'\xbe\x0e\x82\xe4\xe1\x11\xe8\xe8\xd4G\xdc\xebx\x94&lt;\xe4{|\xd4\x99\xea\xcfr\x83\xeaZ\xc1D\xc2f\xd2\x9c'</t>
  </si>
  <si>
    <t>b'\x1d\xdd^!\xb3^P~4&amp;\x83\xef\xe5\xda\xfd\x19\x99\x86(\xcc\xe4\xach_\xa5\x1eA\x94\xa5f3&amp;'</t>
  </si>
  <si>
    <t>b'|\xbfo\x16~\xbf\xe45\x0f\x10\x0er\x1b\xc7\x05\x9e\xc4\xd5\x93\xc3]g\xc9H\x96T8\xfe\xed\x07\xc1j'</t>
  </si>
  <si>
    <t>b'\x8d\xc2\xd9n\x91\x08\xdd\xe8\x99\xaah\xeb\x13x\xce\x1c\xc5\xcbY\xe2\xfc\x16,\xac\xb1\xbe\x86\xe4\xb9\x89\xb9\x0c'</t>
  </si>
  <si>
    <t>b"q\xa62!m\xc7\xe0\x00\x8dh'NW\x8d\x00Gl\xd1]w\xea\xe4\xddL\x1a2Z\xd3U\xff\xa8\xd1"</t>
  </si>
  <si>
    <t>b"\xcf\xd2@\xd41\x8b']\x11\x91%\xf9e\xee\xad\xf0my\xa2RpS&amp;-f\x1c6\xcc\xc1y\xd0`"</t>
  </si>
  <si>
    <t>b'\x1d5.&amp;\x04\xaa\x9a\x07\x85\xd7a\xec\x14f\xe7\n/\xd2\xfe\xf2\\Y\xe5\x9b\xea\xe6{d\xf1\x03\x9f\x89'</t>
  </si>
  <si>
    <t>b's.!\x9c\xbd^\xf2\xe0\xb0\xd0j\xfbEz[\x97*\xebH(N\x81\xbeXh4xY\xf4\xe8u\x00'</t>
  </si>
  <si>
    <t>b"\xab\xd3\xca4\x1fs\x98Y\x03wv\x08`\xc6\xf7\x1d,\x9dJ'\xfc\x0f@RD\xe0\xf7o\x9a\x87\x1dn"</t>
  </si>
  <si>
    <t>b'&gt;\x958\x82\x04@\xc6\x19$\xbf\x88\xba\x98\xedb\xc8\xfd\x84\xe4I\x1a0\x8b\xda1\xa4H\xd9w\x8b4\xc0'</t>
  </si>
  <si>
    <t>b'5\x87\xff\xbe\xed\xd7\x89\x9aA\xc1!a\x12\x14h\x80\xa7#=\x0f\xa1\x12\xab\x8d\x90\xdc\x97\xcd\x93\x1cBL'</t>
  </si>
  <si>
    <t>b'\xfe\xab\xee\x04\x8a\x14\xc5* j=]\xa5\xb2 \xbf^\xb7+\xc1\xfe\xda#`\x10\xd0\x06\t\xd0\xa2\xf0\xf3'</t>
  </si>
  <si>
    <t>b"1{zY\xf9x\xdc\x06R\xfb\x0f/\xb3L\xdd\xac\xa9\x88w\x90D~+\x01m\xff\xfa\xfa'\x84\xdc\xe3"</t>
  </si>
  <si>
    <t>b'\xe7]}\xbe\x8b\xc0\xc2\x075\xc4\x90Q\xf6\xf3\xd3g=\x91\xf5 Mza=\xf3#\x04\xd5\xa5\x03\xc6('</t>
  </si>
  <si>
    <t>b'&gt;#\x90\xd2\x85\xde\xb32\xda+P\xf4\x8b\xec\x050\xb9\x97K\x86\xdb/\xab\'"\x85\x029T\x06\xd5\x06'</t>
  </si>
  <si>
    <t>b'\xb6%\xa4\xc1\x16\x1f\xb4p\x02[&amp;m\xefcT\xd1\x11P\xb2\x94\xbf\xfe0\x80\xa9\x7fQ\xbc\xae\x97\x81\xb0'</t>
  </si>
  <si>
    <t>b'\x15-gd\xe3\xa6\xac9{?\xb72?\xe7Wn\x1fU\x13\x80 \xd6\x9al\xb9*\xa2\xf5\xf5\xc1\xd0\x8d'</t>
  </si>
  <si>
    <t>b"c'@\x01^\t\xe2\xe3\x1d\xcb\xfe\x08\xcd=\xa4\xc8v\xc9\n[\x87m\x9d\xe1\xca\xfa\xff]\x9f\xf1\x83\x84"</t>
  </si>
  <si>
    <t>b'Q\x8c\x90\xdbR\xe1\x1a\xc2\xaf\xc2C\xe7\xd6\xc8\xf3v\x16`\xd1\xee\xee4\n\x021\xe1i8\xab,O\xb1'</t>
  </si>
  <si>
    <t>b'\x04N\x0e\x17\x83\xba\xbe\xaakNc\x93\x8d\xf5\x99;[\xd7W\xf0\x8d\xc2}\x19bl\xdf\xe8\x0c\xcf\x01\xac'</t>
  </si>
  <si>
    <t>b'7P7\xd9\x03s\x98yX\xfa\xb6c2\xf0}\xce\x8f\xe7\xe2\x0c\xd7&lt;\x9c\x0b\x7fXA\xd6\x95\x07\xa9\xd4'</t>
  </si>
  <si>
    <t>b'tDu\x98 z\xf4H\x1e&lt;18x\xa05\xd8\x00\xd0%\xe1\xd7\xfc\xf7\x82D\x95\xfa\xcfOV\x8e&gt;'</t>
  </si>
  <si>
    <t>b'\x19)\n?\x1f&gt;\xf2\x82\x90\xac**g\xb8d\x13lj\xe4\xf1\xe3N!{\xfd\xe9\xf7@.7\x0bi'</t>
  </si>
  <si>
    <t>b'TW-\xb2=\xcfE}F\xabk\xf9\xe3\x8d\xfb\xdb\x1d\xe6\x18\xee\x0c\xa6\xd5\xb4CS\xac\x99\xc4\\P\x1f'</t>
  </si>
  <si>
    <t>b'\x97G\x18\xb7Bi\x01\xc5\x11?S\x87\xca$&amp;N\x07Ha\x1f\x13\x01k\xc0b\xf5\x85=\xed\xba\x9d\xc3'</t>
  </si>
  <si>
    <t>b'\xea\xd8\x82\xfb|\xcd\x8b\x9f3\xba\xac\xdfG\x96\xe6\x1a`\x05xS\xda5\x10\x8b\xf6c*\xcdBq\xd1\x1b'</t>
  </si>
  <si>
    <t>b'\xbac\xa9\x87S\x9c+"\xf6ng\x0f\xa9\x16L\xd3\x9a\xd5\xc9\xa7\x0b\xfa\xd5\x97\xe6IRI\xc0\xb5\xe7\x8d'</t>
  </si>
  <si>
    <t>b'\xa0\x00\xc1b4\x9c&amp;\x01s\xdd}"\x84\xaat6:\xfe\xf6\xf4\xfa\xdakL\xdf~h\xcc\x89\xf9\xba\x02'</t>
  </si>
  <si>
    <t>b'\xb4V\x97\xf1q\xba\xf39\xcfGO&amp;\xde\xd1\xf5U[J\xf5\xc1\xe2t\x8b\xd7\xccl\xff&gt;\xcd\xc0T\xdc'</t>
  </si>
  <si>
    <t>b'@\x87|t\xd0)\xae\xc5Q\xf4\xc6\xc9\xc5\xe6,\xd5\x1b\x83\xd7\xa0o\xc2\xeb\x04\xf5z\xbd\xaf0\x98\xaab'</t>
  </si>
  <si>
    <t>b'\x8bN\xccD\x81`\xbbx\x0f6\xf4\x02\xff\x05\x0e\x84d\xb0\xadu:\xd8I\x15Y\x81\x86^\x89r\x9b&lt;'</t>
  </si>
  <si>
    <t>b'\xe8\xde\xe5f\x97V\x0b\xd6k\x93f\xf6\x1e\xf5\xb8M\xf3\x0e\xd4q\x8b&lt;\xe1\xb6J=n-t\xa4o-'</t>
  </si>
  <si>
    <t>b'F\xfc\xc4\x0c\xf5*\xa0\xc9@M;_Mo\xcf\x12\xc9\xeb\x84\x02*\x17\x9e.X-o\xe0\xe3\xbe\xe9\x8e'</t>
  </si>
  <si>
    <t>b'w\xe0\xdbv\xba\xd75\t\x16\x89D\xe9\\\x97\xddr\x85\x03\t\xd8\x18\x88\x96\xfd\xed|\xc0\xf9\x99$1\x8c'</t>
  </si>
  <si>
    <t>b'\xbfE\x00V\xa1w\xd9\xa9Q(k(\x14\xf2\xcf\xd7\x14\t\x97\xc7\xed\x071,\x94\xeb\xac\x94\x89\xdc\xd5)'</t>
  </si>
  <si>
    <t>b'18N8\xf0A-Q\xc2d\r\xb4\x02\xbcs\xffZ\x19V\xef\xfbx)&amp;\xe6\x11\xf9\xab\x06XA\x82'</t>
  </si>
  <si>
    <t>b'\x90.B.R\xb7/D\x89g%\xbe\xb4\x8ezCm\x05b\xa8\xb7-\x17\r\xd4j\x8e\x8ag\xf3\xa7\xb2'</t>
  </si>
  <si>
    <t>b'\x872us\xf9=\xee2\x90\xa4\xf7]\x830\xf1\xc1^}#\xd2|\xd5\xd0\\\x88\x04./%\x12\x08\x9a'</t>
  </si>
  <si>
    <t>b'-F\xf8\xaa\xe92\x1c1h\xcf|\xb67\xd8\xdd7\x9c\xe9v3`,\xecb\xc1\xc8\xd8_\xdf\xd3N\xe0'</t>
  </si>
  <si>
    <t>b']\xdc\xc5\xb1\xb5\xccl~\x93\x10\x0b\xbd\xef\x8dc\xf2\x0f`\xc0\x06#g\xad\xae\x8dxp\xd6V\xb9\x8e\x0e'</t>
  </si>
  <si>
    <t>b'\xd2-\xdf\xe7&lt;U\xd8/F\xc2\xaa\xb0\xe4Kl\x85\xc4\t\xe7\x90\xbd\xf4L\xc4\xd5D\x97"L\x00\xec\xed'</t>
  </si>
  <si>
    <t>b'/\x1b_ \xa7&amp;&amp;\xab\xde\x82&amp;z\x95\xa74\xff\x85j\x9d\xd9\xd0\xa48\xba\xee\xf3\x99Z\x19k\nu'</t>
  </si>
  <si>
    <t>b'j\t\x84BSW\xd9\xb2\x19\xf6\xd1%I\x89u\xbb&gt;k\xb7\x95\x0e]\xb5z\xe8n\xdbg\xcb\x12\xf1\xdd'</t>
  </si>
  <si>
    <t>b'\xa2\xe6\x16\x94\n\xfe\xa0\x86&amp;!\x7f\x82\xcbm~\xdeR\x04\xac:i&lt;J\x8b\x97\xa1\xb9 {,\xb1\x11'</t>
  </si>
  <si>
    <t>b"\x9fl\xde\x90\xf9\xe4\x07\x8f\xc1\x15z'A\xf9\xaa\x11\xb3R|=\xffy\x9e\xb7\x87W|C\x86:my"</t>
  </si>
  <si>
    <t>b's\xa5\xa0\xa0\x83X\x8e\x03\xb6\xad\xd9;\x8e\x94B\xf1\xd3C\x97\xf1\x9e\xb6V5R\xf9\xd78\x08c\xc3\x11'</t>
  </si>
  <si>
    <t>b'd:e\x88Zy;\xfauw\xc8\x17\x90\x8di\xa7\xed\x1d7\xd7\x03\xbc\xe3ed4Y\x1au\xf9\xed\xca'</t>
  </si>
  <si>
    <t>b'\xfa\x86\xe4w PG\x9ac\xc2\xdfB3\x0b\x8d\xe8OU\xa6U\x07\x92\x179a\xc9\xd4s\x96kf\x83'</t>
  </si>
  <si>
    <t>b'k#\xb2\x87\xdc\x15\x8ad\x9c\xcd&amp;\xb8\x19{\xda\xe5\x0c\xc2\x8a\x06\x0c@}\x04CY\xb6l^^\x03R'</t>
  </si>
  <si>
    <t>b'\x86.h\xcf\xcb!A\xcad\xca\x82\xd9)\x90\xb3C\x98=b\x16h\xc2\xbf\r:N\x14\xa4\xbcs!2'</t>
  </si>
  <si>
    <t>b'\xb2R\xfc\xd0\x01\t\xea\x8e&lt;\xee\x8d\xd2\xc8\xac9 j\x86C\xd1\xfb&lt;\x19\xc3W7R\xc9\xd0{,\xe2'</t>
  </si>
  <si>
    <t>b'&lt;k\xc6\x95\xc56#\x88\xfb\x1b.\xdc\xc0\n\xe2\xc1G,7V\xfc\x87\xa7\xe5\x1b\xbd\xfd\xea\x9d\xbe\x19h'</t>
  </si>
  <si>
    <t>b'\x19E\xb3.u&lt;\x80\xdan\xf6\x98\xf9\xd3\x14\xb0\xa9:\xd4\xfdU\xf1\xcd[\xd4]e3B\xc6\xc8C\x0e'</t>
  </si>
  <si>
    <t>b"&gt;\xef&lt;\xe6\xa3\xc8\xcc\xf5IVM0\xba\x11YMFB*\x9b\r\x942\xc2\xb5z\xc9\xae\xca,\xd6'"</t>
  </si>
  <si>
    <t>b'\xe1^\x8f\xc2\xd0\xbb\x15\x19\xf7v\xc5\xc1\xbe\xf4Fc\xc9\x15\xc4\xf1L)4\xceuv\x863"\x7fZ\xfa'</t>
  </si>
  <si>
    <t>b'\xb8xa\x04:\xb5~\xadW\xb0h\xec\x85T\xd9\xd9\xa4f\t\xe3\x14=\x05\xe6Wg\xfe-\xabd\xf1+'</t>
  </si>
  <si>
    <t>b"\x17\x97X\xae\xbe\x19 \xf5?&amp;\xc2\xe6\xfd%\xec\xac\xde\x04\xb4{'\xde\x92\xe2\xd9pI\xd6\xb4k*\xaa"</t>
  </si>
  <si>
    <t>b'\x02z@Gq\xd6\xe2\x9eG\xf3\xa6\\\x1c n\xa1\x05\xe3\xc8\xfa3g\xfa\x01\xc22\xa4\x059\xcasW'</t>
  </si>
  <si>
    <t>b'\xdc\x84\x14\x89\x8e%\x85\xd8\xfdZu\x17\xfe\xfdB\xd5\xe5\xa8F[u\x11{o\xdc\xa2\xa3\xdbS\xc3\x86+'</t>
  </si>
  <si>
    <t>b'\xe3\x98b&gt;\x87\xb7\xd4\xa1\xd77H\xb3\x899\x9e\xba(\xf66\xbb8\x80 R\\\x12f\x9b\xa7\xa2\x8b\xa4'</t>
  </si>
  <si>
    <t>b'\xf9\x18\xfd\x18\xda\xd5\xac7\xe8\xe8\xd7\x9b\xa6,\xeb:\xd3\xa0\x01+\x06\x1b\xd9~\xfc\\\x1b\x85Q\x18\x18?'</t>
  </si>
  <si>
    <t>b'\xb7\xeb}\xb1\x0f\x95|\x0c\xb1\t\xa4\xbd#\x82!\x16\nU,\xd6\xd4\xdc:T\xf8\xbcb\x86\x84\x18H\x83'</t>
  </si>
  <si>
    <t>b'y?q\x8b\x10\xe26oJ\xff\xeb\xe9\xc6G\x81z\x9d\x82\x03`\xca\x10\xeaeP\x95\x00\xdd\xf5P\x0e\xd4'</t>
  </si>
  <si>
    <t>b'?.C\xae\x83\xb6\x14]\x81\xbcTt\x01\xf2\x1a\xb9\xe6\xe0\xabs\xc1\xcb\xbe\xeb\xb0\x81\xfa\x1bc\x12Kv'</t>
  </si>
  <si>
    <t>b'\xb4!\xd3\x89\xca\xf54\x1a\x8e\xb9\xbf\xa8\x94\x11\x05K\x96\xcc\xff\x93qIbc\x9b\x16\x16\rz\xcf\xc5\x84'</t>
  </si>
  <si>
    <t>b'\xfeM\x7f.f\x92-ov\xa5\x97L\xc6\xe5ZT.\xd0\xc5cX\nN\xe8\xd9\x93\x0c\x0f&gt;_\xab&amp;'</t>
  </si>
  <si>
    <t>b'\xfa\xc5\xbc\xe5_\xebfw\xbb\xdb6v\xe9\xd4\x0e\x1f\xce\x84\xf1\xd4\x8a\xb3\xf5x\xba\x19\xf1[\x12\x17\x13\x9d'</t>
  </si>
  <si>
    <t>b'\x9d\x9c\xb70E\x10K\xb1\x9d\xb9\xd6\x89\xe8\xe9\xec\xc90\xca8&gt;\x87!A\xc9j\xfbp%\xc8\\\xb0_'</t>
  </si>
  <si>
    <t>b'U\x17\xbb\x8d\xcf\xbb\xcc\xbb\xb2L\xde\x14\xc5_A7\x91J%\xb7{\xb9\xc1\xed%\xb3zsQes\xb5'</t>
  </si>
  <si>
    <t>b'(\xbb\x95o/T \x14\xe1\x94\x96&gt;^\x92\xb2\xfa\xe8\xed\xa4\x1a\xd4\xd6C(\xab\x0f\x9e\xa3\x89\x1f\x93f'</t>
  </si>
  <si>
    <t>b'\x85\x18\xb5\x9f$\xb9\xd3\x83\xf3Vx\x9dVAah\x1f\xb8/V\xcc\x86GM\x82,\x07\x1d\xc9!\x0b\x88'</t>
  </si>
  <si>
    <t>b'\xe2+\x86\x97\xf2*g\xc6\x9a\xba\x85`\xfe\x87=\x07\xbd`i\x10\xb09ee\xb5/k!\xc7\x0f\x13\xb0'</t>
  </si>
  <si>
    <t>b'\xec\x85J\x93\xb1\x99\x1a\xb73\x14\x8f\xdfc^\x9b\xe0\xfa*V\x8f\xf8\x07\x95\xc0-B\xf1\x89g\xc0\xcaa'</t>
  </si>
  <si>
    <t>b'z\xfcN+\xcf\x93\xe1\xdc&amp;\x84\xfa\xe7UDp&lt;\xb5\x01\xe6\x83"+4k\xdc\xbf\x9d\xfc\x18TDo'</t>
  </si>
  <si>
    <t>b"T\t\xb6A'q\x90\x07\xed4\xf3\x99\xf4\xf3\xc1\xf5\x1c.\x14\xc1-\xc8\xd7V\xed\xac\x99\x99\xe6\xde\xa0^"</t>
  </si>
  <si>
    <t>b'\xf0d\xa6\xa5&amp;,MzHR\r9\xd0b\xdf\xaa\xd4\xaa\x95OYKG\x974\x8b\xd1e\xef\x04Fg'</t>
  </si>
  <si>
    <t>b'\xaf\xf9\x8f\x07\xf9*`\r\nM\xc7\xa6aG\xabAqd\xe8mV\xef\x9cw\\\xd7\xab\xce\xea\x9b\xfa?'</t>
  </si>
  <si>
    <t>b'\xf7\x1fS\x86\x99w\xae\xd8b\xb8H\x13eTs\xf7ks\x1fF\x8d!\xa9&lt;Bh\xc7\x86\xfd\xac\xdf\xf5'</t>
  </si>
  <si>
    <t>b'\xce\xfd\xaa\xa1wE\x80\x01\xf4\x94\xc6\xa8\xcd\xf1\x86\x97r\x12Ybn\x8d\xed\x11i\x1a\x0cR\x1f[\x15l'</t>
  </si>
  <si>
    <t>b'\x96\xb3c!\x93\x85:D\x15cIU*3\xf6\x84I\xfc\xa0:;\x0b\x89\x90i\xba)\xebOX\xca\xbf'</t>
  </si>
  <si>
    <t>b"\x17a\x94\xb6\xd8(`\x93\x9f\xba\x7fD\x84\xa2\n\xa3F'\xba\x97c\x17og\x12f\t\xc4\xb8\xc1E\xc2"</t>
  </si>
  <si>
    <t>b'\x9f\xd3\xe3$\n&lt;=8\x98\xf3ea\xf4\xeaJO}\x18\x83\xcd\x08)fMj\x86\xad~\xfeU\xa5J'</t>
  </si>
  <si>
    <t>b'\xe3\xca\xfc\xd0\xb0\x0fA\xd8\x9d\xaa\xf3\xc6\xe6\xd5\\\x1c\x96:Q\xa0\x9f\xa1\x18\xc74\x1f#bn?w\x1e'</t>
  </si>
  <si>
    <t>b'\xe2\x02\x15\xf8E*!\x9b\xa8l\x82\x82\xf0.o\x9e\t\xca\xcd\xe3V\x03\x9b\xcf\xce\xc1\x07[@\xb3\xe7_'</t>
  </si>
  <si>
    <t>b'y\x13\xffE\xaa \xba\x86\xfd\xf1\xc4\x92(\x05\x11\xae\xe6\x06mK\x07\xaa;\x894|\x98\xc3\xdc5W*'</t>
  </si>
  <si>
    <t>b'&amp;\xb5\x83\xd2\xf00\x8d87,\xbd\xea\x18qu0K\x97\xcb\x1c\xc5\xd4\xf7^\x122&lt;P\x81p,.'</t>
  </si>
  <si>
    <t>b'\xa1L\x05\xdfNIj\x95\xcb2\xfd\xd8\x11\xa3\x15\x8fA\xb0\xcf+9aV\xc3c\xe6\x91\xc6\x1b\x99\xc8\xbd'</t>
  </si>
  <si>
    <t>b'\xd6:\xd8\xc3\xbd\xb4\t\xbd\x9f\xe8L\x8b\x9eJP\xee=\x90\xea8\x18(P\xf9\x08\xde\xa8\x11\x7f\x9a\xee\xa6'</t>
  </si>
  <si>
    <t>b'\xfb\x15\xe1{\x85\xcb\xa5\xf8\xf0[\xbb\xed\xb8)\x05\xb2\x93\x1e\x1f=\xb3i4\x15\x9f[\xa8\xab\xba,\xc4Q'</t>
  </si>
  <si>
    <t>b'\xc7\x80\xb5\xbb\x15\xcd\xc8\x88S\xf2\xd4\xde\x8e"\xc0\xcc\xb3\x86\n+&amp;\x98\xad9+b\x0c\xc1\xf3\xaaX\x93'</t>
  </si>
  <si>
    <t>b'!?s\x9e\xe6\x0b5\x1f\xa3\x12\x86s\x84\x82\xd9\x91{\x97\x9aM\x05^\xb5|\x1b\xc8wf\xc7t\xf3\xb8'</t>
  </si>
  <si>
    <t>b'\x84|m\xca\xc4=\x8c\x98|Q&gt;\xae\x88\xbd\\\xd4.fM\x9fb%hc\xeaZ\x01\xe88\xb1\xd89'</t>
  </si>
  <si>
    <t>b'G\xa5\xe8/\x15=\x1f\\\xd6\x1b\xda\x01B\xea\xaa\xf91\xf7\xfe\xf8*\xd7\x9d\xaf\xa8p\xc0L&gt;kH\xf3'</t>
  </si>
  <si>
    <t>b'\xa2\xc5\xcfsR\x80\xe0\xe0\x94\xf75\x187e\x898W\x07\xd4ja\xe9p\xcfm}\xf5~\x1fVv\xcb'</t>
  </si>
  <si>
    <t>b'\x0c\xf5?\xc4\x07\xc0\xa6w\xdd_\x94\xd3\x9eHs\x10\x0e\x93|\x81\x95[C\xbe\xcdN\x0es\xe3O\x19j'</t>
  </si>
  <si>
    <t>b'(\xe9\x98\xc4\x10\xc7\xe7&gt;@\x85\x85\x0c\x8f\xf2\x99\x03\xcf?@|\x15\xcc\xccNvc5s\xc1\x0e\x9c%'</t>
  </si>
  <si>
    <t>b'nb\x8e\xd0\x12?q\n\xd9\x93a\x99\x89f\xde\xf2; 3\x97\xba\xc4\xd5sG\x99\xad\x177\xd1\x96n'</t>
  </si>
  <si>
    <t>b'\x81\\\xc5\x10\x06\xb4\xaaP1Q\x06\xbcz\x06f\x05\x06\x83\x0c\xfaqg\xebo\xd39\xd2\x8f\x84B\xd6\x7f'</t>
  </si>
  <si>
    <t>b'\xfc\x92\x05\xd2\xde\x00X\x1b\x92w!]+\x86\xee\xb1\xaf\xb2\xe3\xce_IH\x07\xbd\xa3\xafq@\xb3\xd1\xf9'</t>
  </si>
  <si>
    <t>b'\x1bET\xf5\x11\xd3\xa6]k\x81\xfe\xe5h\x85\x05\xf1\x8f\xe2\xc6\xbbci\xf6\x95\xbc\xb0\xd7\xdc-\xcc\xe7\xc2'</t>
  </si>
  <si>
    <t>b'\xd1\t\x98\xcc\xfb6\xbd9\x88\x92\x986\xb7\x95\xe0U\x96\x13\xffO\x08\xf4\xd6v\xc3*\xfa\xdd\xf2\x1a\xfd\xc8'</t>
  </si>
  <si>
    <t>b'C\x94\x13\xfd\xd6\x0e;\x8a\xd8}G\xed\xab\xf8PNxc\x00N\xa7\x1ey\xe5&amp;I\x8d\x11\x8es\x12\x04'</t>
  </si>
  <si>
    <t>b'\x08\xd8\x10\xf8x\xc8\x83-\x1f=!l\x94\xdd\x06\xe2\xf5!m \xad\xddt\x14\xfe/\xbcD\xcf\xab\xd2\xa3'</t>
  </si>
  <si>
    <t>b'#4to\xf1\nM\xc8FP\xed\xb4\x90\x17\x81\x198@x8;JU\xc2\x06\x0b\xc4\x11[\xfc&amp;\x8d'</t>
  </si>
  <si>
    <t>b'4\x80\x0c_.\x11\xd6b|\xed{\x95\x06u\xaf\xca\x8d\xb9\x11\xddkx\xc8\xa0~:N\x97\xda2\xfb]'</t>
  </si>
  <si>
    <t>b'\xa8\xa2_-w\x82Cf\x9c\x0c\xfc\xe6\xcd\x96\xafh\x84K]|\xbb\xcf\x90\x0bq\x8a\x06\xa4\xf7\xf6\xa4\xd5'</t>
  </si>
  <si>
    <t>b'Kz\x16a\x80~i\xee[\xa5,.\x0eM\xf0\xcb]\xa4T\xfc\x1a\xec1FP.\xac\xd9\xd5 c\xea'</t>
  </si>
  <si>
    <t>b'P\x8e\x85\xc8\x15D\xba\x1f9b#\x86\xbc\xa6\xac\x18\xd8c\x9f\x16\x13\xfa\xfd\x16a\xf5\xb3\xc9\x81\xf9\x08\xf6'</t>
  </si>
  <si>
    <t>b'\x95\xd3\xe9\x80\x08\xa6g\xa05\x1e\xa2\x07\xe7\xb1\x97\xad\xea\xf7\x18\x1e\x817\xcbiQG\xc1\x0c\x85\xb0\x8e\xd2'</t>
  </si>
  <si>
    <t>b'\xb4"*\xbdM\xd3\xe8\x00jl\xce\xdf\n\xd9\xc4z4VF-\x90\x8dW\x18-\r\x19\x93\xd2i\xa4\xfc'</t>
  </si>
  <si>
    <t>b'\xc3\xdd\x1c;\x8e%\xebc(3xyp$\xaf3^jZ\xc2\x05s2\x1b\x1b\xb8\xed\x1fe\x1e\x13B'</t>
  </si>
  <si>
    <t>b'M\r\xf0\xca\xa4\xd0@\x11\x83f\xe5&gt;\xee\xba\xef\xfc]\x87}\x11]\x0f\xb2\x11\x15[\x14\xf0\x0e\x0f\xdd\x9d'</t>
  </si>
  <si>
    <t>b'\xa1cyn\xf3\x14\xec\x90\x84\xe8\x12\x17)\xb74\xaae\x8c\x97L\x90\xfe\xbf\xec\x13o\x8c\x02\x01\x98|{'</t>
  </si>
  <si>
    <t>b'\xc8\xb5)4\x08\n\xae.#\xbd\x1e\x8b\r"\xe29\xb4\xb0W\xa1\xa5@\xcezP^\xa31\x05Z\t\xcb'</t>
  </si>
  <si>
    <t>b'\xa3H\xb7O\xd6\xdahe\xbd\xaf\xea{5\x15D\x12\xb0z\xbc\xc5\xe1\xd6\xddf\x9dWX\xf5C\x04\x05\x80'</t>
  </si>
  <si>
    <t>b'\xd6\x8c\xd4\x86P\x90O\xf7\x1fC\xbf\xb8\xe3t\xae\x12\xf2\xbec\xc4\xc2\xed\x81\xab\xfa\xdeq\x11\xff\xec-\xa6'</t>
  </si>
  <si>
    <t>b'\xa2{\xbe\xbf\xa8/\xa4\n\x15\x8b5\xde(3\xc0M\xb9?M\x15\x00O\xdc]&amp;\xd3\x0f&amp;\xd7\xc6\xcfH'</t>
  </si>
  <si>
    <t>b'\xe4\xd5\xe0\xd0\x88\xb39\xefFO\xf2\x01\xba\x91\xd0\x87\xfcf\x80q/\xce9\xe7p\xc9\xdd\x93M\x83\x97L'</t>
  </si>
  <si>
    <t>b':\x14\xc7]{\xc5r)\xaaC\xd2\x05Y&gt;\x0f()\x95\x08\xb5:\xf1\x8d\x90\xa67\x8d\xbd\xf2;K\xb5'</t>
  </si>
  <si>
    <t>b'U\x0f)\xcb\xd6\xd4/\x1e\x99\x14`\xf9,\xc5j\xd4(\xec\xa0;=\xb0\xc4TQa\xe5\xbd=\x8c\x9d\xa6'</t>
  </si>
  <si>
    <t>b'%\xd1\xcfAG\x19\xb2\xadp\xe2\xfb\x82\x8b\xe3\xad\xd2\xddI\xf4*C*\xb6\xfeY\xc6\xe6\xb6EAS\xf1'</t>
  </si>
  <si>
    <t>b'\x17\x8d 1\xf4$\xcf\x86\xe3T\xf39\xcc+\x16\xa6\x0b\xf5\xedF\x95\x88\xe8~d\xb8&gt;\xb2^G\x90\x9d'</t>
  </si>
  <si>
    <t>b"'FN\x8e\xa1\x10D\x83.\xf7\x9a\x1c\xdd\xad\x19\xa4\xebf\xbd\xa2\xc9\xbe7E5\xdd\xb1\xc6\x87\xa1b!"</t>
  </si>
  <si>
    <t>b'\xa6l?|\xbdH`&amp;\xe1\xd8\xbbw\xf2\x90&gt;\xcbR\xe4\xd5\xd1\xc8#&amp;\xda\xcb\x0e\xce`\x87t\xcc\x95'</t>
  </si>
  <si>
    <t>b'&lt; sl\tG\xb4\xc9y\xdb"\t"Q\x85qy[\xb6iV\xdc0\x83\xa1&lt;\xda\x11\xfa\xa9\x8d\x9d'</t>
  </si>
  <si>
    <t>b'CXY\xd3"\x08\xb01\xf8\xf2\x96\xbf\xdf*\x80\xa6i\x8f\x1c\xa1\xf5\xdf\x14\x8b~&gt;kM\x984\x9bn'</t>
  </si>
  <si>
    <t>b'\x14\x9d\xcd\xe6oP\x10D\xfb\x9f|\x7f-XMX\x9aR\xd99\x98\x94\xaa\xa1\xc2&gt;\xd5\x84\xcd\xfaF?'</t>
  </si>
  <si>
    <t>b'\x9b\xcc\x05\x96\x9a-\xf2\xa1\xb4F\xab&amp;\xafof\x9b@\xf8\xf9\xa37\x81\xado\xcf6\xe3\x05V\x9d\xa0x'</t>
  </si>
  <si>
    <t>b"w\xb8'\xd4\xe6\xf0l\x08\xa4U03-x\x17\x0b\x10\xc5\xc5{c\xf7\xea\x9b%\\6yY`Im"</t>
  </si>
  <si>
    <t>b'J#\xff\x86\xbd\xb7-\xfe\x0f\xc5W\xa0\x9c3`O\xcd\x91\x18\xc9"~wT8\xa4Q\x8c\xe1\xca7\xb3'</t>
  </si>
  <si>
    <t>b'\x17\xc6k\xf3\t\xb6\xe6\xeb\xb5\x12\xf82\xc4\x1e\x088\x8eb\x05\x97\x14\xbf\xa4o\xd9\x1aI\x96L@e\xa6'</t>
  </si>
  <si>
    <t>b'AW\xf2\xd0\xa5\xc6\x12\xa4\xbe5;\xf7\xaau;H\xa1\x10+\x01\xef\x86J\x9eFmg\xf7E\x9d\xe8m'</t>
  </si>
  <si>
    <t>b'\xbf\xa3%\x85\xdc;\xa5n\xff\xa2\xbcb4FI=\x85\xf8\xa1tM\x85\x9d)\xde\xb8\xbf\xbd\x0f\x12\x10\x05'</t>
  </si>
  <si>
    <t>b'\xb8\x94\x93P\xb83\x1d~\xe7G\xfc\xfe=\xfb\xe0&gt;\xcd\xdd\x1f8\x1f\x04\x7f\x0cN8\xf3\x1f-J\xd3\x80'</t>
  </si>
  <si>
    <t>b'\xef_\xc4\x0f}\xfc\x81\xea"\x06=0H&amp;\x0f\xe3\n\x90u\xe2V3\x9dV\xad\xc7|\xbe\xe39\x8c\xbb'</t>
  </si>
  <si>
    <t>b'\x13\xf0GE\xc9{B\xbb\xf6\x1c\x10\x92\xab\xf1\xe4\xd1c\xc9\x18\x15p\t\xdf4c\xe2\xc5\xd3\xa6s&amp;O'</t>
  </si>
  <si>
    <t>b'"\xd3+\xee\xf2z\xcf@\x89\x9b|\x86\x00\xd2\xac\x1d,\x9a\xa7r\x1f\xa5\x7f\xe4W\x80\x906\xc4sbk'</t>
  </si>
  <si>
    <t>b'#\xc5J\xfd`\t#\xfalk\xf9\x19\x1a:&amp;\xa8\x9e)\x03\xee\x00\x9dmr\xd03\xd2+\x96R\n\x95'</t>
  </si>
  <si>
    <t>b'\xaa\x0f\x9b;Y\x95a0\xfc`\xd4\xd6\x98}\x93`\x03\xe8\xa2+\\\xf1\x92$\x9dM\\\xf7\xdbw\x85u'</t>
  </si>
  <si>
    <t>b'\xff\xc7.Oo\xb4N\n 3\xfb\xb4\x99\xe4\xe5\xa6qRk9\xd5\x05h8\x83v\x98\x03\xa7\xb1\x7f\xd7'</t>
  </si>
  <si>
    <t>b'\xf1\x0eJD \xe4\xf3\xae\xb8=E\xb5\xad\xc7U\xa0)\xc5u\xe1\xfd\xae\\\x11\xd6\x13\r\x81\x0b\x03\x01,'</t>
  </si>
  <si>
    <t>b'O`n\xabC\x05U~M\xba\xeb\xe4G\xf5g\x0f\xb9^\xcf\xb1e\x18\xcf\x86\xcd\xe3\xab\xe3\x91Aw\xe9'</t>
  </si>
  <si>
    <t>b'\xfb.\x9d\x8b\x93\x9f\xd8\xe2\xa0\xeb\x8d\x03\xf3\xd5\xc6+\xb5%\xb6\x18SS\xc1\x8c\t\x98c\xce\xa7\xe1`V'</t>
  </si>
  <si>
    <t>b'=\xd6\x96\xa8\xfc{\xc6\xa0#\xf7VAxk\xf78\xbc\xbfN`.lW\x1b\xb6u&gt;\xbfA&amp;\xe1l'</t>
  </si>
  <si>
    <t>b'\xd3?l)F\x05\xb3\xf2\xc4\xfe\xc3\x1fe\xcf\x9f\xb5\xb3\x12\xeb;\xc5\xa9\xa2\t\xfd\x89@B\xde\xbaV\xb6'</t>
  </si>
  <si>
    <t>b"+9L\xe01rW\xab'X\xfc\x85\xa9\x01\xc4!$e7\xac\xba\x82\xaf\xbeu\xeby\xf4'\xa3M\xd4"</t>
  </si>
  <si>
    <t>b'*\xbd\xde\x10cA\xf6S\x0e!)&amp;\x86\xe9\xd2\xc7w:2\xa8fz\x9cV\xaa4Q\x07\xe2\xf4w\xa6'</t>
  </si>
  <si>
    <t>b'?\xf4x\xc6h=\x19jI\x87xdL\x9b\xd3\xa0\xfe\x04\x054"\x15\xd5\xaf9\xb7\x7f\x96\xa8Y\x9c\xf9'</t>
  </si>
  <si>
    <t>b'"]\x0c\x02\x19\x9do\xffm\xeap\xd00$\xb1\x1b0\x00l\xe7&gt;\x18\x02\x027\xa4\xde\xbaRA\x1d\xd3'</t>
  </si>
  <si>
    <t>b'(\xd9\\Yn\xe3\x02\x91\xc8\xbf\xeeU\x84\xf2\x07\x1cC\xad\xd0\xf6Z\xe7\x9f\xca\x1b/\xdf\xc2F\x80\xdd\xa8'</t>
  </si>
  <si>
    <t>b'\xd3\xb0\x92\x1b\nN[\xe4\xf0\x82\x88\x93rK6m\xcb\x04\xe9\xb7\x9c}tf\xd8\xdd\xed\x85\xfbgg@'</t>
  </si>
  <si>
    <t>b'\x8a\xfc9\xae\x91\x05\x82f-\x82\xd1\xfee\x1fX/EXO\x16&gt;\xcf\xdb\xfe\x0f\xcf)\x0f\xb6\xc0\xe31'</t>
  </si>
  <si>
    <t>b"\xc6\xf2'\xd3\xd7\xfd\x8d\x93\xda\x95\xf2\x1d&gt;h\xff\x89\x94\xdc\xbe7$&lt;R\xb2\xdaLO\x7f\xa4H\xa9w"</t>
  </si>
  <si>
    <t>b's\x10@\x82+\xe9\x94\xe6\xee\x1e\xc5\xef\x85\xa8!I\x84\xa3\xa8\x1a_\xe2T\xa57\x8d\x88\x80\xf6\x99\xfb\x99'</t>
  </si>
  <si>
    <t>b'g?\x06\x7f\xe4UY\xa5\xaaF)\xe7\xdcQ6\x1a\xd2\xf1\xe0\x06\x0c\xbfn!\xb2\x90Q\xce\x94v\xc4\x0f'</t>
  </si>
  <si>
    <t>b'\xdaS\xbb\xfecZ\xb1?*\x1e\xf0\xf3zy\xcd\xbd\xcd3\xfe\xb3\x8b\x1cT\xee\x12\x93\xb0\xe0\xd3\x88\x94\xf2'</t>
  </si>
  <si>
    <t>b'\x87\xd0x\x16\xa9N\x13\xb7\x16I\xa5\xfbC\xc1CB\xe5+,4\\\xf5\x9f\x82X\xd2\x12A\x0f\xb4wg'</t>
  </si>
  <si>
    <t>b'\xc2\x8d\x8c)\x08\xdd\xa2i\xb4\x9b\xfd\x84\xeb \x08"\xc8+~\xa0\xc2\xf4\xfeP\x99V\xa6G&amp;\xac&lt;\x18'</t>
  </si>
  <si>
    <t>b'\xc5\x04\x1eL%wB\xe9Px\xf8\x8eM\x19Q\xa5\x10\x8a=\x9a\xcc\xf6\xb4\xfc\xeb\x9b&amp;Kf\xdcd\x9c'</t>
  </si>
  <si>
    <t>b"\xce+\xbd!\xd9\x8e\x93\x8f\xb5yv.V'D\xba\x1c\x99T\xe5&amp;\xbf\x15\x0btbd\xc7Sn6["</t>
  </si>
  <si>
    <t>b'\xf9i\xe5z\xcb\x91o"X\xe4\xa9/&gt;P\x81+\xd0PT\x83\xb3\x90\x14\xfc\xf7!\xf6\xad\xb6\xa5F\xb8'</t>
  </si>
  <si>
    <t>b"\x90}hv~\xd0\xd3\xfe3L\x08D}\x8c'T\xac\x8fn\x87\xe0\xc3_\x8e&lt;\xe9Hm,\x12\xec\x10"</t>
  </si>
  <si>
    <t>b'3\xc8\xd3\x00\xea\xde\xc5n\xdf\xcfw\xb645\x97\xba\xfe8\x94\xf0\xcd\xb8\x1f\xe7|~x\xa1\xf7\xf3\x8bW'</t>
  </si>
  <si>
    <t>b'\x1f\x8aE\xc4S\xd0\x19A\xe5F\xc6q\x07\xc3|o\xef\xdbw\xec\x83\xea\x8fe\x9cO\x10PCL\x80e'</t>
  </si>
  <si>
    <t>b'\xd1S\x04\x98\xc2\n\x9e\xb02\x9d\x11\xc0\x07\xd8&lt;vz\xa7\xffP\x9dgyA\xa42\xc0%\xe3\x00\xf8P'</t>
  </si>
  <si>
    <t>b'\xf4\xf7\xf5\xc1\xce\x86%\xd9H\xd20\x12\x9c\xd3\xf5I\xcb\xe5\x06\xf7\x16M\x9a\xc8\nY\xa9\xe8f\x90\x87\xea'</t>
  </si>
  <si>
    <t>b"\x8d\xb7\xc8'D\x9ex_`\xf2\xfe\x9e\x0b\x13\x1d\xb4\xd94\xe7,5\xe9\xad\xe9\xeap\x148\xca\xdd\xd6\xb1"</t>
  </si>
  <si>
    <t>b'8]\x08\xf4\xc1G=\x0b\xe9\xe5O\xc1\xda1\xfb\xf4\x83R#\x14v\x0e\x10\xf6\xbe\x9f\x82\xe0\x8fT\xb7E'</t>
  </si>
  <si>
    <t>b'\xd5\xa2W;&amp;\x1b\x02\x024\x90:\x1e\r[\xd35\x90\xa2\xcb\x99\xcc\x9cv\xbb\x15\xf7\xb6\xbc\xbc\xcei\x80'</t>
  </si>
  <si>
    <t>b'\x01n\xf5s\x8c\xfc\xe9\x8b?V\x8e\xc6~|]\x92\xd7V\x96N\xcb\xb4\xf1\x99k\xfc\xd6z\xe0\x85\x80M'</t>
  </si>
  <si>
    <t>b'\n\x1d\xb9\x11#\x0c=\xf6\xe9\xda\xe6s\xa2\x98Y\x19\x97u\x04w@i\x99\xed\xacq`q\xe3\xed\xa0\xd2'</t>
  </si>
  <si>
    <t>b'^\x9c\xa5\xc6\xcf\xf5v\x8c\xf6\xef\xe91\x13\x9d\x8c\xe6\xa8\xe7b\xbf\xf7\xaa\xe0bp\x15;\xd6\r9u\xc8'</t>
  </si>
  <si>
    <t>b'\xa8\xca\x93\x15\xf1\xcdU\x90\xdfR\xac&amp;c\xe5\xcd\x9d\x17?\x82\xda"z\xb2^/i\xfd\xb0\x1d!\x14\xc3'</t>
  </si>
  <si>
    <t>b'\x91Mx\xe8\xa2\xf2\x0b^\x15\xdd\x8b\xc9\xd1\x1c\xf7\x83` \xadt\xc1?\x07\xca\xdd\x81\x19\xa1{\x9c\xa7\x1a'</t>
  </si>
  <si>
    <t>b'z\xa9\xea\x8a\x1e{\x1eC)\xc4\xcfA\xd6"K\x03\x98\x16q\xecd\xb1a\x11;N\xa9j\xcc\xd7\x99\x12'</t>
  </si>
  <si>
    <t>b'\xaej&gt;\x90H\xc6&lt;F\x94\xde(\xaa\xdfhW&amp;\t\x84/\xf5\xccl\xfdt~FV\xacj\xa3\xcd^'</t>
  </si>
  <si>
    <t>b'\xc7\xecd@\x9b1\xab\xa3\xea\xffz]S\x9a\xf64:\x86\xce\x05\xc6\x99\xd6g\x9d\xf9\xd0\x99=\x81\x1b\xd5'</t>
  </si>
  <si>
    <t>b'\xc9\xce\xdaZ\xd6\x10\xb8\xb7\x15e\xf0\x93\xd2o\xacX\\\x9f\xbe\xd9\xb8\xa7\xb4\xe7\xec\xb8%\xc1H\x98\x0e\xca'</t>
  </si>
  <si>
    <t>b'\xf8\x83I2\x19j\x08\xd3\x13u\xc7N[f-Q\xf5\x86&gt;\x92\xf6\xcc\x8e/-\x81&gt;\x88\x8f\x14\xd1\xbe'</t>
  </si>
  <si>
    <t>b'\xed\xa6\x00\x9cZI\xe8\x05\xef&gt;\xd71\xfeZ\xb9\x00b\xa4\xad\xd1mP\xf9\xbdu\x18\x12\x10\xecJ\xfc`'</t>
  </si>
  <si>
    <t>b'H\xac\x15\x10\xb5\x7f8\xaf\xa2\x04SP\xce\x90\x0fiM\xa3\xc3\xb7\xd9\xa7\xe6\xc9\x01\x90\x0e\x84\x84\x82\x02\x98'</t>
  </si>
  <si>
    <t>b'08\x93\x1c\xd7\xfe4.q\x04\xa5L\x86 \x91\x83\x05\xc5\xe1\xb7\x87I\x95\xa9mL\x1f\x86"`H\xd6'</t>
  </si>
  <si>
    <t>b's\xb4\xc7X\xde\r\x7f#}V.HW\xb1\x15i"$C\xaen\xb5:@c\xf1((v\xbbj\x94'</t>
  </si>
  <si>
    <t>b'\x039\xb4\x0eZ\x864R\xe0\xd25\xa0,\xe3\xa3|Y?2\x82`\xfe\x19k\xd6o\xd4\xfb\xe6\x81Z\x86'</t>
  </si>
  <si>
    <t>b'\x8c\xdc\xfck&amp;\x81\xd8\xf7\xf4\xf4uw\x836\xf6\xcd\xcfuj\x83*\x8b:xn|&amp;\xaczX\x122'</t>
  </si>
  <si>
    <t>b"\xbd\x99\xd4\x9e\x0b\xcd\xfc\xce\xef\x13\xf1E\x01\x01\x94\xfd{'\xba\xd6&lt;\xfc\xfcV]\xc3\x9c}dDp\xf4"</t>
  </si>
  <si>
    <t>b'a_\xb2\x0c\x17\x93\xd1I\x85\x00\xbd\x7fUr\xe1\x03\x1c\x08\x1b\x9a\xa4\xc4\x8d\xd3\xb8\xe1\xc3$\xaf\xe1\x94\x11'</t>
  </si>
  <si>
    <t>b'\xb6\xbdt:&gt;;\xb3O\x8aP\xc7\xcb\xd2\xcd\xef\xfd\x04\x8e\xf8\x9f\x7f\x8d\xd8c\x9cg\x01\xd3\x83I\x99:'</t>
  </si>
  <si>
    <t>b"\x18\xd2\xd9\xe0d\x1dfC\xdebk\x12\xec\xa0\x03\xde\xbf\x8a`\xc1\xf4\xf3\xff\xe2L7m\x00'\xa8\xa0\xd5"</t>
  </si>
  <si>
    <t>b'\\\x1c\x07*\xa6\x17&gt;2\x87\x9c{y\xf80j\xa9\xc9.N6\x8b\x8c\x02u%\xb9\xbe&lt;\n\xdd[\xe1'</t>
  </si>
  <si>
    <t>b'u#\n\x07G\xc6\xd6\xa4\xa33\xe0\xa9\xfeW\xc0\xe1n\xe0\x0e\xfe\x87?\xac\nb\x12f\x00\xb5:yA'</t>
  </si>
  <si>
    <t>b'mR\xe0\x8b{mkM\xef{\xf1~\xb5\xb9\xe9\xebrA\x97\xc3)Y\xd9\x17\xf7]\xb4\xbc\xf8B!$'</t>
  </si>
  <si>
    <t>b'0J\xf4#K7\x8d~\x8f\x99Y%\xf2\xcb"\xeb\xb2\xa28\xe7b#\xadn\xbb\xe2\xd6\x9c\xbe\xd3\xa2\xb9'</t>
  </si>
  <si>
    <t>b'\x91\xe45U\xcc\xba\xfc\xf7\xd9g\x1b19\x9a\x97\x98\xeffs\t\x82\xbd\x85\xc7\xed\x01\xdc\x95\r\xf5\x91T'</t>
  </si>
  <si>
    <t>b'\xdd@\xa9GBgQ9\xa0\x83\xeft0\xe9u\x12\xeb\xaeV\xb8\xad\xe2\xdd\xbb\xdcBD\xb4\xac\x19N\xff'</t>
  </si>
  <si>
    <t>b'\xc5\x08\xd5w\xf0\x9ac\x8e\xf4#\xbd\x021\xdd;\x92+C\xcc\xa9\x92,\x0b\x9e\x95\x86\x1c\x1c?\xee[\x85'</t>
  </si>
  <si>
    <t>b'd\x1d\x17d67\x17\x88\xe4NX\xect&lt;\nO\xa9\xacl(\xd4\x01\xb3Q\xc5\xb2\\@f\x02F\xfb'</t>
  </si>
  <si>
    <t>b'\xb0?\x1b\x02\x88\x91!\x18OL\xf3&lt;\xf8a\xf3\xdf\xb9U\xb1\x85k!\xd2\xf32_\xed\xa4\xc2*\x92('</t>
  </si>
  <si>
    <t>b'\xc6\xb2\xdd\xf66\x06\xbfet\xd5p\xfa\xba|\t\xff@D\xff\x97\xc306\x99\t\xeb\x1bKh\x0e\x03\xf4'</t>
  </si>
  <si>
    <t>b'\x9a0\xe1\x89\xa4S\xa7\x0c\x02\x14?\xefW\xe9\xcf$\xcb\x8a\x07h\xc7\xce\x88\xe5\xdb\xcad\xb7\x83\x0f\xcdT'</t>
  </si>
  <si>
    <t>b'OBe\x0eZ\xa9\xe7\x1d\xad\xbf\xae\xa3\xafqN\x81\xbf\x0f\xa0/\x98\x8a\x05\x18-\xed4\xa3\x93/X\xfb'</t>
  </si>
  <si>
    <t>b'\xeafZ\xec\x92Fow\x8fl\\\xe6\xb5\x06\x93\x8f\xd4N2r\xd0\xa7y/D\xa7\xf7\x86\x80\x97\xd4\x0f'</t>
  </si>
  <si>
    <t>b'\xb8\xdeP\xde\x9a/\xbd\x8a\xb4\xfe[/\x88k\xb0\xeb\x99\x96\x8f\x80P\xb8\xad\x17\x95^g\xb2\xfa\x8c\xd4\xf8'</t>
  </si>
  <si>
    <t>b'\x84\x8a\xb3(\xd5\x0c\xd7\xe0Z\xe2\xf80\x97\x89\xb17\x84\xb1\xb4\xf6\x91\xb5\xb3*A\x91l"\xcc`\xb87'</t>
  </si>
  <si>
    <t>b'"Y,\xb9=\xa5\xb4\xff\xb1\x03\x1b\xee\xc7\x1c\xb2\xee\x9bJ"\x81\xb4\xe95\xbd\x032\x85\xf8\x0f2\xc3\x02'</t>
  </si>
  <si>
    <t>b"7K\xba\xcb\xffT\x05\xf5\x17r\x9aW\xc0\xd1\xe3\xd4D\x11\xd0\xd9\xac\x18\xa9\xb6lUV[\x03'5("</t>
  </si>
  <si>
    <t>b'we\xdc\x90\x9e\x02\x02wY%\x81_7(\xea\x17\t\xdd\xbdNQ\x83\xe1p\xf9\xc5\x18u\xbd\x04v\xa7'</t>
  </si>
  <si>
    <t>b'\xcb\x1c\xf7\x89\xc8\xb5\x8a\x8b\x12)\xbd\xc1\x8a\x80\xd2\xf4\x8eO|\xd3\x84n\xb2\xd0\x1e\x07\xddab\xacu+'</t>
  </si>
  <si>
    <t>b'\x0c\x1a\xba\xdc\xd1\xb2#\xe28\xee\xc1\xcf\xe0206\x13Od\xf8\xde\xfe\x18&lt;\x84M\xd4\x94\xf7\x17\xd7\x8a'</t>
  </si>
  <si>
    <t>b'\xa3xp&amp;]\x16\xc5P\xba\xe3*\xf2\xf4\x8f\x02&amp;&gt;\xb7\x88(\x98[\xab\x050|\xaf9k\x17\x9c\x1c'</t>
  </si>
  <si>
    <t>b'hF\xb1\x9a\xa8\x8dB\xfe\xd6\xba\xf4exR\xedU&lt;$\xdd\x8dm\xfe\xf8\x18\xe2qJ\xac1\xd8,\x9d'</t>
  </si>
  <si>
    <t>b'\xd9,i)\xe4X.\n\xf5\x8f\xc1A\x06\xed\xdd\xbf{5h\x95l\x84\xb6\x0b\x84+\tA\x87\xdd\xd5\xda'</t>
  </si>
  <si>
    <t>b'\x98\xf9F9+P\xb6\xdf\x14\x92\xa23"\x18\xefB\x14\xd4\x97r\x84\xcdX\x1ew\x81\xb5V\x8d\xb6\x82|'</t>
  </si>
  <si>
    <t>b'\x9f7\xb8g;1\xd8\xe9RW\xbc\x1f\xd3\xc4\xf3\xdb\x0e\xeaa4\x83\x84\xb5!N\x1fZ*\xc5\xaaV\x18'</t>
  </si>
  <si>
    <t>b'\xc7\x0c9\x8f\x9ba\xa0\x18\xbaF\x08\x083U\xc2.\xbb\xfa\x85=\x9e\xe4\xd1\xees\xb7s\xd04\x9c\x92\xab'</t>
  </si>
  <si>
    <t>b"\x13\x1e\x00]\x98\xa7&lt;\x89l\xac\xa7'F\xc0\xa9\x06\xc7\xb2\x879\xd6\xc9\xf0\xbc\x04\xf2\x87\x94\xbb\xcb\xb2\x1d"</t>
  </si>
  <si>
    <t>b'\xde\xbcE\x88z\xa2\xc6\x890\x93!Q\xb8\xfe\x02\xfe\xd5\xd3\x0f\x1d\xef5~\xb0v=\x87\x85z\x8b\xc0/'</t>
  </si>
  <si>
    <t>b'\xaf@\xac\xd5Y\xb7\x90\xad\xe5 \x11\x84\x15A\xb6\xb0\xe9\xad\x80\xa6\xa0\x86\xc7\x8a\xb9\xf6\x1cP\xa4H\xd3\x8d'</t>
  </si>
  <si>
    <t>b'\x8e"H\xf8,\x06I\xf5\x99:\x17\xdc\xdd\xe70W\x9a\xc8\x01\x80\xa9\'C\xda\xff\xea\xf7`\xfe\xbe\x19\xf1'</t>
  </si>
  <si>
    <t>b'HSB\xb0.7&lt;-\xbc\x1513wXS\x92J\xcc2od\xe5|fWC\x957&lt;\x06\x1e?'</t>
  </si>
  <si>
    <t>b'\x80\x90\x9f\x05\x10\x06\xabe\x152=]\x89\xeam\x86v==\xefA\xc1\xf2\xfa-\x9ao.l\xa9\xc0\xcf'</t>
  </si>
  <si>
    <t>b'L\xa6\x0ch)~\xdf\xea(\xb7\x7f\x16\x11\xe7Q\xf2\xb2\x17\xd7t\x90\x1di\xa6\xbe\x0e\t\xec\xcb&gt;\xa9#'</t>
  </si>
  <si>
    <t>b'j\xd5\x13_\x82.\x0e\x9e\x14\x93\x15\x7f\xaf\xe8HNr\xff\x00\xde)\xef\xcbzS\xc4\x07(]\xa394'</t>
  </si>
  <si>
    <t>b'\xe0l\xe2%\x8az\xd9\xdb\n\x7f\x0fC-S\xcf\x89\xdbA\x01oH\x9e\xe9\xda\xc8\xa8s\xce_.\xdb\x05'</t>
  </si>
  <si>
    <t>b"x\x97Q\xb2g:\xd0'\xd2\xf3I]\xc9\xc2\x94Nz\xe2\x18\xba\x1bO\xc4\xe2.\x01\xea\xc0\xd2\xaf\xa6["</t>
  </si>
  <si>
    <t>b'\xd6\xfb\xab\xa9\xabEu\xa7\x93\xc6j\xf9)\xb3\xaa\x90Q\xc3)\x13"I\xdf@\xb9\x81v,\xdf\xa1\xdf\x08'</t>
  </si>
  <si>
    <t>b'\x92R\x80\xffZ\xf0\xe5%\x14-f\xf6,\x93\x96\xa6Y=\x02\xb4\xc9\xaf\xfc\x0c\xc1\xaa\xc8[0]\xdcq'</t>
  </si>
  <si>
    <t>b'\xd5"N[$\xa7-\xf2\xf2\xee\xbb\n\x14\xb2w8\x81\xbd\x85q\xc88.\xd1"E;\x1f\xd1\xa0kP'</t>
  </si>
  <si>
    <t>b'\xdb\x9c\x04\xcc\xe4c\x91y\x89j\xb2\x13\xa5:\xaf\xdb\t\xb1\x93\xba\xea\x0c\xc1\xf3\xae/\xb6]\xf0\xbcw\xec'</t>
  </si>
  <si>
    <t>b'\xa8\xa2OA\xda\xe7\x0c\xaa\xc6B\x0ev\xa1\x9d*b\xf1\xc6jx\x1f&lt;X\x93\xdd\x8b\x1b\xc9\x1e&lt;\xb6\xd9'</t>
  </si>
  <si>
    <t>b'\xa4SH\xe1\xfb\x81%l\xdf\x02\x98\xab\xea\xa9"u\x8e\xcb1\xad\x80=\xef\x9c\x1c3\x96\xd7\xc3+\x8f\xd6'</t>
  </si>
  <si>
    <t>b'\xf6FN\xf9\xb7\x8eC\x9b\xc1\x8a\xc3\x0cu\x81\xc8;=;\x95\x1d3C\xcd\xfdEkUe\xfc 1r'</t>
  </si>
  <si>
    <t>b"\x06\x1d4\xe4\xb3U\xf1F\xacNX\xecXMd'\x17M(\xec\xf2\x0f\x17\x1bSOS\xbb\x13\xbe&gt;\xe7"</t>
  </si>
  <si>
    <t>b'\xef7uZ\xfa\x83\x82\xca\xb6\xc3\xf0I\x1d\xbe\xc6\x1bs\xe5\x9a\x1d\xf8\xcf\x8f5\x98\xef\xa1\x05P\xd3\x9e1'</t>
  </si>
  <si>
    <t>b'_\x89\xe1\x9b\xdawo[jQ%I\x8d\xbcb`\x00\x14\x7f\x7fO\xce\xac\x11J0,R\xd4+,\x96'</t>
  </si>
  <si>
    <t>b'\xbb\x15\x8e\xed\x9cC\x85\r\xc7\x0fA\xf2\xca\xfc\x10eV\xc7\x07.\xe7c\x85\x8ecK@\xc2\x0c\x7f\xb4\xe9'</t>
  </si>
  <si>
    <t>b'\xf1Q\x85\xd3\x0f\xc7\xfe\xc5O\x11n\xd9\x91\xfcZ\xcb\x04\x0c\xe4\xe80\x12\xc8\xa8\xc6\xb2\x15\r\xde\xc9\x964'</t>
  </si>
  <si>
    <t>b'sz`vo}\xc6\x00v\xba\x07|[\x10/\xb8\xd1_R4R\x05\xd9\xa6\x15\xc2\xa8\x16x\xfc\xe4X'</t>
  </si>
  <si>
    <t>b'\xa1\xdez\x84\xf3\x80\xb4\xbf\x93!\x05\x98\xa4\xd2\x16\xc5\xc8\x94~(T\xd5\xe3H\x13*\x14\x19\nH\x87\xb1'</t>
  </si>
  <si>
    <t>b'\x83\xbfW\xd7\xe8\xd9\xd6\xe7\xa3\x0cPIC\xa6@\x1d\xe9\xa1A\xfd\x04\xb6j\x16\x9cv\xc6r\xe4\xcc\xeb\xc2'</t>
  </si>
  <si>
    <t>b'\xb3q/D\x82\x93\xbf\x12\x84\x84\x8c\xd1\xc1\xd5H\xb5\xfeEg\x0c\x042R!fLB7\x9c\xcc\xb7\xbb'</t>
  </si>
  <si>
    <t>b'\xff\xd3h\xdf\xbb\xb7\xbb\xf4\xa1+B\xfcG\xb5I\xc3iB\x1eI8\x9en\x07\xf0\xba=\x1d\xef\x86\xcf\xfe'</t>
  </si>
  <si>
    <t>b'\xbc}\xfd\xdc\xf6\x93\x1cVy|\x1as \xa0G\xa5\xab\xc8\x91)\x9dl\xa2\x84\xd63\xaa\xee\xe0\xc9\xb2\x07'</t>
  </si>
  <si>
    <t>b'\xa5\xde\xa2oL\xd9\xfc\xd2\x99N\x13|h\x94\x87\xdeC\xb0\xcb[\xd9\x17\xb9n\t\xbf[\xeb\x8f\x03zC'</t>
  </si>
  <si>
    <t>b'\xb4\xbaL^\x00Q\x10\xf6\xd8\xed\xbe\xff\x88I\xe6\xea\xb0g\xa5\x03\xc5\xcb\xd1\xec\xb9G3\xf4q\xb56\x05'</t>
  </si>
  <si>
    <t>b'8q\x1e]\xd0\xdf\xac0?O\x8aM\x99 \xaa\x93lks\xe6C\xe7\xab\x8c\xad\xd6O\xda\xd1\xe1p\x98'</t>
  </si>
  <si>
    <t>b'\xcd\x9d$dE\x03o\xac\x11\xda\xec\x85\xaf\xda\xe9\x17\xdb2/w98\xdfJ\xf5\x86\x04\xed\xab\xe8\xfdR'</t>
  </si>
  <si>
    <t>b'\xf9\x190\xf0^\xf1n\x0b\xe9\xc8\xec\xd8\xce\xa1\x12\xee\x1d\xb2p\xb9V\x0f5\xd6.\xcb\xbcm\xe4F\xf3\xea'</t>
  </si>
  <si>
    <t>b'\xdeFd\x15~O2\x9d%\x880\x81\x99?\xc4\xfb\rf)i\xa0\x1a\x90X&amp;\xb8\xf2\xab\xeb\x14[\xa9'</t>
  </si>
  <si>
    <t>b"\xf8\xbd=cz\x08*\xa5c\x90'\x89\xb6\x8d\xb0\xc2u\x86\xa0)eH\xff\x19\xd7\xe2\xbd\x8b\x855\xd16"</t>
  </si>
  <si>
    <t>b'\x06R\xa1Bd3\xc0p\x08\x88\xd8\x88\xd4\xc9t\x91\n_{\xd7\x0f\x11\xf0\xe7\xd8\xd9\xc78"\x89\xf2X'</t>
  </si>
  <si>
    <t>b'\x10\x9e\x9c\xabM"\x99\x9f\xa4\x87\t r:\xeepZ\xd2\xa2\xedE\xe9\xbc\xab\x97\xee({\xdf\xd2\xf66'</t>
  </si>
  <si>
    <t>b'D\x1f\xfa\x96\xd2OG\xa6Tt\x17\x1e\xa5e`c\xd2q\xa7ns%\xb2\xacZ{\x85\xb0g\x7f\x07\xf1'</t>
  </si>
  <si>
    <t>b'Z\xf8B\xb8\x02\xe2\xbf\x1d\xf9\xb7\x00o\xb7|\xbcbh|x\x04\xf48\xaeS\xe7n\xd6\x82\x9af6\xcc'</t>
  </si>
  <si>
    <t>b'\xe9\xc1\xa7\xb8\xe5\xd6\xe2\xbe&gt;q\x16\x05@\r\x1f\x93\x03D\xe3\x16}\t\x01C\x82\xa1\ty\x88ph\xa0'</t>
  </si>
  <si>
    <t>b'7;\xf4\xe5\x82|E\xd0\x1f\x90\r\x99w\x8cB\x80\xb1[\x87\xca\x88\x86\x0c\x8bh\x91\xf6p \x18\xe1\xfe'</t>
  </si>
  <si>
    <t>b'\xf8\xa9B\x83\xbdW\xc4gDzH\xd1u\x1ep\x95E\xa5V\xeca\xcc\x11\x12]\xc1\xb6_\x1b\xf7\x03\x0b'</t>
  </si>
  <si>
    <t>b'/\xd1e\x887\xb4\xacE\x1b@@\x85\x18\x04\xbd\xe4D\xe0#\xea\x96&lt;+^/O\x84\xb9\x96$\x08c'</t>
  </si>
  <si>
    <t>b'\xc8\xac:\xaa\xd4\xf0d\x83Ry\xca\xa7\x80\te6\xf4\x87\x95\xce\x9a\x1b\x18@H\xa3\x9c\x16\x91\xf3\xf7)'</t>
  </si>
  <si>
    <t>b'\x11\x92\xf69\xa3\xe3\xfeOK\xb7\xfb\\\x8b\xad=\xed\xd2U\x93\xe1\x85(\xa9\x149\x85\xbc7I\x8a\x00Y'</t>
  </si>
  <si>
    <t>b'\xda\xcbK\xdf\xc5\xd3^\xb5\xe6\xc8y\xb5\x8b\xd2\x81\x17z\xc7\xedb~\x81\x92\x18L\xf9\xa6\xea\xa6\xe2\rn'</t>
  </si>
  <si>
    <t>b'\n\xcf\xa7\x0c\xdav\xc4\xcf\xf1\x08{oc\x94\x03\x18]\x14\xd2v\xf2\xfb\x89\x96c\xf6\xbe\xfav\x89\xb8\xd8'</t>
  </si>
  <si>
    <t>b'\xc7\xcf\xf7&gt;\xa4\x90\xda\x1d\xa7k\x95\x92I\xd9H\x99\xdf]\xd3\xed3R\xc8\x8d\xf1B\xaf\x835\x1cA\x85'</t>
  </si>
  <si>
    <t>b'\x97Zf\xb8\x90\xe57\xd6t:H_\xae\x8dl\xa7\xc7\xecJ\xe2\xf9\xae\xac\x1b\xdf\xe2\\\x11q\x10YU'</t>
  </si>
  <si>
    <t>b"t\x93\x9f'\x87ea\xb64E\xfe\x00\xb4T\r\xe0\xd6\xba\x8flT\xe8pEI\xb7\x00\xd6\xef\x97KL"</t>
  </si>
  <si>
    <t>b"\xd7a`'\xfa|bJ\xd3V\xa1\xd3t\x94\xb1[\x80\xe3\xcbFl$\x16\xcb5-\x91\xc8\xcf\x9a={"</t>
  </si>
  <si>
    <t>b'\xaei\x02m)R\xac&amp;#\xd7x^\x01\xd0uP\xf3\xf47\x12@\xfe\xae\xdf,\xed\x83&amp;\x9d\x80\xa0\xfb'</t>
  </si>
  <si>
    <t>b'\x9b\xb7\xec\x95m,\x0e\x85I\x94\xa2$\x867\x0b\x81\xb2\xa4E\xde\x93U\xd8\x96"\x1c\x17B|H\xd7\xb6'</t>
  </si>
  <si>
    <t>b'\xbd\xbb\x85\x9b\x87\xac\xbf~\x1a\x15I=H\xc6M\xc4+\xed\xc0\xf3m\xe5\xd9(\xbcx\xdc\xd4\x9aa\xd6\x18'</t>
  </si>
  <si>
    <t>b'hp\xe9\xa3\x15o\x88\x11w\x9a\xce.\x9e\xda\xc6\xa6\x08\xe5\xd8\x95\xd0c\xef{nb\xccXS%\x83\xd6'</t>
  </si>
  <si>
    <t>b'\xaa\x8d2\xf3n\xb2\xa9\xca\x9a\x862d\n\xf8\x93L\x0fn?E\xdd\x07\xfa#D,&gt;\xc1\xcdc&amp;\xf4'</t>
  </si>
  <si>
    <t>b"y\xb8z\x91\xde\x0e\xc0\xf2\x86.\xaa'\x82\xc2\xc9Z\x91\x98\xe2\xf6d\x985\xbd\x89\x14m\x8cP\xe7M\xa0"</t>
  </si>
  <si>
    <t>b'\xf8\xf9\xe1\xd8"\xf9\x1a\xf2\xcaC\xe9P\x96!jk]\xb2\xe7@\xeeMk\x0c^+\x1d\xfa&lt;Lcs'</t>
  </si>
  <si>
    <t>b'[B\x8b\xac\xc3\xd7\x1c\xb5n+\x7f\x00\xf6\xfc\x8b;\xaajm|\xc7\xa8f\xf2L]\xd3\x8d\x0bL\xfa\xa1'</t>
  </si>
  <si>
    <t>b'\xd5.\xef\x95\xdetH\xedTW9\x9d^\x8e1\x127\x1e\x9dja\x97V\x01&lt;\xa0\xbd\x00\xc7-L4'</t>
  </si>
  <si>
    <t>b'G\xab~\xdf\x7f\t\xcb?\xa3p\xfe\xff\xc2\x9c2\x91*#\xe5j\x82\xa6\xcf#\x10\x860\xfeY\xf1]\xe2'</t>
  </si>
  <si>
    <t>b'\xb0\x14\x95/k]\xf5\x99\xf2!2\xceYw\xbd\xf1\xd2\x84o\xc5I\x16\\\x8a\x07\xa2E\x8a\xef\xe2\xb8\xbd'</t>
  </si>
  <si>
    <t>b'\xc4\x16\xfae\x9b\xaax\x8c \xdf+\x90\xe4\xdbz\x97o\x1c\x81\xd2|\xa4\x05\xf3\xba\x03tlW]X\xa8'</t>
  </si>
  <si>
    <t>b'M.BM\xe2\xd0\xb4\xdd\x0f*\xd3\xaa\r=\xa3\x16\xbaNjF\xb3\xe0\x7f\xd8Tu\xfd\x90\xff\x07\xfa\xb2'</t>
  </si>
  <si>
    <t>b'%\x8a7\xeem8\xfa&gt;\x0b\x12\xa1\xea:\xfe\x18[\x0e4\xf8\xdc\x90\x84\xf9{\x92M\x1c\xa3\xee!\x0c\xb4'</t>
  </si>
  <si>
    <t>b'\xa9\xd3z\x9f|\xff\n\x85\xc1MZ\xa5\x03\x8ab\x86\x12\xb1\xf2\x0c\xdf\x92W\r\xd0\xf0\xb2\xf4\xbe\xe6\x05\x0b'</t>
  </si>
  <si>
    <t>b'R\x9d\xd0\x1a*7P\x07\x84\xf9\xe3\x12\x04\xe5L$\x99\xa6H\xa3\x19\x91x\x10^/\x9dW\x85\xbb\xce@'</t>
  </si>
  <si>
    <t>b'$\x1f\x18A\x84\xaf\xda,\xcdY\n\t|\xb5v\x97\x18p$LG\x07H\xac\x97\xf5\xfe\xfe\r\xeb@\xb9'</t>
  </si>
  <si>
    <t>b'\xa5\xa3\x9f\xb4`\xc0\xa0\x97\x02w\xa3a\x0c\xcd\xd6|\x83|T\xfdg\x99\xcd\xc4\xb8\xf0S\x12\xe5 D\xe5'</t>
  </si>
  <si>
    <t>b'\xb6A\x7f\x0b\x1f\x91Ut\x13\x1f\x9b\x15\xce\x1c\xf3S!~u\x04_M\xce:C\xed\xcf\x94i&amp;7B'</t>
  </si>
  <si>
    <t>b'\x04O9\xb2\xff\xb0S$T\xef22\xd2\xae\x8b0\xe7\xa7\x10 \x15\xbd\xc6\xc7\xcbT\x04\x8b\xbb\x7f\xed7'</t>
  </si>
  <si>
    <t>b'\xa2\xc1\xc8^\x1aP\xa8\xc2\xe4e\x15\x92\r\x91C\xf5\xa8Je\xe86\xc0\xa4\x11\x7fW\xf1\x8d\xc2\xcb\x84O'</t>
  </si>
  <si>
    <t>b"\xd3\x9fv2&gt;T\xa9#\\c\xa4O\xcfj\xcd\x01B\xdb\xe0\xba'\xfb2\x90R\xf5%H={R\xb9"</t>
  </si>
  <si>
    <t>b'\xc7\xb3\xed\xb0;\xf3\xde\xf6u\x97#\xaa\x13\xcb\xe4/\xc0\xed;\x9e\xa2\xe20\xe7y\x1c\xa4\xa9\x00*\xcb\x18'</t>
  </si>
  <si>
    <t>b'\xea5\xac="\x9e\xf7 \xb1\xb5\x95\x8e\xa8p\xd2\xc6\x92\x84\x99\xab\xf9\xff\x7f2J^\x18\xda\xcd,\xe2w'</t>
  </si>
  <si>
    <t>b'\xc6\xac:\xb4\x85_2\xc5a\xc6S\xd3\xa0\x9d\x7f\xfb\xa7C2=\xca\xb1Gz~Eq\x1a3\t\xbe\xdb'</t>
  </si>
  <si>
    <t>b'V\xb5\x8a\x9e\xfes+\xf30q\xa2\xd5*\xa1lp^\xcc\xda"\x95~\x06\xc8\x8a\xd9Od\xdf\\T\x98'</t>
  </si>
  <si>
    <t>b'\xb1{J\xbe\xe1\xb5[\xfd\xb6&amp;:\xa0!/c7\x85%\xd1x\x99\x0cQ\xe2\xd4\x04\xc4\xb1\x97\xb5\x0bA'</t>
  </si>
  <si>
    <t>b'\xe1"5\x9ft_\x96\x90~\xf3\x12"Bd\xd9\xfa^(\x18&lt;\x01{\x1c@\xcc\x10\xc9\xd8\x90\x1f\xbc\x16'</t>
  </si>
  <si>
    <t>b'j\xa9\x97*\x1b\x81(\xe5\xad\xa6\x1b\xaa\x1d\x9f\xe8\xf7$\x91\xc0\xc8\x80\x87\x95?($\xbf[\x14\xd7\xbcj'</t>
  </si>
  <si>
    <t>b":8\xd7\xc3\x86M'E\x9c\x81\xab\xcc\ni\xed\x94\x8f\x90\xba%\xde5\x9br0Ia[\xd3R\xbey"</t>
  </si>
  <si>
    <t>b'!&lt;?\xfe\x1b\x0e`\xbf\x87\x0e\x89\xcb7Mk\xd9\xfe\x12\x94\x1bO[\xe1s\x98\x1cx=\x18`\xc0\xce'</t>
  </si>
  <si>
    <t>b'\xcd)\xc7\xc5\xe2F\xe3/:&gt;IF\xd5\x95J\xb3\xf7D\xfb\x14L\n!+\x9a\x0b\x12\xb9\xf8|O\xe2'</t>
  </si>
  <si>
    <t>b'\xc6\x10\xff\xa0`y\x1e\xb9A\xfd\x1e\xcb\x846\xdbB\xcb\xa2\xd2\x1a\x9b\x8a\xa8\x04\xea\xf9\xdf\xcf\x9d\xd7\xe8~'</t>
  </si>
  <si>
    <t>b'E\xbc\x19\x07p\x13\x15[\xfax\xdeC\x15y\x05\x03\xd2\xc3\xaa\xcca\xcebTP\x93&lt;A\xa2se\xf3'</t>
  </si>
  <si>
    <t>b'5w\xb5\x94,\x07\xda\xc4\xd9\xc9\xe8Z\xf5f\xf6\x1a\xfd`\xe2\xe3\x95\xe7\xbdGGB\x89!\x1f\xa9\x0e9'</t>
  </si>
  <si>
    <t>b'\x82\xbae\x8fL\x1b0A\xb0\x98\xcal!\xa8,\xd9\xda\xb4\x8b\xd6\xb6}\x84\xb7M\xf2\x13\x8a\xb3\xf9\x87\xd5'</t>
  </si>
  <si>
    <t>b'\x93)\xe0\x83\xd3V\xf1Mi\xc8{2\xad\xe5|\x8c\xa5I\xd1+\x96\x96\xa0L\xa7\n\x93))\xc3\xf0\xef'</t>
  </si>
  <si>
    <t>b'L\xbf\xe6\x92_\x80\xda\x89l&lt;Z \xb4\x8b\xb4\xc0\xb4\x9d\xdc7[\x10g\xdd\x93\xccOmj\xd4\xcfn'</t>
  </si>
  <si>
    <t>b'\xcam\xc13\x8e\xe8[A\xb3\xe6w\x86j\xa2.b\xde\x8b\xb6v3O\'\xd8\x8e\x04\xf3=\x03"\x14\x84'</t>
  </si>
  <si>
    <t>b'DdR\xaf\xc9`N_\x9a\xa8L\xd6W\xa4+\x92\x1c$\xfbn\xe0\xe0\x9b\xd0\x14\x97:\x0f\xa9\x86\x8e\xcb'</t>
  </si>
  <si>
    <t>b'\xa6T\xbf\r\x8e\x90\x1a\xc1~*\x96\x0f\xe2\xebtK\xbf\xcf\x07\xc3\xach\xea\xce\xa3S\xa9N|\x92[\x0f'</t>
  </si>
  <si>
    <t>b'\xb4\xd0\xf5\x8e\xb3\xea\xe1\x83\xfb\xc1\x9c\x97f\xdd\x8d\xeb\xae\t8\xc6\x1c\xbe`o\x03\x05\xc8J\xf7i\xb5\xeb'</t>
  </si>
  <si>
    <t>b'\x8a\x96\xe0\xc0\xe6\x10C\t(\xd7v\x94\x9b8q"\t\x11\x94\xcds5Oa\xa4.\xfaM\x8442\xd9'</t>
  </si>
  <si>
    <t>b'\xbcvT\x15\xde\xb2\xcf\x81\x07\x17\x91\xb3\x03\xff\xaf\x8b\x84\x8f\xa6+\x00\xa7\x99\x1a\xdb\xfb\xba\x089\xd4\xc7\xe0'</t>
  </si>
  <si>
    <t>b'i\xcd\x8f\x81\xb70\x86\xe3\xbe\x1a|\xc9\xb2\xea\xefRF\x04+\x0c\xb3\xfb\xb55\xddM\xc6\xfb\x9ecy\xf1'</t>
  </si>
  <si>
    <t>b'\x18\xb8\x19\xae\x90\x18lNq\x92\r\t\x10U\xfc\x11\xbb=c\xe37\x03(\x94P\x01\xbaAk\xe9\x1b\x01'</t>
  </si>
  <si>
    <t>b'Z\x9a\x89\x17I\xba\x98\xdb\x086\xf5\x14\x8b\x88\x05w@p\x892\xeb}\x17\x17f\x05q\xb6\x93\xba\xf0\xe6'</t>
  </si>
  <si>
    <t>b'\xb5\xea_\xb1\x025\xae\xe5\x8a\x8e\x04\x1f\x8fY\xca\r\xdea\n\x06=H6\x03\x11\x00\xa6\x1b.\xb9{\x0c'</t>
  </si>
  <si>
    <t>b'\xc8E\xe3xh"\x13\xd2\x17\x99\x07\xf8\xf9k\x1dvHw\xf8\xe9\x93\x04]5\xf5\x18\xa5b\xac&amp;\x8c,'</t>
  </si>
  <si>
    <t>b'\xcc\xbaYR\xcf,T\xdb\x13\xc0\x7fG\xaf\x85X{\xcb\xa5Q\xb3`\x0c\xf7mA\x1fA8\xae\xea\xd6\xc3'</t>
  </si>
  <si>
    <t>b'38\x96\xd1\x18\xf7\x10J[\xef\xc7{h\x83\xae\x8b,\xe1T\x0c\x86\x9a\xe2\xb6e\xf8\xe1w\x96\xc3\x18\xf8'</t>
  </si>
  <si>
    <t>b'\x7f\xec\xdcc\xb6j\xf0\x96\x9br3c[\xbex\x17n\x8f\x1b\xb5\x13{\xb1\xb5?4\xf0NcU_\xa4'</t>
  </si>
  <si>
    <t>b'"z\xa5\x84\xaf\xfc\xa7&gt;\xe7\xbb7\xfeI\xee\xf8\xd3&amp;te\x9f\x93\x8f\x8f\x14x:\xd97FS !'</t>
  </si>
  <si>
    <t>b'\xd3c\x8a\xda\xd1?6\x05\x9e\x16\x05\xdb\xe0\x03\xf7\xb3n\x07\x03G\xc5Uk{\xd1\xfc\x8f.\x1e;Y\xcd'</t>
  </si>
  <si>
    <t>b'#\xef#\xc1\xe8\xab\xb4\x82\rg\xa6YG\x0b\x11\xf5\xcfU\x9f\xdaoF\xf0\xb3\xcb\x1d4\xdb\x0f^\x8f\x82'</t>
  </si>
  <si>
    <t>b'LW\xd2E4\xb0\x04&lt;\x8c\xd1\xd8]\xfc\xa9\x00\x98\x82\x0b\xfd\x14\xc5e+Qnd\r\xe4\x16\x8fY}'</t>
  </si>
  <si>
    <t>b"\xe3(\xf2TI\xbd\xacxs(Cx'\xed\x90;\x9eKE\xee\x9e\xdeq\x97%\r}\x96\x86\x11\xea\xc5"</t>
  </si>
  <si>
    <t>b'\x12\x18&amp;\xd2\x1a\x11?\xb9\x14\n\\\x91\x86\xda\x00I\xdd\xeb\xec\x14\xde\xefz\x08%\xad\x0e\x19\xfd\xdf9\x0e'</t>
  </si>
  <si>
    <t>b'K\xa8\x91\x95#\xe9A\x0b\x80p\xeaW5\x8a\x9a\x17\x18\xab\x12\x85\xf7\xef\x03P0\x0e6\x85\x16(Qt'</t>
  </si>
  <si>
    <t>b'\x13m{z\xf5+\xa7\x19+\xc5\x8el\xc8\xab^QD\xb8E\xa4\xcd\x96\xe6\xec\x93j\xc5X\nh\xfb+'</t>
  </si>
  <si>
    <t>b'\xe8\x86\xc0t\xfd\x01\xfaW,\xd0\xb5\xf5^\xe1\x97\xac\xb1\xa0\x81\x05\x86\xd1{\xd5@\x1a\xeaX\xac\xf4C\xae'</t>
  </si>
  <si>
    <t>b'~\xcd\xed\xa6g\x05&gt;\xc1\xca\xd7I\xfav\xd3\x90\x11\xbf\xcb\xf3\xaa1L\xa6\xe0x\xfdC$&lt;|EO'</t>
  </si>
  <si>
    <t>b'&gt;\x06\n_9\x1f\x11\xf4\xb0\xf2\x98&gt;\x9c\x12l\x17%q\x82*\x88l\xa4\x9aU\x15\xde\x17\x86b\x8d\x00'</t>
  </si>
  <si>
    <t>b'\xc7\xaf\xdb\xd1\x9b;X\xa6`\xaa\xc2\xf0\x81\xde,\xb8\xc0\xde\xb4\x16\xd7\xd0\x95!\xb5\x80lr\x83\xdc\xd8\xaa'</t>
  </si>
  <si>
    <t>b'\xdd\x81J\xc52WA\xf2\xefOq#8\xf3\xc8j\xfc\x10\xbez\xff{\x8b\xf4&lt;\x7falO\xde \xf2'</t>
  </si>
  <si>
    <t>b"1\xdd\x89`\xa2p}!\x96\xee\n\x16\xf9od\x99\x7fvd\xb2\xfe\xd3\xabb\x8b\x88\x01Y\x11r\xd6'"</t>
  </si>
  <si>
    <t>b'\x89)\x86\xcb\x81n\x98\rC\x85\xf3A\x99\xb0\xa3\x86\x7fsy\x81\xbc\x1dr\xb6\xb2\xcd}\xa8\x80{\xe0\xcf'</t>
  </si>
  <si>
    <t>b'\xe8\xa5Zf\x99\xcdY\x08\x86\xb9\xafC\x8a\x05\r`p&amp;z3\xc11\x90\x16#j,\x915\xfc\xc2\xc3'</t>
  </si>
  <si>
    <t>b'\x93\x06qj\xd46\nC\x0bK\xe3\xad_\x94\xd0\x8b\xfe\xbdCD\xe5\xf5\xa2\xbds\x01c\xfa\x8c\xd7\xba\x93'</t>
  </si>
  <si>
    <t>b'O\xaa\x04y\xffq\xda\xf1\x19\x0e\x951\x1a\xde\x94uq\x80\x05\x1d\xb96\x807\x94r{w\xce\x1fof'</t>
  </si>
  <si>
    <t>b'\xd3+4\xe4+\xff\x9d8\x1d\xae\xf4\xcbh|\xfd\xb8\xf8m\xe6\xca\xfe\xef\x1e{b\x81\x0eC\x04h\x12\x1d'</t>
  </si>
  <si>
    <t>b'3N[1\xa1\xf5\xaa\x91\x95\xa7\xea9\r\xa7\xb0\x88\x8dlz\xf4=\x8a;\xd6\xbfRo*\x00\xed\xc6\x92'</t>
  </si>
  <si>
    <t>b'\xbe\x00\x97\xcd\t4\tJ\xe4\xd8PH\x1c_qv\xf6\xaa&amp;\x12\x8f\xb6T\x9eu\x02w\xbf\x1d\xd5\xd7\x0c'</t>
  </si>
  <si>
    <t>b'\xc4\xd5\xe0h\x90\xfa\x1c\xa3\xd9\x00\xd2w0\xb9\xc9\xbd|\xec\x1d:A\xa9\xef\xc6\x8a\n\x04oB\x07\xe6\xab'</t>
  </si>
  <si>
    <t>b'P\x18\xae\x00\xc7\n\xb4\xc1M\xabP\xed+\x0e:\xf7\xb5\x9c\x06s\xe2\xe9\x91\xa4i\xb6r\xe9\x8a\x91\xdb\x8a'</t>
  </si>
  <si>
    <t>b'\xd0(\xach$b\x17g\x97;J\x9e\x1d$_.Z$\xb5\x04\x91\x8a\xa7\x81w&gt; c%a\xcbk'</t>
  </si>
  <si>
    <t>b'\\\xb6r\xfa\x854\xe2\x89\xf7wM_\xa4\x88\xb7_\x9f\xd2\x01\x89R[\x89I`\x9a\x14\x08\x9b\xb97J'</t>
  </si>
  <si>
    <t>b'6\xcd0ok\x98\x14.\x15\xd2\xa1\xfe\xf2F(\xd8\xd2\x1d\xd8\xc9\xe1\xfe\xa8p~\xfe(\x8a\xe1\x1b\xbfB'</t>
  </si>
  <si>
    <t>b'\xa2\xe3lT\xa6a\x17*\x18\xc6\xb4V\xe0\xd4\xc2\xa7\xd8J\xd6\xceF\xc0\x95\xf6}r\xdf\x80\xc3\x89w\x99'</t>
  </si>
  <si>
    <t>b'9\xe6I&amp;\xc4\x92\xc5\xbd\x1ewB9\xbdr\xbe\xc7&gt;3\x8392=dZDwFw\x1b\x84\xa52'</t>
  </si>
  <si>
    <t>b'p\xf7\xe5\xc3\xf2X\xeb\xf3\xde\x9f-\xd50}\xfa\xc1{UW$\x8eF\xdb\n\xd2\n\x0bu\t`(\xcc'</t>
  </si>
  <si>
    <t>b'\xb2_\xa7\xfa\xb4\xb2(\xbf%jS\xcb\x7f\x03\xb4K\n\xbb\x0c\x96T\x1a@\xd3\xadii\xe4\xd0]o='</t>
  </si>
  <si>
    <t>b'\xdd\xa6\x11f\x0b\x88\xf8\xa6\xc2\xfe0\x93\x8b\xcbW\xc4&gt;*\x06\x11\xdb\xd5](\xbcv\x83\xe9LZu\xc4'</t>
  </si>
  <si>
    <t>b'\x0fg\x7f\xa3\xca\xf0\xd9w\xc0\xbe\x07\xe4Q7\x16\xd4\xe05\xc5\xdas\xb3d\xcc\t\xdc\xe7\n\xfc\x0b\x06B'</t>
  </si>
  <si>
    <t>b'#\xdc\xea\x14BL\xe2\xeb\xca\xca\x19\xdf0\xc4]\xfb%\xad\xe5v|D\xba\xb5[\xf6\xc8\xac\x95\x88\xe5='</t>
  </si>
  <si>
    <t>b'\xf3\xf3qr-\xe3\xfen\xedY\xc1\x95\xaf\xc2\xf9\xeeR\x8e\xca&gt;\xd9\x97\\\xa0\x16\xb7\x8a\x0fZJG\xb5'</t>
  </si>
  <si>
    <t>b'\xf4\x9c\xf0*\xdc\x898\xcd&gt;\x8c\x99rRCO\x9e%\xde\x12G\x1bQU\xc7\xc7?\x84-\x1b\x0c;\x8d'</t>
  </si>
  <si>
    <t>b'\xb9\xf13\x1f\xc8\xafY\xa3G\xa9\xcb@\x9fq\xc5\x98\x01\xb0J\xb3V\xbd#S\x81\x1e\xd9f\t\x17\xf0\xfa'</t>
  </si>
  <si>
    <t>b"%{\x12\x8f\xb7nkn\xad\x96[7xmJ\xb1*\xff\xf0\x12i\xc7\xd7=\x1b?o\xcd'\xa7\xc6L"</t>
  </si>
  <si>
    <t>b'$\x93d?\xef\x18\x17\xdf\x1c(\xeda\x98z|J\\\x1a\xa6R\x18]h\xc7\xa9\xe2\xa8\x9eZ\x01X\xbc'</t>
  </si>
  <si>
    <t>b'\xc3t(\x84\x92\xfa\xd2\x95\xb8\x13\xb6x\xc4\xb3\xda\x0b\x930\xb8&amp;\xe3\x1fH\xd0\x87\xf3\r\x81\xcc\x18d\xe0'</t>
  </si>
  <si>
    <t>b'\x00Q\x07-\xa1l\x00\xe2\x88\x04^\xc9\xf9\xedF\xb7\x13\xea\\\nsM\x05\x1d\x0e}\xe0\x9e\xe9\xf3p|'</t>
  </si>
  <si>
    <t>b"MU\x84w`\xa1S\x13\t\xe6\x06';W7]\x89\xe8\xfb\xb9\r\x10F[\xe2\xc5!A\x97\xfb\x8f\xe6"</t>
  </si>
  <si>
    <t>b'\x96\xed\xd0,\xc6\x88N ,\x0b\xce&gt;\x1d}s\xf7h\xce\xca$\xeci\xda\x01,&lt;\xdf\x9cf\x7fL\xdb'</t>
  </si>
  <si>
    <t>b'\xea\xd0\x85;#\x82\xfc\xd7\xfa\x9d-\r9\x7fj\xd7H\xe3\x86\x1e\x97\xb5\x7fW\x0b,W\xcc\xaa]\xc0\xcf'</t>
  </si>
  <si>
    <t>b'\xff\x17\x18 \xd6\xf6\x8e\x81u\x0f\\\x17\xeb\x12M\xc9\x03\xcfS7,\xe8\x1c\x86/\xc6S~\xdc\x10\xe9\x90'</t>
  </si>
  <si>
    <t>b'u\x166P\xb3J\x13\x103\x8bY\x82\xb4n\xb9Q\x87\xa5M\\\xb3\x8f\xc9\x8c\x0f\xd7r\x95\xb2Wi\x83'</t>
  </si>
  <si>
    <t>b'\x1bK\xd3r\xb4\xfb\xd6\xa2&amp;\xa2V!\xb0\x02/\xbd\xc0\xefw\xe6\xe9"\xc0\xa1\xaa\x91\xa1P\x8b8\xea\xa3'</t>
  </si>
  <si>
    <t>b'l\xa5q\x10\xc5\x88O2\t!\x04O\x1e\xaa\x16\xcc\x93f\xdb\n\x15\xaa\x85\xedv\x19v\xc4\x01\x1aQ\xbb'</t>
  </si>
  <si>
    <t>b'\xf2\xed\xfeA\x01d&amp;/\xc5\x81\xff\x94\x85\xc6\xfbu\xf1\x871\xc6\x83\x99\xdcw\xff7\xfb\xed\x99k&amp;\x93'</t>
  </si>
  <si>
    <t>b"\xed:\x8fi\x16\xa1F\x83\xd2\xc9/\xb4l\xc1\xdeK\xa6r \xa9~|Ez\x01D\xb5q\xbd'\xbf\xb3"</t>
  </si>
  <si>
    <t>b'\x89\x9c\x1aV\xa7;V!\xd5@\xb7:\x9a`\x9aaQ\x00\xc8\xac\x1e?\x02+m\xf4T\x94\x9c\x0c0\r'</t>
  </si>
  <si>
    <t>b'\x907\xb0A.\xaa\xce\xcf,\x1c\xe7\xb3`\xf2\xce\xa4\xf3\xe7\x10f\xb8}\x84\xad\xf4\xee\x80\xb5[ \xbc&gt;'</t>
  </si>
  <si>
    <t>b'3H\xdc\xa0\xfa\x8c^e\xb08s%J%\x83P\x82\xdc\xcf\xdcfh\xcd1AV\xc4\xdb\x03\xc8\x8eU'</t>
  </si>
  <si>
    <t>b'`.\x9eX\x80\n1\xe8D\x00\xd6\\3%\x82\x8a\xa9\xdbM\xa9C\xa6}q\xc6\xae\xf0\x1d\xde~|)'</t>
  </si>
  <si>
    <t>b'\xeb\x94\xbf\x91\xa32:\xefz\x04e\x91-kW\xbc\xb2\xc5\xa7G (\xcb\xe0z\xdcm\xb4\x1fo\xf2F'</t>
  </si>
  <si>
    <t>b'\x87~Ey\xbe\xbe\x93\x05\x05\x97\xa4+,\xb9!\x83\x8b\xc8\xa9h}^wI\xb7\xf6xI\xb6\x9e&lt;k'</t>
  </si>
  <si>
    <t>b'J\xa4\x12\xb1r\xfe\xb4\x9b\x05\x8ag\xe0"\xea\xc3\x05\xb8_\xa4\x8cq\xd9\x80\xcc}N\xcb\x13\xbe2\xef\x15'</t>
  </si>
  <si>
    <t>b'\x95483\x9c\x85B4\x96\xb1nu\xd8\x86\xc3\xddb\xbdN\x95\xbd\xf3\x8aNE#\xd2\xdbO\x99\xd7&lt;'</t>
  </si>
  <si>
    <t>b'\x93\xb4\xa7\x8d\xc8O2:9\xb0\xd8q\xedY?\xd9G\xf6a+\xe66A\x95\xafT\x8c\xbf\x15\xa5X*'</t>
  </si>
  <si>
    <t>b'Fi\x13g\x91L\x99\x1b7F&amp;p\xffc\xba\x1f\x81\x04\xbci\x18T\xd4\x15\xa1\x7f&gt;nMN\xe5\xc3'</t>
  </si>
  <si>
    <t>b'C+Y\x1f\x9e\x1c\xcdg\x0c\xa9\x9d\xe7\xeeu \xf0\xa8\xab\xb2=\xec\xad\x95{\xd2\xfd\xd2\xe0\xa2\xaa\xb5\xb1'</t>
  </si>
  <si>
    <t>b'\xb0\x9cA\x1c\x0cH\xd6\x04\xb0\xb2,\xdb\x0e\xe4\x8a~\x94@\xccd\xfbR6\t7\xa5\x88\r\x7fMbB'</t>
  </si>
  <si>
    <t>b'\xa7wL\x89h\xa0\xd8\xac\xe2G\x99\xeb\x9b\xdc\x0bA\x06\xe6[p\xb2\x997um\xf2\x18\x0e`\xe0H\xa5'</t>
  </si>
  <si>
    <t>b'3\xea\xed*\xc3\xadDBU\xd8\x7fN7\x00\x8f\xcd\x15j\xb7\xc6s\x00*\x81\xf6\xfa\xcdUPh\xf9\x06'</t>
  </si>
  <si>
    <t>b'/3\x0e\xf8FsP\xec^dp\xbe;\xa2@\x06\x1c\x0e\x10:\x9d`\xf0\xf9N\x8e\xde\xe7\xe2\xba\xe0p'</t>
  </si>
  <si>
    <t>b'\x93\x87y=X\x95\xfe\xbd\xec\xea\xd7\x04\x87\xaf8Nl\x8c`\xeb\xbe\xe6\x14\xf8-\x1d\xed7}\xd5\x03\x9e'</t>
  </si>
  <si>
    <t>b'\x81\xb1&amp;S\xe1\xc8r\x07\x14\xb5AQ]$\x96*G\x8bn,\x11\xe6&gt;U\xfc\xea\xb13\xee`]\x11'</t>
  </si>
  <si>
    <t>b'\t\xf4K\xf0\xfad\x83hz\x94,\x08.\x99\xa2\x8b\xd2\x058\x08\xd7\xaaSk\x01\xcdfG}\x88\x02\xbc'</t>
  </si>
  <si>
    <t>b'\x86\x02\xce\xa8\xb4\xe2\xbeS,6A\xc7\xedL\x0b_\xc7\xcct?\xb5\x1d[d\x19M\xbb\xd4,|/\xdc'</t>
  </si>
  <si>
    <t>b'\xac\x9fSR\xe0\xca\xa9\x13\xbe\xf9\xcb6\xc7\xe4\xcf\xa9s\x1a"]\xaf\x80]\xa4\x0c\x92\xe7A1\x85\xca\xfb'</t>
  </si>
  <si>
    <t>b'\xa6@y\xc5\x85\xebHp\x85\xdd|\xc2\xd9\x8fbv\x9e\xbc\x9d\xa3\xe5P&amp;\x18\xb3\x80\xb0? \x03\xaf\x08'</t>
  </si>
  <si>
    <t>b'\x01\xd6n\x8c\xc7\n\xe2\x87\x88\xcd\xf4k\xbe\x8c\xf8\x01\xb2^Ep\x1d\xf6\x92wMS\x80\x1bWx~\xda'</t>
  </si>
  <si>
    <t>b'\xa1O%n\xab\xe1\x8b\xab\x7f\xe8\xeayeQ\x14\xba\xe4a\xff\xe0@i\xa7E13\xc1\xc0\x9b\xfc.\x8d'</t>
  </si>
  <si>
    <t>b'n[\x12\x1d\x97z\xb4\xcfgv\xd4\xe2\x92\x1a\xefyq\xd2\xf8S%\xeb\xe0\xe8XoC\x05\x87Hy\x94'</t>
  </si>
  <si>
    <t>b'\x10\xb8\x9c\x15&lt;\x97\xb8=\xd2\xbfM\x9c:*\xe9\xf3t,&gt;\x86\xe5\xca\xb3\x99\xc9\xcb\x80\xaa*22\x12'</t>
  </si>
  <si>
    <t>b'LdQ\xfd\xde)Tu\x88\x99\x94-I\xe8\x98\xfe\x8f_\xbb A\xe2\xa5\x84Bm2\xbb\xca%\xf1('</t>
  </si>
  <si>
    <t>b'v&amp;\xc8\xca\x84\x02z\x19\xf0\x8eDJ\xc51OZ\xcbJ\x0c\xf7\xfb\xd7N\xcb+\xd6TR\xe1\x1d\x9f\x0b'</t>
  </si>
  <si>
    <t>b'Q\xf4@\xd2\x89-\xa1\x92\x88H\x023n#\x92\x15\x12\n%Cv\x0bo\x95O\xe9\xcc[\xc1ug\xf5'</t>
  </si>
  <si>
    <t>b"\xd3\xa3\x95\xee\x9b|\xd6_\r\xc4\xbe\xb5\xec\x9e\xc8&amp;\x90\x964o\xc9v'?\x0e\x8b\x0c\xf7Gts1"</t>
  </si>
  <si>
    <t>b'\xbe\xa4\x97S\xd2%\x05\xf3K\xd4rb\xc5\xb8T\xab\x0e?C\xac\xf5\xa8\xbc\xa5\x051\x02\xf8I\xd47\x9c'</t>
  </si>
  <si>
    <t>b'g\x18\xd0\x90\x16~y\xf3\x8cZ\xf0,\x83Sc\xda7nP\x10\xb1\x054\xcb1VE\x0fG0\x80\xee'</t>
  </si>
  <si>
    <t>b'c\x96\x0c#\\\xf9/%\xfb\xd9\x01C\xb3\xeb\xc08\xa4\x91\xe3\xd5\xee\xe0\x9b`\x9f\x01\x05\xdc\x86!\xae}'</t>
  </si>
  <si>
    <t>b'\x82\x88\x80h\x0b\xa3h\xd1zX\x80\xc0y\x91\xe3s\xa9\x8e \xba\xda\x8f\x95\x12M\x97\x175o\xf6\xf7\xa8'</t>
  </si>
  <si>
    <t>b'\xc1YKv\xa9\xc2\xae\xd6\x8aR)!\x90\x86\xa0\xc7\x7f_\xfc\xbf\x00\xfa\xc9T\xf1\x10\xa4`\x1bp|@'</t>
  </si>
  <si>
    <t>b'\xadYwy!\xe4M{Pn\xb7\xf7\xc8\xf1_f\x8d\xd7q\xd8\xea\x7f,\x9b\xf7QUMm\xde!\xae'</t>
  </si>
  <si>
    <t>b'\x18\xc37\n\xa8c\xc2;\xd1\xc2\xcb\xacLrgU@\x97x\xf5\xd4\xfac\xcc\xb3_\x96\xe6\xbf!O1'</t>
  </si>
  <si>
    <t>b"T}4\xb9\xb9\x1d\xa7\x8f\x9bF\xbf\xbb\x9a\xde$\xa2\xe8\xc4h_}\xd8F\x93n\x9a\x8e2\xfb\xc7'L"</t>
  </si>
  <si>
    <t>b'\xa6\xb4M\xa63\xb6\xbf&amp;\xed\xdeI\x11\xa6\x1b\xf3\xae\xb5\xcdA\x9d\xe6\xd3\xbc\xf6\x0f\xfa\xfc\x9e\x85\xc1WQ'</t>
  </si>
  <si>
    <t>b'\xd0N\xba^\x8f\xf9U2IN\x11\xfe\x0cf\x97\xb9\xd8\x1d\xfc\x91\xe1\x89\xa0Z\xd9=\xac\xc9F\xf2l?'</t>
  </si>
  <si>
    <t>b'b\x1f\xb8\x0f\xdd\xe0\xac\x1c\xcfk\xf5L\xa7\xf3\xaf7\xd7\xdfa\xf8{c\x89D\xf4W\xaf\xb9\xbc\xb5\xa6\x8c'</t>
  </si>
  <si>
    <t>b'6r\xb5\xf64\xcb\xdb\xe1Tw\xd7"\xe5S-\x0e\x90Tx=AGey/=\x17R\x99L{\x08'</t>
  </si>
  <si>
    <t>b'N\xe6\xe7\xe6\xd8Oa\xa1\x94\xbe\xbe?\xa4\x92\x04k\x82\xa6\xf5g\x8d\x12\xf6e\xe3\xcf\xd9r\xdc?\xe0\xe5'</t>
  </si>
  <si>
    <t>b'\xeb!\x15w\xb3\x8c\xca\xd4=\xc1!\xe7/\xb7\x14A\x01\x8f&lt;3/d\xc5\xbe\x82R\xa3 .,)\xca'</t>
  </si>
  <si>
    <t>b'\x96\x96HWq\xf6M\xac\\K\x9f\xea\xf92U\xa06\xc0y\xba\xc2\x03\xd6g\x02u\x10O\xc6\x07\xe7G'</t>
  </si>
  <si>
    <t>b'\xcaC:6\xc2\x08\xa6\x94\xdd\x83\x80\xf7\x1dxN\xd8Q\xc1!\xa7\x9b\xb8\xdc#$\xb8\xdf\x91yvh\xac'</t>
  </si>
  <si>
    <t>b'x\xbaT,9H\xda\xbe\xe8\xb34\xa5y/\xeeLHtN\x8a)O\xdfx\xd6\xb0Zn\xb2\xd4\xc1v'</t>
  </si>
  <si>
    <t>b'Q\x96\x08\x15\xaf\xfe,\x86\xe9J\xe78\xa7\xabuS\x08\xfc\x1b\xd0\x03\xc5Z\x01X\xd3\xce#\xde=\x80\x04'</t>
  </si>
  <si>
    <t>b'M\x02@\xf1$qr\x94\x0e\x91\xd8.\xd6]\x8f6jn\x92n^v7\xbe0C&amp;\x1d#gW\x90'</t>
  </si>
  <si>
    <t>b"'&lt;&lt;\xa2d\xf2\xa6\xeb\x12r\xb4\x04\xbd:\x8f&lt;;[\x9c\xd8\x15\x95\xab\x7f\xca*/\x83\x05\xc1Z\xf2"</t>
  </si>
  <si>
    <t>b'G\xd8\xa0\xd5^\xc4Z^X\xf3%Q\xcf\xa7\xf2\x92\x13\x08\xa2c\x1d\xdc\xde\xf8A\xad\xdf\x14%v\x15/'</t>
  </si>
  <si>
    <t>b'\xd4o\xa0D@\xa1\x19\xf1\xef\x97A\xe5\xc5\xc9\x82\xbf\xa7\xf9Ch\x11\x0f\x8aaf\xe6\xc1\x05\xeeB%v'</t>
  </si>
  <si>
    <t>b'3\xe08\x9d~\xb70\xe7\xa5\xad\xfe\xde\x0c\xdf\xdfbZl\x8a\x19\xc4\xcfe\x08)^Z\x87\x80\xd5c3'</t>
  </si>
  <si>
    <t>b'\x8a\xaa\xb3\xa7\x126\x03wH\xb8\xe6\xe3\x1bJH\xd8\xf0s\xa5hR\xadD\xb3VJ\xf4\xd7m\xac\xd1.'</t>
  </si>
  <si>
    <t>b'a\xa5\xc6(\x9a\xab\xcb\x13\x8cR\xa3\xe9q,\xcf@4\xce\xc9\x806A\x1e\xa1H1-\x14K\xba\xb1S'</t>
  </si>
  <si>
    <t>b'p\x1f/-\xa2Y{[\xafB@\xd0\x9c\x14d\x1dp\xc7\x1d%\xcc\xb2\xfc\n\xdc\x16\xb6\x06UQ$\x05'</t>
  </si>
  <si>
    <t>b'\x8f)x\x10\xd4d\xe3\xd1\xbf\xa9p\x04\x00\xba\xad\xe1\xc4`\x9f]Xps\xc7\xf9\xea\xde\x85\xbb\x01v\x1e'</t>
  </si>
  <si>
    <t>b'^\x93\xa7}\xedi\xd8\x06\x16\x17\x81Y&gt;]N\x1b\\\x13\xed\x15\tA$\x00\xf3\xd7\x96\xad\xda\xf1\x02\x89'</t>
  </si>
  <si>
    <t>b'\xc2\xbc\x8c1\x10\xc2\x8e\x96\xc9\xb5\xa8\x0bW\x88\xe0&amp;9\xef8\xe7\xe5N_1X7\xdb\x81\xa1\xc0\xb6R'</t>
  </si>
  <si>
    <t>b"y\xcfZ1\xd6t\x8a\x87\xd5\xd8\x15\xe6\x0eX\x97\x0e\xe7%\xc0\xc9\x91\x82l\xb5\x0e\r\xecN'}\xad\xa1"</t>
  </si>
  <si>
    <t>b'\x88p\x1a\xda\xb0\xe5\x96\x93\x83\x95\x1a\xa2\x14\x0f\xd6H\x9e\xdf\x08\xb0\x9d\x80 \x1e\xbc\x033\x0eC\x02\x0c\xdc'</t>
  </si>
  <si>
    <t>b'j]\xee\x8f\x16\xf9$J\xce\xa8\x97\xe7(,L\xd0\xe7\xa5\xfc\xfe\x9f!\xb3\x1c\xfapa\xd0 \xb1Q\xed'</t>
  </si>
  <si>
    <t>b'\x18\x1c\x97\x84X\x12\xbb\xc8"\xff[=j\n\xb8\x0f"\t\xfa\xd5\x9d\xd65\x1fH\xf2\xbc\xdb\xd3gN\x06'</t>
  </si>
  <si>
    <t>b'\xfeR:\xfbM\x90\x96\x12ZQ\xc23\xdb\x8c!\x12b)\x06\xe4\x0c\xb1!Pv\xf5\xbe\xfas\xc6\xe4^'</t>
  </si>
  <si>
    <t>b'\xec\x9e\x15&amp;\xa6\xebU\xd3\x98c(\x87\xa0\xca6\x17\xb7\xd2T\x10\xc6g(\x8f\x0b\xa6\xc5\x9b0\xd2\xc9\xb0'</t>
  </si>
  <si>
    <t>b'd\xb2\xcd\x02}\xde\x8f&lt;xOW\x97PK\x974g\x14q\x0e\x0f\xe3W\xe5FS\xcf\xfe\xfe\xfb\x8d\xa9'</t>
  </si>
  <si>
    <t>b'\xc9\x117\xbfZ\x97\nr\xe3\xbe\x85g\x98\xd6B\xc8\x01"\x8e\xb6C\xccP\xf1l\xf3oTR(Y]'</t>
  </si>
  <si>
    <t>b'\x1eEz\xda\x887\x1c\x1fb\x90s\xa9h\xab\x9b\xc0\xf9\xfb!\xd5\xabJ\xca\x97\xd4&gt;1p\x82H\xf6\xce'</t>
  </si>
  <si>
    <t>b'\x1a[\x8c\xc9V\xe6\x10\x0c$I\x87\xf0\xd1\xb6\xdc2\xd3?\xbe\xf0\xae`\xb0\x82\xde3\x90\x84Ms7\x1c'</t>
  </si>
  <si>
    <t>b'\xf2\xca\xd4?\x80\xad\xb9JW\x8a5v\x03^\x83~\xacpYw\xfd\x08\x8d\x962\x1e\x03:&lt;\xbd/\xbf'</t>
  </si>
  <si>
    <t>b'\x8e\x96\xb9{-\xac@\xb3\xda\xc6|\xad\xa5\xa5\xde\xef\xaa\xc9\xe03\xdd\xb5l\xd3\x06\x8d\xa8U\x92s\x8a\xea'</t>
  </si>
  <si>
    <t>b'N\'Y-\x8e\x82m"\xbe\x92\xe2\xe7i\x11\xc2\xea\x8d\xd8\x020\xc0\xbc\xe9\xec6\xcd\x0c\x0c\xb0o\x0ed'</t>
  </si>
  <si>
    <t>b'\xc4\xb9\x8cnS\xab\xf2\x9a\xde\xde\x11\xb1p0p=M/&lt;`\xea@\xd3\xdf\xe2\x00?\x89\xaa\xa9\x8e\xd1'</t>
  </si>
  <si>
    <t>b'9\x96\xe7c\x1a0+\x86\xf6\x12\xd5\xa7\xee\x86\xd3\xc6\xde\xc2o&amp;\xea\xd7o\xf7\xfe\x9c\xf8\xc6\x93\x0b\xe4\xb4'</t>
  </si>
  <si>
    <t>b'\xa2(\x0fV0\xbfT\xeb\xa5\xf5U]\xf6U\x97ks\n\x17m\xb2\xa8A\xbf\xe4\xd1\xdaF\xbc\x13\xfe\x9c'</t>
  </si>
  <si>
    <t>b'\xbd=H\xaf\xeb\xac\xc2\x97\x88\x871\xf0\xec\x91\xb4\xeebu\x11\xc1\xb3&lt;W\xe9&amp;&gt;D\xca\xfa\xeb\xb3\xc1'</t>
  </si>
  <si>
    <t>b'\xac|\xbd&amp;\xce"\x00^\xad_3O\xd6v\xd2/\xc8t^-\xefysT\x8e}\xb8\x0c\xe0\x16\x08j'</t>
  </si>
  <si>
    <t>b'\xe9\xd4\xb5\x84a\x18&amp;TM\x86\xbc\x0e\x9c%)u\xf8,\x90\x87\x81\x9f\xa5N\x19Q\xa37\x85TB\x87'</t>
  </si>
  <si>
    <t>b'"\x18\xf2\xe5\xa5XY\xca!\xe9 TY\xb8\x01\xf9j\xc7\xa7\xb6\x9a-\x12BE\xc5\x8f\x8anT\x03~'</t>
  </si>
  <si>
    <t>b'v\xfa\xaa.\xa1\x801i;\x07~\xbd\xec\xcd\x14\x7f\x05\x0e\xbd\x06-\xeb\xef\xd7\xdd\xaa)Fq\x08|^'</t>
  </si>
  <si>
    <t>b'\xab\x13\x1cv*\x1c\xa2\xc9\xaa\x9d\x18\x7fr\xfde\xbe\xf0uO\x85\x8b\xd4~X\xf6\x13\xd3\x8dTO\xd1\x9f'</t>
  </si>
  <si>
    <t>b'\xd4\xdf=_\x05\x11\x99\xac7\x0b\x98D\r\x0b\x8e\xe6\xa8$\x88?\xa8G\xda\x0f\x14\xbf\x90\x7fw\xe8\x1fa'</t>
  </si>
  <si>
    <t>b'\xcb2E\x90B\xc3\xeb \xa2D\xa8\x9f|\x85\x94\xaf\x87@\x8f\n\x08\xda\x80 \xf5{H\xed\x8bW\x15R'</t>
  </si>
  <si>
    <t>b'Q\x90\xbbXclo_7\xffs\xcbZJ\x8f\x0b\x0b\xd8\xe39\xd5$&gt;\x1e\x04C\x86\xd0\x08\xfc\x92\x7f'</t>
  </si>
  <si>
    <t>b'#\x8eK\xc2\x0c\x1f{f\xe8\x1e\x9e3g\xdb[\xf8e.\x8b6m\t\xe6\xb90I#\xcc\x9c\x04\xcd\x9c'</t>
  </si>
  <si>
    <t>b'\x11\xb8\x99\x82\xb3\xe3s\xd8\xf1\xed\x04\xecc\x95Y\x0f\x94\x186\x03\xe6\xef\xfb\x8f\xdej\xf3\x0c\xbd/\xebb'</t>
  </si>
  <si>
    <t>b'e\xd5\xa4\x9bC\xfa\xc3\xf6\x94\xb7y\x9d\x9a2\x0f3[:\x1c\x93\x86\x98\x11\xb2\xf0\x04+(\\/=L'</t>
  </si>
  <si>
    <t>b'f\xe1\xebe\xd4vlK\x7f]\x87\x03\xba\xb1\xab\x9d?\x89PYl\x1a\xbf\x95\n\xeeZ,\xe0\xb9F\xa2'</t>
  </si>
  <si>
    <t>b'\xa6\xa3\xe6s\r&amp;\xa3b3\xd6@\x85\x07\xac\xcd\xd7d\xb5\x98q\x8b=\xd4\x01/\x945\x04\xf7{\xd6\xbf'</t>
  </si>
  <si>
    <t>b'!\xaa\x90G6\xcc\xbd\xbe8\xaao|%\xa3\xa7k[t\x9e\x80\xef\xea\xb29l1\\y\x1d\xc9\xa7&amp;'</t>
  </si>
  <si>
    <t>b'$\xf0F\x1c\xb1\xd4\xfev\xfc\x9f\xc5\x85%]K`\xea\xff+g\xa6G\x0b\xaa\xfe\xeb\xd3\x1b\x8b\xde\x08\xfd'</t>
  </si>
  <si>
    <t>b'\x92Y\xb76U XKA)D\xec\x0b\xf06\xaf\r\x04\x15\xc5\xf7\x19\x82 a\x00wxJ\xed\xcd\x8e'</t>
  </si>
  <si>
    <t>b'\x9fv\xc6\xa2\xe7\xcax\xb0\x88d\x0e\xa8C\x1bg:[JlGO6luu\xb3\x8f\xd9jS%\x99'</t>
  </si>
  <si>
    <t>b'\x9dC\\\xbd\xd8x\xb7\xd1p8\xb07\xdb\xbdj\xcfEx\xa3\x92L;#\xac]\tc\x96%\xa0C\xc6'</t>
  </si>
  <si>
    <t>b'\xd9\xe9\xd4\x9a\x9dG\x14?\xf3@&amp;\x9e\xb9\x95\xff/\xde\x86\xa2\x10\x01K\x7f\xafq\xf0\x90P~S\x16S'</t>
  </si>
  <si>
    <t>b'\x9f1\xf8\xbc\xb3\x12\xce;\x16t\xeeb#TR1\x9e\xe0\x8e%N\x9bx\x04l\xb5\r\xe9\xe7\xd8\x7f\t'</t>
  </si>
  <si>
    <t>b'%P\xbant_^\xf1\xa0\x9eu\xae\x0f\x0c\xe6\xf4\xd1\x989\x00C\x99w\xc2f\x16\xdc\xe9\xd0\xaeAY'</t>
  </si>
  <si>
    <t>b'\xd3\xf1Pk${\xe9\xa2\xfc$\x9e\xbf\xb7/TE\xbb\x1dLZ\x04$\x04\xb7jx\x11#W\xb7u\t'</t>
  </si>
  <si>
    <t>b'\x9f5\x9b\xedx9\x06\xe47j\x82&amp;\xad\xb1\xdf\x93/5O\x0c\xe5\xe2@\x96z6\\\xb1\xa0\x929\xe9'</t>
  </si>
  <si>
    <t>b'\xa5\xfa\xc6\x1bM\x8d\x8adaR\xf3|\xea\xd8e\xbb^&gt;X1\x0b(Q\x8a\x9d\xfd\xe1\xcf\x9d\xc4\xaf\x15'</t>
  </si>
  <si>
    <t>b'e^\xc8\x87;\x9dV\xe3\xfeqFc\xack{\xcd\xee\x18_\x84\x029\xff\xd6\xd1\x9a\x12\x02\x83A\xf2\xa3'</t>
  </si>
  <si>
    <t>b'z\xcc\xa8]\xa6\xc4\xbb\x8bV\x18f%3\xb7\xf3\xd7yv\xee\x8f"unI\x18\xea!h\xd5t\x13&lt;'</t>
  </si>
  <si>
    <t>b'8CX\xb6\x8b\x9c5\xe5u2m\xda`\x91\x13\x91\x92$\x0c\x1f\x1d\xbf\xe5\xbd\x1c\xe1\xe4\x19\xe1\x162\xd2'</t>
  </si>
  <si>
    <t>b'Y\x01N\x17\x8a\xe2\xf4\x96C\x80\tk\xdf?\x8cmf`\xf8\x03| \xc3\xab\xd3}\x13"\xf5\xf9\x90\x81'</t>
  </si>
  <si>
    <t>b'%8@\x17\xb3\xfa\xdb\xa51\x84\x19\xc0\xcd\x87\xa3\xd9\xd0`"d~\\\x0e\xc0\xa5\x19\x82s\x1d\x15\xbe\x08'</t>
  </si>
  <si>
    <t>b'\x93\xc9\x08\xcf\x89\xc8;\x99\x1f\xdb\xfd\xb4\x8b\x85E{pi\x9eHj\xbd=\xd7C\xc4\xcd\xb6\x0fm\xf5\x1c'</t>
  </si>
  <si>
    <t>b'\xb9M\xa6\\\x9d\xe3\x94\xd9\x99J\x04p(eJ]\xd7J#q\x86\x11j\xe9\x0f+!-P\xf9\xed2'</t>
  </si>
  <si>
    <t>b'd\x08\xe3+\xeb\x0f?dA|Mx\xa5u\x0b\xe6\xd2\xacI\xf0-\x1e\x07-IQn\x99\xa8\x83\x7ff'</t>
  </si>
  <si>
    <t>b'\xf1f&lt;HF\xbd\r.W\x19\xc9g\x07\xf6/i\xcc\xf7\x86~[\x8c\x90-]\x16\x99\xaf&gt;\x94_1'</t>
  </si>
  <si>
    <t>b'\xb1\xaa\x85\xbbX2z\x1e\xd3\x0e\xa9@\xe8\x9b\x98l\xff\xb5\xea\x89\xe8\x8eN\xdf\xa8\xe1nOA\xb7\xd0\xc8'</t>
  </si>
  <si>
    <t>b"\xe4\x1cpL\xdbQb\xb21*\xd4\xf8\t\r\x99'_\x01\xba\x7fj\xba\xcbj\x96\xe9!\x8b\x88\xd8\r\t"</t>
  </si>
  <si>
    <t>b'\x8f\x10\xe1\xdb\xa3+\xb7\xce\x91\xfec\x99G\x8a\x12|\x17\xf7\xde\xd8\x07\x80\x03\xaa5\xb9&lt;\xbc`\xef\x1c\xba'</t>
  </si>
  <si>
    <t>b'\xed\xe0\x90\xda\x8b\xc79^/\x8e\xce\x12\xf4\x94\x1a\xd86\xf6\xd8\xda\xf4!\xf8o\n\xd0A\xfc\x98M6\xec'</t>
  </si>
  <si>
    <t>b'h\xcb\x96\x1dn#\xb6vM\x15\xea\xa4W\x1f}\xbf\xb0\\j\x139\xf2OL\xed!\xea\xbf#\xe0[\xc6'</t>
  </si>
  <si>
    <t>792xx</t>
  </si>
  <si>
    <t>b"\\$\xe9\xff\xf4M\xe3i\xf3Rbh\xe5\xda\xc7\x1e\x9f'\xfe\x16Y\xfe\xbc\\\xcf\xf852\xe2I\xae\x15"</t>
  </si>
  <si>
    <t>b'\xbbh\x03\xdfs\xcaB\x19\xdd:\xba#\xcc%\xf9?; h\xa2\xb2\rLQO\\|\x15\x0fbX\x08'</t>
  </si>
  <si>
    <t>b"\xc9-;\xdc\x0c\x8c7\xae'\x1a\x9f7\xd1h\x10\xf6\x11ba\xd7h\xe6\x83-\x13G_\xe7/\x88c^"</t>
  </si>
  <si>
    <t>b'\x05\x9e\xb8K4\x93)\x89\xbb\x02\xc1\xd8\xa4Px\xfc&amp;V\xeat\x8d6\xfeMk\x97\xe7D\x97;DA'</t>
  </si>
  <si>
    <t>b'\xb6K&gt;\xfa\xeb\x1f\xda`:ch\xf6\x9fT\xce\x88\x0e,O\x1c\xc3-\xfa\xc0rB\x8f\xaa.5 \xed'</t>
  </si>
  <si>
    <t>b'\xa1\x03\xc5\x1b&lt;\xea`\xc9R\xc4\xd1\x05&amp;\x01:~\xc7y\xe1\xb1\xa9\x99\xd7\xbc\xb4\xeeYJ*!\x8b\x07'</t>
  </si>
  <si>
    <t>b'\xafo\x98n\x8b\x87}wR\x8f\xa02\xcf\xcf$`:0\x04ek\x8ai\x02ra7t\x1a\xbb\x93\x15'</t>
  </si>
  <si>
    <t>b'=D\xe7.\xfdc\xe8\xfd2\x17\x18!\xccl, ok\xfa\xfc\xe7\xa72\xb1xs\x05\x94\x7fA=$'</t>
  </si>
  <si>
    <t>b'\xa1C\xb0\xab\x03\xc1\xf0\xb5$9&lt;\xb4w\xcc\x9d\x1bMqrc\x11\x01\x07YI\xb6\xaaV\xbeN21'</t>
  </si>
  <si>
    <t>b"\x15\xe3\xcf\xc9\xbe\xe2\xb0\xb9%\xe9H\n\x8f\xf4P5Q/\xb5a\x0b&lt;'`\xd6\x81\xb9\xe8\x02\x8b3\x84"</t>
  </si>
  <si>
    <t>b'eHQ\x0c\x82\x94s\xe2\x8e\xc3\xd5\x13D\xcc\xc4\xb7;\x98?\x07\xc8\x19\xf8\xf6\xb4*\xf1\xd0\x95\xda\x8eN'</t>
  </si>
  <si>
    <t>b'\xba\xf4\xb9\x01!t\xa7\xd5I\x0e\x8f\x01\x84\xf3\xe5\xf4\xb0&lt;`1\xc4\xfd\xf1\xc0\x0c)\xb9\x11\xc8,\xcc9'</t>
  </si>
  <si>
    <t>b'A\x1d\r\xcba9\xe0P\xde%\xe4h\xd1\xa2\x07\x7f\x1d\xbd\xd5\x12\xe9Ow\x0c\x0f\xf60\xdf;%\xbc\x9d'</t>
  </si>
  <si>
    <t>b'\\\x9b\xa6I\xf5M8\xcd\x0f\xfe&amp;\xaefVu\xb8\xe3\x15E3+\x01*;~\x85@\xa8x\x0f\x8b\x18'</t>
  </si>
  <si>
    <t>b'x\xb8\x9c\x1e\x11bx\xa5$\xe6\xe15G\xa4\xaa\x1c\xa5\xdc\x89\x1d\x89\xda\x89\xc6Lp\xc4X\xbb9\xd0r'</t>
  </si>
  <si>
    <t>b'\x13\xb9\xc7o2VVn15\x8c\xd9y|\xef\x9d\xea3l\xc1\xdc\xabI\x13l.\xa8\xf9\xd7n\xcd\xd4'</t>
  </si>
  <si>
    <t>b'\xdb%a=s\x84y\xd2i\xa1\xe3\xb7\xf9\x8f\x17\xda\x84\xab\x95\x82\x1al\xda\xb4;6\x1a\xaa*N&lt;M'</t>
  </si>
  <si>
    <t>b'\x11*\x83\xc8\xbd^4K\x15O\x02\x85\xae.t\x88\xea\xfd\xcc\x1d^ \xac\xe3\xed\xe4\x9a\xc1\x1bZ\xf7\x7f'</t>
  </si>
  <si>
    <t>b'\xe9}\xd1\x9eX\x0b\x94r\xd1\x1f\xfa\xd63G \xbe2\xf2#\x0eLO\xbe.I\xba\x94\xa5Ly\x92\xd5'</t>
  </si>
  <si>
    <t>b'\x05\xa8\nv\x0c\x96\xfajR@\xad\xfc=\x8c=\xbe\x87DCH\x01^\xa1\x9f,\x1f\xd5\x8bfp\xa2\xb4'</t>
  </si>
  <si>
    <t>b'\xdbBml\x18\x0b\xc7\x0e\xfd\xc1\xbe\xe1\xe9\xf6b\x11&amp;\x15#Z\xda\x1d\x8e?w@3\x0c\xc1\xe0P\xeb'</t>
  </si>
  <si>
    <t>b'\xe0\x1e\xa0\xa4\xea\x89:t5\xe7_\x9d++J\xda\xee\xc4\xad\x183\xd4\x9c`\x0fX\\s\xdf\xe0\xdf\xfa'</t>
  </si>
  <si>
    <t>b"G'\x17\x9c\x05RYv\xcb\xf6\xdbf1\xebv\x86\xb5\x8bo\xdb\xd9w\x1f\xf5\rH\x1b\xcd\xbd\x92B\xf0"</t>
  </si>
  <si>
    <t>b'\xf8\xd3\x10\xcf\xaf\xe9\x0f\xd1\xfeiY\x12\xb4\xe1\x1ak\x88\x10h&amp;\xf7\x1c\x9a\xe5E\x1a\xc01\xf1\x95-q'</t>
  </si>
  <si>
    <t>b'`s\xee\xd8\x1eC\xcd\xf9\xfc{\x97\x99\xac-\xa4\th\xbe\xc3\xfd\xf8-\x1f\xc5\xf8\xd6^\x9ao\xc74\xf0'</t>
  </si>
  <si>
    <t>b'\xb7\xca\x7f\xf0\x98\xf6!\xce\xcdM\xf5\xd5T\x05\xe2w\xb4-\xc4\x90\x0b\xe8\xc2P\xef\xef\x83\xd0\x98u\xb5\x8f'</t>
  </si>
  <si>
    <t>b'\x92j\x85\xa3rSw\xd1m\x14\x90\x8c\x03X(\xe77;\x11\x08\xb9\x13\xa8tm\x94\x94\x98\xec%\xb2~'</t>
  </si>
  <si>
    <t>b'~\xcf\xed`\xce\n\xd1\xf7~p\x02A\xb4\x15\xc2\x13C~R*E\x81a`\xcfo\xa74\x8f(c$'</t>
  </si>
  <si>
    <t>b'J\xdd\xd8\xca\xc8\xe9m&amp;\x8eQ\xa7\xd7\x971#\x06\xc7\x1c\xefy\x03\x89\x05~eZ\xe4\xd8^\x06$1'</t>
  </si>
  <si>
    <t>b'&gt;\x12\x0b\r%\x9e\xc1@\x1c\xc6\xd0\x978\x97a\xd0\x02\xa1\xc5R\x04\x83\\\xb7\x1f\x0c\xa8&lt;\xbe?\xb5\xe6'</t>
  </si>
  <si>
    <t>b'\xf9\xe9\xb9\x8b9\xdb\x88\xea\xd7\xbd\x9c\x86\xa8\xdc\\\xdd\xef\xe3\xac\x91\xfd\xed\x98_\xa9_M\x9f\xe8\xbf!\x90'</t>
  </si>
  <si>
    <t>b'4\xa1\xaf\xf6\x00\xdb\xc4\xfd\xc7&lt;\xef\x16\xa9\xaf\\\x8f\xf5\xf6\xed\xa4\x02\xec\xe8}\xb1\x16+q\x06$\x1a\xac'</t>
  </si>
  <si>
    <t>b'u\x12&gt;\x8dj\xfb2\xf2\xa3O\xa0\x9d\x01\x88\x96\x93\x87ci\xf0\xca\x1c\xe1\x16rl\xe0\xd2X\xc5\xd4\xb7'</t>
  </si>
  <si>
    <t>b'\xf0\x84\x7fM\x90?\xbeh\xb6?\xd9\x16\xbf\x0fOU\xca\xf9\x9b\xf1R\xb0\xb1\x86\xc5\xd7\x974\x9ba\x84\xfa'</t>
  </si>
  <si>
    <t>b"=u?\xffE\x11'C^\xe6M\xbfG:\x1b\xdc\xd4\xd8P&amp;\x194\xe7!,6\xc6\xa8\x99\xcdq\xc3"</t>
  </si>
  <si>
    <t>b"\xed\xd7\xd39\xc5+j\x9d\xe0s\xde'\x93Y\xfeV\x9b0\x9b\x9d\xfdt{\xee\xb8\x1c+,\xee\x15\x0cj"</t>
  </si>
  <si>
    <t>b'}\xbb,/\xa9\xbdS\xf6\xb9\x8c2\x16\xcf\x1bz\x9e\x1c\x03\xc6\x11z\xb6?\x0b\xb3\xed\x13R!hR\x99'</t>
  </si>
  <si>
    <t>b'i;\xfe\xf5{\x98j\xb85%A\x06\x00\x15\x1c\x81-1\xa2K\x982\x98\x8a*\xf9\xa09T\xef\xdf.'</t>
  </si>
  <si>
    <t>b'\xa0\xa3A{e\xee,(\xd8q\x1a\xe6\x06\x14\x08Gr\xb1?\xe1\xaf\x9eY;\x7f\x84\xf1\xe4\x12\x8e\x07U'</t>
  </si>
  <si>
    <t>b'\x9ea\x7f\x1e\xa2$\xabE\x90\x07U\x9e\x8f\x1b\x97\xc1\x7f\x13\x1d\xa6S\x04\x1a\x1d\x11whK9n\x01/'</t>
  </si>
  <si>
    <t>b'\x90\xe9\x98\xf4\xaaAM\xfa\xaat{ujjIi\x0c\xadl6\xc1\xf1\xd4x*\xb9\xf0^\x0fJt\xf9'</t>
  </si>
  <si>
    <t>b'Qt&lt;\xc9g\x07H;\x99\xb9\x04[7-\xf8 \x95\xc9\xf4\xaa\x8bS\n\x86){\x84v\xe3\x9b\xb9g'</t>
  </si>
  <si>
    <t>b'\xd0\x8c~Q\xe6\xa6F\x07\x15\x0bv%R\xe7Z\xf1o\xe4\xc8\x9e\xcb\xcf*\xed\x8b\xc96(ns\x89m'</t>
  </si>
  <si>
    <t>b'\xe3\x91\xf1\x89\x17\xb8\x07F\xaa\xcda\xa3;m\xf8\xe6\x01\xe3n\x14\xfa(f\x04Y\xcc\x9e\x9b\x1b\xb1\x16~'</t>
  </si>
  <si>
    <t>b'\x83\xe8\x93O\xd2\xc4\x05\xd6\xac\xb1V\xd9R\x00%\x9f\x13\xb7\xfd1\xbd\x8e\xd4\xceL\xcc\x95W\xce\x94\x16z'</t>
  </si>
  <si>
    <t>b'7\x12\xba\x8e%\xbb\x7f=\x1d2\xb7:\xf3c\xc1TKE2,h\x12~\xfe\xc8\xf7\xc3)\x91\x9b\xa5q'</t>
  </si>
  <si>
    <t>b'\x9f1\x94\x08\xcapS\x1b\x1b\xbbL\xc2c\x14%r\xf9G]}\xc7I\r\xb0pY;^\x94e\x8f5'</t>
  </si>
  <si>
    <t>b'\x0b\xa2\xb55?,\x8f\x1bw\xf4\xe9E\xcb\xa5#\xb5\x0f\xbf\x04\x92\xf2\\\xbc$\xba\xf5\x01K5\xb1~\x11'</t>
  </si>
  <si>
    <t>b'\xa8\x8av\x01\xb4y\xfd\x03(\xeb\x1f\xa9\x06\xe7\x80\xe9%+\xb0\xffLnS?\xefe3\x1141&amp;\x81'</t>
  </si>
  <si>
    <t>b'\x88#\xef\\\xe8\xb1\xf5q\x92\x95\x8a\x8c\x93\x15\xd8\xc4h\xe6\xa9N\xac\xd6\x04\x99-\x19t\xbc\xb2\x9a\x10\x06'</t>
  </si>
  <si>
    <t>b'!\x8f)\xe8\xc7+\x8d\xf2&amp;\xc5V\xac\\n\x02\xad\x90{\xc7X\xb1\x11\xf1Y\xa9\x9d\xf8\xcd\x9dz\xd1\xc3'</t>
  </si>
  <si>
    <t>b'5\xc3j\xf6y\xd7\xb3-^\xc0\xd6\x9d\xc8\xf1\x8bB_o\x8dL&gt;\xad\x97lp\xcb!\xb1\x90\xd5\xdfF'</t>
  </si>
  <si>
    <t>b"\x12\xa5\xb9\x94\xd0\x1c\xfb\xa0(_G\x82\xe4}\x16xLhx\x01\x10\x8d\xec\xbc-G \xa1X\x10'\xa5"</t>
  </si>
  <si>
    <t>b'\xe9{s\x020\xdd\x84\xf2jb\xfdeW\xd9\xd6\x08\x15g\xc9\x16\x02%|\x1cW\xee\xcf2\xf6\n\xfc\x08'</t>
  </si>
  <si>
    <t>b'\xc5\xd2\xaf1s(\xa6\xfe\xc5\xe1!\xfb\xe7\xf3f]\xb1#"\xe3\x06\xef\xd29L\xaeZ\x96?\xc5]&gt;'</t>
  </si>
  <si>
    <t>b's+o9~\xd2`\xbc\x83)\xf2\x1a\x1b9x\xa7"\xa2\xb6\xaa\xad\xf6\xbf\x91\xa29\x17k\x02}GO'</t>
  </si>
  <si>
    <t>b'\xbeE\x8c\xc0\x10v\xf8F\xc90\xc1@\x84\xc7|\xa3\x01\x13\xff\xd2YEZ\xe3\xdfk?\xd0\xb25b4'</t>
  </si>
  <si>
    <t>b"i\x0cC\xf0\xbdq&lt;\xf0\xd8\xaedz3\xe6\xcb\xac \xf9\x91\x10\xf2\xc22\xdc'\xe6a`\xc56\x88\xaf"</t>
  </si>
  <si>
    <t>b' _\x11\x89\xf7\xbb\xeb\x92\xdc\xcc\x047\xea\xf1\x82-\xdf\x1b$\x96Y\x8f\xfc\xf4\x00\x13\xc7\xee\x10\xff\xf9\xd1'</t>
  </si>
  <si>
    <t>b'\x0c\x8c\x12n_\xf7}\x82~\xafB\xbcx]\x91\xe1\xcd\x14\xbfm{g\xfd\xa6\xc7\xdd_;k\x0c\x176'</t>
  </si>
  <si>
    <t>b'\x99\xb5\xff_\xb5\xed\x10\x18i\x90\xb8\xdb\xfb!eZt4\xd0&amp;\xed&lt;\x88/\xe5g\xcc\xb9#\x17\x8ay'</t>
  </si>
  <si>
    <t>b'\xcbXV\xac\xac\x89\xad\x94\xa0\xf3\xbf\xe9sr\xc1`\x12\xc7\xb2\x99~\xfd\xe9~\xe7\x80cR\x0e\xc7\x9a{'</t>
  </si>
  <si>
    <t>b"g\xa6\x92[j\xa9\xdb3#*t\xc8|\xdb\x12M\xd6\xb97*\xebr\xb0\x197G{z\x15'z\xe5"</t>
  </si>
  <si>
    <t>b'\xf4\x8c\xa4\x16D\x1d\xc7\xee\r\xaby\xe1\xa7\xe0G\xf7\x85\x13\x0f\x10@\xb7u\xe3\xcd7\x15\x93P\xea\xb8-'</t>
  </si>
  <si>
    <t>b'T\xeb\x19\xb2;\x1c\x9e\x1c\xb3:/.~\x82|\x18\r\xab\x93\xa7\xd3\xa2\x86\x16\x86\x0c}E\x0f\x86.&lt;'</t>
  </si>
  <si>
    <t>b'\xbcj\x81\x06\xee\xa5\x00\xa7x8\xee$._\x91\t\xa2\xb9\xc4\tv\\*\x83\xdb\xdc\xa1mc\\\x15$'</t>
  </si>
  <si>
    <t>b"\xf1!H-]92\xb0b\x1a\xb5\xcb\xa7I\xb9\xf5\x01'\x85L\xad\x11\xe9\xc9\xdd&amp;\xd3\x1c\xb68\x7f\xe6"</t>
  </si>
  <si>
    <t>b"/\x86\xa3\xe5\x1c\xb7\xcf\x95\xdb\xda\xec\x82\x87\xe8\xca;\xdd\xc0\xe9\xf6'jx~\xach\xc8'\xb5\x7f`\xac"</t>
  </si>
  <si>
    <t>b"\x9a\x813'\xd8N\xd3&amp;=\xd4\t\xe5\xb4\xb1\xd5V\x02\xe21\x8e\x86\xd9\x1c[\xac:/@\x84\xba\x14%"</t>
  </si>
  <si>
    <t>b'*\xb9\xfe]\xac:.f\x14\xe8\x1d\xd5\xebQ\x07\xbb\x95B\xfe(\xdb\x87T\xf2\x93hy\x01\xfbP^r'</t>
  </si>
  <si>
    <t>b'\xf0\xff\x07\xe8\x83c\xae\xfe\x07q\xd5)\xab\xf3\x86\x869\xb7;)\x9b\xeb\x8d\xf8\xab,\x15\x85\xe3\xef\x9c9'</t>
  </si>
  <si>
    <t>b'\xf3\xa0\x11=2dE7\x86X`\xd2\xe9\xbb\x91-\x84\xe6@_\xe6\x89k\xe8+\x00\x91\xb0\xb6\xcc\x84*'</t>
  </si>
  <si>
    <t>b"'\x90\xc8\xb3\x0c\xf2\xaf:D#N/\xac\xf9$\xcb\x08\xcb??\x80\xcb^J{\x01u\x8e\x83E\xec8"</t>
  </si>
  <si>
    <t>b'\xb8\xc9g:d\x95h\xf4m\x0cy\x88\xe9\xd7\x97\xa1\xf2M\x86\tl8E\t:/\x8eq\x1c\xad\x90\x0e'</t>
  </si>
  <si>
    <t>b'\xee\x05\x82\x9e\xbb\x0b\xca\x99\xd7\x9d\x8f\xe3H\xce\xa3j\x12\xaeuXH.\x0e\xfe\x0fx\x82\x97[\xdd\xd3s'</t>
  </si>
  <si>
    <t>b'\t\xe2u\xc6\x9d\x00^\x0e\x99&amp;\xbf -\x11\x98\x96D\xa0JM\nw\xa8\xbf\xc0ij\xd8\xbe\xb5\xf2/'</t>
  </si>
  <si>
    <t>b'.\x8b6m\x117p\x82\x8d\xb2\x1d\xad2\xd9\x14K\x8df\xb8\xd3\xe4\xf0\xfe\xe1\xb8\xbbx.\x0b6UN'</t>
  </si>
  <si>
    <t>b',=G\xf5ws\x88\xa0\xc9\x15AXa\xf9j\xfb\xa0?\x91\xa8\xff\xfb\xb8\x89\xa1\x957\x89B\x95\x17\xe8'</t>
  </si>
  <si>
    <t>b'Y\x897\x80\x87\xdfn\xf7*P\x15\x13\xd3\x03\xabs\xd8=\xb3\xc2k\xf8u\x16q\x82\xed\xc0"\xa3y\xb0'</t>
  </si>
  <si>
    <t>b'\x87\xc7\xdc\xc7k\x00BB\x94\xa5\x84#\x01M\x80\xab\xb4\xfe\xd4Y\n\xe9\x8d\xb8\xa1\xef\xc5\x86\x14\x07\x8c\xcf'</t>
  </si>
  <si>
    <t>b'\xcc\x9c\xdd\x13\xe3,\x0b\xa9\xbd1to\xad\xb2`\xa3\x84\x03QP\xbe\xd95\xbf\x9b\xce&amp;\xfb\xf6zU\xeb'</t>
  </si>
  <si>
    <t>b"H\xa3\x9e+r\xad\x92\x8f\xe8xB\x98*\xe3IM\r\xd1y\nIo}\x00\xb9'u\xc5\xc1\xd4E\x01"</t>
  </si>
  <si>
    <t>b'Rca\x87\xffa\x88_2c\x81\x9b\xc1]\xe1\x84\x16\xab\xca\xbdlf\x01R\xc6\xd2CJ\xaalq|'</t>
  </si>
  <si>
    <t>b'\xfe~\x04&gt;\x12\x94\xa9\x90\x8fl\xb8E\x06\xaa\x0b+\x9b\x0c}\x9e\x94\x86\xf6\xcaO\x02t:\xcd\n\x0f\xa6'</t>
  </si>
  <si>
    <t>b'VUQ\xd6\x8a\xd5\x0b\xf8\xd6\xb6\x8d\x9e|\x97\x1eI|C\xf6\xacTad\xf3Xm(\x81\x16\x06\xe3\x16'</t>
  </si>
  <si>
    <t>b'\x01\x9a\xc7\x11\xe1\x9a\n\xf7:~2#M$\xea\xad\xe4z\xe3g\xf4\xf6p\x1c;\x8e&amp;L\xd8s\xa1\x1b'</t>
  </si>
  <si>
    <t>b'\xfa\xd7$T\xfb\xeb\xb1-\xf2\xd7W\x12\xc0\xa7\x15\xbf\xe6\xbb!CnT#\x91u\xf1R\xf0\xdc[I\x98'</t>
  </si>
  <si>
    <t>b'q\x9e=\x83\xeeC6\xde\xdf\x1eZ\x1dv\xb8 j\x94\xec\x86\r\x1c1Qf\xa8\xa3\x9f\xc9\xfdPo.'</t>
  </si>
  <si>
    <t>b'\xa7Ef\xe0\xab0\xf8"\x83\xe3\xa3\x90\x84-\xa7g5|\xaf;/v\ne\xfa\xad{\xf2\x8d\\\xba\xcd'</t>
  </si>
  <si>
    <t>b'\xa6_\x9d\x06Qc\x0b\xbb\xe9\xd8*\xf2pL\xfa\x9c\x0b\x16\x9b\xe7\xc9\x8d\xaa\xd6\xc6g\xceD\xcbK\xd7l'</t>
  </si>
  <si>
    <t>b'[\x86&amp;\x96\xab\xaf\xe4e\x0c\xc9\xf0\x90*K\xa4fn\x06.\xbb\x83\x9d\xf1`v\xe7\x8dz~\xb7\xa8\x01'</t>
  </si>
  <si>
    <t>b']t&gt;\xaa\x1f\x16\x18\x02\xfbA\xa4\x18)\xec\\N\xd0^g\x92\x86Q\xdcW\x81\x8bj\xbbD\x8e\xc9\xbe'</t>
  </si>
  <si>
    <t>b']\xf2\xe4\xf7\xb6\x1d\xba]\xf1\x84p\xfe\xbc\xea\xa7V|\xc3kv\xce\xb0\x8eA^+\xe5{\x9dxz\x82'</t>
  </si>
  <si>
    <t>b"DZ\xfc'\x94\xffq\xaf\xb0P\xe4~\xb6\x934\xa0\xef,\n\xf8\xe3f\xdfQ\xa8s\xa7Ik&lt;\xa2\xcb"</t>
  </si>
  <si>
    <t>b'\xe2\xcb\xe6I\xda\xfb\xd4\xear\xd7:\xa5\xe0\xf2F\xf8\x01G\xc0R\x95\xcc\xf8\xb3N\x9e\xc2\x99r\xf0R\xda'</t>
  </si>
  <si>
    <t>b'F\x1eMCO\x84\xe9w\xe0\nAs\x1biz\x84*\x18P\x9dt\xe5\x0elK\xeb\x8d?CA\xa7b'</t>
  </si>
  <si>
    <t>b'I}\xc8\xe04\x0b18$\rf@ci\xab1\xbc\x80a\x8eN\xce\x96\x0c)c\x03T\xcc\xcc\xe1B'</t>
  </si>
  <si>
    <t>b'\x84\xd7\xa6\x12c\xd3\x8e;\xf8y91\x0e\xaf\xb8\x90\x96J}I0+\x81$\x14fP/\xf1\xd0\x83\xfe'</t>
  </si>
  <si>
    <t>b'\x1d&amp;\xf0\x19Z\x0e\x00\x03\x98\x11\x1e\x1c\x86\xbd\x17\xbc\x98\\\xab\xde3o\x86/RQYL\x93\xf7O\x16'</t>
  </si>
  <si>
    <t>b'0\x96\x8c\xd7\xd1\x07\xd1\xfdqK\xf3\x01\xed\x87\xb4D;\xad\xe2\xc89FP\xdf\x05A\n\xf9\xbf\n\xf6\xfe'</t>
  </si>
  <si>
    <t>b'A\x0ck\xf5\x18\xbd\x8amC\xe58\xfb\xf47~xQ\x1b\x9e\x8a\x9dy\xfe\xbf\xabn\xb5\x12\xac\x98\x17D'</t>
  </si>
  <si>
    <t>b'\r:\x11I\x11\xb8\xc7\x1e\xe3{0\x90)\xda\xcb\x1a\x7f\xae\xa2&gt;\xc8&gt;|\xeaU\xf8\xbd\xd8\x83I\x96\xeb'</t>
  </si>
  <si>
    <t>b'\xf0\x03\xa7\\\x9a\xb1t\xb4\x8a\xac\xf3o\x91\xd4\x8fy\xa3\xd2\xb0\xf41a\xcc\xeb\xc7.5\xf1\x8d\x9baH'</t>
  </si>
  <si>
    <t>b"\x1cE\xdc\x1b\xcb'P\xd2\x1c\xf4\x83\x15g\xd4\xf7\xac/\xa0]\xef \xec\xbd\x1d\xe8\xd8\x96\x90\x17N1!"</t>
  </si>
  <si>
    <t>b"\x91]&lt;XCkda'\xe1\x1a\x12f\xf9\xcf^B\x03\xde2\xf7)\xa0Z\xfb\xda]f\xf2\xfcq\x8c"</t>
  </si>
  <si>
    <t>b'6\x93\x82\xbe\xf7\xbc\x1d\xa6\xd3\x95\xd0\xa9\x03\xf2\xd59\x15\xb2G\xc1\xb9a\x07W\x90\n,\xec!]\xccU'</t>
  </si>
  <si>
    <t>b'\x99u\xb16\xea\x08\xdb\x11\x1b+h/J\xb6\xb7\tS\xb0W\xd1\xbaT/\xf5\xbah&lt;\xbd\xfc\x11\xb12'</t>
  </si>
  <si>
    <t>b'\xa4\xbd\x91\x97l\xba\xa7^\xce\xdc);\x17d\xbc\xc5\xf0\xadP\x98\x1dh\x9em\xe2\xe5\x80\x86\x92 k\x96'</t>
  </si>
  <si>
    <t>b"\xbb\xa4\xab\xd0G 2\xc3\x08!\xf5\x9b'@5\x80\xf6\xbe\x8bT\x1f,\x1c\xafG\x99\xe5\xe6\x7fo\xd5W"</t>
  </si>
  <si>
    <t>b"\xe8.\xbd\xe71u\xb6\xce\xf2{\xban\x1d-'\xbbb\x11A\x15\x0b!\x8b6\x97n]\xde\x97\x96\xab|"</t>
  </si>
  <si>
    <t>b'\x12\xe4\xfa\x9c\xbd3\x16\x1d9\x1c\x1dn\x90d\x8c\xac\xf9\x9e\xa9\x17\x9bY3\x16.\xbf\\A\x90\x07\xe01'</t>
  </si>
  <si>
    <t>b'\xbc\xda\xe7\x80\t\xccKZ\x87\xeb$\x82\x19W\xff\xfd\xd9\x15\x1d\x90\xbc\x8c\xb7\x86\xaf$\xbf&gt;yk\xd9\xcc'</t>
  </si>
  <si>
    <t>b'\xb3\xb3\xc1\xf1\xd56\xf8\xe0m\x12@&lt;u\xa36\xc6#Q\xb8\xa0\x9f\x92\xcb\xee\xb0\xdb\xe4\x90\x7fp\x14\xc1'</t>
  </si>
  <si>
    <t>b'\x93\xa7G\xd0\\\x16\x04.0\xa8n\xfbQL\xcbG\x0e\xa1\xd4(\x18\x12\xd7\x08P!\x81\xd2\x88Z\xcf\x84'</t>
  </si>
  <si>
    <t>b'V\x17\xde\x9e\xdf\xb2\xb1\xc4\xe9\x89\xe7\xfcq\xa1\x04\xf5\x00\x11(;\xfc\x8e\xd84.\xa0gMj\xf9\x06\xc4'</t>
  </si>
  <si>
    <t>b'\xfb  K4\xe6\xcaf\xfc\xc8\\\xec\x10\xd7\xef`D\xef\xcb\x0e\xf3S\x94\x11\xcf\xf5R\x160K\xc2$'</t>
  </si>
  <si>
    <t>b'\x11Yw\x1d\xe3\x88\xaf\x8c\xafD\x0cF\xd8^Fy\x89G\xa8G|\xd6\x8e\\\xb3\x0f\x1a!$\x82\x94\x93'</t>
  </si>
  <si>
    <t>b'\x01d\x10\xbc\xf7\xab\xc3hc_\xb4\xb5\x19\xac\xc6K::\xf5\x89\x05\xed\xd2%\xb2\xed\xb3\x9a\xb0\x16\xe5S'</t>
  </si>
  <si>
    <t>b"U\xdf\x00HE\xaa\xfc\x99\xe1'\x1c\xd4\x01\x92m\xad9&amp;\xfa\xce\x0f\xd2]\xf8\x10a%\xc8\x9c\x95u\xfd"</t>
  </si>
  <si>
    <t>b'V!\xcf\xdaF\xf7p6\x86%^!\xca[\xf6}J?uX@\xe2-\x80d\xe4\x9d!s\xc4\x83\xe8'</t>
  </si>
  <si>
    <t>b'\x03\x08N\xe0K\xe4a$^.\xfd\x03NJ\x82L\x940\xca\x1enM\x1f\xec(Mn[rd}^'</t>
  </si>
  <si>
    <t>b'\x7f\x8b-\'dna\x01\xc5\xc3\x12\xb2R\xba\xf7yG"^\xe4\xfbO\xf7 \xd2\xe2\xde,\x8f\xfa?\xf1'</t>
  </si>
  <si>
    <t>b'\x12\x1a$Y\x17\x12\xd3\xa6\xf7\x83O\xef\xd3\xf1\xd1\\\x0fF\xed\x0f\x18\xae\x1e\xfdo"x\x95\xc9\x14A\x8e'</t>
  </si>
  <si>
    <t>b'\xb4X\xd9_\x03\xc4n]8{X6\xf9Z\x1f1b\x84_\x0e\xf6\x8b\x8d&lt;\xdag\xf6\x10\x8a\x0br|'</t>
  </si>
  <si>
    <t>b'\xc2\xa5\xecv\x15\x16\xdd`J&gt;\x19\xc7\xd2%\xa6\x99&amp;\x0c\xdf\x8d\xc89\x1d\xa5\x86\xea\xf9\x19\x89\x85\xa2F'</t>
  </si>
  <si>
    <t>b'\xa65\xd5\x00\x90\x9a\xf7w\xf2\x0b\xe7\xff\x8bF\xc48o\xb5\xebk\xe7\xb4\x08\xa5\\\xdf!\x8e\x04`\x15z'</t>
  </si>
  <si>
    <t>b'\xe94\x1b\xb4\xa1d\x06=a\xb4\xea\xee!\xbey\xdf\xe3y\xc2\xf2\xec\xf5\x8a7\xd5\xe24\xa4\x9a\xc8\xccI'</t>
  </si>
  <si>
    <t>b'\x80\x99\xb2?a\xd5I\xed\xae\xcf~f[\xc1\x88\x18E\xeaw4\xd7)\xdb\x1ez`#\x13\xfbT\x1f\xe0'</t>
  </si>
  <si>
    <t>b'\x9a\xd2l^\x87\xe6\x0b9\\\xf8E\x13eMY\xa9\xc6\x989\x89L\x0e&amp;m\xf6\xbcfX\xbf\xcelR'</t>
  </si>
  <si>
    <t>b'\x92\n\xefg\x1c\x13\xc6|\x1ds\x19Gb`\x93\xb5\x11\xd2\x18d?\xfa\xb1\xc0\xbf\x94\x02\xdc\xb1\x8e5\x08'</t>
  </si>
  <si>
    <t>b'=\x0f\xef\xd2\xb6\x190\xe8\x1b\x8e\xf1\x1e\x1aGq%\t;K\x03\xbe\xc5\x96;\x19\xfdn\xedfn2Z'</t>
  </si>
  <si>
    <t>b'\x83\x1bB;cP\xb8\xc0zsK"g\xa3\xa0\xcb\x04U\xc5E\x9f%\xa7\x03\xa3\xce\x84\xe9\x03]c\xfb'</t>
  </si>
  <si>
    <t>b'2\x84\xde\xa0#\xdb\x05\x9c\xb0e)\xa6\xd0jD\xa2IY\xafv+\t&lt;\x1a@\n\x07\xea\x1e\x10\x06\xee'</t>
  </si>
  <si>
    <t>b'p\xf9\xb9Z\xe9\xa7\xed\xa04D\x16\xf7\x92zdj\xd3\xef\xcaB\xc1\xd2\xb2yPW\x1fwq_\xd2&lt;'</t>
  </si>
  <si>
    <t>b'+\xa6\x0e8\xe5O\xf8\x93\x81\xbe&amp;\x0c\xf2\xbeC\x89\xae\xd5`\xc2\xe7\xcd\xe9\x96p\xa35d\xce\x0c\xfd='</t>
  </si>
  <si>
    <t>b'\xbc5\xbc t\x82\x0eC%\xfd\x8e\xee3i\xeeO\x8d\x96\x05\x90\x9c\x84-\xd07\xe3\x19\xa8\x91 \xf9\x97'</t>
  </si>
  <si>
    <t>b'G\\i\x97d\x1d\xbc\xed\x07\x17a\x9c[\xf6\xb3\x97\x8aY\t\xd7\x8a\x93v\x9ef\xe2\xda\x0b\x0c\x95\xc8R'</t>
  </si>
  <si>
    <t>b'$\t\x1bWB=%\x14\x96aR\xb7\xf3\xfb*\xf8x\x98\nb\x85\xd9\xf5\x151\xb3\x10\x9eI\x0f\xe0\x12'</t>
  </si>
  <si>
    <t>b"\xfb\xc0[t\xd0\xd5\x06g\xdc\xa2u\t#\xefQ\xa6\xc3&lt;a'\x12\xab6\xeb}hN7\x13\xbb-\x1f"</t>
  </si>
  <si>
    <t>b'\xf7\x81"d\xf9\x15h\xa4\xaf\x05\x8at\xcc\xe0\x86Lz\xbf\x93\xa2\x807\x06\xb3\xdd\x105\xbb\x8e\xef\xdbZ'</t>
  </si>
  <si>
    <t>b'Now)xc\xd3\x18\xfd\xafLr\x9cm\xdf\xbf0\x04\xfeG\r\xe0\xa0\x9c\x97_\xba\x8eskW;'</t>
  </si>
  <si>
    <t>b'\x8dH\x08\xe6\xe9*\x8fc\xd3\xcb\xc7\xd1w\x16\x89P?0t\x0c\x03\x02\x922\xf9\xa7Q\xd0\xb8\xa3FS'</t>
  </si>
  <si>
    <t>b'^kO9l\xc0\x08\xdb\xbb$\xdc!l\xa3\xdf`\xe4K\xdc\x06\x8e#C\xa5f&gt;\x9e\xe6Y\x93\xc6z'</t>
  </si>
  <si>
    <t>b'\xecn\xe1\xd2\xeb\xbf\x8e\x1dMK\xb0\x83Q\xf6[{\x1dM\x94\xc1\xdfL\xf1\xe7\x8f\xec\xdfi\xe3\xd2\x8e\xa7'</t>
  </si>
  <si>
    <t>b'?\x1c\xcb\x8cv\xb4\x80\xaa\x968\xa1\xfc}\x1d\r\xda\xccY\x98\x8fk\xb8\x8b\xbcP\xc4_\xef\x198\xa4\xb0'</t>
  </si>
  <si>
    <t>b'\x1b~"\t\xfa\xd7}v\xefu\xb0\xc9\x14\xd7\x98\xee\x8e\xc2\xa1(\xdd\xce\xc7d\x1d\xb5`pD\xc2\xf8\x0c'</t>
  </si>
  <si>
    <t>b'2x{\x15\xd7\x99\xded\x07\x0f\xf9\xf9\xcc\x1b\x86\x96H\x9a\xf2x\xc8s{\xa9\xfcn\x846\x9a\x17\xdd\x92'</t>
  </si>
  <si>
    <t>b'\x05\xdaN#\x8e\xf2\\\x83F\xc7\xf6\xa7{%E\nT\xa9\xa9\x10O\xd7\x83\xc5DhX[d&amp;\xd5&amp;'</t>
  </si>
  <si>
    <t>b'&lt;\xf4\x839wx\xf0^@\x8cK\x1b\x1co\x88\x1drg\xc2\x0e\xe94\xb6\xe9r\x8a\xf2|\xb5\xc9\xeb\r'</t>
  </si>
  <si>
    <t>b'\xe3\xc18\xba\xc49\xc9\x87Hx\\\x15Vp\x04\xf7\xfckb)\xa2G\xbdN\xf7\xdf\xa2\xf2\x82h\xa7\xac'</t>
  </si>
  <si>
    <t>b'\x10\xe3\nV\x11C\x8c1k\xf8\xd3\xdf9m\xa4\xea\x17\xe4D\xf3Y1\xd3R\xce\x14\x17\xe6I\x0b\x88h'</t>
  </si>
  <si>
    <t>b'YY\x83R!D\x85\xee\x96\xf2\xbb\xa0\xc4&gt;\x91\x17aH\xb4?&gt;S\xf9\x8d\xeb\x95u$\xdb\x0fg\x1c'</t>
  </si>
  <si>
    <t>b'9\xca&amp;\x8e\xa9~\x0e\xe9\x89\xb8]i\xe2z\x1d\xeb\xce\xba\xb5\x8e\x85y\xfd\xcf\xa8\x14\xd2\xba(g\xa0\xbe'</t>
  </si>
  <si>
    <t>b'$\xf55\xef|\xd8\xfa\x12\xa9\xa9\xd1b5\xde\xdc?(\x91\xba?\xc3\x01\xc2\xa8\xf7\x10M\xd0_x*D'</t>
  </si>
  <si>
    <t>b'\xfbD\xa5\xb9kP.lj\x96nZ\xb3\xe5\x9e`\xe5&gt;npTt\xac\x18\x86}\xec\xaa\xf6\xcf\xad\x1d'</t>
  </si>
  <si>
    <t>b'm\xce\x16L\xf9\xc5\xd3W\xc1\xb9\xd4\xf6\xa6\x01IU\x14&gt;4lo\x05UI\xdcP\xd3y\x11\x0c\x95/'</t>
  </si>
  <si>
    <t>b'\x82\xb8\xb4\xae\x1a\xd1\xe8#O\xa7F\xe0\x95\x18\xe9\r\xe0\x9c\xef\x8e\x12\xdb\xde\xc9\x13\xd4\x8c:\x8e\x17\x9c\r'</t>
  </si>
  <si>
    <t>b'\x8e~\xbft\xeb\xf6\xfeoVY\xf2\x1a\x99\xf1\x91MQ;\xe0\xa84L\x89\x11_%\xeb\xc9\xb4\xe2\xbfR'</t>
  </si>
  <si>
    <t>b'\x0e\xd7\xef\x066\xfb\x91z\xa0\x81\xc2\x01\x99\xd0!\xbbK\x90\x17jm\x16\x9a\xf3\x90\x8e\x8b\xdf\xbc\xc8\xcf*'</t>
  </si>
  <si>
    <t>b'\xc4\x95cL-63\xbc\xad\x86$\xc2\xef-H\xca\xd5V\xeb\xe0\xba\xb0\xe3%\x00T(\xa1\xa0^\x895'</t>
  </si>
  <si>
    <t>b'\x82\xa1\x0b\x88\x1c\x081\\^y\xd0\x1e\xa6$m3\x0c\xb5G*\xeb\xf9^\x7fe@\xaf\x83\xf4\xf4Zd'</t>
  </si>
  <si>
    <t>b'Q\x0b\x8d\xb8\xe5\x85}\xb9\x15ur\x89U\x19\xb2{\x08LQ\xdf\xed\xaf\xc4$\x12|\rL+\x05I2'</t>
  </si>
  <si>
    <t>b'\x18[\xba\x18\r;\x18\x92\xefD\x1a\xde\xc2\t\x17\x16\xb5A\x12.P\x1d\xbe\x7f&amp;!\xbb\xf9P\x0b\xdc\xd7'</t>
  </si>
  <si>
    <t>b"\xac\xe4&amp;\xfen\x0c\xdd\xcb\x9c\x9aE\xaf`\xb2\xeb\xf0\x07s\xa5\n\xd7N\x8b'=\xa0\x81\x1c\xf8sm\x1c"</t>
  </si>
  <si>
    <t>b'\x8a\xb3\x88\xd5Rl\x8aG\x82"9_\x99,9\xe1i\xd5\x9a\'\xa6\x16:b\xed\x146K\x03\xb5=R'</t>
  </si>
  <si>
    <t>b"l\x19\x14`A\x01\x80\xdb\xdf\xc8\x17\x1e\x0e\x9atr\xa8\x08'\xe7\xe2c\xbc\x81\n\xdf\xd1W\x9c\xd6\xdc\x8a"</t>
  </si>
  <si>
    <t>b'\xafS\x0e\x11.P&lt;T\xba\xbf\xf7O\xeae\xe6\x8d\xa7\x95\x82\xc5\x04\r\xd0\xb5FF\xa0x\xb43Pf'</t>
  </si>
  <si>
    <t>b'\x8eL\xae\x12a\x12\xcf\x1a\xe2bW\x07\x80\xa1\x19\x17[\xf3*b\xe0S\xb7\x08xy\xc1\xfcb$\x9e\xca'</t>
  </si>
  <si>
    <t>b' S\xe3&gt;/\x92\x1d\x1cX\xe3\xd7\x02K0\xd1Y\x81lh\xc0\x8f\xeb\x99\xd5w\xf2\xcdh\xaax\t\xb2'</t>
  </si>
  <si>
    <t>b'\xefJr2Af\xef\xda\xc0\xea\x82}L\xa5a4\xbe\x95\xd4\xc3&gt;Nc\x19\xee\xff@\xfa\x87b\xa7\xd8'</t>
  </si>
  <si>
    <t>b'\x8ek\xc75&gt;\xdb%\xb3\x1c\x16\x14E=\x82\xc5\xe7\xde\xd5\xedc\x81\xb9\tv\x9e\x1ay\xb7~\xc7\xb0\xd6'</t>
  </si>
  <si>
    <t>b'e\x8d\x17\xa5\x9cR\xbc\x9d\x8cf\x8c"E\x8e\xce%\x9dkI\x97y\x06o8\xb0\x12\xb2\xd0\xb7\xb8\xb2\xd0'</t>
  </si>
  <si>
    <t>b'Vq]:\xa2\x18r\t7)\xda\xd4SU\x9c\x19K\x979]\x86\xc4\xcb\xa5~9\xe7Z\xe4\xa4\x19l'</t>
  </si>
  <si>
    <t>b'JPw\xc8\x1f\x86\xe7\x0ew\xd3\xcd\x1b\xe9\x0c\\\x12j\xe6lL\x19\x1b\rW\x817i\xe8\x84\x84z\xdd'</t>
  </si>
  <si>
    <t>b'\xaa\x8a\xca\x93\x8e\x82j\xfaO\x82\x9a\xd3k\xf8\x19#`/ns\xad\xa4\xf9\x12\x96\xaa\x19m\xafJ\x8d$'</t>
  </si>
  <si>
    <t>b'!\xda:\xe8\x88fd\x02,\xec\x9e\xb4B\xc1)\xe1\x92U\xb5\x1d\xa6\x1f\x06\xc7\xe8\xbfk\xf41D~\x8d'</t>
  </si>
  <si>
    <t>b'\x14\xaf\xb5\xb9\xd9\xd6p@I\x83&lt;\xd9\xf4\xdc\x0c?_x\xd2AP\xbc3\xe4\xf3m\xf9Q;!B\xfd'</t>
  </si>
  <si>
    <t>b'o\x99E\xbegHE\x8e\x15\xf7z\xf8\xac\xca\xa9\x96[\x7fd\xb8d\xd1\xdd\xa5\xf5ZFS\xfd~\x81\xac'</t>
  </si>
  <si>
    <t>b"\xb4\xce+|\xe11&lt;Y\xa5\x9b\xb9-\x99\x89\xbd 9\xee\xd7\xab\x1b&gt;tT\x9c\xb3'\xb3|\x0b\xbd-"</t>
  </si>
  <si>
    <t>b'\x9cQ\x91\xda\x1eg;\xa4[\x02\xa5\x1fM\xa9\t\x19\x0e\xdf\xa2\x00\x81\x8b;\xa3\xe9\x1dJ\x85\x86\x96?\x99'</t>
  </si>
  <si>
    <t>b'\xe2\xff\xbf}\xfe/\x9dD\x8c;25\xc4|*\xfe\x9b\x8eT\xb9\x8d\xf1OmB\xcbM\xf7\x18\x9d\xfeC'</t>
  </si>
  <si>
    <t>b'\x16\tY\xf0\xcdtM\xd5Af\x8d\xfe\x1a\x14\x02\x01\xcb\x81Z\x87v\xaa\xee\xaf\x97\x15\xd76^ek='</t>
  </si>
  <si>
    <t>b'\x9b\x05y\xd8fk\xc0$^\xb0\x14\x97\xe0)\xb7R#\xd6\xd2t{\xbe\x0c\x03\x88\xf1r\xc3\x10\xb7\x01T'</t>
  </si>
  <si>
    <t>b'\xe4"\x9a\xcdo:R\x08`&gt;a\xe5\x90\xa6\xafW!o\xf2\x88\xc6\xdf\xff\'zJ\x02\t\x90\x90#H'</t>
  </si>
  <si>
    <t>b'\xa3&amp;\xea\x87N\x91D\x06\x7f\xc2 \xbd",\xf0u\x0b\xabn\x02Q\xe3\xbb\xcdn\x07i\xa1\x1d\xe0yf'</t>
  </si>
  <si>
    <t>b"6\xae\xdd\xc6\xd6\xfa\xeaX\xcdP\x84&lt;U\xcc\x1d\x90\xbe\x1b\x9f\xab\x8b\xb2`~\xfb:T\xb2\xdb'\xcdV"</t>
  </si>
  <si>
    <t>b'c\xc2f\x18\xe3\xec\xf6\x95Y\xe9x\xc6BJ\x9e\xa8t\xfa\x15\x9cbCv\x118-\xd9\xf69w\xe3|'</t>
  </si>
  <si>
    <t>b'\x1f\x8dbR\xd5\x92\xb7\x9d\x88d\xe3\x0f\xfb\x02\x15\x9d\xd9\xd1\x17\x9eT]v#\xd2\xcd#H\x1f|\x9e\xfa'</t>
  </si>
  <si>
    <t>b'\xe8\xec\x1e!s\xe0L\x86\xddg\xb9,\xbc\xa5\xc6Y\xf6\xdfeI4\x18\xb0\xc9-H\xbc\xb1\xa4\x90pP'</t>
  </si>
  <si>
    <t>b'\x19\x97O\x86\x80\xe9\xc0p\xd9\xd0\x8f8\xf2\xf3%\xf0\xafz\x9c\xf9\xb0\x88\xe7u\x1f"S\x13\xb6\xe7x\x9d'</t>
  </si>
  <si>
    <t>b'\x07\x7f\x06\xeb\xe8\x99\x08`\x0b\x82\xd2I\x16\x17\xc8\xb8V\xc7\xcf\xcb\xfb\x8c\xc2\x00r\x9f\xe9\xe1\xdf\xeb2\xb4'</t>
  </si>
  <si>
    <t>b"\xb0l\x11\xd4\x9f\xc1\xc8\\N\x82 ~\xc0&gt;D\x8d\xa6\xf7JZE\xdb\xd5pg\xaf'DW\x80\xbf`"</t>
  </si>
  <si>
    <t>b'P\x82V _M~\xf7d(O\xd8o:z\x9b\x0f\xa9\xe0s\xbe\xdd\xf3\xb2\xc0\xa1\x9a\t\xfd5\xf3\x81'</t>
  </si>
  <si>
    <t>b'B\xbc\xbc\x8fG\x07\xf5\xe7\x81\xc1P\x0f\xa3\x1a\x12\xb13\x92s\xafP/hS\xce\xd9J\xbd\xd2\xec9\x87'</t>
  </si>
  <si>
    <t>b'*\x00Q\x8c\xd6eze\xe7\x99.h\xda\xc0\nT\xc8q\xf5:\xa5\x04\xd3\xc0Sl\xceiY\xf0\x94\xd1'</t>
  </si>
  <si>
    <t>b'\xfd\x1c\x86K\x18X\xf0\x19\xee\xe2`\xf0b\x13\x02\xa8\xe9N\xc7R\x11\xa01\xea\xca&gt;m\xa7N`\x02\xff'</t>
  </si>
  <si>
    <t>b'?H\x9b\x80\xf2u\x84\xf8\xf5D\xc6\x91Q|\x8ff\xa1\xec\t\xb0!\x85\xc0.\xeb\xda\x9b\xbf\xc1\xdf\x91Q'</t>
  </si>
  <si>
    <t>b'\xd3o7\xe1\x05\xe9ntF\xc8\xf0XMV[\x1c#\xf5\x8a\xda\x0e\x19\x9b\x0c\xf1\x01\x01\x84\x1eE;\xc4'</t>
  </si>
  <si>
    <t>b'?3\x0bn\xa3\xe8\xb1\xacUz\xecR\xda\xb2\x8cJ\x03(=\xac\xcb/\x19\x8d\xe1\x1b\x1f\xa7\xf19$\xd4'</t>
  </si>
  <si>
    <t>b'\x97}A\xb3\xb1OB\x8eg\x06\xdd\x88IkRR\xa3\xc1\xd0\xe7\xbcV\xa1\xc3V\xb7p\x87\xc09\xe5A'</t>
  </si>
  <si>
    <t>b"\xb4A6\xb7@N\xb3\x13\xf3\xaa\x8eE\xf6\xef!\xa8\x92\xb53\xf1\xca\xf8('\xf3\x9d\xa5\xee\x8cb\xdc\xbf"</t>
  </si>
  <si>
    <t>b'c\xb3Z\x06\xcaJ\xc0\x03\xbf\x07\xd1\x9f\xaf\xebJ\x89\x17b\xc9=\x18\xb9\xbb9\xc9\x0cU\xc5F\x92\x1a\x1e'</t>
  </si>
  <si>
    <t>b"\x06\x10X\x1dhoj'Z\x1d\xec\x96\xc8\xe5x:\xe4\xd6\x08\xdc?x\x80\x18\x88\xb6\xcaJ\xe2z!`"</t>
  </si>
  <si>
    <t>b'\xfbS\xfe9\xbfg-Z\xaep\xc9&lt;\xf9\xc6x\xdf\x85\x19\xb6r\x03\rFj\xb6\xd0\xe7\n\x86\xb1\x1e\xcc'</t>
  </si>
  <si>
    <t>b'\xf8\x01)B\xdd,\xe0\x93\xefsX\xaa\xd0\xf5]"\xdea=\x02~T"\\#\x17\x845Z\xdeP\xbb'</t>
  </si>
  <si>
    <t>b'\x1fa\x91\xcfJ&amp;\xd66`TR\xe0\x1c\x10\xbe\x83\xf27\xbc\xda\x9e\xdd\xe9\x9c\xea\x96\x85~\x84\x12\xdc;'</t>
  </si>
  <si>
    <t>b'\x01\x8b;\xef\xfd\x11\x82\\J[]^:\xefAj\x87\xe4(&gt;\x93\xda\xe9O\xcb\x1d\x06\xac\x9a\xdf"\x12'</t>
  </si>
  <si>
    <t>b'\x80\xdf\xbe\xd2\xb5\xb0%\xa1\x12a\xcc\xb1+n\x16\x96\xd8\xd6\xa2&lt;\xd8\x15\x1b\x8e\xbeq\x8f\x83F\xad\xba\xde'</t>
  </si>
  <si>
    <t>b'dzb\x97,\x12\xb8X\x80\xe8w&amp;\xd57Hd7^\xf8\xd0A[\xc7\xdbU-\x04\\\xaa\x83[\x16'</t>
  </si>
  <si>
    <t>b'M\x13\x95\x9dGB\xeeB\x1a\xe4\xaa\x86\xca\x92\xe8v\xfbE\xd2&lt;\x00M\xb7\xa6\xb3\xcbj\xb4\xfd\xb7 w'</t>
  </si>
  <si>
    <t>b'\x02\x8f&amp;\x92$O\xedH5C\x83\\\x0e\x00i _q\x10w\xc2\xb36h\x85\xde!\xea\xa3\xec\x87\xbb'</t>
  </si>
  <si>
    <t>b'\xab\xd2\x81\x91\x9cW\x99\x8b\x81\xc5XO\x94\x90\x9dV.\xa9\x1eH\xf8\xe2\xaf\x1bF\xfeh\n\xd0F\x9ed'</t>
  </si>
  <si>
    <t>b'\x91\xf1`y%\xa0\xee\xc8\xe3cG\x9a\x01X\xc8G\xd78\x02q\xae\xb9\xd2.\xcf&gt;\x94\x07\x1bO\x9d\xda'</t>
  </si>
  <si>
    <t>b'\xf4\xc5\xb8f\x86\xdf\xa7/#\xb9k\xf3\x9d\x93g\x07\xda\xf8\xbcf\xc0\xfa&lt;\xd8\x98\xcb\x18 ]V\xd0\x9d'</t>
  </si>
  <si>
    <t>b'\x96%nA\xafXo\rW\x87\xc8&gt;\x05\xbait#*t\xc1\\\xafbc\x8c{\x9d\xc7\t;\xf4\xef'</t>
  </si>
  <si>
    <t>b"\x9a\xf2&gt;\xe1cQ9*\xb7\x8a-\x1b\xf9\x1f\xc5\xc4\xd3\x0b\xd0('C\xbegk\x19\xfc\x18&gt;\xd2\x16\xb2"</t>
  </si>
  <si>
    <t>b'\xb5\xc6\x7fj1K\xe08\xa2\xaco8\xadd`,\x96u\xbf\x91\xe0}68\xd1\xdd\xe0\xf8\xb2!}9'</t>
  </si>
  <si>
    <t>b'\xd2\xac\xad_P\xb1\x11\xb4\xd8k?\xe4\xe9\xef\xe1\xdf\x81\xdf3\x9b\xb0\xd0;\x8e\xfa\xb3&gt;\xf1\x8eK\x8e\xd3'</t>
  </si>
  <si>
    <t>b'\x80Tm\x0b\xd9J`MI\xe8R\xfbO\x1fB\xbd\xefw&amp;\xc7%w\x02K\t\xd0xM\xd8\xed\xc7\xcd'</t>
  </si>
  <si>
    <t>b'\xb4`\x84\xd7\xb1\xe1\xf2\x16}u\xa9\\%\xfe\xd6&lt;\xef\x1b\xc4\xf7 \x12\xa7\x95;\xd8\xc8hoG\xca\xde'</t>
  </si>
  <si>
    <t>b"\x08\xcf\x01\\^\xeb4D\xad&gt;\xddy\xf9z\xe8\xe2\xfcYoO\x0f\xfc\x9a\x00\xb7C'k%\x02\x15\xc9"</t>
  </si>
  <si>
    <t>b'b\xb2\x02i\xc5\x9f\xacB\x13\xac)\x16\xe9\xb1\xb5\x8a\xce3@\xab\x9c\xf1\x91\x13!\xcd\xb0\x8b\xd1\xcd$9'</t>
  </si>
  <si>
    <t>b'ZU\x1c\x08D\xa8\x14\xd43\xfb\xff4"\x00\x80)\x97\\\x1d\xbfm1\x92Q\x1f\xbc\x922\xd0rB\xe2'</t>
  </si>
  <si>
    <t>b'\xa4\xb8,\xe9d\x17\xad`Y\xc5\xae\xd5^\x04\x90\x1e\xff\xc2\x89\x9c\x81\xc4\xe1\xf48\xd9\xe5\xba\xeb\x07\x06\xc8'</t>
  </si>
  <si>
    <t>b's\xad\x04\xa1\xed\x03\x90\xca\x19\xb8\x8c\xe6\x18\xe1\n|4\x00\xcf]y\xa2lt\xf8\xf9o\x8dy\xe4vQ'</t>
  </si>
  <si>
    <t>b'Is\xff\xae#\xfa\xd6\x1e\xed\x99/7C\xcf\xd6\xbb\x12\xb6\xc0\xcc\xcb\x834}\xd4u\xafJ\xcf\xce\x0e\xb0'</t>
  </si>
  <si>
    <t>b'[\xd0l\x17\xfaS\x8f\x17=\xc6^P\xc4 \xa3\x11\xb8&lt;/(waBF\x89\x8f/69|\xcc\xba'</t>
  </si>
  <si>
    <t>b'\xb9\x1f]\xcf5\xea\x13\xc6V\x9ah\x82\xc9\x87\xa1l\x1a\xbe&amp;\xec-v\xe6\xfej\xdc\x00\xe6\x9f\x18\x91h'</t>
  </si>
  <si>
    <t>b'\xe1\x0f"n)gb\xd6{\x84\x15\xd4\xf4\x0c\x9dI\xec\xab\xbb3\xa5\x8d|\xa8S\xd7R\x0c\xc1[i%'</t>
  </si>
  <si>
    <t>b'g&lt;\xda\xd8R\x8dW\xd8+s\xecl\x89\xccO\xf7,\xd4\xcf\xdf\xab\x00,\xb3\xe6\x95qY\xe2_\xb4\xdc'</t>
  </si>
  <si>
    <t>b'tS\x86\xd2\x80\x93\x1b\x87\x93\x94#\xee\xd2W0.vF\x83u\xe5i\x81\xcd~q\x94\xf3\\\xca-\xff'</t>
  </si>
  <si>
    <t>b'^y\xaa\xac\xb2;\xb6\xab\x1c\x0br[\x02+f\xf0*|\x18"\x87\xdaS\xef\xef\x1b\xe7\x81I\x1c\xf0\x91'</t>
  </si>
  <si>
    <t>b'IX\xe6`{W\xba]\xd8L\x92x\xa7{\xbd\xcc\xd68\x92\xce\x19\xfa9\xbe\xa5J\x1f0\xfc/\n\x86'</t>
  </si>
  <si>
    <t>b'\x94\xa7\x1eg\xb3T~Z\x02\xb5\xd7o.Kd8\x85a6\x1c"K\xac\xc9\x17\xd1U\xdc\xe6\x185\x00'</t>
  </si>
  <si>
    <t>b'\xeb\xb6\xad\xc0@\x8d\xe8\x0c\x01F\xe6\xa1|Zd\xe9\xb2|\x91*+\xbd\xd7\x84\xa0\xb2\x0b\x00\xfbW\xf6z'</t>
  </si>
  <si>
    <t>b'\x92j[\xdcou\x81\xe3\xaa\x88\xbc)p\x14\xb8}\x0bNz\x19\x18\xc5\x9en@&amp;N\xc1\xf0\xf0z\xfa'</t>
  </si>
  <si>
    <t>b'\x02%\x07&gt;\xdb\x92\xf2\xab\x1a\x14\xa2g"&lt;p\x0b\xb1\xc4R.\xe1[(\x0e8K\xe8\xa2\x02\x15R\x97'</t>
  </si>
  <si>
    <t>b'%\xbf\x14\x8d\xc4\x9a\xaa\x98\xaaA\xeap\x83\xd5Gs\xf0\x8b.\x7f\x13\xa7\xa7\xa1V\x06\x13\xb3\r\x14\xd3\xdf'</t>
  </si>
  <si>
    <t>b"\xc3\xcd}\x9a\x90\xe9\xfde\x9a\xae\xa5.5\xdcr_\xd3\x14AJ\xd79\x87\xcb;'\xfd8B\xc3\x94P"</t>
  </si>
  <si>
    <t>b'\x9b\xcb\xee\x17\xf7X\xdb\x8f\x8c9\x99\xa6\xe7f\xa1\x0b\x03\xeec\xf8\x06\xbbM\r\x90\t\xf8=]\xe1\x022'</t>
  </si>
  <si>
    <t>b'\xd3\x02pB\xc6\xfb\x84B$\x86\x8dS\xb7\x08\x9d\xfa\x1eIs7\x94\x90\x8b\x11\xf7\xa0\xd6\xaf\xc7@*\n'</t>
  </si>
  <si>
    <t>b'\x8f\xc0&gt;Z)Nn.\x1a\x0c\xe3\x1f&lt;&lt;\xd0\x0c\x1a\x91Z\x92\xc6\xee\x91\xc4\xfeY\x08\xf1H\xd1\xe3\xb5'</t>
  </si>
  <si>
    <t>b'\xa5\x992\xf4\x1fY\xce\x1a6\x16\x1f\xec\xb6h\xcb|\xa7\x1fM\xf1\x05\xf1 2 \xbcv\x0eAF\x93\x96'</t>
  </si>
  <si>
    <t>b'\x11\xb3!\xa8,\xe8\xe8\x04\x14\xa7\xe6X\xcc\x0b\xd0P:&gt;k\x18\x16.\xbf\xe5e\x15\x97\xa9\x02\x85\xa8\xc2'</t>
  </si>
  <si>
    <t>b'\xa8\x17\xb1\x88\xfbG^\xb0+6 {\xe3\x00b\xd2\x86\xd8?\x97\x17\xdf\x841\xc2\xfd\xe3\x0f\xee\xc9\x9b*'</t>
  </si>
  <si>
    <t>b"\xbcf{\x16y\x91A\xf8(\x8c\xc5\t\xaa\xfcfKv\xd0\xf0 FOoc\xef\xd2\x8b\xb0\xdfL\xa5'"</t>
  </si>
  <si>
    <t>b'\xcd\x04s\xae\xd6\xfa@\x06\xcc\xcd\xe4\xf7\x8bD\xd1\xb4N\x17\x86f\x8a\xe5f\xc2\xba\xa4P\x02\x07\x8aL\xa6'</t>
  </si>
  <si>
    <t>b'\xae\xa5i&amp;K\xb9a\xfb\x1fR\xd3\xdf\xa9c\xc0x\xae\x84\x8b\xe0\x8c\xe9\xa5\xb8Y\xcd\xf4\xa3\xb5\x9cqH'</t>
  </si>
  <si>
    <t>b'\x94\xa6\xb8T\x86\xe0y\x81\xbc=\x9eF\x8aN3j\xd3\x90\xfb4\xb2$\x11\xfa\xddO@\x14R\xe4\x1eB'</t>
  </si>
  <si>
    <t>b'd\xf9T\x0c\x94n\x91\xf9\x12yM \x98\xe0\xc9e0gtzk\x05w1\x0b\x19\x1c\x7f\xae\xfb\xfd\xc4'</t>
  </si>
  <si>
    <t>b':\xa2\xbb\x98!\x9a\xdc_\xa1M\xab$\xd4\xc2\xeb\x0c\xfa\xe8d;\xfbP\x94\x01J\xae\xe1\xf1\xdc\xcbb\xb3'</t>
  </si>
  <si>
    <t>b'\x16\xde3\x18\x0cJ-\x1c\x92c\rV\xf4M\xb7O\x84g\x8f\xa8\xc6\x97\t\xef+T\x18ZJ##\xc8'</t>
  </si>
  <si>
    <t>b'[N~n\x81\x9dfz\xfd\xea\xc7\xa6F\x11W\xfe\xac\xa2\x17\x06\x9b\x1c\xade\xf8\xcdd\x130"\xc1\x97'</t>
  </si>
  <si>
    <t>b"'K\x86\x01n\xd6\xab\x95[U\x9f\xa4W\xc4O\xa0:\x8aS.\xf6\xa3\x10&gt;5\xa1\xff\x0eX\xf5\x8d\xda"</t>
  </si>
  <si>
    <t>b'\xf0Q\xaf)l\x04\xa3J%oK\xeeJdTR\xd1\xd7\x9e\xa7\xef13\x9e6\xca\x04\x832`\x7f\x02'</t>
  </si>
  <si>
    <t>b'\xa7\x07\x90\xda\xae\xf0\x7f\x18j\xdaD\xfd\x17\xf5d\xfc\xa6\x87V\xa9V\x06_\x11\xb8\xe4-\xa8\xa4\xf7X\xc1'</t>
  </si>
  <si>
    <t>b' \x18\xf6\xb0oT^\x15\xfaGT\xe0\xe3\xb6T&amp;\x87\xc5j\x9f\xfb\xc2\xe9%\xf8d\xbe%~\x8c\xbe\x07'</t>
  </si>
  <si>
    <t>b'\xb8\xc3\xbc\x15\xc9\xf84\x9a\xc1j\xf4\x0cDu\xa6\xd1u\xdf\xd0\xa6\xfa\x17\x80\xb9\x02\xee\x99\xd2\xdb\xf1\xb5#'</t>
  </si>
  <si>
    <t>b'\xedj\xb7\x10\xfee4zM$\xa6\xbfsb\x96f\x1d\xa2PWG\xa6\x976\x98f\xfb3\xbf\xcaS\xbd'</t>
  </si>
  <si>
    <t>b'1A\x93/G\x7f\x8cg\x964\x11z{\xf8\x16\x9c\x14\x81\x80\xb77\xec\xd5W&amp;\xba=\xba\xc4\xa5a\x80'</t>
  </si>
  <si>
    <t>b'J\xe5\x01\xfe\xdbQ\x81\xa7\x92\xea\xc2;\x9b&lt;\xf9}1w\xd7\x1aK\x8e\x84\x1b\x8a\x82\xa9&lt;\x80\xa9\xbd\xe1'</t>
  </si>
  <si>
    <t>b'\xc2b\x17\x91GD\x1d\x8c2m\x11\x89z|\xfa\xb7!-!z\xf8\xe4\xe0\xaf\xaa|\tx\x0c\xef0\xbe'</t>
  </si>
  <si>
    <t>b'&lt;T\xd2\xa1\xf0 ^#\xa9\xcc~\xa9k"\xf6\xbb\xf0\xb8\x88mM\x9b\xb77k\xf6\xae\t8\xd1D\xb7'</t>
  </si>
  <si>
    <t>b'\x8b\xb6M\xe5\xa8\x0b\xed\xbf\xed\xb5\x17_Q\xa6\x03\xfeb\xa1\xf1F\xfd\xd7 \xfe\xd3B\xec\n\x06\xc6\x165'</t>
  </si>
  <si>
    <t>b'\x1a\xa0\x8c\xb2\xe8K\x8d\x13\xf9\xb9\xadB\xe9\x02q\xea\x00TpA\xbc!\xe8\xf5xu\xa4-\x1f\xb5\xddZ'</t>
  </si>
  <si>
    <t>b'\xfdcn\x1f\x9b\xb2\xec\xc6h#b_\xb8h]O\x94\x0e\x95\xc5\xe4\xbe\x1b\x80\x15n\xb3\xe3\xb9\xb4\x07\xa1'</t>
  </si>
  <si>
    <t>b'\\y\xfa\xa2;4\xe4\x8a3\xa96\x82\xbd\x83\xec\xabL\x8a\x8d\x00_rP\xec\x12\xe6\x1d\xffmq\xf9\xcc'</t>
  </si>
  <si>
    <t>b'\xb4\xfcW\xdf\xea0E\xfbOrrU\x85~\xfc{\xae\x85\x8d5\x98/$\xc4&amp;\xdc\xcd\xdf\xc2\xe7 \x9c'</t>
  </si>
  <si>
    <t>b"\x0e\xed\xadap\xd3'X#\xe0e\x11\x84\x80\xbd\xeaH\xf3\xc3\xe4K\x87\x04?p\xdd\x15g\x8bF\x9f\x02"</t>
  </si>
  <si>
    <t>b'\xf0X&gt;\x91\x08\x9c9\xb8|\xe7\x1fhN\xcc\xf73[\x92\xeb\x82\xe9\xcf\xa3\x07&lt;\xd6\xec\x82L\xe0T\xa3'</t>
  </si>
  <si>
    <t>b'\xce]\xd8\xbd\xda\xae\xe4\xbar0\xbf\xca^\xc9Q\xd4\xd5\xaa\x97*\x0bk\xe0\x8b\x07\xe0)\xb9A\x1c\xbb4'</t>
  </si>
  <si>
    <t>b'\xe0\x04t\xd8\xbb\xd6K\xc5\xf0kn\x86X4\x98\x81\x94\xb8\xf2\xa3c`\xfa\xd1L\x88sCev\x15\xb0'</t>
  </si>
  <si>
    <t>b'\x89\xdc\xae\x04\xda4Uc&lt;\xca\xa4\xc5!\xe9\x1ef\xff)\x94\xea\xe7h\\\xcd\xebi\xb9\xeamZ\x9cD'</t>
  </si>
  <si>
    <t>b'\x82`\xaf\x04\x91Ev\x85&lt;ys[\xa4-\x03p\xbe\x04\xe9*\xb6\xb4\xb4\xcf{#]\xe0H\x1d\xc6:'</t>
  </si>
  <si>
    <t>b'\xb62\xdawIV\x9a\x01V\xf2hz\xc3\x08aCB*\xde\xc7\xd2`\x11\xa6\x13\xa6\xd2\x13[\xd9\xc5\x83'</t>
  </si>
  <si>
    <t>b'\xa0O3\x8e\xeaOA\xad\x18\xfaK\xb2\xf6\x10\xb3\x8f%\xd7eY\xac\xed\xf7\xd7\xdc\xb5\x8av=\r\r\x0b'</t>
  </si>
  <si>
    <t>b'\xde\x17\xbfH\x01R\xe3L\xfe\xa9f\xd5\xd4\x1b"xk\x86\x11\nI\xd1\xa5\xf4\x0cv\x81K\xfc\xea\xab\xe9'</t>
  </si>
  <si>
    <t>b'3\xa5\xf2\xa2A\x9e\x87\x8a\xf2\x9a\xe7\xb4\x02\x12\x11\xaa\xe6\xb0-\xbf#\xf6\x90\xa8\xc1s\x18N\xe5\xd9\xf1J'</t>
  </si>
  <si>
    <t>b"\xf7\x95\xb3\xeeV\xc4'\x07/\x17U\xd3\xd04\\\xe8u&gt;[\xc3\x8b\xd5\x17\xdd\xa6\xfe}x\xaf\x03\xae&amp;"</t>
  </si>
  <si>
    <t>b'}3\xb5{\xa3h\x8f:\x94az-\x90\x88HxK\xb6fd\xd4\xa6\x1c\x0c\xd5\x82\xab\x17\xd3\xe8\xa4\xff'</t>
  </si>
  <si>
    <t>b'\x8a\ridS6\xb0r\xaa\xde\x1br\xa9\xdaA\x04\xddk \x06^\x9d+\xdd\xc4D\xa5\xea\xe3\xbfz\x17'</t>
  </si>
  <si>
    <t>b'\x83\x8e~T\xd3\xc1\xef\xd7#\x12\x13\x7f3.\xc1\x9b\x1c \xaes~\xd6\xa6\x8b\x8c\x06,\x93\x93\xff_\xf9'</t>
  </si>
  <si>
    <t>b'\x15k\xe0D\r4\xb2j\x8f\x90\x99\xf4\xbc|\xcb\xb0\xc0N\xf3\xb4\xa1\xf9&amp;\xa2\x0c\xf5E2K}\xe2\xd4'</t>
  </si>
  <si>
    <t>b'0\x9c\xdc@Y\xd9\x8a\x01\x90\x12\x0c=\xee\x88\xdf\xbf\x92\xd1\x13\xd9\xfb\xe4LPT\xc5\\\xadNf\x92\xc0'</t>
  </si>
  <si>
    <t>b'\n\xa9\x93\xe5o\x83\x8b\x8fK\xa4\xb1\xb9!.\x9e\xc7\x8f?\x03\xbf\xa5E\xcc\xe7\xc3H\xe03\xa8\x82h\\'</t>
  </si>
  <si>
    <t>b"\xd7\n\xed\xf1\xa7\x12\x8d\xd4\xe2y\xe77l\xed\x14\x95\xa9\x06\x90Q%i\x9b\xdeV\x8d/\xb7uP'\xb1"</t>
  </si>
  <si>
    <t>b'\xad\xf4[l\x8fb\xc2GU4\xbfi\xf4\x97\x7f\x92=^\xa8=T\x95F\xfa\xd9\x0b\x13\xc2;\x93_\xe6'</t>
  </si>
  <si>
    <t>b'd8\x9d\xa7`\xac\xdc\x1c\xe1\xcd;\n\xf1!\xa1\x99l\x07h\x9d\xee\x9b\x82)3\xc5eN\xf9\x15\xa5\xd0'</t>
  </si>
  <si>
    <t>b'\xc6\x08\x96|\x7f\xa0\xd7\xc4\x87O\xec\xf4Y_\x93)\xc5\x01\xacy\xc4"&amp;WZD\x16T(\x94--'</t>
  </si>
  <si>
    <t>b'\xba\xec\xab\xfe\x13\x95Xf\xb4\xcf\xf51o\xb5\xf4\xdd\xa5L\xede"vN\x94\xcc\x93\x15^\x82\xf9\x92\x03'</t>
  </si>
  <si>
    <t>b'\x85\x01\x93V\xd9\xaf]\x96\x85\x9f\xea=\xd7C\xeb\xdc\xfa\x17\xd3\x12\\\xf2t\x9f\xe6\xfe\xc9#!\xc7=Y'</t>
  </si>
  <si>
    <t>b'\xed`S\x02\xbbs\x04[Vo\xdcv~\xa7\xf1\xfa=a.~\x1ann\xb7\x84\x0e#f\x95\x83\x08C'</t>
  </si>
  <si>
    <t>b'E\xe4\xe1\xe1\xe6\xae8l\xde\xc7\xf6\xf2w"\x94LG\x868ML\xb49@J\xcer \xc3\x92\x1f\t'</t>
  </si>
  <si>
    <t>b'\x8f\xdbX\xa4\xfa1\x8d\xc3\xee\xc8\xb3VmH\x84\xa7\x8f\xbb\xd8\x04\xc8\x1eT%\xbb\xd5\x8d?-IL\xb2'</t>
  </si>
  <si>
    <t>b'xX@k\x9d\xcd\x13\x0b\xb4\xf4\x03\xe4xWM\xe6\x8d[|\xcau\x9fq\xb7\x021\xfa\xb4Bn\x0fO'</t>
  </si>
  <si>
    <t>b'\xa3\x05q\x1b\xe6x\x04wW^\xd2\xff\xf8(3f\x1aZ\xd3\xc6f(\xda\x14^\xdb\xec\x19\x04\x03t\xf3'</t>
  </si>
  <si>
    <t>b'\xe0\xb3\xf1\xfe\xd0\xaci?&lt;\xfb|\x0c!\x1e}\x8e\xa4\xa2\xba\x87\xd7\xa9:\x00\xca\xf0\xec8++\xed\x16'</t>
  </si>
  <si>
    <t>b'\x8f\xf4\xb1\xf9\xb7\xbe/aRdU\xf0\x92 \x9e\xc5\x18.\x86\x8e\x81\xb8\xb7\xa1\x84/Y)\xba%o\xaa'</t>
  </si>
  <si>
    <t>b'\xc8\xbd\x83\xb7\xe2\xddr\xba&gt;yy\x92t#\xa3\x82\x81\xb4\xffx(\x00\xea\xd5\xd9#\x81\x8d\xcd5T\xf2'</t>
  </si>
  <si>
    <t>b'\x7fb+\x98\x8f\x9d\xb4\x9e\xfd\xab\xd7\x13\x97\xc1\xbe\xf8`\x90\xe9\xc7b\x0f\xfa\x05ox!.8\x9doo'</t>
  </si>
  <si>
    <t>b'\x98r \x1b\x8a\xc3\x9f2i`\x98\xd7u\xe9Q\xed\xe2\xfc/|.\x12,\xcfi\xf3a\xc3\xe6-u\x89'</t>
  </si>
  <si>
    <t>b'\x00\xfc1\xf3]\xf3?\x98?p%\x81\xb7%!\x9b\x15\x84&lt;\xed\x8d\xa7\x8a\xb9\x1e\xaf\xd3\xdd\x90+\xd8\xf6'</t>
  </si>
  <si>
    <t>b'k\xf7\xabnH\x12\x03f4\xd6yk\xd8:3^\xc2D-\x13V\xd6\x14\x8f\x01/\x03/p\x89\xf2\xa0'</t>
  </si>
  <si>
    <t>b'\x83\xd7@\xd0\x88\x9d\xea\xe9.\xcaZ\x06\x99\x8b\x0eS?\x8cF\xc8g%^\xe5E\x90\xb9BP\xa4:e'</t>
  </si>
  <si>
    <t>b'\x8a\xf1\xfe\x95gv9pMEm3.\xcc\xc8C\'\x82\x1b\x1e\xc5\x8dt\x94"&gt;Ej\xbd\xafk\x88'</t>
  </si>
  <si>
    <t>b'\x99\xc4\x16\xc3\x9e\xcec\xbb=\xebua\xa1\xe4\x01w\tr\xa0\xc4\x18s)/\xdfB\xc2d\xb3R\x08\xa4'</t>
  </si>
  <si>
    <t>b'\xe2\xb2Pd\x16\x03\xc4r\x16%3\x90\\\xe3\x9b*R\x0f\xe3\xdbk\x83\xd0!R-\x15cW\xbce\x16'</t>
  </si>
  <si>
    <t>b"\x05\t\xfb(X\xban\x9b\xaf\x9e\x96)\x13\xf5\x1b\xac\x80'\xce{\xf3\x87\xddf\xb3\x83w\x81\x9e0\xc63"</t>
  </si>
  <si>
    <t>b'+\x1a\x13\xde5\xe1i\x94\x19\xa4w\xc7\x06\xd6\xc1Fa\xa4,6\xe8\xe36Ha\xdd\x8f\xe6IX`\xe7'</t>
  </si>
  <si>
    <t>b'\xee\x18\xdc\xd5\xeb\xf7M?\xe8JIC\x84\xb9\xbc\xf8\xab\xcb\x89\xa9\x04M[\xd5hX\xdc~a\xe5\x83\xeb'</t>
  </si>
  <si>
    <t>b'\xfb&lt;\xd2\x01f\xcd\x8a\xf7\xd3\x0f"9\x0f\xa8nc\xe0\xbdc\xbe`W6Q\x8aV\xf1\x96&amp;\xfd#\x06'</t>
  </si>
  <si>
    <t>b'c\xc20re!\x93j\xbd\xc6\xdcV\xd4w\x06Mc\x84&lt;)\x07@\x00\xce\xef\xea\x15\xc9\x91\xf1v\xef'</t>
  </si>
  <si>
    <t>b'\x1c\xb4d\x88\xe4\x19P\x88($\x87\xe1\x0e\x99{\xcc\x17`\xe4g\x9e\xe7iS\x8a\x88%\xe4_\xf2\x88\xf4'</t>
  </si>
  <si>
    <t>b'&gt;\xd66\x0c2&amp;\xcbV/X\x80\x9bWf\xa6_\xc4\xfc\xc0\xb0\x14j0\x08\xb6\x036\x06\xef\x91\xeaM'</t>
  </si>
  <si>
    <t>b':\xbe\xecI\xd0\xe6\xc7\xb4\x96H\xd10\xfd\x83\xae\x80|v\xc4\x15\xb4\xe6+!\xe2]\\\x02\x7f\xcc2X'</t>
  </si>
  <si>
    <t>b"\x13x\xfa\xaa\x86u!G\xb9&lt;]\x98\x81\xf0\x8e\x84\x8a\xae\xc4_\xae\xf8wiTY3\xd5'p\x89\xcb"</t>
  </si>
  <si>
    <t>b'4H\xd8!\x1e\xe1\xd4mw?\x08Z\x17\xb1\x0b\x06\x9b\xab\x9e\xe3\x8b\xc9,\xaa\x9b\x96\xa3\x92\x08\xb7\xc3C'</t>
  </si>
  <si>
    <t>b'\x9c\x8a\x81.b&lt;d\x10\xcf\xfd\xd6\xaa7\xdd\xb3U\xaaIf\x91\xa2\x0e\n\xca3\xf0\xdb\xb4\xac\xdcz\x97'</t>
  </si>
  <si>
    <t>b'\xf1u\xe6u\xf7}\xf2!\xd4ZOHi\x9a\x97\x88\xd9\x1bh\x0bC\x1b\xac\xeb\x93\x87c\xfaPFI.'</t>
  </si>
  <si>
    <t>b"\x98\x0b\xa6\xab'y\xe6T\xc5\xf8\xed\x86=\xc7\x95\x02\x86\xb2\x93\x04\xff\x84\x9f\x0b\xbcpY\xdbzPl\x82"</t>
  </si>
  <si>
    <t>b'\x19S[A$\xd0p\xe5b\xff\xd4\xc0,Cn=\xe9\x01\x11\xd5\xb4#\xcf\xfe\xf3\xa0\xcag\x8f\x17\x16\x9d'</t>
  </si>
  <si>
    <t>b'\xb2t\x1c"2\xb4\x00\xfa\xf8\xdct\xf72tl\xb1\xe5\xcc\xf6 \x02\x05\xd8\xcfn\xf7\xacJ6\x11&lt;\xd5'</t>
  </si>
  <si>
    <t>b"$i\x94P9\x1cCtSF\xebF\xc88'\xac\xcf\xe7\xad\xd0\x962,\xe0\xae\x83\xc0\xd7b\x88\xeb4"</t>
  </si>
  <si>
    <t>b"\xdc\x05\xdcJ5\xd7\x96\x8d\x14\xd6\x94\xd2\xc71'\xd5\xf7\x18\x86\xa8\r\x9f{Y\xa1\xfd\xa2\x92+\x99pr"</t>
  </si>
  <si>
    <t>b'q\x05\x81\xad\x861\x11|\x9dmh0gY;\xce\xea\x81\xa5\\%\xad\x19\xa0IV\x17_f\x8f\x1e\x07'</t>
  </si>
  <si>
    <t>b'\xd2\xe7\x164\xd7\xb3\x00\\\x01\xe1\xb9r\xd8\xb9\x8f7\x18\xc01\xdb\x98A\xb6_\x91A\x97m+\xed\xd1\xc3'</t>
  </si>
  <si>
    <t>b'\xf3\xe8\xc3\xca\xf3\x1dj8\xb6\xa9F%\x12&gt;T-\x83\xb5\xa0OaD\x0f\x1e\xc8\xf3\xb6\x00\x19u\x89\xe3'</t>
  </si>
  <si>
    <t>b"'\xbfN\x81?\xd5\x11\xd3\xce1\x019\xc2\tr\xa2\xf4\x80$r\x9c\xae\xf5\xf7\x86G\xfa}\x9d\xe5\x1e\xfb"</t>
  </si>
  <si>
    <t>b'\xda&lt;84\xe6\x8e\xdf\xdeK\xe6\xb1s-VN\xc2\x85{\xfc)\xf8\xd7;\xa9\x97q\xda\xfc\xa3i=O'</t>
  </si>
  <si>
    <t>b'\xf3\x9a(\xac\x8b\x18$\xa1\x1b1\xa8\xf8T\xdfX\xcf\x0b\x9f\xa6l\xec\xec\xe5 \x08\xb0\xbe\x9a\x05H\xa7%'</t>
  </si>
  <si>
    <t>b'\x8b&gt;\xa9\x14\xda\x0fe\xa4}\xef\x82\xb1\x8c\r4\xb83\xf5E\\\xcc2x0\xa8\xef\x1ba\x86\x10\x81\xbf'</t>
  </si>
  <si>
    <t>b'\xef\tX\x8aU\xec\x1aA\xa6\x9a\xb9\x8d\xa5\x16&gt;\x8b\xa3\x0c\xf2\xbf\xff\x08\xa0\xf6{-TIt\xf2P\xfb'</t>
  </si>
  <si>
    <t>b'C\xe5K\xaaT)\x1d\xcb\x17-\x1fz\xaa\xc1\xf7\x05a\xad!TO\x82hD\x97\xe0\xb6&gt;\x05\ne\x18'</t>
  </si>
  <si>
    <t>b'\xedAP\xfe\xe8CtB\xbc\xba\xf6\x83\xd4m\xfaP\x04\xe7d`\x97\x81Q\xf4U\xad\xa4\xb0s\xeb(E'</t>
  </si>
  <si>
    <t>b'\x17\xd8F\x8aMM:=\x88\x04\xe9\x10\xef\xc1\xc2\x94\xe2\x98\xb6\xd1\xa2q\x05\xe5\xaeK\x03?\x1d\xc2\xeek'</t>
  </si>
  <si>
    <t>b'u\xcc\xdb\x82\xea\x8dFt\x0e&lt;\x10N\xbc\xdaF&gt;\xb0\xe0O?{"$+\xedE\xf9\xc2\x15\xac\xf8\xbf'</t>
  </si>
  <si>
    <t>b'8\xbc:\xd0\xf7\xb6\\f;\xff\x0f\xd8(c\xba\x97\x85+q\x8f\x01K\xef\xe0\xc3B\x95\x1a\xde*~\xe5'</t>
  </si>
  <si>
    <t>b'\x8a\xfa?\x8fn\xecg\x13\x19f\xe64\xef\xcb\xac\n\xf0I\x07\x87\x82H\xda56ne\x15\xd0\xd7{\x1e'</t>
  </si>
  <si>
    <t>b'\xdb~\xf9\x84\xc5\xc2-\xd1ps4\x99\xa2\xee@\xa1\xf27h\xbcDf\xa7\x18\x0e\x81\xc8\xfd\x1b\rN\xe0'</t>
  </si>
  <si>
    <t>b'1\xc2\x05+\xa4\xe1\x98|F\x18\xa1\xc3N\xba\x9c\xfd\xbc\x1a\xd2\xa9\x8c=\x87\xf5\xc5\xcb\xb7\x05\x82\xb1\xcc\xb7'</t>
  </si>
  <si>
    <t>b'\x087\xb3a\x89\x1e\x1c\x10,\xb4R\xdf\x03~\xbb\xe8\xe7\xafnF\xba\xafk\x8b\x85\xb1;\xc5h\xd2\x94@'</t>
  </si>
  <si>
    <t>b'r\x89k\xf7\x11+2C\xbb\te4\x03\xcb3\x86\t}\xd3\xfe`\xact\xe9m#\xc8\xd1v\x9b\xd3\xe3'</t>
  </si>
  <si>
    <t>b"s{\x18\x1e\x98\xd3\xf1\xfe\xc7\xbb\x15\xfa\x1a\xc0rr\xf4\x08W\xed\xd5\xdfL\xcf\xf7\xab\x80\xbfB'\x99s"</t>
  </si>
  <si>
    <t>b'\x1f\x981\xd4\x0fP\xe9&gt;Q\x0e \xbf\xfcVH\xe0\xaf\x82\x98\xcd\x1d\xeeU\x96\x0b6d{Q\x95w\xb6'</t>
  </si>
  <si>
    <t>b'm\x8cp\x9bR\xd0(\x01P\x821+6^0\xf5\xc1}hU\xfa\xbba\x8f\xe6\xf5\xda\x18\x01\x01\xea\x96'</t>
  </si>
  <si>
    <t>b'\xfe\xd3\xd4\xf0}\xcf\xf0`r\xff\x87H\xe3Q\xcf\xbf\xf1\xce\xd3e\x8e\x9c{\x9a@\xaa\xb6"\x8d0U_'</t>
  </si>
  <si>
    <t>b'\to/\x10\xad\x8a\xf0,\x8c\xb3\xa2\xe2.+\x98zk\xb5 \xd6\xa9\x03\xde\x1c\x17_@\xd4\x10\x99\x0f\x1d'</t>
  </si>
  <si>
    <t>b'\xd3R\xf5\xe7V\x92\x9e\xae\xa9\xcc\x8e\xf8N\x05\xdfM\x8aq\xf1\xaf\xf4\xc2\xd1\xf4\xd0\xcc?\xd7\x8b\x0fgu'</t>
  </si>
  <si>
    <t>b'dyqr\xe5\xe7\x17\xf0\xef\x90\x18\xde\xd00D\xcc\xfbt\xba\x18\xfdO\x80hm\x11\xb9\xd7\x18\x9ae\x7f'</t>
  </si>
  <si>
    <t>b'\xe0d\xc5\xda\xae\xea\xb0\xca5&amp;0\xe0\x9e\x8e[\x17\xd4\xb9RY\xa6\xba\x95v\xaf\xbd\xa9\xc8:7Y\xf6'</t>
  </si>
  <si>
    <t>b'\xba\xfd\xf8;\xd5\xf0\xeeA\xff\xbfD1\xd2\xe9,\x1c\xe6\x8d\x0bS\xd3{&amp;\x94\xafx\x1d5}\xdb\xbb\xcd'</t>
  </si>
  <si>
    <t>b'\x8a\xcb\xdf\x1b$\xbd\xae\xa2?\rbF\xf79\x16\x9a\xfaT\x8f\x85\xbc\xbb:"\x81\x19\x9c\x17\xbbV\xbfg'</t>
  </si>
  <si>
    <t>b'\xbe\xa61d\x0eD)\x1bK\xae\xed(\xd4/z\xd9%\tL-\xdd6W\xd4e\xde\xd6\xd5E\x8d\x03\x02'</t>
  </si>
  <si>
    <t>b'\xe5?h\x15\xad\xdc\x80\xe5\xa5:\n\xf9{0\xfa\x90\x9a&amp;\x90\xa0\xf5\xf3\x16d\xb4\xaf\xc8\xf5\x7f\x1e#z'</t>
  </si>
  <si>
    <t>b'\xf0|Q.\x04]\x8c\xe4M\xa3:\xaa\x98J\xb4]\x17\x8e\xf3\xaf\xdb\x10;\xdc\rV4\x1c\xc2\x87\xe5\xe5'</t>
  </si>
  <si>
    <t>b'\x0c\xce\xbb&gt;\x06\xfe\x1f\xa7\x1aZ6\x89-]\xa4\xba\xae=\x19\x157\xfb;\x97\x9d~\xfd\xe8r&lt;\xc4{'</t>
  </si>
  <si>
    <t>b'\xf2\x9d\xdc\x07\xb0\x04\xc1vz\x19\x1a\x93\x97\x0b\x00to\xab\x9d\xc2R\x88\xb3\xf7V\xda\xcb@v\x98\xbaM'</t>
  </si>
  <si>
    <t>b'\x8b\x1ep\xf3\xad+dz\x05\xfb\xc1\x84\xa6\xe4V\x986\xd8\x0fU\xcd\x80\xdbD\xc6\x96\xe9\xab\xc6\xc4\xfd\xb1'</t>
  </si>
  <si>
    <t>b'\xadX*\xf0\xc7.\xc3LH\xb8y\x98\r?n\x05"\x1a`\xe4\x1d\x1c\x080/\x0c_Q\xfd\xbd\x9f"'</t>
  </si>
  <si>
    <t>b'\xeb\xdbr@\x0c\x0b\x8e\xfe\x18\xbbi\x842\xccs\xda\x08\x98H\xc1\x81\x87K\xe0\x91W\xbclq\x1a\xe8\xa2'</t>
  </si>
  <si>
    <t>b'\x81\r\xc6\x03x\xd7\x83\x1aQ1\xa29\xdc@?j)\x14\x05\xf7\xd6&lt;\x86\xff\xb8\xe8\x1e:\x875g\xfb'</t>
  </si>
  <si>
    <t>b'\x0c\xf7\x82s\xd9\xfa8kY\xd2\x966vq\x05\xfd\xa2\xd6V_\xb56\xae$\xbc\xf0\x868\xef\x84\xe2)'</t>
  </si>
  <si>
    <t>b'\x87\xf1m\x7f\x0fzQ\xa2L\x92\x11S;\x14zv\xcd\xdbz&lt;\x8a\xa6\xcf\x9a\xa9\x14\xfe\x91\x97\x8f\xec\x82'</t>
  </si>
  <si>
    <t>b'\xb3\n4\x04\x11Ax\x9fj\x9a\xb1\xd8r]\xd4\xa3gR\xdc\x86\xcf\xd3\x8b\x9a\xd3YW|\xb6\x8c\xb0\x89'</t>
  </si>
  <si>
    <t>b'8\x8f\x87=\x93_\x10\x9cH\xe4\x8c\xe6 \xc8\x1f#\x18}F\xcf\x8a\x81\xc2\xb6\x8a\xb9\xf8\xa7~z7\xb9'</t>
  </si>
  <si>
    <t>b'\xe7\xfe\xd2\xfd\x8fY\xd5\x97&amp;C"6\xf9\x0c\x88p\x811VA\xac\x01\xeb\xce\xb1\x18\xd3_\\\xa0H\xcf'</t>
  </si>
  <si>
    <t>b';},\xb9\xf8\xe3\xc3\xb9\x1c\x0e\x94\xe4\xf2@|r\xba\xcdL\xd6\xa0\x91\xd4\xa9\x18\x98\xab\xd9+\xdd\x12\xf3'</t>
  </si>
  <si>
    <t>b'\x18\xbb\x19\xdc\x99\xc5\\\xcf\x9d\x88\xaa7j\xda\x98W\xbf\xb8\xae\xe7\x8brx\x99\xa5\x97&gt;\x83\xc1\x9d\x8d}'</t>
  </si>
  <si>
    <t>b'\xbd\xbax\xdb\x94S\xdd\x7f\xd4\xdbYw\x19g\xa9pt\x80,\xc8\xa1\r\xc7\xff\xcd&lt;\xd2M\x86}\xd2\xcd'</t>
  </si>
  <si>
    <t>b"'p\x08\xccm@\xaa\x91\x84\xb4\x8d\xd9\x16F\xe7\x14f=\xdc\xbe\xae\xfdTij\xed\xebW\x99\x10^\xd4"</t>
  </si>
  <si>
    <t>b'+\xe7\xb1\xad\x16\xe5\xd9\x19\xfc\x06\xa4na\xe0u\\\xf3\x0b&amp;\xddS5\x9d=mC5\xcbn\xd3\x11\xc9'</t>
  </si>
  <si>
    <t>b'\x86n\xe7q\x1c}2 \x82\xfd\xe0\xces\xfcd\r\xd2\xf6\xd0@ \xae\xb4\xe6\xb0\xb2\xdb/\x92\xbatG'</t>
  </si>
  <si>
    <t>b"\x13\xbc\rc!\xa9\xfa\x9d\x93\xf2\xf7K\x12\xbd\xd81\xee\x81}M\x1a\x8d\x00\x1f\x91h\x85'\xf0\x07$\x9f"</t>
  </si>
  <si>
    <t>b'Q!ZF\x1e\x15\xa7`\x11\xc8&amp;\x1bbI\xbaM\xa4\xc0\xaaOCu\x88a\xf5\x93\x99\xa6u0\xfe\xd2'</t>
  </si>
  <si>
    <t>b'\xb4\xc2^\n\xdfy;&amp;\'\xfd\xc4|Gk\x1dG\x9a\x1a\xb9"\x15\xb2\x85\x89{\xd5&lt;\xfa\x85Sw='</t>
  </si>
  <si>
    <t>b"\xed\x83\xaaI\xeeaSf\xcc\xb6\x8e\xfe'6\xc2\xa6\xf3,\xd2r\xa3\xfa\xff2\x1d[\xac?h`\xda5"</t>
  </si>
  <si>
    <t>b'_\xa1\xae\xfa\xdcg\x8a@\x89\x9d;Ft\x0f\x1b \xe1\x8a4\x07S\xa5\x02\xe09t\xa0\xb7\xbd0\xeb\x85'</t>
  </si>
  <si>
    <t>b"\xc6\xf6\x95\x7fm\x19\x8e\x7f&gt;^\xabkv\x89'}CVbX5\xe3fUp[\xcb\x9e\x03\xd8\xc8\xff"</t>
  </si>
  <si>
    <t>b'\x9b\x8c\x07\xf8\xeeLn\xeb%\r\xf1\xc1/\t\x95F-\x89XJ\xd9\xda\xca:4\xa8&gt;\x92v[}\xdf'</t>
  </si>
  <si>
    <t>b'\x87\x8d\x8f\x07\xe0\xa7Pe\xdfU}\x1bR\x14\x17\xf5\xc2\xaa\x03\xbe\xdf\x9e\xd6\x9f\xe4,mr\x0f\x03o\xcb'</t>
  </si>
  <si>
    <t>b'&gt;\xb0\x10$\xaaQ&lt;P\x07#\x96\x986,\x0e\t\xcb\xe4\xea\x87mn\xd2\xd4\xa0\xdc\xa8u#\xd5\xf2P'</t>
  </si>
  <si>
    <t>b'`@\xe2\xec\xd4qR\x0e\xb7j\x00\xad|\xe2\xfd\xdd\xc0\x8e\x9d\x1d\xfd\x89/\xc8B\x96\x94C@Cu\x03'</t>
  </si>
  <si>
    <t>b'\x9bK\x8e\x17\nm\xf5\xebM\xa4./\x0b\xe4\x17\x08\xbcq\xd6R\xc9b\xac\x98&lt;\xa9\xf3\x05\xd0-\x05\xef'</t>
  </si>
  <si>
    <t>b'E\x9a\x91\x06\xbd\x1b\xac\x9f\x8e\xf7\xd7x2\xd0K\xab\xcc\xa4\xc1\xbax,|h:\x16\xb2*&gt;a\xe7\x91'</t>
  </si>
  <si>
    <t>b'\x08\x04\x14\x99\x07\xf3\xad\x9a\xe3C\xd4N\xbd}\xb1\x8e&amp;1&lt;R_\x03\x9f\x81R\xc8m%\xa7\x9e8\xd4'</t>
  </si>
  <si>
    <t>b'g|N\xc9\xbc\xf3~\x08\xb5\xd2\xc9D\x0e\xf9\xebE\x81a\xbd\xae\xfd\xe1uxZ\x86MR\x1d\x18\x04.'</t>
  </si>
  <si>
    <t>b'\xf355L\xf7&amp;|s]\xba\xa2,^\xcet\xdf\xbd\xcb\xb2\x90\xdd],\xaf\xff\xc4\x18AM\x9a^a'</t>
  </si>
  <si>
    <t>b'\x89\x8c\xdb\x17@{C\xf8\xdf\xd9\xc5\xa1\xb5\xaf\x87\xd1w\xba\xf5\xe2\xb1\x84\xcda\r\xc0\x82\xee\xffu\xd0\xf2'</t>
  </si>
  <si>
    <t>b'\x7fu\xdc\xf5O\x8e&amp;\xd8x\x14\xf8&lt;\xcb\xb9\xcbh\x8a\xe4\xe8G\x0c\xd9\xff\xf3C\xa8T\xe1\x1a\xf0\n\xc8'</t>
  </si>
  <si>
    <t>b'\xbe.\xe6\x86\xe1J\xb15\x97\x80\x9aN`U\x07\xc6\x08\x96\xdd\x97N\xf7\x90`c\xee\xac\xe2%h \xa2'</t>
  </si>
  <si>
    <t>b'\x10\xe9\x12\xfe\x96)\xed\xc1\xcc|\x98\x05\xbc\x1e\x18\xd9\x8f\xe6\x93\xc7\n\xe5/\xe2\x96\xca\xac\xbb\x06`Mb'</t>
  </si>
  <si>
    <t>b'\x0f\x89bM\xd9\xb1\xb4t\xc0~\x97\x9d\x1fM4\x0fP\xe0\x00\xd6#S\xabC\xe2\tH\xaf\xc0\x96\xb2\xa0'</t>
  </si>
  <si>
    <t>b'\x1c\x13\x91\xb4-\xbe]\xec#^n\tN\x1d"R#\xe8\xeeb\xee\x071\x8f\xbb\xb4\xac^6\xa0XE'</t>
  </si>
  <si>
    <t>b'hB\x17\x96\xfa\xd9\xdf\xd7g\xad4"&amp;\x04\x01\xf3\x99{\xa3\xfe0.C\x12\xb4eJc\xbf&amp;\xcfO'</t>
  </si>
  <si>
    <t>b'\x86\xb5\t\xf4/\xdf\x8f\xe3X~+-\xfa\x01f\x1bs1!\xd6;6t\x91O\xec\x8b\x9c\x867\xed6'</t>
  </si>
  <si>
    <t>b'\xc8\xec]yh\x9b\x02\xcb|\x9b6t\xfeZ\x95M\xcb\xb5\x18\x1a\xbc\x9c~\xda\x8b\xb7\xf7\x1b5J\xc2\x8d'</t>
  </si>
  <si>
    <t>b'\x99 \x94\x17\xd4\xc7)\x03\xfa.\\\xd7\x0bL\x10\xff5\x9a\xd1m\x9f\x85\xdc\x0c\xd1\xd5j?\xe7\x03\x0f\xe6'</t>
  </si>
  <si>
    <t>b'\x01\x00j\x1d\x04\x85c3J\x01\x02\xec|\x80*\x0fB\xe6T\x96\xc2\xf7O\xae\xc4`\\\x82\x9e\xac\x1b/'</t>
  </si>
  <si>
    <t>b'\x14\x1a`1\x95\xb5\x9b\xc7\xce\xdb\t\x95\xcf\xc5\x8eZs\xe3elN\xb0\xa1\xdf\xcbV\xe8\xa7\xa8\xe5\xcdm'</t>
  </si>
  <si>
    <t>b'R\xden\x18\xf3\xf4^\x1e\x17\xd4\xde\\W\xc7\x16sk\x93\x16\xfero\xe3\xb2\x0bl\x17\nZ\xb0\x08k'</t>
  </si>
  <si>
    <t>b'\x84;}\x1au*eb\x9f\xc8\xe0$\x02[}\x13yA\xb9\x99\xcaPu\xd2\x03\xb8w]VX\xab\xce'</t>
  </si>
  <si>
    <t>b'\xa7%\xc8\xdbq\xb3j(\x93|8\x85\xb4K\x92Lt\xfby\x8f"g\xa2\xc0l\xa9\xb5\xf3\xd2\x82\x81\xec'</t>
  </si>
  <si>
    <t>b'\xe8\x15j\x80\xe7 A\x9cG\xe4v\xd8\xe5\x17H]\x0e\xe2#\xedxlb\x80\xc5O\x0b\x86\xf9\xae7\xf1'</t>
  </si>
  <si>
    <t>b'\xd6\x92\x9bd\xf0n\xc5kX\x01\xbc;e\xd1\x14\x8e\x16\xd5\xf16\x1f\xf2\xfcN\t\x81\x16\x19\xda\x80\xd2m'</t>
  </si>
  <si>
    <t>b'\x9b8\x0c\xbf\xd5\x14J\x9ewC\xc3\xb16&gt;\x88\x9f\xc9\xedF\xc9\x98~\x87\x9d\x15\xe95\xde\xb5\xa8\x07\xa8'</t>
  </si>
  <si>
    <t>b'm\xbc\x99fU,\xbbo*w\xf7F\xe9\xb6\\(\x9awt3\x90S\xadR^Bx\xf6\x94\xa1\x0f\xb5'</t>
  </si>
  <si>
    <t>b'\xe0T\x80kz\xaeaN\xef_\r\x96\xe2Q/~d\xdaF,\xbf\\\xfedfn\xca\x9e \x90\xb71'</t>
  </si>
  <si>
    <t>b'\x8d$gu\xad?\r\xa3y\x7f\xba\x18\x12\xe97\x90\xe6\xde\x10&lt;\xa7\x93R\xd2\x16\xd3\xdcL\xb4\xefH\xfd'</t>
  </si>
  <si>
    <t>b'\xd7y\xba\xda%\x0eV\x90t+*\x95d\x9d\xa6\xc2\x85Q[o\xbc\xbf3x \x18\xe7hI\xdc\xe4O'</t>
  </si>
  <si>
    <t>b'Ak\x7f\xf6\xe4\xbe`|\x16N\xcd"\n|\xda$\xd2\xfe\xff\xac\x94\x82\x7f4\xe8\xc9O@\x91\xb2\xfc\xc3'</t>
  </si>
  <si>
    <t>b'D=\xa6\xef\x13\xa77%\xd2$\xff;}cS\xea\xc6\x17f\xbd^\x9a\xf0\x87o\xec\xc493\xdf\x03\x08'</t>
  </si>
  <si>
    <t>b"@[\xcd\xf2\xb1\x9b.B\x03\x1bf\xd4'\xb4;V\x99\xa5\xef\x9b\xa2\xc3\x18qT\x88j&gt;,\xf8\n\xae"</t>
  </si>
  <si>
    <t>b'\x88&amp;\xc5\x12\x17\xd7Z\xca\xd7\x05/\xc8\x97:)\x8b\x83\xbb\xd13\x87\xaa\xe4\xc1wU\x95\x92\x94J\xa4#'</t>
  </si>
  <si>
    <t>b'\xcc\xb0\xb4\x91hH\xd2+\x8f\xdf\x8f\xa7\xc1\xe3\xd3T\x1f\xe1\x11s${\xbf3\x8e\xd7\xed:\x96\xa3h\xdd'</t>
  </si>
  <si>
    <t>b'\xfe\x13|;\x82\xab"MBtv\xf6\xd9I3\xc2\x08\xd8\xb7\x07\x99IG\t\xcf\x82\x01\x1fnP\xa3\xa5'</t>
  </si>
  <si>
    <t>b'\xd2H\xb3jp\x99\x92\x9f\x1fq\xee\x05\x1f\x05\xad\x89\xc0\x80\x8d\x95\xa1uK\x11\xbb\xc1:\x06mt\x94\xd3'</t>
  </si>
  <si>
    <t>b'F!a~\x94Z4\xe1\xc9=\x1c\x007\n\xa5\r^\xc7\x14\xfc\x02\x07\x8b\xd5\xda\xdd^2\xb6\x84`\x85'</t>
  </si>
  <si>
    <t>b'{\xc4;\xb5z`#j[\xf10\xa5\x1c\x9f\x86\xf8\x0bt\x8a\x93VN#H-\xc0\xb5\xfc\xa8\xa2\x1b\x90'</t>
  </si>
  <si>
    <t>b'\xd5d!=C*\x13\x90A\xa5\xa5\x15\xf3-\x11\xd4\xea\xdbD\xfeQ\xc6\xc7\x15\xf2\xce\\\x1f\x12[9\xe3'</t>
  </si>
  <si>
    <t>b'\x95\xc1\xb5\x15@]\\\xac\xb0\xe3\x9d\t\x96WE\xf4j\x0c\x87%*\xb8\xd6\x15C\x11F:\x82\x8e\x96\x10'</t>
  </si>
  <si>
    <t>b'\xa6?\x14p\x93\x1d&amp;\xd3s,\x97AE\x12N\xc5\xbf\xe9\xa8\xee\x12\x9f\xee\xa6\xe4\xb8?K\xbe\xe0\xd1\xc4'</t>
  </si>
  <si>
    <t>b'+\xb30\xf0\xa0\xca}\xd3\xf8\xf1\xffM\xeb\xa5G\xae,~\xdd\xe8\x8dw\xd6\xd5\xc5\x9a\xb5\xa7\xabw\xb1$'</t>
  </si>
  <si>
    <t>b'\x85\x83\x15\x89\xb8\x0eAPV\x04\x94QA\x86\xf4\x90\x02\xb9\xc5K\xb2\xa3\x9a\xc2\xf9\x8dX\xb9\x19F\x87\xff'</t>
  </si>
  <si>
    <t>b'F\x1f\xa8\xfd\xdc\xcf\xe8@8(\x84*\xd4\x83\x9db\xdc\x96v\xdc2\xf4\xfc]\xb7\xe40\xda\xe7\xd0\xc7\xdd'</t>
  </si>
  <si>
    <t>b'\xfb\x9c\xdf\x8e\x08\xaa?\xc9h\x9b\x86\xab.\xeey\x9e\xf3kF\xd3{t#\xb5I\x82\xfe\xa7\x0buW4'</t>
  </si>
  <si>
    <t>b'\xc4{\xf1\x0b\xaf!\x06\x1c|/eO\xe6QTF\xa8\x8b\xa1U.rf\xc3\xef\xaa\xa9\x83@C\xbb\x1e'</t>
  </si>
  <si>
    <t>b'\xabe\xc9\xf98&lt;\x16\xed!\xbeF\xf3G\x9bBW\xbf\\\x08+~2H8\x13\xb17i.\xdc\x1a\xd2'</t>
  </si>
  <si>
    <t>b'\xf9]\x97\xb3\xcf=_\x9a\xe1Q8\xe3)\x89s\x81i\x97\xdfU\x16\xc4\x19\xee\x18\xe2\xfe\x83\xc4\x9d\xf0\xda'</t>
  </si>
  <si>
    <t>b'3\x02C\xd3\xf1\xff\x86\xa0\x02i\x88\xe4\x02\x12\xeeL\xf6;\x9c\x84-\x96H\xcf\xf1+\x0c\xa7\x9c*}!'</t>
  </si>
  <si>
    <t>b'1:@\x160\x12_r\xc1\xdc\x19\xa7m9Ul\x87(W\x12\x14\x151\x19\xe3\x18r\x1f&amp;\xbd2\x8a'</t>
  </si>
  <si>
    <t>b'\xbd\x8e+\xb9\xb3\x91vI\xf7C\x8c\xdd\xcb&lt;\x0b\xeeT\xc7\xc0 \xbe\x84\x1at6\n&gt;ve0\x10&lt;'</t>
  </si>
  <si>
    <t>b'_\x10\t\xda\xa5(\xfe\xb23j\xbe\xb1\x01tl\xc3\x85\xbd\xe1J\xf3\x7f\xd5\x00s\xf7\xd6\xb3\xdb\x91\x10\xe3'</t>
  </si>
  <si>
    <t>b"\xe9\x05\x1f\xe5\xf8\x1e\x1fe\x89\x7f\x10\xf9P'\xa4xbI\xc8Js\x12\x7f\xddkj\xfd\xcfBg\x131"</t>
  </si>
  <si>
    <t>b'\xe7:\xaazV\x99a3\xc5\xea\xabi\x9f\x04\x8d,\x94\xe7\xf2\xac\x1d\xd1@\xf5"I$\x07\x845\xaf\xa0'</t>
  </si>
  <si>
    <t>b'\x90\xa1\xa4\xd0\xed\x07\x03\xa3\x12\xb9i\xf9\x9e^#&lt;9\xf9\x8b\xc6\x1d\xe0\xddsh\xe2\xe1\xf2\xb6\xf4\x80V'</t>
  </si>
  <si>
    <t>b'\xcb\x00\x19\xad\xf2\x84\x10\xd4v\xcd \xfap\xda\rZ\x08A\\\xb0\x00\x17\x9eN\x141z\xd6@\x0c\xa9\xb2'</t>
  </si>
  <si>
    <t>b'\xc86\xcaeJ\xd5DS\x82\xa6\x13\x98l_?\xfb\x8d\x98\xd7\x90\xda\xa00\xad\x0e\x9e\xbf\x1b\xb3\xac\x06\x81'</t>
  </si>
  <si>
    <t>b'\xb6\xf5\x08T\xc0\xfa\xc8\xcd\xc6A\xc7\x9a\xf8/\x9f3\x9b\xd1\x91\xb9\xb0\xa3\x0c\xe1\xe8\x96\x9f\xbfe\x9d=\xe9'</t>
  </si>
  <si>
    <t>b'V\n\x91Lf\n\xe9\x85v_\xeaH\x95/\x07MV\x82P\xad\xce\xc3\x8f\xc3\xbd\xddb\xd9(\xf9\xe9n'</t>
  </si>
  <si>
    <t>b'\xe5\xc2P\xb5MEf\xbcd\xb0\xee\xde\x88\x84I\xe2\n\xed\xfe%C\xd0j\x9f\xe0k\x98\xdf\x8b\xaa2\x84'</t>
  </si>
  <si>
    <t>b'\x98\x12\xd5B\xcf\xc5Y\x92juP\xed\xc8\xa7\x81\xe4s@\xc7K1\x96\xe8\xa8\x80\xc3G\x95k\x9c\x9f\xaf'</t>
  </si>
  <si>
    <t>b'\xc97\xe0\x9b\xbbGm{\xb5j\x17}\xdfb\x8f\x0c\xaf\x0c$\xddC\\\xcf\xf6\x93&gt;"\x02\xa6w\x97B'</t>
  </si>
  <si>
    <t>b'\xda\xd1C\x81\x15\xac\xbe\x83u#\xccJ_Z\xae\xd3dr\x985\xb0&lt;\xb7\x97\xa2\xc6\xd3\x06\x8d\x83\x84\xe5'</t>
  </si>
  <si>
    <t>b'\xe0\x986\xb6\x88\xd7\xd2WK3\x92\xc5\xd9\xeb\xe2Yg\x88\xde\xdc\x05\xb4x\x91\x8a\xdf)\xae\x87\xbbe-'</t>
  </si>
  <si>
    <t>b':\x81\xe0eZ\xdc\xc54\xaa\xd6\xa8\xaed\x1a\x02\xab\xecr\xc7\xd0\x05\x94\xed\x0f\xf2\xc7\xc9$S\xae\x11\x07'</t>
  </si>
  <si>
    <t>b'^\xb9M\xee&lt;\xd5\xeb:\xadC_\xa5\n\xf1\x1d~\xd4Hk\xb4y\xc5\x9f\xef\x0c\x11\xad*\x9fF\xd9\x99'</t>
  </si>
  <si>
    <t>b'\xe3\xe74\x00\xda\xb2\xb2\x96\xaf\xc8\x0b\x96]\x9eRm\xb1\xe4\xf0\xd3\x9b\xa9\xfb{\x04\xbfA\xeb\xcb#j\xd1'</t>
  </si>
  <si>
    <t>b'\x00\x03\x96r\x9d#\x19\xc0dk\x15\xdf\xf3\x95\x88+\x7f\xf5\x8b\xcb\xab\xfbD\xcav\xbe\x0f`\xf1b\x86\xdc'</t>
  </si>
  <si>
    <t>b'\x87J\x9e+\xfa\n\xb3\xf0\\\x06E\x04{\xfe\x98\xe6\xe4\x85\xear\xc0dc3P&gt;R~P\xfd\xa8S'</t>
  </si>
  <si>
    <t>b'\xbf\x1d\xfau\xba\xb58\xe0\xf6\xa6J\x96\xec\xce\xc6\xb0\xbf\x17\x1c\xc2\x85\xd5\xdfR#\x02\x86\xba\xedS\x10!'</t>
  </si>
  <si>
    <t>b'i\xe6\xc2H\xa8L\xb1\x8cks\xb5\x12J\x83\xf5\xf1F\x1e\r\x85\x87\xf8\x03\xee\x00\xaa\x9f\xee{\x84\x1c\xba'</t>
  </si>
  <si>
    <t>b'\xcd\xb1\x17\x96b2YW\xa8\xce\x0c\xdcQ\x83#B\xa1\x05\xce\xf5o\x1e\xdf\xfb\xda\xf7\xe9[\\r^\x1a'</t>
  </si>
  <si>
    <t>b'n\x85\xc5tw\x8b5\x0e\xf1\x07\xe0\xce\x8ap\x85\xaf\xc0#\x03\xbaqU(\x13\xdb\xd8\xcb!\x90a\x81\x9e'</t>
  </si>
  <si>
    <t>b'G_\xc2n\xc2b\xa9\xf3.\x96|OH\xfa\xa3QM\xb9&lt;\xb5\xdd~\xb3P\xe3\x03z\xa3\xa6:\xd34'</t>
  </si>
  <si>
    <t>b'%\xeb\xf8?\xd6\x02\xfeU\x06\xd6\x98\x92\xa0\x81\xd2\x01\x8c\xb8i\xba \xa1PD~E\xc9H^\xddT\xe3'</t>
  </si>
  <si>
    <t>b':l\xb54P\xa9[\x8bJLOj\x10\xe1\re\x98\xfcH`\xe8\xb0\r9\x00\xb9#]\xb2\x1e\x06\x86'</t>
  </si>
  <si>
    <t>b'l\xf0\x89\xf2Qy\xc2\x92\xec\x8fg\xee\xb2\x0cv-"\xfb\xa8b\x82\x17N\x8c:\xe3\x9e_\xf8xh\x16'</t>
  </si>
  <si>
    <t>b'\xc0Y\xfd\xcd\xd0p\x949\x9f\xeb\x91\x99r\x8cq\xbe\x19\x9a\xce\xddmf\x15\x88\x90\xd0w\xd2\xe2\x845B'</t>
  </si>
  <si>
    <t>b'\xad\x03\xe2\xfa\xeeSZ\xdbo\xd0\xe9@\xac\xc17S\x16e/)\x06&gt;/\x1e\xd3\x92\xff\x03\x02\xfb\xda\xb3'</t>
  </si>
  <si>
    <t>b'\xd0\x14\xe6\xf5&lt;x\x81\xf4k\xb0\x1a]\xf1nY\x0eG\tg`X|\x8f\xec;\x82J\xc2\xeb\x0biZ'</t>
  </si>
  <si>
    <t>b"6T^&gt;\x8f]\x02q\xe6\xc5\xac#\xbf\xf1\x1av\xdf\xfb\x9d\x90\x19\xd7\x0cl\x8b\x91\x91\xcd\xfdJ'\x1c"</t>
  </si>
  <si>
    <t>b'\xd8j\x02=?\xbd\xd0p\xb6\x027&lt;\xd0\xa1*qK\xdb\x97\xa6u\xb7\xeb\x9d\xcc\xdde&lt;\x95\xdd\xd7\xb7'</t>
  </si>
  <si>
    <t>b'\x94\xbec\xdd;I\x08l\xebi\x90\xb2y;\x99"\x9f\xcci&amp;\x86\xceb\xd6\xa7`^0\x88\xcc\xd3\x9c'</t>
  </si>
  <si>
    <t>b'\xb0\x10\xc2\xc7C\x93\xc9\xcd(\xcd"\xbf\xe7\x89\xc2eD\xbf\x15m\x1e|\xaa\x18\x03Yj]\x99\xfdo\xf4'</t>
  </si>
  <si>
    <t>b'\x800\xf3\x1aP\x8c\xf3t\xab\xbf2\x9e\xf9\xa6ZA\x8cf\xed@?^\x81\xd9W\xa7\x8a\xe1\xbf/d\x13'</t>
  </si>
  <si>
    <t>b'\xef\x0cE\x0e\xe7\xd7\x9a\xe9\xdd\xd1W\x8b\x15L\x0cX\xd4+\xd4\xc0`@\'\xcf\x89\x96\x10\x1aK\xdaq"'</t>
  </si>
  <si>
    <t>b'B\x84\x1a\x15@\x04S\xda\xac\xa5\xff\x9c\x9dh\x0c@VGU\xb0\xeb\xae\xb6\x1fD\x06\xd6\x18K\x11\xbf\x03'</t>
  </si>
  <si>
    <t>b'j\xa2\xa3\xd4@!@x\x1f\xc6\xddu\xe3\xc5B0qO\xa9\xa7\x1d&lt;8\xe9\x8d\xa0\xcd\r[\x93\xa6+'</t>
  </si>
  <si>
    <t>b'\xb3=\x0fj\x0f*\xcc\x8c\xc5\x19k\x9c\x8b\x06\xb3\xd7\xc2J\xbe \xe4\x98\x1d\xebW\x10\x00?+\xae\xfb?'</t>
  </si>
  <si>
    <t>b"\xfd\xdb\xa8\xe8\x16\xfd\xd9\xd8\x00\x0cp\x9e\x19\x8a\x81\n\xc7\x87B\xd7O\xd1\x97\xf2'\x8b\xa5H\xf2\xeb\xe9\xfd"</t>
  </si>
  <si>
    <t>b'q\x96\xda\xb9\xe8J\x1f\xb7\x91\xc5\n\xe8g\x16\x00\xffP\x9dhtB\xd9\xcbO]W1\xb8\xd3#&amp;['</t>
  </si>
  <si>
    <t>b'2\x03k=\x80\x12\xa0|\xcc\xbee\xb0\xdd\x1b-\x96\xcc)+\x1c|\xa9\xecK\x83\xf1\x89B\xcc=\xc0?'</t>
  </si>
  <si>
    <t>b'k\xf3\xc5\xad\x1d\x91\x96 \xaf\xa8\xe2\x14&amp;\xeaQ\x1d\x85\xf6V\x10\xf1\x9b\xef\xb7\x86(\x0fsG\xdf\x06\xbd'</t>
  </si>
  <si>
    <t>b'P\xfa\xd28\x11\xa9\x0f)b\x93\x82K\x8a\x9a\x06\xa9\xdb\xb9\xa9^\xa8\x15\xdd\x04[A%T\xdf\x91H\xb8'</t>
  </si>
  <si>
    <t>b'\xa1\x88\x05C\r7\x0e/c\xc0L\x1dz&gt;\x88i\xc3h\x17\x19\xd3\xb8\xa3\xfec\xab\x9bS\x17\x90\xb8j'</t>
  </si>
  <si>
    <t>b'\xe1\xc3\xef4U\xf7++\xcfa\x96\x88\xb5im!\xa0T\x82w\xd0\xa5\x0c\xa5\xf7\xb3\x08\xac\x8d\xf0\x13j'</t>
  </si>
  <si>
    <t>b'\x0b\xf4\xe6C\xf0\xb8\x92W\xdf\x07\x16z\xe5\t\xf7\xc1\xa1$\xd3\x8c\xc9r\xb0\xf7\x8d\xb2&lt;\xc0\x03\xfbF\x00'</t>
  </si>
  <si>
    <t>b'\xdc%7~U\x07[\xa9l\x10\x9c\x03k\x86,]I\x13\x16\x85N\xe7\x88q\xb2U?l\xb2\x8eg\x1e'</t>
  </si>
  <si>
    <t>b'9H=\x88\xa2\x10!\xca\xab\x11\x9b\xcd@\xc5$g\x1b\\\xd5\xb9!\x9b\x1a\xfe\r\xa1o\xea\xb9\xe7\xf1\xd3'</t>
  </si>
  <si>
    <t>b'\x997\x1e\xffH1\xef\x9f\xb6\xaa\xdd\xe3\x1a\xcc\xbc\xb9\x15\x96\x1b\xc9$\xa9K\xc8H3\x8fB_\xc7\x9bq'</t>
  </si>
  <si>
    <t>b'//m&lt;i.\xd5\xe6\x91\xb5\x9apERz\xa7?\x1b\x94x\xa7\xdf;`\x91GA?-\x94Q\x08'</t>
  </si>
  <si>
    <t>b'\xd3\xb6\x9eEb\xae\xa1\x96F\x07\xa0\t\xfa\x96j\xa3\xa9S\xc3&gt;\xe3cNh\x94\x10\x08@9\xb5\xf4\x18'</t>
  </si>
  <si>
    <t>b'\xd1\xf9\xfc\x19\xb8#bfS\xbeu[%_$R\xaaK\t\x97\x04q\xaa\xc7\xcc\xb1\xf8\xe3\xdb+\xcb\x05'</t>
  </si>
  <si>
    <t>b'{C\xf0\x83\xb5\xc4s\xc2\x03l\xbd\xb3.\xe3g&amp;c\xb1\x18\x19\xa6^\xb7\x9e\x8c\xc3\xc6(uJg\xea'</t>
  </si>
  <si>
    <t>b'\x9a\xb1@F\xc5\x8f\xc0[\xd3@\x83\xf2\x01l\xa7\x16{\xd6X\xd5\x1f{!\xaf\xcf\xc1\xe2\xa6G\xf4f\xa2'</t>
  </si>
  <si>
    <t>b'\xe286z\xbf\rY\xfc\x8ao\x12|\x893\x0e\xfd\x90f(e\xb8gg+J\x12\x1c\x81\xda\xd2\xe2\xef'</t>
  </si>
  <si>
    <t>b'\xfc\x87\x83\x99:\xa2\xe4\t3\xe5\x82\xd0\x02g\x8e\xe0F\x92\\\xc8A\x17[t\xae\x96\xe4\xec\x069[v'</t>
  </si>
  <si>
    <t>b'\x89P\x81\x86\x9eX\xff\x9b\x06\xd6\xaf\xb0\x08HF^\x19\x0f\x92FT;\x07*\x93\x99,\xd5\xd6\xe1~\xd3'</t>
  </si>
  <si>
    <t>b'\x94\x18\xd2\x92_\x1d\xfe\xf4T\xdf+\xb1\x1cB\x1b\xb3\xe5\x0bwZ\xb0\xa7\xda8\x93O\xe8\xe7\x8f1\x9bX'</t>
  </si>
  <si>
    <t>b'\xa5yX\xfe!\x97\x1blV\xc8\xfdF\x17R\xc3\xe6\xf2\x8a\xa5?\xe4\x9d\xe5\x8b\xc6\xee\x91mE\x85J\xcf'</t>
  </si>
  <si>
    <t>b'&amp;\xc6\x9a\xde\xc7\x0b\x90W\xc9cf}\xb6n\x1axw\x14hP\\\xf61\xbdf\x88\xb1n\xae-\xbc\xa4'</t>
  </si>
  <si>
    <t>b')`-\xec\xeb\xfe\xf9\xe08\x97\x83\xd1\x94\x7f\xd7/\xb2\xed\x8b\x14s\x12\xd6\x84\xb4;3\x01T\x98\xe2\x1c'</t>
  </si>
  <si>
    <t>b'A0\xaaP\xc6!\xc8\xf5%\xd4\x18\x84\x14\x91tT{\xa9\xc9\xe5\x8aj\x8f\xd0\x96V\xd7\xc59=C\x7f'</t>
  </si>
  <si>
    <t>b'\xeb\x1e\xb1\xf9zh\x81\xb0!\x8e\x8b(:\xf3B\xb3I\x0bqV-\xa0}\xf0\x9f\xa0\xcf}\xe6|\x7f)'</t>
  </si>
  <si>
    <t>b'T\x81\xf1j`fV\x0e\xb5]#\x15Y\x0eG\xf1r\xbe\xaa}D,\xf4$\xd7\xd2W\x9es[$\xf9'</t>
  </si>
  <si>
    <t>b'{N\xcb.U\x89E\x12O\xf7kF\xf0=-\xd9\xde\xf6X\x01\xb6*\r\x00\xdc{\xd9\x85\xf6a_\xd3'</t>
  </si>
  <si>
    <t>b's\xae\x17\xff)\x85rl\xf3\x1f$\xcb\x0b0\x95\x0fZ\x1bA\xfa\xaa\x94\xd8\x9d\x9d\x01gZ9\xefB&lt;'</t>
  </si>
  <si>
    <t>b'\x1b|\xdf\xe4O\xb2\x82\xbb\x86\x8d\xdfD\xcbb\xd4\xd0\xe7\x0bK\x87Kd\xa0Q\x98P\xf8\x10B6s\x8f'</t>
  </si>
  <si>
    <t>b"')\xa4\xea$g\xea\rg\x8e(\xfe\xbe\t\x0bh\xb5\xb9\xfb_\x95\x96\xc4\xb60^\n\x13|\xa6\xde\xa9"</t>
  </si>
  <si>
    <t>b'\x0e:\x8dKA\xea\xac\xee\x9cJm0\x8b\xf7\xa3\xc6t\xad\x9f\xad\x8dGT\x18\x93\n+\xc4\xf9\xa3l\x1e'</t>
  </si>
  <si>
    <t>b'\x9e\x03 \x04\xcf&gt;@\xba\xac\x08\x91.Sr\x0e\x18\x872(\x17\x12\x98.\x8d\x0eU\xd6r?\xf8p\xb4'</t>
  </si>
  <si>
    <t>b"\x14\xc5'j\x9b\x88[p#\x90&lt;\x06Q\xde\xabw\x86O\xfd\xae\xc2\x10\xf8\xc2\x06@\xa0\xf1;nd\xce"</t>
  </si>
  <si>
    <t>b'p\x0e|\xe7M\xa0\x89\x8f\x8c\xcdV\xbcW\x8bW\xb7\x83\xf1Y\xe9\x90?\x84"\xad\x18\xdb\xb3\xac\xae\x9b,'</t>
  </si>
  <si>
    <t>b"\x1a&lt;o\x83\xe9\xc2T\xeb\xd6I'U\xc2r=\xe7\xd5\xd5\x0b\xa6sf\xda%\x0b\xcf3\xd5`\xfd\xf2$"</t>
  </si>
  <si>
    <t>b'\xdew#hy%J\x88\xb1n\xaaq?\x89\xd8\xc0\x04\xebt\xcc]\xf9=Q\xd8\xa2@\x9a\xa0\xce\xd3\xe7'</t>
  </si>
  <si>
    <t>b'E\x92\xd1O\\\x82\xac\x06\x98\xa2\xb0\x88\x87\x8b\x96@\xf8\xff,\xa7T%\xa7W\x93pK\xf4\x97\x9f~h'</t>
  </si>
  <si>
    <t>b'\xc2\x1d\xca;\x9c\xab\x97\xa8\xd0=\x12\x13\xb5\xd1A\x9fH\x95\x05\x15.\xb0\xcd\xd5,\x82\x0e\x15\xbc\x90\xd6\xcb'</t>
  </si>
  <si>
    <t>b'\x13&lt;\xcf\xb8-\xd4x\x81S\xa8\xa3\xaa\\\xcf]B&lt;\xc3\xa9\x88\\\xe8Ei@w);&gt;\x13\xdd\x8a'</t>
  </si>
  <si>
    <t>b'\xae\x00\xb1/\xe1\x13\x00Q[\xad\x1f\xe4@#d\xfd?zW\x01G\xcc\x08\xbf\x046\x87\x92rQ\x7f\x08'</t>
  </si>
  <si>
    <t>b'gl\xe3\x92\xa9\x11\xf4&lt;e~p\xa6w|/B\xaf\xe4\x91\xbed\x9a\x99\xa7\xb2\x0f{\x92g&amp;c+'</t>
  </si>
  <si>
    <t>b'\xdf\x0b\xca\xed,\x86\xf7J\xf1\xe1\xd00\xcc\xa7\xb9\xde\x12\xd0\x81$\x88AJ\x98\x10\xa0A\xe4\xc1 \x80\x8d'</t>
  </si>
  <si>
    <t>b'N\x0b\xbe\x86\x00;\xb1F\xa5\xcf\x8d\xe5H\xcd\x90i\xa9\x92;\x83\xff\xd8\xec\x1e\xe8R)\x1cb\xdf&lt;r'</t>
  </si>
  <si>
    <t>b'\x84\xcbI\x88\xdfB\xec\x87\x81}\xf9n\x98\xc5|\xabg\xcd\x00\t\xe1\x17\x1bgT\x12\xaaB\xa0\x13\xd6\xa3'</t>
  </si>
  <si>
    <t>b'K\x813x\xdf\xcb\x81/\x03\xcc\xebt\x99\x0f\x15\xc5\x10|"\x8a\x01-\xea\xf3\x9e\xe8*\xb2t\x04+.'</t>
  </si>
  <si>
    <t>b'\xe0\xdc6\xa3p\xe1\x12\x88\xb7&lt;Za\xeb\xdf\xf0\xb8\x93d\x9e&amp;4\xb9\xecKL@\x1f\xc6\xe4\x84\x82\x98'</t>
  </si>
  <si>
    <t>b"\x08\x8e\xc8\xb1\xe5o\xdb\xafE\xe1M\xce\xd7 1\xf8R\x08C'A\x90I\xdcc\x1fT\xa5\xe6d\xa9\xbc"</t>
  </si>
  <si>
    <t>b'\xaf\x8a.\xcd\x8d&lt;\xf8a\xfb\x94\t?h\xdez\xf5\x03\x8f\x0c\x8cEZ*\x9e\xcd:zm2\xf2c\xe5'</t>
  </si>
  <si>
    <t>b'f\xf4/\xd5\xdb@\xdd\x14\xbdg\xa2\x98\x94J\xc8\xed`\xdc\x7f\xf7\x03\t\x9d\x8a\x86\xf1\x9a\xc10\x03\x00('</t>
  </si>
  <si>
    <t>b'BVU\xa3\x0co76\x8e\xb7\xc7\xf5\xd69\xf2\xfe\x94\xff\xb7\xb0\xe5\xc7\xdcM\x84P\x12i\x92,\xc4\x07'</t>
  </si>
  <si>
    <t>b'\x9f_\r\x04N\xe1q\xc2\xed\xc5\xd4\xa022\xd5\x9e\xa2\x9c\xf4\xc1\x92\xdfxfP\xa8\xbd\xb7U)\xd1\xb7'</t>
  </si>
  <si>
    <t>b'm\xa7d\x99\x91\x08ln\x1a*\xff.\x1f \xde=\x03\x1ebOl\x0c\x91\x0b\r` \xf4\x91\x19\xfaQ'</t>
  </si>
  <si>
    <t>b'x\xf0=\x81x\xaeq\xa4\xde\xd9\xd9D\xa3%y\x84\xcf\x85\x8d\xab\x03\xf5\x0e\x17\xcbZB\x05V=\x1c\x88'</t>
  </si>
  <si>
    <t>b'\xc6\xe2\x92\x1e\xfbBq\x87\r\xab\xe7j\xf2\xcdI\x01fQ\'&gt;\xd1\xe7"3\xefj\xb0\xbbE\x02+\x85'</t>
  </si>
  <si>
    <t>b'\xf9.\xea9U\x82\xca*\x97c?B\xd8j\xbcS\xf4\t\x80o\xd3\xbf(\xab\xcfW\xd2\xfeC\xbd\xdd8'</t>
  </si>
  <si>
    <t>b'\xf1\xe2\xee\xe6\x97c?"G\xc5*\x1fY\xf1\xd1g\xfe(LJx\xc0\xd6\xb6\xaa&amp;\xab\x91V:\xe7.'</t>
  </si>
  <si>
    <t>b'\xa6\r\x11\xeb\x19\xdd\xc6W\xd0\xc4\x17\x05]r`\xd7%\xb0s\xaaE\x02\xe0\x84C\xcb\xa9p\x9c\xf0P\xac'</t>
  </si>
  <si>
    <t>b'{ag\xfd\xa5\xb2N\xd7\xe3y\x001@V\x94C\x0f\xfbTY\xfd\xb8\xa3t\xed\x06\xfa\xa2\xe04\xe0\xaf'</t>
  </si>
  <si>
    <t>b'\x146\xc1~6\xee|\xc3\xfa 4\xb4k^\x07z\x1c\xcd\xf4\xd9G\xa2\x90\xd9\x0f\xfd\x97\xfa &gt;S='</t>
  </si>
  <si>
    <t>b"\x985`\x13'\x0f\xe5\x9b\xdfz\x91\xf8,\x05\xf4\x0e\xd9\xee\x87=}H\x00\x7f\x7f\xc8A\x80\xaf]\xad\x1f"</t>
  </si>
  <si>
    <t>b'tp\xba\xe7/\x10\x91\xc7\x84U\x89\xa3c[\xeb+c]\x14*\xd8$\xae\x8e\xe6\xe9&gt;\xee\xb1=\x98\xad'</t>
  </si>
  <si>
    <t>b'"$\x87\xd3\xb3\xa2\xe2D\xaf\xd6N\x10E\xfb\x84\xadE\xf60\xeec\x92\x85&lt;bFCD\x8f\x85\x97\xc3'</t>
  </si>
  <si>
    <t>b'\xd6\x00\xb8\xd5B\xf14\xfb\xa1&amp;+\x7f[\xd6\xe3\x9e\x84\xff\xdd\xf4\xcd\xaa\x81\xa5(\x9d\x1b\x94\xc4\n\xca\xe7'</t>
  </si>
  <si>
    <t>b'\x1c\xb4p\x84Q\xf9\xa4\xd5\xa3\xceNQ:ka\xdd\x91\xba\x02\x84/\xe0o\r\xb9Jg\x94&lt;\xdd\x0cQ'</t>
  </si>
  <si>
    <t>b'\xf5py\xa7s\x9d;`\x10r\x8b\xedO\x9f\xe8\xad5\x13\xe2d\tG&lt;u\xef\xa6p\xe8-\x92\xb7\xda'</t>
  </si>
  <si>
    <t>b'\xb0\x81\x1d0P\x1f&lt;\xd8eIV\xe3\xa6\x93\x96\xc2_\x15\x05Cr\xd0\xeci\x0b\xc7)E?\xb0\xd4\x1e'</t>
  </si>
  <si>
    <t>b'zB\x89\xcb0\x82#z\xcdY\xb2\xd5\x15\x81\xa1BOp\x0b\x88\x85o\x82\x1b)\xf9\xb8\xc9= \xca\xfe'</t>
  </si>
  <si>
    <t>b'\xfd\t\xe4\xd91\xeao\xee\xf6\xd2\xff\xbf\x19\x04j\xe4_\xea\xb8NE\x97\xbb\xa4p\xa0\xd5\x1ae\x1b\x19J'</t>
  </si>
  <si>
    <t>b'A\x9f\xb9\xbe\x13\xff\nF\xafGAM\xd7c\x85\xfb\xf3H}-D\x86l"\xc5\xbd\x98\x01\xe42* '</t>
  </si>
  <si>
    <t>b'\xa5c2\x8e\x02\xa66}\xa5\xac`\xd9}\xf4\xebs\xfa\xc9)8#\xcc\x01;n+}\xc2r\xf2\xe0\x8a'</t>
  </si>
  <si>
    <t>b'\xf6\xa6\xa4M\xb6\xb7\xe71R\x08"d\x0f\x8c\x0f\xe9\xa9\x94\xe5\xc68(\x86\x13\xb2\x89O\x05\xead66'</t>
  </si>
  <si>
    <t>b'\xec\xfa+\xff\xc2\x8e\xbf\x1fwmB8aNS\x01}\xff\x9d\x88\xe1X3"H\x9b\xa3\x9d\xcb\xe8\xd9\xe0'</t>
  </si>
  <si>
    <t>b'0\xa4!\xf3\xee\x8a\xa0\x11\x06\xe2\xbb\xb0M\xc7\x8a\x9c\x06m\x88\x99\x85p\xdf\x1d\xdc\xd0M\x92\x1cy\x14o'</t>
  </si>
  <si>
    <t>b'\xe7|\x8f\x80\xba\xca\xf6\xf6e\xa5\x17t%h\xe2\x90\x0cG\xcd[\xbfi\xd2\x04Lf\x9ec\x04ARH'</t>
  </si>
  <si>
    <t>b'\x8b\xf0A\xcd\x1e\x9e\xdapN9iB\xf8\xda\xcf\x97H\xbe\x9f\x94\xe1lt\xc5|Mz\xeer1\xff\x8b'</t>
  </si>
  <si>
    <t>b'e\x9e\xfdy\x02\xf5\xf2\xe2\r\xba~\xaaN&lt;2\x8a\x8b\x04\t\xb4#\xfaZ\xd5U\x8d*\xbe\xc0Kr\x9f'</t>
  </si>
  <si>
    <t>b'b\x94\xef\x00\xdd9\xcf\x0c\x86\xfa\x8a7$&lt;\xb6\x9eO\xb8\xf4\x02\x000\xfa:\xa6\xccB\x9f\x98&lt;\xf7\xba'</t>
  </si>
  <si>
    <t>b'3\xbc\xdd\xd8$0\x9a\xc6W\xf2%/"\x85\xbb\xde\xd0\x98\x12eux\x17\x07\xe0\xa2\xdfx\xf7\x1az '</t>
  </si>
  <si>
    <t>b'.\xbf\x01t\xaa\x044U\xd5\xc9J\x88\x91\x07\xa3\x9b\x17D\x0e\xc4\xe9-\xb1\xa3\xec\x088&lt;\xf8\xc3\x89+'</t>
  </si>
  <si>
    <t>b'\xdb\x13\xec(\xe0\xb6\xec\xbe\x0e\x86\xae\xb5\x18\xf5t\xe3`\x996\xc5\xff|_\x1d\x8d\xfb\xcf\x85\xcb\xdd\x1b\xf7'</t>
  </si>
  <si>
    <t>b"?\x1b0\x19~\xdf'y\xdc\x8c\x80Js\x83\xd5ee\x87\x84\xb1\x99\x8bw?g\x1d\x00\xdcE(\x80\x96"</t>
  </si>
  <si>
    <t>b'\xd4\xf8lBS\x89\x10\xcab\x95\x89u\x1e\xc2\x15\xf5\x10\xb8\xb8q\x93\xe8\x90&gt;g\xb1; \t\x9d\x82^'</t>
  </si>
  <si>
    <t>b'\xdb:\x13\x93\x13m\x8b\x1f\x18Kr@\x15\x1a7w\x01\\s\x01\xd9\x9c\x10\xcc(N\xb6\xc0x\xdd\x88\xd0'</t>
  </si>
  <si>
    <t>b'\xb5\xa7\x0bW\xf1\x04\xc7\xf5\xc4[\xb1Lw=\xacVc\xd8x \xd4\xb8\x00\xdb\xd2\x80\x88\\\x94\xa5zr'</t>
  </si>
  <si>
    <t>b'\xeaX\x0b\x1c?\xb5\xd6)\xb4\xfb\xef\xb56\n\xe3a\xa5\xf3\x14\xea\xfcL\x10\xb0\xf2\t\xadS\x03_(\xe9'</t>
  </si>
  <si>
    <t>b'\r{\xab\xda\x1d"\n\xcd\xc2\x88\xad\x16\xa1W\xb3HE\x95\xfc\x1f\xca\xfd\xdc\'\x96M\x85\xdf9\xb8\x83\x82'</t>
  </si>
  <si>
    <t>b'{/0\xdd\x0cq\xc4\r\xec`Z62Mv\xb0\x84"uF\xd8\xbf\xed\xcb)\xeb\xc37\xd6MW5'</t>
  </si>
  <si>
    <t>b' \xbc\x993ju\x87\xbe+\\\x11`7h{C\x96\x7f.\xd3\xe8\xd3(\xf6\xdd\xbdZ\xb5\x9d\xff/\xd8'</t>
  </si>
  <si>
    <t>b'\x13\xfa\xe8@\x84\xcc\x047\x19\xbb\xc0wy\xc1!\xf3UQl\xe8k{\xa4\n\xf09f\x11\xac/)R'</t>
  </si>
  <si>
    <t>b"\xe2\xddN\xba)xb_9i\xd7\xae\xc0@\xc8\x17N1'\xe66}\xd7\x04\xc2\xf5]\x8d\x1a\xd0=k"</t>
  </si>
  <si>
    <t>b'T\xf4\xf4\xe2\rq#[\xac\xc3\x1c\x834\x1f/\xb4\xfd}i\xf7\xa3\xed\xa7\xa5^q\x91\xf5\xb8\xfdFU'</t>
  </si>
  <si>
    <t>b'\x88\x14Ph\xb1\x11\xa3\xba\x8a\xb1\xc4\x95{\x8e\t\xdcbt#\xb3+\x1fr8\x8b&lt;\xa0\xec\xd2\x1dQ\xe9'</t>
  </si>
  <si>
    <t>b"^\xef\xc0\x85oE\xbd\xe8\x0f:\xc1!\xa7j\x9b7\xc0\xac\xe1)\xd5'\x01\xbf9\xdc\xbc\x91\xfe\xabM0"</t>
  </si>
  <si>
    <t>b'\x08\\\x0cc\x17\x9a\x82\xda\xfb(\t5cL\xbf\x11 r5\xce\xaf\x9et~\xb7\xc8\xaf$%\x1e\xda!'</t>
  </si>
  <si>
    <t>b'b\xf9GY\xb6\x07\x9c\x0e\x0e\xf4\xeb\xb5\xbe\xc1\xaecvl!2\xcf\xaf]\x1e\xcfP%\x880_&lt;\x9c'</t>
  </si>
  <si>
    <t>b'\xa7m9\xdb\x00\xe5\x18}\xa6\xf3\x8c\xcd\xee\xe3\x16s\x9dw\xdd|I\xc5\xfb\x1c\x8df?\xf3\xb1F\x87:'</t>
  </si>
  <si>
    <t>b'\x11On\x8c\xbf\x0e\xe264\x92\xad\xb8f@\xcb\xe3\x86\x04\xe6\xeb\x93R\xe0T\xf1Le\x003mdf'</t>
  </si>
  <si>
    <t>b'\x9a\xa7\x92\xfc\xcb\x05\xc4\xee~\x12\xd3\x07$\xce;\xb2,\x8f\xe3\xaf\xbf\x1fsOv|\xbfj\xf4[s\x8e'</t>
  </si>
  <si>
    <t>b'^\xcb\xeeu\x95Z\xd8\xac\xca8\x93U\xdb\x0c\xa5\r5\x8f\x94D\xcdq\xeb\xe7\x11y)!\xa7\xb1\x87\xa7'</t>
  </si>
  <si>
    <t>b'\xad\xb4\xb2B\x8d\x0c\xa2\x1c\xf6\xf7\xe8\x05\xfdl\x82\x85\xba\xc6\xf3a-\x99\xd2\x8br)\x96\xde\xfb\xbf\xf5\xe2'</t>
  </si>
  <si>
    <t>b'{x\xe6k\xf4\xa4!J\x7f\xde\x0f\xce:\xad\x06q\x04\x8c?h\xdf\x80\xa7\x87i Sd\x8d\xd2\x7f\xdc'</t>
  </si>
  <si>
    <t>b'p.\xf1\xadS]j\x15\xce\xd0\x1a\xbd\x05\xdd!\x8b\x86L\xd9\\\xc8\x05\xf6[\xb3\x140\xfey\xde\x19y'</t>
  </si>
  <si>
    <t>b"k\xed\x05\r\x03\xae\x88\xa4!\xd9\xa1\xfb\xfa\xd5\xdb/!&amp;'\x83\x95|\x98\xf7\xe5\xdb\x942\x9a\xe5\xec]"</t>
  </si>
  <si>
    <t>b"\x1f\xc1\x1f5\xc8&gt;\x99\x8a\xbb0t!&amp;q\x88\xe6\x96\xb4CC\x91\x90i\xf5'7\xb0\xee*\xee\xc4\x7f"</t>
  </si>
  <si>
    <t>b'N\x00\x82\xe4j\xe9\x83 \xacw\xfbT\xbf\x92Z\x95s\xcep\xb9\xf5&lt;\xde\xb7&gt;\xb8\xf7h\xca\x83-\x92'</t>
  </si>
  <si>
    <t>b'[\xa1\xc4O]7\xc7\xb4\xbc\xde2eBQ\xf1\xa8\xbaS\xe0\xd9\x89\xca\xce\xd2\x15\xa2\xdf\t,&amp;\x86\x10'</t>
  </si>
  <si>
    <t>b'\x93\xfb\xd8(\xab\xbb\xa5\x85\xed\xb7\xcc#&gt;\xfc\xa1M2\xb1\xa9\xad\x0f\xe0\xb1\xad\x8e\xceR\xa0*\xcc\xf9q'</t>
  </si>
  <si>
    <t>b'0\xdb\x8f1Y\x99\xf2f\xfc\xdf\x0eGa\xf2\xe6\xa7\xff\xb1\xab\xd4&lt;j\xa6[a\x9d\xf6\xd64\xa5\xd5&amp;'</t>
  </si>
  <si>
    <t>b'\xcb\x0c\xc1\xc6q_F\x8c"\xaa\xea\xa0r"\xd3\xfa\xe0\xbd/\r\xcb&lt;\xab\xab|\xba\xf3\xe5\xabe\xbe\xef'</t>
  </si>
  <si>
    <t>b'Y\xebY\xdf&gt;&amp;\x05\xc6$\xa9\xd7\x9c\xe1+\x1e\x9a\xb8C?B]\x12\xe8\x97\x8a\x848\xd5\xb9\xc9\xcf\x0b'</t>
  </si>
  <si>
    <t>b'\xfa\x98r\xff\xcc*9\xd8\x1d\x02\xca2\x84\x89\x8e\xb6B\xc4\xd8Y\xebY+\xe1G.\xee5\xec@\xd6\xb3'</t>
  </si>
  <si>
    <t>b'%-\xa7\xc5v\xc3\xe4,\x83\xd1&gt;\xd0\x9ev\xec&gt;\xb3^\x82\xcd\xe1\x163}[\xc4\x18\xc5w\x8f^s'</t>
  </si>
  <si>
    <t>b'~\xbc9\xf0\xb9/F\xd3\xcb\xa9w\xd1#z\xf780\x97R~F\x18_25K\xa7\xa0:\x9e\x93\xa3'</t>
  </si>
  <si>
    <t>b'\xba}\x97\xaba\xadJ\xe2\x13\xbb\xe7RgR\xa4\xc3\xbd9\x19\x0e{\xac\xca\x14H;\xc2y\x81\x08j\x9f'</t>
  </si>
  <si>
    <t>b'm\xc3\xc5lt\x88\xbca\xacZ\xfe\n"\x92\xb4HeM\x8eo8\\\x88\x8d\xb9\xf2\x88(\x16A\xc9g'</t>
  </si>
  <si>
    <t>b'\xa3b\x9e\x03P\x0eU\x9e\x90g\x18\xdb/\x02"f\xc1\xc1\xac\xf0\xbbC\xf2\x15\xdb=\xc1U\xbf?\t\x1b'</t>
  </si>
  <si>
    <t>b'@\xb9C3\xf8\x02\xbaX\xef\xe6D\xef\xc9\xba\xfdv\x12d\xad\xcdX5\x87\x1cQ\xa2\x8a\xac\n\x8f\xc5\x91'</t>
  </si>
  <si>
    <t>b"\x1b\xbfXe\xa2\xc2\xdbX:\xae\x80\xef\xb8\x9aZ';\xc5\x88Q\xd7\xa8\xdfx\xc36F\xda#\xd5\x13\x0f"</t>
  </si>
  <si>
    <t>b'"\xad*\xc4\xb1\xf1\x0c\xe09\xaeM:\xf7\xe4\xc6\x15\xd1\x98\xc4\xd8C\x12\xfb\x92[\xe74f\x8c\r\x0f\x1d'</t>
  </si>
  <si>
    <t>b'\xf8\xc4/\xe1\xd0\x8f)\x1eP\x15\xa6\x168\x0e}Kf\xe0\xd8\xad\x99\x93\xaf6\x18\x16\xe5\xdc\xebz\xeaw'</t>
  </si>
  <si>
    <t>b'uRc\xc8\x1b\xa3+\t\x81/\xadei}\xd96\xf1{d\xa73~\t&lt;\x0bi\tf\x84:|B'</t>
  </si>
  <si>
    <t>b'[{n\x1c\xe2\x12\x12\\\x91\xc5M\x08\xe5\x10\x90Zr\x19\x86\xdf\\\xafM*\x95\x19b\xed\xf9\x11_\x01'</t>
  </si>
  <si>
    <t>b'\xb3Bm\x18\x9av,\xc5U\xa1\xf6\x06\xc6\x84pu[\xf9=N\xc0p$\x882\xee\xdeZ\xfc\xf1\xc7\xe2'</t>
  </si>
  <si>
    <t>b'\x15E,G\x97\x1fC\xaa\xa2"\x03\x08\xa0\x98\xf3T\xac\x12\x997\x1a\xa8\t=c\n\xd4\xc2\x1fI\xe2\x87'</t>
  </si>
  <si>
    <t>b'I\x8dZ\xd3\x85WyY\xeb\xc4l\xc9B\x84l:&lt;\xee\x8c\xda\xa7\xe7\xc2\xae\x1b\x86F&amp;\x81\x18\x85\xcb'</t>
  </si>
  <si>
    <t>b"\xb4\xff\x93k\xe6\xf8RK\xa9e\x8f\x9d\x12\x80k\xbb\xa3\xd9\xe9\x96'\x04\x97\x93\xb2\xcbh\x03w\x82\xfe\x12"</t>
  </si>
  <si>
    <t>b'b\xfe\x87\x01\x1c\xd9\x0c\x9c\xbbs\x06mN\t\xa4\x90-\xd2+Ym_\x199\xebTEQW\xffpv'</t>
  </si>
  <si>
    <t>b'\x80\x87\xe1\xf1\xcb\xda\x17\x0eo\xdb\x01\x9a\xa1\xaa\xd1\x8f9E\x88\x06\xd1\x0b8Q\x07\xa8\xafp\x16\x96\xad\xa9'</t>
  </si>
  <si>
    <t>b'^:\xf9\x98,eG\xee\x15\x06\xa8\xa0Z\x95\xcfv\xa4\xc7\x13\xe9&amp;S\xfer\xa5\x0f\xefr\x92\xd4\x1cj'</t>
  </si>
  <si>
    <t>b'8\x8dO\x9eH\xf1T\x02&gt;l\xf2\xbbE\x8a\xb1\x1b\xaa\xa5[s\xbf\xfa\xe8\xc1\xff13V\xfb\xb92\xb6'</t>
  </si>
  <si>
    <t>b'\xb7\x9b\xa7\xb6&gt;\x19I\xc8\xe0\xf1]\xdc?\x1d\xcd6\xe2&lt;\x9a\xfe\x95^_}\x87\xb2+\x83\xca\xd5\xd0\x1b'</t>
  </si>
  <si>
    <t>b'K\xbdoxw`\xbd\x0e\x1a\xac5r;J}\x17\x99zb\xa9\x00\xf8\x1a\xaf-=\t\x93\xd3N\xd3\xd1'</t>
  </si>
  <si>
    <t>b'\xe6\xd3\xb1E\xb6\xc1PX^\x9e](\xf2;\x12\xaa\xed\x80\x02\x85\xb7w\xd5[\xc7x\xc2\xed\xd5\x0c\x98;'</t>
  </si>
  <si>
    <t>b'W]\x05q\x0c\x81XE\xf1\x92\xc0$K\xc9\x9b\xfa\n\x98\x90X\xfe6\t\x0f:\xed0!\xfa\x96MH'</t>
  </si>
  <si>
    <t>b'tH\xb7&gt;2\xccK\xcd0\xc7\xfc\x8a\xb3\xc9*c\x1bD\x9d\xa2\xb1\x10\x9b2\xe5a;z\xf7\xdd\xd7\xa2'</t>
  </si>
  <si>
    <t>b'-\xecbX\xccN\xca[b`\xfcaL\xe1\x88g\xcc\xda1\x9f\xbc\xcdW\xfa\xdc\x8f\xfb\x12$\xa0\xac\x98'</t>
  </si>
  <si>
    <t>b'\xe6w\xbf\xbc\xa6T37\xc6D\xf0\xdf\xf0\x05?Mh\xa3\x9bc\x98\xdfxz\x9f^{\xf7Od\t\xc4'</t>
  </si>
  <si>
    <t>b'\x01^e\xd8a\x7f\\{H\xd1_\x02\xd7\x18\t\xad\xdcxE\x89\xb7\xff\x98\x84\xe8\x04\x96?\xe1\x03\xf0N'</t>
  </si>
  <si>
    <t>b'*\x96\x02\xd1[\xc1\xf5T\x81\xbe\x1d\xb3\xe2\xcc\x16\x9d\x975A\xd6O\x9e\xb1&lt;m\xe7\xec\xb9\xdc\x9f\x8c\\'</t>
  </si>
  <si>
    <t>b'.\x1e\x1f\x7f\x0b\xa0\xaej_\xfc\xfe7\x1b\xb0\xe0\x0b[\x7fD\x1d\xfb\x96\r{(`\x13\x891\x06\xbb\xf6'</t>
  </si>
  <si>
    <t>b'\xf1\xde\xa8\xd1qr\xc3\xbf\xb2=\xbbJ\x8c\xcd8\xb6\xa9*\xc1h\xd0*\xf0y\xdbh\x94)I\xff\xdd\xa8'</t>
  </si>
  <si>
    <t>b'\xad$y\xec\xefX\xa3\x1d\x7f(\xdd\x84\x13\x8d\xb9&lt;\xf7~\x84Y\x9fxj\xeaa8\xab \xbf\x8c\x85\xed'</t>
  </si>
  <si>
    <t>b'\xa6\xec\xdf\x17\r\x99\xaf.\xb0\x1e\xce\x14\x0b\x97@\xaan\x0b\xeen\x98\xa3V=\xcf\xfa|\xa4\x9c?F\x0c'</t>
  </si>
  <si>
    <t>b'\xbc\xb0aaM\x94\x8b\xaa\t\x19\x01B\x82\x0e\xfa\x08\xe9xF\xbe\xca\xf8g\x05\xe7\x17sD\x13)\xa0\x95'</t>
  </si>
  <si>
    <t>b"\x0c\xde\xeb\x08VU\xce[\xbb,j\xe9\xdd\xb9\xcaY\xc3\x8a\x1f\xa5^\xd4\xf0T'\xc9\x92g\xff\x92\xc8q"</t>
  </si>
  <si>
    <t>b'\xc8\xee\x99fg\xb4\x88\\\xe5,M\xce\x8f\x16qy\xc5\xa0\x15\xfeM\xea\x1a\x83\x8b;\x84)H\xf2T\x81'</t>
  </si>
  <si>
    <t>b'K,\xd1\xe9\xb1\xec\xc2\xd67\x8e\xd5\t\xb2b\x94H\xe4\xa8\xde\x17$\x05-\x8a\xd0\x84\x95\xbd\xf5\x1c\xab\xc9'</t>
  </si>
  <si>
    <t>b"\xc9\x8a?\xf4\xbe\x14z9']\x01\xdd\xfbl\xa4\xeb=\xf6\xe5\xf5wY$\x9b!\xc6\x8a\xdf/\x8f\xb1\xcd"</t>
  </si>
  <si>
    <t>b'/\x04\x07\xbf\x0bL\x17\x126\x18\x0b\x8eL\xe7\x7f\xf6\x7f\xe2\x1d\xdcp\xc0\xdcN&amp;\x8f\xdey\x18\x8d\x9f\xe2'</t>
  </si>
  <si>
    <t>b'f\x02\x13\xca\xbe\xa9\xe0\xe4\xff!$\xfe\xac=W\xbfZ\xb5\x95\xd3}a\x00\x08\x19g\xdd\x7f\xee,\xad;'</t>
  </si>
  <si>
    <t>b"\xe8g$\xd9\x13\xba\xa3\x96\xf9*\xd6\xc3S\xfe\xf3\xf2\xc7\x15K\x13S\xf8\xe4(\xf6'9\x00Z\x82\x0f\x17"</t>
  </si>
  <si>
    <t>b' \xe5\xc4\xa7s\xb9\x1a\xb0\xa7\xf1O\xed\x8c\x80\xe5\x181\xa4\xa2f\xdcx\xa7\x125[\xa4$\xbe\xba\xf7\xfc'</t>
  </si>
  <si>
    <t>b'\xbf\x9e\xd7\xf5\x05\xe7\xef\xe9\xce\xb7\x06\x87\x94N\xf9\xfbX)\xfc\x16\x966\xba\x02r\xd8\x85\xbb1\x1c\xdf\n'</t>
  </si>
  <si>
    <t>b'\x95\xcb\xdf\x7f\xc3\x9b\x82\xbd]\x16D\xa1\x9f\xe15\x1b@\x85\xaf\x08k\x03\x1cA&amp;\xe1\xad\xa8q\xe3]l'</t>
  </si>
  <si>
    <t>b'8M\xde\xadNqY\x85\xf3\x89\x13\xa7\x97\x1e\x97\xbd\xf1\xd6?U!Z:\xd5\xd3.-\xf0\xc1XM\xce'</t>
  </si>
  <si>
    <t>b'\xaa{l\xecXO\xfe\tN\xc4\xaf\xb2\x89\xd1;\x98\x8c\xcd9\x06dp~u\x9a\xa4\r\x0b^?\xbe\xbb'</t>
  </si>
  <si>
    <t>b"\xeeE \x14\x8a'4\xdb1\x7f\xa4\xba\xc2\xd1\xed\xd1%\xee\x83\x04\xcc\xb9\x18\xc12\xb2\x11}\xd2\xefM\x81"</t>
  </si>
  <si>
    <t>b'\xeckP\x80\xaa\x93-\x0e\xe7\xd5U\xcfx| &gt;\xd2t\x86\x9f\xc8\xf4EAJ\x97\xac+w\xc1\xe5;'</t>
  </si>
  <si>
    <t>b'\xe8#\x85H\xe1H\\\xfe)\x1f}\xbc\xc1e\xd0RO\xcb\xc0\x98(\x93\x1e_\xed\x18\xfb\x15;E\xe3&lt;'</t>
  </si>
  <si>
    <t>b'\xab\xaf\xd6!\xc8\x0b\x1c8:\xcf\xf6A\xa3\x17\xfe`\xab\xc9\xbc\x07G\x1aR\xf2[rG\xc2\x0c\xf4\xb9\x12'</t>
  </si>
  <si>
    <t>b'D\xa1\xb4~\xe2!\\\xf7_\x9b\x18\xe0\xbd\xc0\x841\xc3\xd8iT;e\x06\xb3\xa2\xcd\xb1\xe6\xd3Z\x7f\xbf'</t>
  </si>
  <si>
    <t>b')\xffJX@\xaf\x81\x13\x03\xfb\xf2\x96@\x83\\\tP\xb9W\xb2\x18\xed\xbb\xbe\xb2\x87\x07U\xb9`D2'</t>
  </si>
  <si>
    <t>b'\xd8\xd8\x08=\x8d\xbf\xa5\xbd\xe7\x84\xe3vX\xe1\xbf\xc0\x06\xc2\xde`\x04\xa3\xc1\xbfOX\xd3\x1dE\x87\xb3\\'</t>
  </si>
  <si>
    <t>b'\xd4b\x88\xc1\xae\t\xb8\xf1\xe0\x86k\xeaY\x87D\x18\x9f3\x18\xa0\x84NW]\x88\x93\xe9y\x9e\x93\x14\x91'</t>
  </si>
  <si>
    <t>b'\xb6\x8d^N}t]\xda0\xdc\xc7\xb1\x8f\xce\xf1\xb1T(j\x1eJf\x054W\xdb\xa0\x82\xb4\xcc\xee\xda'</t>
  </si>
  <si>
    <t>b'(Z\xf6\xcbU\xba\x89\x83\x15|c&lt;\x1eY\x83\xf4&amp;Yg\xa24\x85\xfd\x9cDp\xa3s\xc3\xb2\xe0:'</t>
  </si>
  <si>
    <t>b'\x04\x8bu\x9c\x13Wdy\x0722\x9e\x13a\xb7G\xcc\x05O8Y\xc8\x95\xa5O\x9d\\\xc0\x15\xf8d\x95'</t>
  </si>
  <si>
    <t>b'&gt;\x17\x06\xf4\xf8\x16\xd2\x90Y\xfe\xbe\xeekNg\xcdPVZ\xb0.\x11\xca\x8d\xf6\xdd\x03\xd4\x80\xe8\x7fD'</t>
  </si>
  <si>
    <t>b'p\xd9\xbc\xe0\xf2\x00O\x00\x1b\xa2\x86\x95\xd7\xe1\xf9!N\xb9\xa9\x03\xfe\xec\x84\x17\x02U(5x\x01\x89)'</t>
  </si>
  <si>
    <t>b'|40w\x9c\x82\xb5a\xfa\x0b/\x91\x0b\x13\xd8G\x9c\xb9\xab[\xe0(9=\xd5N4\xbc\x81\xec@\xa0'</t>
  </si>
  <si>
    <t>b'\xb9qy\x8e\xe9\xf0\x98-\xe0\x13\xf1\xe1\xf5,\xbd\x90\xe5\xe0\xe54\xa7\x81\xb9\x1f\xcd\xdd\x16\x034\x05\x94\x9a'</t>
  </si>
  <si>
    <t>b'\xb3\x80\xfdXM:\xe2\xd0l\xca"Su\xc1\xa5K\xaca\xeb*\x7f2k\xe5\x8d\x15\xcd\xcb\xb1\xd5\xba\xc3'</t>
  </si>
  <si>
    <t>b'o\xb1q^d\xa7\x14N\xbf\xcf\xe7\x03_WW\xe8\x98w.\xd8Q\x86I\x89\xfb3\x0c\xd4\xd9H\xcd\xc3'</t>
  </si>
  <si>
    <t>b"\x10D)\xd7\xddC&lt;\xee='\x85.\xc3\xf9i\xb2N\xc4\xb7\xe6&amp;\xb05tee6\xc6t\x8ar\xe3"</t>
  </si>
  <si>
    <t>b'\xa5l+\xe4Q\x81,\xc8My\xc5KG\xd0_oUk%\x8dHVQ\x945\x01\xcc,\xd2\xc6\x89s'</t>
  </si>
  <si>
    <t>b'j,&amp;"\xd1\x1a\x10\x9f\xd7J\x17\x8b\xb0^\x95\x8c\x0eD.n\xe4\xc51O\xec%\xd4\xdc\xb0\xc9\t\x00'</t>
  </si>
  <si>
    <t>b'&gt;\xf4\xa5p\x8c \xad\xac\xb7\x17~\xd9O\x95\xb9\xb4\xbc\x8a\x96O\x0eZ\xee\x89\x99\xf7\x0c\x19\xc3\xees\x84'</t>
  </si>
  <si>
    <t>b'/\x1d\xb2\x89UDb\xab\x10\x8cz{\x85\x89\xd3\xc8\xf5w&gt;&lt;5p\x95^;\xdd\xeb\xc4_i\x06\xc8'</t>
  </si>
  <si>
    <t>b'$\xa0Q\xc7\x0c\x00^\xb4_\xb9M`\x08\xc0\x83\x82\xdb\xa6\xd9v(\xe0\xc85\x92\xd15\xce\n\xbd\xf8q'</t>
  </si>
  <si>
    <t>b'\r!\xc0yY\xbe\x1e\xed\x12i\xeb\x1a6\xf7\xd8!\x1d\x97\xf0\xb1/y\x0b.G\xa6 \x0e\xe9\x85\xa6\xb3'</t>
  </si>
  <si>
    <t>b'4o\xe1\xed\xd91g\xd2&lt;\x1c\xbf\x80\xefE\x93k\xa5\x16P\xa5\x9d8E2v\x04]`\xc9\xfa\x1e8'</t>
  </si>
  <si>
    <t>b'JcqC\x01\xe9\xfc\xce\x105\x15%\x10\xef1\xa8S\x9d\x96\x98\xaa\xcf\x07CWy\\b\xfcz+['</t>
  </si>
  <si>
    <t>b'\x8a\x939r \x94\xe4T\xeb_g\x8c}\xaf&gt;C\xeb$+\xde\xb7\xb2WK\xbaO^X\xee\x99\x8bD'</t>
  </si>
  <si>
    <t>b'R6\x91\xfb\xee\x14\xe5\x01\x9f]&gt;h=\xf9\x9f\x82#J\x9ea\xd7_\x8b\x12"\x86\xff\x833xL?'</t>
  </si>
  <si>
    <t>b'\x91-\xa0\xf2h*\x94\x16E^\xb0\x0cY\xfe\x0c"\x9d\xb1/\x05\x9eLk\x1a\x90J5H\xbe\x98;\xed'</t>
  </si>
  <si>
    <t>b'\x85@\xc3y\xe6\x11\xb3\xe6\xcb\x08&gt;\x80N\x80\xa0l\xfa\x87\xa3\xa2Y+\x9c\t\xef\x16@|\xee\x1b\xcbl'</t>
  </si>
  <si>
    <t>b'!8\xa4\xd3\xad Ja\xe8M+c\xb1\x05\x8b\xbe\x98\xec\xc1\xa0\x1d.\xabo2\xc3*\xd7l\xf4\xf4\xaa'</t>
  </si>
  <si>
    <t>b'T\xd2\xd2P\xd0u\xca\x16\x16\r\x8f\xd1\x96\x99\x16\xba\x9f\xea\x1e\x1f\xaf`Z[8\xef\xad\x8f&amp;\xba\xeej'</t>
  </si>
  <si>
    <t>b'\xe0\xe5\xd3\xdf\x08\x0e\xf7l\xdb\xaeL\xbcX5\x12\xd7B\x8b\xc9\xcd\xbc\x98q\x1d\x0f\xf6e\x0c\x18_q\xbd'</t>
  </si>
  <si>
    <t>b'\xdbb\xe9\xcbqCM\xabs\xe7b\xc8}pw\x00\xe6G[50\x90bf\xa0\x15\xc9k\xd3Sq;'</t>
  </si>
  <si>
    <t>b'\xbb\xdcO\xfe\xf0*4b\x9f\x7f\xdb\x16\xd7\x18\xecTd\xe5\n\xaf\xe5\xda\xa9P\xa1,\xc4\x06_\x87\xba\xde'</t>
  </si>
  <si>
    <t>b'\x87\r\'K\x18\xfc\xe0\xa7\x01"i\x0b\xcf\xad\x0eUC[\x89\xa2\x8e\xc2\x12\x1f\xcc\x11\x1c\x90V\xda(\xff'</t>
  </si>
  <si>
    <t>b'w\xfa}Gh\x95M\xcaV\xd1\xd1}\xa6\xed\xf0\xceZ\x7f\xc1\x8b\x87\xf2\n\x05\xb3\x7f6\xc9\xc0\xb9\xb2&amp;'</t>
  </si>
  <si>
    <t>b'\x94\xdcG\xa0rtO\x18e;1\xa2hz\xb1\xd7E\xa8\xbd\xd7\x88W\xab\x1dw\x91\xcc=T\xf2p:'</t>
  </si>
  <si>
    <t>b'^g\x94g3\x93\xee\x94\x9d\xeee\x9d\xcf\xcfc\xf3\xe4\xa8\xff\x8c\xe1\xfd\x04_\xe4\xda \xce\xbe^\xde\xb3'</t>
  </si>
  <si>
    <t>b'z\x8e\xc9D\xa9\xd5\xb82\xb9\xef\x93\x9e\x9f\xdbpl\xfb\xe0H\xc7\xd9\xc2Kj\xabL\x14\x9d\xcf\xe0\x8b\xfc'</t>
  </si>
  <si>
    <t>b'\x1d\xd4g\xa3\xe6\x1ewy\x83A\x04\x80\x15\xf7\xdbD&lt;\x01\x17\xb8le\xb4hcyF\x00=\xcf\x1b\x7f'</t>
  </si>
  <si>
    <t>b'kX\xa6\xc6\xb5\xfe\xf8\xad3\x071n\xa8\xef\x8b\x11\xe8z\xa0-@\x02\xc4I\x8e\xf7\xfa\xbcU\xd6\xc1\xe8'</t>
  </si>
  <si>
    <t>b'\x91\xee\xbe\xa6\xd1\x04\x82\x12\x1d^\xbc\x0c\xeb9\xb5b\xc4\xb3\xe9\xaa\xec4\x06\xf3\xd4\x1df\xa4\x8e\x01u\x1c'</t>
  </si>
  <si>
    <t>b'g\xd0\xbc\xc0\x84\xe4\\\xd2\xa7N|Z\xb8&amp;\xafA\xf2\x1f\xca\x07? \xbf\xe1\x1a6w\x0f!\x04\xf9\xed'</t>
  </si>
  <si>
    <t>b'\xee\x02\rb!O\xd9\xf8&gt;\xe7\x1f\xb0\x0fGf\xb7}|\r\xd3\xf6n\xeeZ\x1e\xa2\xec\x05\xe0\xfcl\xd2'</t>
  </si>
  <si>
    <t>b'\xec\xe6\xc6:\xc2,o\x8c(\xcc\xbf\x12\x06oq\x11\x9fW\x92\xb0\xb9\xa7\x1bJ4\xf7N\x08\xf4k\x1f\xb4'</t>
  </si>
  <si>
    <t>b"\xbeT\x10T\x98\xab\x049\xa0ps\x96\x1d\xf9\xae\x92\xd9X\x97WL|0$@fS'\x81i\xc9X"</t>
  </si>
  <si>
    <t>b'\x07v#s\xce\xa8/\x02\x1c\xb30\xf0.\xee\x9c\x04\xecJ\x85\xdf`\xbeX2[K\x05,\xd7\n\xef\x95'</t>
  </si>
  <si>
    <t>b'\xce7\x19\x89\x9b\x8e\x99\x1f\xb8\x9a&amp;0\xdbf[\xf5\x99\xcf]\x97JSg\x08\x94\xd7\xeb\x98\x89\xb4\xd6\xed'</t>
  </si>
  <si>
    <t>b'\xfb\x14\x9b\x93\xcbb\x9b\xca\xc71\xbc\x9d\xe0H/s\x03\xca;\xcd\xb7\x05\x9dyya\xca\xa0+Fx\x05'</t>
  </si>
  <si>
    <t>b'%\xd1o [\xa5\x8f\xf3\x03\x03\\\xc4\xc5\xb0S\x9b\xfd=\xa8R\xfe!\xd1\x0c\x87\xaa\xf1\xdaa\x9a\xd4.'</t>
  </si>
  <si>
    <t>b'l\x12\x83\x02\x1fj4\x07w\xb0\xdf-nX\xe1\x993!\x98V\xfd\x04\x87\xda\t=\xd0o\x8e\x07\t\xd6'</t>
  </si>
  <si>
    <t>b"\x82\x1ak`\xb6I\xa9\x0e\x8f2y\x13\xae'C\x08\x92\x01\xd3\xc4x\x84\x1dfC\x17\xf4\x08\xee\xca\nj"</t>
  </si>
  <si>
    <t>b'QS\xd6\x94\x0f\xa3 \n\xf5\xac\x10\xc2\xed\xfbz3\xd3\\\xca\n\x87\xa0\xfbz`\xe5^\xea\x9e\xc1 \xa6'</t>
  </si>
  <si>
    <t>b'\xfef\xa9i{o\x02\x8dr\xaf\x17\x89B\xac\x10\xdbX\xbd\x9a0\xea\xad\xf5:\xcd\x9b-\x9c$Ie\xf3'</t>
  </si>
  <si>
    <t>b'+\x91\xf6h\xb9\x8d\xb5@\xc3\xad!w\x1a\xb0mNg\x82\xaf\x9ad\xba\xec\xc7\xd6\xe9S\xdaZ9\xffh'</t>
  </si>
  <si>
    <t>b'\xd2\xc6\xab\x8f\xa3\xa8\xf4\x16\xc9\xf1v\xd7\xea&amp;\xb8#\x80t9?\x02\xe7\xa2\xd7)\x98]\xd2\xdez\x17y'</t>
  </si>
  <si>
    <t>b'&amp;I\x84\x0e\x16\x9a\xdc\x1c\xa1\xefjK6"k\xad\xbaX\xad,\xb6\xdc\x105\xc6B\xdc\xd4=\xf5s\x1a'</t>
  </si>
  <si>
    <t>b'\x8613\xa7\xb3T7\xe1U\xf7\xfau5\x16b\xb2T\x02%\xe4Em&gt;\xfb[\x9e\xa7w\xac-V\x01'</t>
  </si>
  <si>
    <t>b"x\xa9\x83\x18\x0e\x03\xfe\xfb\xc3\xed'q$\xb4\x02i\xd6\xf8\x0f\xf8\xb0\xc4J{\xb6\x93\xa7i\xcfT0]"</t>
  </si>
  <si>
    <t>b'\n\x87\xa4Jf\xde\x07\x07\x1f\xaea0\xda\xa4\xc9\x99e\xe4\xd9\xd7\xb9\x83\x03\xa2/\x11\xe7Y\xfd\x8d\xc6\xd4'</t>
  </si>
  <si>
    <t>b"\x17\xe2\xe4\xf5\xd4\x11\xfb\tDt.\xaa\xe6\x105x\xa2'\x81\x00\r\xd1\xad\xd8)e\x81\xeeV}&lt;\xb8"</t>
  </si>
  <si>
    <t>b'?L\x91T\xd36\x06~{\x86P&gt;\xfc0yp\xa9\xf6o\x0e\xd2\xa7\x82\xec|&lt;\xe6\xded&lt;_\xe3'</t>
  </si>
  <si>
    <t>b'\x858f\x86z\xc5\xb6\xf1\x8d\x82&lt;?\xbe\xfd\x16&gt;\x197\xf8{\xd2=\xa4\x86\x9e\xe6\xc5\xc2\xd1\xc8Y\xcb'</t>
  </si>
  <si>
    <t>b'-\\\xbe@%\x9d\xbe%\xe2_+\x9e\x14\xa6\xa5q\xccw\xba\xc6\t\xe8\x8b\xe6Ia\x88N\x9a\xef\xaf"'</t>
  </si>
  <si>
    <t>b'\x17Q-X\x03\x19-O1P\xfe\xd9h5|\xe9\xfbR\xc0[g\x1d\xad@|\xea\xd9S\xfc\x02.\xdc'</t>
  </si>
  <si>
    <t>b'\xe6|w\x96\x85\x890\xac\xac7U^e\xf0 3A\xd4\xb5i&gt;E\x8d)\xb3[\xa0\x0c\xea\xec6f'</t>
  </si>
  <si>
    <t>b's0\x91C1m\xa4S\x9d\xaa~\x14\xf8\tN\xf7\x7fA\xdebT)E5\xbf\x00\x1c\xad\x1d\x83tl'</t>
  </si>
  <si>
    <t>b'r\x15\xd3\xe4p\xd7"\\b\xa9\x7f\xfc\x1f\x1d\xf5.\xbf\xec6}S\x08\t\x85\xccm$C\x03z\x17\x92'</t>
  </si>
  <si>
    <t>b'd\x9cXp\xb7\xe0vyp\xf5\xf3z\xa1\x1e-_\x9em\xdfx\xb6\x14\x96t\xd4\xfbK\xdc\x80FuW'</t>
  </si>
  <si>
    <t>b'?bJd\xb4\x07\xdfW\x04%H\xe9=\x9cD?\x02~\xa7\x8c(N\xfc\xfes\xc6\x06\x9f\x98\xbf\xc5J'</t>
  </si>
  <si>
    <t>b"}\xea\xd3\x13^\x11\x05C\xa4\xc0d\xd8\xa8Y\x86\xe6N\xb1A\xb3\xa7'wQR_\xc2\xf3\xe5vW0"</t>
  </si>
  <si>
    <t>b'"\xd3\xec\xfb|sf\xdfc\x8aN\xc9GCc}\xa6D\xdb\xc7\x919u}\xab\x0c\xb6\xe8\xb6\xfd&amp;&lt;'</t>
  </si>
  <si>
    <t>b'0I\x04\xa0\xe4\xaf\xf5\xa0\xe8HFZ+|,\x89+\xe2\x1bk[\xcc \xed{B \xfd\xb9s\xbf\xcc'</t>
  </si>
  <si>
    <t>b'\x13\x08x-\xc6c\xdc\x1e)mQ\xd9\xd7\x8d\xd4\xfe\xe2f\xc9\x8a#Au\xff^\xcc\xbf\x9ez\x81\x9f\xe2'</t>
  </si>
  <si>
    <t>b'\xd9Z\x11\xb0\xbb\x03\x90Ie^\x9f$\xdf&lt;\xfd\x1eW \xee\xff\xc77\x85~h\xc2&amp;\xf8z\x9b\xf1\x99'</t>
  </si>
  <si>
    <t>b'\x91|\x8f\x83x\xd2\x1bf\x9d\xc2\xeb6c.\x83\xb04\xb7\x1f\xeb$\xbez\x12z\xd1%\xfaQ\xc9\xab\xa3'</t>
  </si>
  <si>
    <t>b'\x99kLI\xf5\xfe\xda[\xab\xaa4\x8d\xe8\xf0\xc3\xcch\x10\x91\x9e\xd4U\xf9e\xfb$\xba\x1a&lt;\x9d^\xd8'</t>
  </si>
  <si>
    <t>b'&gt;o\xbfc\xd5\x06AF\xafg]\xb1\xf8U\x152}\xc1\x99sr\x1b(\xc0\xef}OTop;L'</t>
  </si>
  <si>
    <t>b'X\xfa\x8d\xa6\xc5\x0c\x1b\xa3v%\xd7\x10d#+\xbe\xa4\\\xb5\xd6`5\xcb\xdc\xa9\x1b\x92j@\xce\xfe+'</t>
  </si>
  <si>
    <t>b'\x92\x89OkCc\x85\x85\x01\x90\x91\x95*\xb4\x16\x18G\x8f\x9a\x15/!(\xa2\x19c\xd1\x12\r&amp;-\xfd'</t>
  </si>
  <si>
    <t>b'MKv\xea\x1e\xd4\x90\xfaO\xdc\xab\x01\x16z@\x93\t@\x01\x0c\x00\xaf7\x1b\x1d\xf4\xe7\xc9f\x8f^h'</t>
  </si>
  <si>
    <t>b')*\xf2\\\x02\xe1\xeerG\x0c!\xc7}\x03\xc9Bo\xf3u:\x13\xb1it\xac\n\x818?gVk'</t>
  </si>
  <si>
    <t>b'{_\x95\x1eEE.\xd2\x9f\xaav\xa1\xdbN\xec\xdeg@\x83\x8e.\xd0o\xfa~\xc2\x8f@&amp;K\xb1\xa0'</t>
  </si>
  <si>
    <t>b'\x8b\xec\xa9\xaf\xaf\xa4\x98\xf0\xfd\x0ey\xa1ITH^\xc7\x96\xefG?-\xc9b\xa7\xcbca\xaf\xe6\xe9\x82'</t>
  </si>
  <si>
    <t>b'\xebmB\x1f\xc8\x87\x02\x03\xc7\xc5s6\xbdE\xf8\r\x15!\x96\xa8R\x0eA\xa5\xb2N\x0bQ.v\t\x17'</t>
  </si>
  <si>
    <t>b'\xb7)\xcbl\xc5\x18\xff\xb9g5#\x1c\x85\xd1\x9b\xa0\xd2\x18\xd7\x85\xf0\xe2-#r\xbd\x9c\xc0\x98\xe9"X'</t>
  </si>
  <si>
    <t>b'\xac\xbd\xb6\xeb\xa0\xc4\x03\x02\xac^\xcdeD~\x00\xf3\x96\xba\xc0\xe1A\x8a\xd0\xa1\x9dZB\xc3+\xbc\xa2\x1e'</t>
  </si>
  <si>
    <t>b'\x14\x91\t(\x0c\xf7c\x97M\xadl\x91\x15x\xa92\xdc\xfe\xf1\x8f\xc3z\x05@\xde*1(\xfb/\xd4\x83'</t>
  </si>
  <si>
    <t>b'\x1e_\xf9Z\x15\xafs7Lj;}\xae\xafI\x9b\x90*B\x8c\xb3b\x94\x1e\x9dsHw.t\xfb\x86'</t>
  </si>
  <si>
    <t>b'R\xa4\x01v\xca\x1f\xef\x9b\xf27\x17\xab|(\x8d\xd8D\xee,\xc6Z\x19\x8f\xdf\xbaQ\xa3=\x06\xd9IH'</t>
  </si>
  <si>
    <t>b"\xb05\xac\x07W\xc5CU\xae\xd0#\xf5\xc5[1\tV\xc5\xa0(\x10\x8dw\xa84\x8b\x14\x91\xaa'\x8d!"</t>
  </si>
  <si>
    <t>b'\x8fU}K\xa7\xac`B5\x8a\x0b\xb7\x9b\xe8\xa2\xec\xbe\x94\xe3\xacg\x1d\x9d\xa1\x86\xf5\xack\x03\xba\xef\x91'</t>
  </si>
  <si>
    <t>b'\x9b\xa7\xbah\xe6\xc9\xee\x82\xde\xf2\xb8\xa9\xdfy\x84z$\x15M\xe9\xc9N[=G\x9a5c c\xf5\xe5'</t>
  </si>
  <si>
    <t>b'\xb8P\x04\xd72\xa4\xa7+iT"\xfc~S\xfbk3\xe2:\xc7f\xb0\x98s{\r\x05%3\xbe\x80e'</t>
  </si>
  <si>
    <t>b'X:\x18\xefg\xfa\x95\x8eg\xc0\x83{\xf7\xb9\x95\xc1\x18\xb2S,\xcb\xec\x87\xd6\x8d\r\x9f\x08\xedG\x06\xfc'</t>
  </si>
  <si>
    <t>b'9w\xd8\xd6\xb4S\xe2:\xfcb\xb5\x14\xba\x84\x9da\xed\x03\x1f\x14A\xff\xa5j\x9b\x80E\xb0\x9a\n\xbb^'</t>
  </si>
  <si>
    <t>b'\xc1\x8a\x19\x07\xf6{\x9cOjR\xc998\x19&amp;\xc1\x8d"\xe3\xa5\xa8\xf7\xa96\x04\xa1DN\x1d\xa6@d'</t>
  </si>
  <si>
    <t>b'\xff\xd9\xfaJ\x8e\xd6n\x9ba\xb9\xb5\xf2\xd7\xc1e.\x08\x0c\xfb\xc4\x0c_\xa8\xf4F\x1cY\xc6y\xa0\xdb\xcf'</t>
  </si>
  <si>
    <t>b'\xdfW\xd5\x13A\xa2\x9eX&amp;@\x97W\xd9\xd9"Q\xfd\xd7\xc9\x03!\xdb\xe6\x96q\x1e\x8b\xa2c\xd1n\x84'</t>
  </si>
  <si>
    <t>b'\xc3n\t^\x9b\x13\xa3\xdeR\x0f\xca\x10\x1a\x14/\xe8\x0c\x93\x87z\xac5\x8d\x9c\xa1\x19%\xe0\xcfC\xd8\xff'</t>
  </si>
  <si>
    <t>b'9\xb7\xea\xfc@K\xbf\xc33\xd6\xe4\xaaZ\xf4\xfe\xd7\'\x05\x9d\xe7\xc1\x15\x02\x9c\n"\xf2\xf2\x81\x99\xcb9'</t>
  </si>
  <si>
    <t>b'\xe1k.h\xdf]o\xddNc\xc8\xdd\xff\xb1\xecC\xbbH}\x00\\yY\xec\xb8f\xde\x8c\x07\x19\x0b\xa7'</t>
  </si>
  <si>
    <t>b']\xc8\x97"6\x8d\xdb&amp;\'\xe4|\x86\x8b\xa9;\x7f\xe3(,\xbb\xd8\x9f\x07\x1e\x87$\x07\xba\x9d\x1a\xdf\xca'</t>
  </si>
  <si>
    <t>b'\x07R\xe5K\xcax\xfd\xce\xef9\x1d\x8awv\x10#s\xf6\x10#e`\xc5\xa8R\xd8+jawWf'</t>
  </si>
  <si>
    <t>b'X\x13\xa41\x03%\xca\x8e6\xa2\xd2\xc6\xab\x1ds\x00\x9d\xc4V\xb8\x9d\xfc\xc7\xd1~*\x0f\xb1\xd4\xb2+f'</t>
  </si>
  <si>
    <t>b'\x18I\x838\x05\xaaT\xcd\xe0\xcd\xbf\xf6\xb7\x1f\x1a\x9d\xb7\xb9\x93\xa4\xc4\x18\xf0\xd8\xcd\xe0t\xb4\xf3\x16]\xe6'</t>
  </si>
  <si>
    <t>b'\x92\xac\xab\xae6\x18f\xedFh\xee\xec\xef\x03\x0c\xb9\xcd\x15\xfbb~4\x13\x8b\xa7E3#\xe0}\x01\xe3'</t>
  </si>
  <si>
    <t>b'\xd2\xf8qA\x0c\xea\xa4\xc1\x7fo%m\x17mbHQ;\xfa[7\xb2wC0s\xd6\xdd\xab\xe2\xd2\xe2'</t>
  </si>
  <si>
    <t>b'\xccv\xf3\xeb\xe92\x03\x0b\xd0\xef\\\x06+\x8byY\xf7\xca&gt;\xb9\xc5\xf0\xd3\xe2\x96\xc8.\x18-&amp;%\x7f'</t>
  </si>
  <si>
    <t>b'\xc3\x8c\xc35\x12\x1fs\x84\xb8Z\xeb\xa3\xb8\t8A\xf0\xac|5\x95\xe9tf\x19\xfa\x82\xffELZ\x91'</t>
  </si>
  <si>
    <t>b'\xa0\xdb\xe50)`\xbf\x89v\x07\x01J\xb9\xf8[d\xf6\x0b\xf2\xf9\xe4[\xb0\xe6\xa8i\xb5]"\xc2\xf5\xab'</t>
  </si>
  <si>
    <t>b'\x9aB\xf2\x8a=Ais}\xefxT\xc2\xe0S\x9f\x1d\xcb00\xb9B\xc1\x17|\x94W \xfe\xb2sM'</t>
  </si>
  <si>
    <t>b'\xbdR/u*\x1d\x0c\x03\xe9|\x9d\xbe\x88\xbe\xe9\xb8\x10H25\xfa\x9b#\x1atmT\xf28)\x8ck'</t>
  </si>
  <si>
    <t>b'\xdc\ncq\xd3\xb4\xbbx\xc2\x0bKG\xbc\xf0F\x85\xea\x9d\xf0J\x8ds:\x05PL\x95F0\xdd&lt;\xf7'</t>
  </si>
  <si>
    <t>b'\xacb\xb1VQ?\x13\x0c]h\xe1\xc5\xc6v^\xc1R\xf6t\xd5\xdd\xec\x9eK\x95m\xba\x8d"%\xcd\x9c'</t>
  </si>
  <si>
    <t>b'\xc9\x1f\x9cV\xa9\x87\x97\xab\xbb\xde9\xbdK\xb9\xf3q\x14k\xd0}\xd7\x06x\xa6\xd4D\xd7:\xab\xee\xef\x86'</t>
  </si>
  <si>
    <t>b'\xdc\xfd\x99d\x87\xbb\x9e\xce\xd6\x07*\x9c\x98\x02=\t;\xe3\x92\xfb\x8e\xdb=\xac\xa7\x06\xa2\x02D\xbb\x93\xb2'</t>
  </si>
  <si>
    <t>b'\xfb3\xcb\xa9E\xe5\xb9L\t\xd4,\x03\x97*\xcb\xec\xb3\x04\xd6@$\x86\xef\xb6\xb7\xfa\x14\xaaP\x1c\xde\t'</t>
  </si>
  <si>
    <t>b'\xe5x\x83\xb6zd%\xa5?\x98\xe1\xa1\x82\xd3\xab~!\xd3\x94\xae\xf9\xa0PZ\xb6\xbbj\xfa\x81\x12X\xfc'</t>
  </si>
  <si>
    <t>b'c\x04\xfc\x1e\x83q)\xfb\r\x18\x81\x1cm\xf7\x85\xbeH\xc4_\t\xf0&gt;\xd6\xea3R\xda\x1ba\xaa+\r'</t>
  </si>
  <si>
    <t>b'\x14v\xf0\xdd\xed\xe8E\x93\x14]qq\x92\x9e\xc4.\x16\xd0\x92\x1f\xf5\x83e\xf7E\xcd\xa4\xdc6M\x05T'</t>
  </si>
  <si>
    <t>b'\x8c8\\\xac\xbc\xf8\xe0\xa9\x04\x19\xc6\xad2g\xba\x04\x0c\xe2\xa7\xc0z\x01\x12\xad\xa7\xf6,|\xbf\x8d[v'</t>
  </si>
  <si>
    <t>b'1\xc7\xc4c\xc4#\x0e&gt;\xc6\xd5\xfev\x12\x1e\xf4\xf9\xcakxoX\xd6I!\x94\xbat\xa5\x10*\xdb1'</t>
  </si>
  <si>
    <t>b'zmD\x89\xd4\xbeM\xac1\xd9{\x8fH;\xc8FC;\x1d\x081%,\x9fJ&gt;\x05fQp\xb87'</t>
  </si>
  <si>
    <t>b'b\xef\x94S\x8b2\xa4E\xbbD\x8dl\xf3\x0b\xc0\xe3\xaf\xa8\xfb\x93\xfcl?\xecP\xa1\xc3j\xd6s\xac\xe1'</t>
  </si>
  <si>
    <t>b'k\xfc\xc8\xbdN\xcf"\x9a\x04r\x0bR\x98.\xf6a6\xb7\xbe\xe6Y\xed\x84\xa2*d\xfaM\x10A\xe5\xa5'</t>
  </si>
  <si>
    <t>b'u\x8f\x10\x8b6c\x8e\x14\xa0\t 7\xb6\xea\x95\xf9\xb3\x14^\x9dg\x15R\x82\x08\xe5#\xba\xfe\xdb\xe9\xae'</t>
  </si>
  <si>
    <t>b'\xd5\xe2Y!\xf7\x99+\x8f\xebu\x15PIX\xcb;\xf5\x1e\x8e\x9d4\xb79\xb9A\xbb%\r\xd8]\xc5\xc1'</t>
  </si>
  <si>
    <t>b',\xa1\r\x8c\xddh\xcf)_\xa6\xe9,2K@\xfbU\xe6\xdc\xf6\xc1S\xf9g\x00_s2bO\xac#'</t>
  </si>
  <si>
    <t>b'\xdb\x98\xdd@\x81n2\x8b\xf9\rj\xeb\x1a\x13\xc0\xd4\xde\xa3C\xe2sW\x85\x80\xdd^\xc3\x84\xde:\xf5\x1d'</t>
  </si>
  <si>
    <t>b'\r\xb1&gt;\xd6\x0cm\xcaX\xb1\xbaOr\x0e\xf8UYY\x9dsF\x05\xd3\x0bS\xed^\xb1\xcc\xf8\xc5\xc7\x99'</t>
  </si>
  <si>
    <t>b'\xc4\xeaTp\xa3\xa3\x98\x99F\x87\xd3\xdc\xf4\xcb\xc8\x9b\x1e\x97\xc6\xfe\x80\x19\x9c\xe2\xd9\x90\xa8j\x86\xeb\xa1\x01'</t>
  </si>
  <si>
    <t>b't\xe7\x1f\x18\xbe\xdfZ\x8d\x03U\xaa\xdek\x13\x15\x9c*\xf1\xb2\xe5+2\xaa\xf4\xec8\t\xb52\xc8B\x9a'</t>
  </si>
  <si>
    <t>b'\x90\x14@\x07pq\x9f\x81\x0e\xd8]B\xd10\xe6r\x93\n\xc2;\xc90\xb7],\x961B\xacW\xbe\xe6'</t>
  </si>
  <si>
    <t>b'\x92\x1f\x85\x86\xfd\xe1\xfe\xe1\xe5\xeb\xfa\x91\xb7\xa7H\xd1fXY\xe13\xfb\xa9Us\x8fxi"F\x986'</t>
  </si>
  <si>
    <t>b'?y\x1aNp\xbb\xa5\x98k\xc8\x0e\xa0\xd2\xee\rI\x10\x03n\xdb\xf8R\xf6\xae\x9a\r\xa4\xb7uI\xd9\xcb'</t>
  </si>
  <si>
    <t>b'$\x82^\x97\x13\xf5S\xb0\xdb\xa0*g\xd6\xa0\x86"\xb3\x9e\x1e\xa7\xc1\xc3]\xff\x1e.&lt;\xd2\xbdS\xb7\x89'</t>
  </si>
  <si>
    <t>b'c\xc7\xfc^\x16\x07\x96\xf9 \xc4\x95\xb8`U6P+j\xd1\xc6l.d\x1e\xa2\xde\x9c\x8ay@}\xaf'</t>
  </si>
  <si>
    <t>b'\xc7\x99\xa0G\xae\x90\xf4@\xae2\x8a\xb4\xe3\xcd\xf3{\xbf@\x8dA\xb9\xab\xf3\xea\x832\xabJ\xd6\xec\x8a1'</t>
  </si>
  <si>
    <t>b"\xc0\x84Tb\x97\xd3'\x9943g\xf3\xbd\xb9\xa4\xd3O\xea\xe4\xb6Ve\x0eZ\xcd7\xe7\xdeAF{\x06"</t>
  </si>
  <si>
    <t>b'\xdb\xed\xb0(+\xaf\xcd\xaf\xearm\xa7\x85\xe7\x8e}\x86\xca-\x12\xcb\x97\x01\xbc\xc3\x193\x17\xcbxj\xf4'</t>
  </si>
  <si>
    <t>b'\x0cK\xc1d"\\\x96\xde\xedf6\xcb\xd1\xe8\\{j\xa8\x03\xb0\xca\x0eCs\xaf\xd6\xc0\xfe(\xb9\'%'</t>
  </si>
  <si>
    <t>b'\xa7\xdbX\xb1\x0c\x08\x92\x9eg\xf4\xd3\x19\r\xcb4\xda\x02"Y\xaa\x94\x14\x7f\x9fg\xec\x98\x84\xfb25\x00'</t>
  </si>
  <si>
    <t>b'\x18+\xd4F:\x11v\x87\xba1\xf2\t\x8b\x01f\xc3t\xa9\xd0(l\xb8\xff7\xe1\xc3TC\xe1`\x8b\x8c'</t>
  </si>
  <si>
    <t>b'\xf8\xca\x10@Wxi*\xbf4^\x13q\xfa\x0c`l.\xe8\x1c\xf5\x9bX\xd7`\x81W\xb1\x9b\x05^\x9b'</t>
  </si>
  <si>
    <t>b"\x00\x1f\x89&amp;g\xa9\xa3\xb8\xdch\xa8\xaa\xa3\x99\x18R\xe0}[9\xe0_\xe1\xde\x16wK\x9a_'\x1d$"</t>
  </si>
  <si>
    <t>b'\x04f}\x15\xd7\xc1\x0f\xad\x88Y.`\x19)5\x8cr\xe6\xd8dJYW\x88^dfXLg\xc6\xdf'</t>
  </si>
  <si>
    <t>b'\xb5\xda\t\x0c\xb5\xd8?1V\xbeuQ\xc6\x1eS\xbf\x9f -\xb7{Dc\xd0\x83\r\xa7[\xcd\xe9d\x0b'</t>
  </si>
  <si>
    <t>b"y\xdf'\x9d\xb0!E\xfa\x1c^\xb6BD\xe0\xd2]2\x15\x92{]\xe4\x10^'\xc8s\xbd\x8fP\xf6S"</t>
  </si>
  <si>
    <t>b'\x87\xcc,\x8e]G\xe5\xa05\xbc\x1f\x96\xc5X\xd8xft\x01\xe8x,\xb3K;\x1b\xe3\x84\x8eH?\xd6'</t>
  </si>
  <si>
    <t>b'\xa3\xe8\x92\x12f\xbd|76\xffZ\x92\xcc\x01\x94L\xefp}v\x1b\xa1q&amp;a\xf4\\\xab\xed\xbf-&gt;'</t>
  </si>
  <si>
    <t>b'\xd7(\x0b)b\x9b\xd5\xda\x0e\x18\xe6\xd5\xcc\x86\xd4\xd2\xddk\x80\x10\xbb\x07\\*4\x93\xa3\xf6\xd3\xb8\xd3\xe7'</t>
  </si>
  <si>
    <t>b'OYd\x1e\xdd\x86\x07\xa8&amp;\xc2\x8b\x94\xfa`;~\xce\x18*\xda7\xcd\xe4pr*!;\xc8\xec\xeeV'</t>
  </si>
  <si>
    <t>b'\xd4\xe4`Ku\xee\x17\x9c\x9d\xae\xc7\xb0H\xfe\x94\x84\xda|\x06\x00r\nb\xa7\xf8\xb2\xc4\x90\xaeH\xe5\x19'</t>
  </si>
  <si>
    <t>b'\xe7\xcb\xe8\xa8bv\xc2\x05\x87\x97\x17\xe7\xc6\xc8\xd3\xed\xc2\xc2\xc9\xe6p\xabO\xd3GC\x96\xb3\x1d{aR'</t>
  </si>
  <si>
    <t>b'\xcd\xae\xab\xb1FZ\xcd\xd9=\xbb{\x0eF3\xa5\xbd\x95G^\xef1\xed\x9c\xa7\xb6\x0c\r\xcci\x04\x82\xbf'</t>
  </si>
  <si>
    <t>b'\x94\xef2\xb5\x8e\xc9\xe0\xf3\x9c\xea\x81\xaav3\x19\xaf\xd0\x7f\x08\x08~{\x01u\xe6^s38\x84\x98L'</t>
  </si>
  <si>
    <t>b'V\x0f\xf7\xfa\x1d\x87\xf5\xcf\xd4\x88r\x8b\xc9\x92\xd2\xa6\xde#\xef!\xc6\xfa\x96\x86\xcf\x85\xb83\x16;J\xc4'</t>
  </si>
  <si>
    <t>b'\xc9\xf9!\x9c\xee1\xa2\xac\xc0^S\x9cB@\x16&gt;x\xad\xef\xfe\xa7D\xd5G2\xb1*\x18\xd1-\xb4\xe4'</t>
  </si>
  <si>
    <t>b'o\x04\xcd\x8c\xcf\xba\x0b\x11O\xd5\xb8\x0e\xe5\x9c\xf5I\xfc\xcc\x84\xd1\xa6.\xb4\x02\xdb\xa1\xfd\x8a\xad!\x89\x9a'</t>
  </si>
  <si>
    <t>b'Y\xaf^l\xa4\x82\xb9\x02\xeeK\xd9.M\x1b[{\x80\xafW&gt;11\xf6\xdef\x11\xd4\x8b\x84\x06`\x9b'</t>
  </si>
  <si>
    <t>b'+\x05\xbb\xa4\xb3\xd3\x99T\xc8\xb0\x9emn2\xe7\xcd\x17sC5\xb9\xe0\x1a)\xd3=WW\x02\x1a\xe2t'</t>
  </si>
  <si>
    <t>b'\xa3\xa1\xbf\x0bu`\xfaP\xea[$\xd18g\x12\xe3D+(\xa8\x8e\x93\x7f\\\x16&amp;\x067[\x19\xb8&gt;'</t>
  </si>
  <si>
    <t>b'\xa3\x83QCF}\x83k\x8cp2\x19\xf5-\xe3&amp;\xecz\xe6v\x8a\x0f]WL\x88)1\xc2\xee\xf0['</t>
  </si>
  <si>
    <t>b'90[\xda\x9c\xdbz)\xbd\xbf\x99^\xd2\xfdDW^!\x1c\xfao\xbd\x8eMJ_\x1e5\xf2Y\xc8*'</t>
  </si>
  <si>
    <t>b'HS\xbf\xc8\xe8\x07\xfd\xf1\x8f\x8e\x9bE\xcc$\x15\x1f,\xbf\\\xf7\xa6R\xaa\xa9r\xbe\xb4\xfe\n\xc9\xdc\x97'</t>
  </si>
  <si>
    <t>b'r\x9b\\o"(2\x9f\x94\x9e\tR\xa6L}\x8bO\t\xe2\xf8B`\xeb&amp;BH\x97\x90C\xee\xf7\''</t>
  </si>
  <si>
    <t>b'\xd6\x87\x7f\x1a\x93\x17\xd5\xe1\x173 i\x19&gt;\xad8\x12\xf0\x96\x83n\x08\x00n\x89{\x04\x0c\xd7D\x85\xfb'</t>
  </si>
  <si>
    <t>b'\x98y\xb8\x86\xbe\x16\xb9\xfcYS\x9cgX"-\xc8S\x99\xa9v\xb1`\xb6`\xdcr\\\x9d\xe68i\xa2'</t>
  </si>
  <si>
    <t>b'7\xb9\x07\xe4?\x90\x81Cwn\xbb\x88\x06OR\x92]\x99\x8c\xa2FG\x83+C\x06\x93\x9f\xb1\xeb\x99L'</t>
  </si>
  <si>
    <t>b'\xf6r\x11RD\x17|\xcbj\xb7\xa2r\xfa\xa4\xd6\x1c-D\x8db7(=\x1a\xd2\xab\x9azC\xec6R'</t>
  </si>
  <si>
    <t>b'\xe9\xc8?O\xcb\xea\xe5\xed\xa6s\x06\xb2P\xc0P\xb7%\xf3\xfaf)~\x00:\x9a\xce\xc7\xe0&lt;\x07\x0f\x8a'</t>
  </si>
  <si>
    <t>b"Jr\xeag\xd3\xe6x\x05@\x80`\x9fC\xd9\xd3\x88.\xfe\x14\xdf\xfa\x13\xd6*\xd6\xa8;\x82~'\xdb4"</t>
  </si>
  <si>
    <t>b'Af\xad\xabO\x98\xb9\x04\xf8s4\xb1\x01s\xeb\xfd\xc2\xd0&amp;b\x1e`s\x95\xc0)\xe7\x1a\x84\x07h\xa7'</t>
  </si>
  <si>
    <t>b'\x9a\xb9\x8f\xb6\xb8\x0c:A\x08\x92\xb40o\x94\xf2L\xbc\xf4\xd4\x08YU\xc2A\x07\xa2\xb1]#\xa1=\xf6'</t>
  </si>
  <si>
    <t>b'J\xc5U~g\x19\x91\xc9\x1a7qB\x06\x88\xdeZG\xa9\xb6\xc7Y\x003E\xe5\xa8\x1c\xd9\x9d\xdf7='</t>
  </si>
  <si>
    <t>b'\xcb\x9d\xdfK\'\xeeP\xa3\x1f2;\x0e\x94V)K2\xba]?S"\x8d\x07.\xffy\x8et\xb4g\xc7'</t>
  </si>
  <si>
    <t>b']\xa2\xedJ\x10\xb3\xd8XP\x8a}\x12t\x93\xa4N\xceN\xafS\xb8i\xa9\x94)\x80\x06\x0bMT\xbf&lt;'</t>
  </si>
  <si>
    <t>b'x\xe6\x17.\x01+\xbe&amp;+\xf6\x03\x9d\xd7\xce\t\x8f9\xcb\xae\xb6b\xe0&amp;\x8bh\x85\xc5(\x15\x01\x8ad'</t>
  </si>
  <si>
    <t>b'\xa4 !\xbe\xa2\x9c\x18\x8eV\xf7\x90\xd9\xdc\xa3\xfb\xdb\x01\x17\xfd\x89\x9b\x97F45\xc0\xc97\x84\xfa\xf8k'</t>
  </si>
  <si>
    <t>b'`\r\x1d\x03:H\xc8\x8d\x02w\xdc\x90\x8c\xfe-Y\x18w\x80\x04\x91z\x7fJ \xb9\x06\xa5\xc6\x97\xb1\xca'</t>
  </si>
  <si>
    <t>b'\xb6\xe8\x1dJK\xf3\xb1\xc4\x82\\\x1c\x04&amp;\xf2&lt;\x17\x1b\xb1p/W\xa0~\xb1,B\xa8\x96A&lt;CE'</t>
  </si>
  <si>
    <t>b'1\xd0\xc1Q\xed{\x0c\xe9\x08\x14\xa3\xc0~i\xf5S\x01\xf7t\xb5\xcdl`Y\x01x\xfd\xea_i\x99\xb6'</t>
  </si>
  <si>
    <t>b'\xf4:v\x11A\xe0&gt;\xf1f\\utt\xb8k\x04\xad\x16\xfb@\xce\x1fA\x88\xa9|Wm\xc7\tZ2'</t>
  </si>
  <si>
    <t>b'G`\x93D\xc1\x1f\xd3t\xc7\xb3po"\x84\xd82Uc\xff\x10\xa6q\r!\xb0P"\xff\xc9\xf3`,'</t>
  </si>
  <si>
    <t>b'\x16w\x81i\x99\x82\x9b\x94]Z\xd8\xb2\xe0\xf6\xfe$}\x0fR\xd1\x83\x9aT\x99\xe5\x11^\x16{m\xcd\xb2'</t>
  </si>
  <si>
    <t>b'\xf0\xc9\\\xa5_X\xcb\x01\xbe\xca\t\xf46\x924\x95\x10\xc1\x91\x96t6\xcc59\xc1j\xaf\x9b@\x03\xe0'</t>
  </si>
  <si>
    <t>b"\xc7\x94yq\xe7\x8b\xc4\xe5\x08D7L\xe2\x8ee5/i\x7f\x90a,\x9d\xa0\xc7\xe5o'yi\x82\xd6"</t>
  </si>
  <si>
    <t>b'e]\xc8\x9e\xc3\x12\xd2\xcf\x1fP%y\nP\x01RQ=.\xbc\x1a\xcd\xda\xca}^\x01\xe0\x90Z\x9c '</t>
  </si>
  <si>
    <t>b'\xa6\xabl\xcf)!\x1f\n/2\xc4\xc0X\xd5\xa8\xf6\x1e\xb4\x16\xbb\x0f.a\\\xd8\xe3\xc6\xadNt\x88m'</t>
  </si>
  <si>
    <t>b'\x967\x1f&amp;\xcb\xed\x19\xdfx\t\xb4\x9b\x98\xf54\x19\xf2\\\x13L\xb3\xe2\x89G\xe9\xe3|\t:\xa3\xd0:'</t>
  </si>
  <si>
    <t>b'\xd0\x85\x0c\xab\xbb\xb2\xb8\xe1pd\xe4\xc2\xc5\xd3\xb8*D\x8b\xc9\x9bUPd\x0e\x7f\xf1\x9cRO3\xf2\xe8'</t>
  </si>
  <si>
    <t>b'\nR\xc3\xbdF] \xd8$i\x08W\xec\x1b\x04\x14\x88iT\xe65\xf7\xb0\xe1\xc2W\x13\xd9\xa3\x96\x19\xc3'</t>
  </si>
  <si>
    <t>b'\x0e\xd36\xad\xabJC\xebr\xddMi\xa4\xaeH\x16f1\xf4\xcf\x9fC\xe5l\xa5\x92b\x88\x02"dV'</t>
  </si>
  <si>
    <t>b'\xdf\xd8\xf7\x16\xce\x909\xcb\x0fe\xcc\xac4\x97\xa7\nu\xb4Dw\xd71\x14\x88:V\xd8\xed\x030\xab\xd3'</t>
  </si>
  <si>
    <t>b'\xc7\xce\xd4\xfe\xeb\x02\x0b\xfaA}\xa1[\xf9,NnV\xe9\xbb\xfc\xa5ji3\xaf8|\x7f6\xa1\xd1\xe4'</t>
  </si>
  <si>
    <t>b'\xbdh\xd3g\xdd\xee\xce\xf5\x02\xdf\xd6\xc3F\x7f\xc8X\x1d}kd\xdf\x00\xff\x99Y\xfaV,\x00\x80\xa5\x00'</t>
  </si>
  <si>
    <t>b'k\xbabRT)w\xae\x94I8\x04@\x1a\xb6\xbaG6\x03w\x01\xf5\x7f\x8c\xfc)\x99NF\xf6`\xa3'</t>
  </si>
  <si>
    <t>b'\x1a\x89\x1a\xe1=\xd1kp\x1f\xd2\xe5\xf9\xe4\xb1\xc9\xcd\x15\x9c\xf6\xbf\xb7\x18\xc70\x1e+\t\x86\x9d\xe8\xf3\xde'</t>
  </si>
  <si>
    <t>b"H\x9e'Da\x17\x86Q\xbeo\xcc\xa0r\xe0\x8e-\n\x87\xa3\xcd\n-n\x90\xc3*\xa8\x81w\x8aF\t"</t>
  </si>
  <si>
    <t>b'\xce\xed\x1dS\xc1\xf8f\x8c\\\x925Oc0bk\x81\x05$^\x86V\x9b|\xd0t\x05[\xb8\x00\xfcQ'</t>
  </si>
  <si>
    <t>b'B\xf55\xdd\x03\x01\x91}\x1c\xfe\x05z\x84J\x0e|\x016\x94\xfa\xb0!\xedN\xcf\xfe\xe1\x01\xa1~\x11)'</t>
  </si>
  <si>
    <t>b'&gt;M\x8b\x8c\xf2m\xfe\x99\xac\x98\xde2-)HJ\xa4\x8f\x10\x12\x84\r\xe3\xf7\xdc"$P\xce\xca\xb9\xa0'</t>
  </si>
  <si>
    <t>b'\xad\xc9\xcd\xbf\x8e)\x85\x7fs0\xbf\n\xe1\xfdE\xb3F\xcc\xaf\xb0\xbd\xac\xfa\xc39\x1e\xb2uD\x13R!'</t>
  </si>
  <si>
    <t>b"\xa8V/%\xd7\xd4\xbfT\x1cy\xbc\xbb&lt;\xca'\xcdW\xd7\xd0/\xae$\x95\xbe\xf3Y\xef1&amp;v{\x8f"</t>
  </si>
  <si>
    <t>b"\xd1V\xc4'\xff\xc0\xcd\xfbv\x8a\x93R\xe1S(\x9fR\xc33&gt;Z\x00\x0c+0\x10\x95\xca\x93\xf7\xd7g"</t>
  </si>
  <si>
    <t>b'\x1e\x15\x03\xd4\xf6\xedy\xe8\x91X\xd8\xd7m\xda\x86w\xa3R\xde\xf5\xd6\x00\x1fv~\x1d\xb8\xe9&amp;\x7f\xbe\x8d'</t>
  </si>
  <si>
    <t>b'9P\xbb\xb6\xe5\xb5\xac3c\x02\xaf\xfe\xbf\xdb\x0e|\xb2\x13\x91,ve{\xf8\xa9y\x98G\xc6\xb4\x90\xdf'</t>
  </si>
  <si>
    <t>b'\x13Q\xd4\x07\x10VmF\\\x91/\xc4s{\x01\xd0:\xd7\xe1\x1b\x1a\xff\xf9sY\xf9\xa5n\xb8vl\x9c'</t>
  </si>
  <si>
    <t>b'\x9b\xb3Y\x07\x82\xdd\x90QRl$\xdc\xd4\xfe\x9a\xfc\xc4a\xbb\x85\xe7X\x9fF\x01?w\xc6\xbbC\n\xd4'</t>
  </si>
  <si>
    <t>b'?;\xc18S\xc0dI\rY\x85\xf6\x19U\xda\xa4\xdaz\xe6\x8e\xc5\x02\x83{\x7f\xf6\xd7ol%\x0c '</t>
  </si>
  <si>
    <t>b'\xe6Ze\xb1][\xcc\xc8\xfe\x8dp\xca\xe3d\xae:RD\xa7pG\xdc:\xde\xe2\xf6\xfc""\xabYi'</t>
  </si>
  <si>
    <t>b'\xc6\xa7\x84,\xce\xc4\xfd&amp;\xea\x1fJ\xa4\xdf\xfad\xfa\x08\xf5n\xbb\x18qc[MN@5Y\xf9\xe8\x83'</t>
  </si>
  <si>
    <t>b'7\xc9du&gt;\x94\xd6\xc8\xd6\x17\x97\xc6%\x97\x87S\x1cv\xbeq\xee\xc3\xa1m \x83\x01\xd7\x83\xb5:\xaa'</t>
  </si>
  <si>
    <t>b'\x87`\xfbm\xd6\xa7Br\xc0/\xd6\xef\x9b\x8a\x11\x94Z\xc3\xfc\x9a\xf8to\xa2}\x1e\x08L\xe8\x94o\x12'</t>
  </si>
  <si>
    <t>b'\xe0\x1e\x9f\xe9\nt\xf1T&lt;1\xb7\xef\x04\xdd\x9e1\ry\xa8\xa9\xed\x80\xfb_^K\x9f\xd2e]\xa3y'</t>
  </si>
  <si>
    <t>b'L_+\xcc\x0cv\xc8d\x15zo\xfb\xf1U_%\xa4\xd9\xdd\x1c\x83\xbe6\x97\xf9\xc18?\x00\xc431'</t>
  </si>
  <si>
    <t>b'j\x81\xc5cS}\xb4Zm(Q&lt;Z\xd5|\t\x83\x9a\x15\x8d{&lt;H}\xb8\xd5\x0f\xfc\xa5&amp;\xdf\xb1'</t>
  </si>
  <si>
    <t>b'\xa1\xc7\xbf\xa4\xd3\x85\x9f\xf0^P\xdf_^t\xd8\x04O\xa1\xef"\n\x10m\xaf\xa2u4\t\x1b\x12\x1cS'</t>
  </si>
  <si>
    <t>b"iSg\xcd\xf73\xbaL\xd1?&lt;\xb7\xaf7{+\xef\xd9\xac'\xb0\xf1\xb8:t4\xa5\x80\xf0\xee\x1em"</t>
  </si>
  <si>
    <t>b'\x14\x88\n-\xdc\xa2\xbf\x85\x08OX\xea\x1f\x1b"/\xe8\xceQ\xf7\xb9\x93G\xe9\xf4\x18\xa5V"\xb3?\x98'</t>
  </si>
  <si>
    <t>b'\xcd\xfe\xb3\xa2=:\xd4\xbem)\xae\xfb\xf9\xe2\x18\x96"\x1a\xbe\xa9\xee\xbc\x13\xa7\xc3\xa9\xb8\x17\x8cV\x1d\xa0'</t>
  </si>
  <si>
    <t>b"}/\x1ad\xdd\x11).#\xf1\x14\x85y'\x03\x7fF\x96&amp;\xe6\x10\x18\t\xe0\xf8\x7f\xc8|4v\xbd8"</t>
  </si>
  <si>
    <t>b'b\x0b_\\\x84\xed%\x91\x14\x11\xa2\xb4X\xf1\xe3\xff\xf4\x18\xf2h\x10\x97\x0f!\x00\x87\xec\x84\x00\x9dW\x13'</t>
  </si>
  <si>
    <t>b'D\xf7\xc7@\xabs\x99\xb6\xf8M\x8c#\xb3H\x07(\xce\x12i\xd36\x8c\xe6\x9dn\xd1\x98&gt;\xdc\x96=\xc2'</t>
  </si>
  <si>
    <t>b'\x85\xc4\x1c\x8d\xc0X\xae,@k\xd6\xfc\xf2\xcd\xdb0\x8bX\x06g\xca\x85I\xee\xbe\xa2L\xb2\x13\xf7|\xf5'</t>
  </si>
  <si>
    <t>b'a|\xa5\xebq\x84kN\x03\x14\xa1G\x1a\xda\xc2\x07ms\xca\x19=\x91s\\|\xcf9A\x96\xa8\xa7\xd2'</t>
  </si>
  <si>
    <t>b'\x1ec\xf9\xf9^\x85\xfb!\x12Nz.\xa8\xf5\x03\xe0\xe5\xd5\xa4\xed\xe6r\x81\xc6Y.\xf8~\xb0\xee\x94\n'</t>
  </si>
  <si>
    <t>b'\xee\x9e{nFYL\x93\xd5pG\x1a[]\x82h\x84\xbbY.\xa3\x04\xa16\xda\x99\x8aif\xd0`\xc5'</t>
  </si>
  <si>
    <t>b'\xda\xf6e\xe8\xb8\x8c;C\xf8\xfcP\xf8\xb5\xecw#\x17cz?$\x88e\x7f\xe3%\xd6\xe0|\x9a\xf2\xa2'</t>
  </si>
  <si>
    <t>b'IM;\xf7C\xb0\xd77\x92\xb9\xfe\xcf\xb2:\xf3=zC\xdeB1v\xd9g\x81\x15\xff!\xe3c\xbdT'</t>
  </si>
  <si>
    <t>b'\x08Z\xbe\xa1Ad\x11\x8d\x94\x07\xff\xd0\x936\x13\t~\x0c\x11\xcd\xf2aa\x87\xa5H\t\x1a\xa3\xd3\xa8\x95'</t>
  </si>
  <si>
    <t>b'\xfb\xce5)\x91\xc4&amp;;\x83x\xe1\xd7.DPp\xce\x13\xe7\xdew\x1d\xbcF\xa6\xe1\xfb,yc\xb2\xe9'</t>
  </si>
  <si>
    <t>b'\x95\x07\xb2\x16\x9a\x19\x8au\x9c\x8b\xd1\x14\xd2\x11\x836yC\xd4\x95\x0b2\x1d7J\n\xefB\x8a.\x90_'</t>
  </si>
  <si>
    <t>b'\x00=;\xfa\x9a~\x87\xba\xd7/\x9a\xd7\x01\xf6\x99d\xc7\x13Jz\x80"\x85E\x1f1\xfa\xbbP@\x04\xe7'</t>
  </si>
  <si>
    <t>b'\xa8\x8a\xda\xea\x875\x91\xf0o\x8e\xffH\xc4\x04h?\xf8#\xba\xb0\x90\x1f\xf2\xd5\x87y\xf3\xb7\xea\x8b&amp;\x16'</t>
  </si>
  <si>
    <t>b'9\xc0\xbd\x12\x88&lt;J\xf0\xd7\x7f\xf9\x95\x9d\xe5\xbf\xd3G\x9b\x19\xfb4Y\x88\x97nL\x7fmz\xce\xfc\x0b'</t>
  </si>
  <si>
    <t>b'\x80\x822\xf49\xcd\xc3\xe2K\xad\xc5\x8c\x15o\xff\xf2\xe9\xe0\x96O\xa8R\x16%7Hxkg\xc4\xfaI'</t>
  </si>
  <si>
    <t>b' \xa2U\xea\xb0 \x07\xd8\xa4\x84\xe5\xffC|\xa8\xb2&gt;\x8aFCY\xcb\xaf\x8c\xdf[pA\x02\xbf\xc1\xd6'</t>
  </si>
  <si>
    <t>b'\xceX\xd0\xef\x811\x08u\x18\x8dQ\x9e\xbd\xf3\x17\xc4\xbb7g\xe9\xc6\xf2ER\xc9\xa8\xb4`\x1cg)\x94'</t>
  </si>
  <si>
    <t>b'wRt\xce\x1f)\x98mZs\xe1N_c\xafG\xc6\x90!\x81\xd0\xb5\x01`\xed\xce\xec\xa7\xc3\xc6\xbb8'</t>
  </si>
  <si>
    <t>b'\x97\x0e\x97\xef\xbe@GXb\x9c\xd6\x96\xe33\x92\xb0\x1e?\xe8\xb2\xd8#\x948\xde\xdf\x9d\xcba\xf2\x02\\'</t>
  </si>
  <si>
    <t>b'&lt;\xdfC2D_d\xf1\x18\xa4\x1cd\xc3?\x01\xc5\x07\x8a\xf1\x9c\xc1Pa\xd6\xb1\xa8\x904\xfc\x11\x0c\xf4'</t>
  </si>
  <si>
    <t>b'OK\xfc\x88s\xea\xcf\xf2Q\\\x7f\xb4O\xfaCC\x915\xa5SF\xee\xad\xdeU\x91^w\xdf\xfc\xe5\xe0'</t>
  </si>
  <si>
    <t>b'\xbe\xffm\xae]-gp\xcb\xb2\xccq\xb5\xcc&amp;(l\xd3\x99\x99\xa4\xf9H\xd3}\xf1:\xed0d\x95\xfe'</t>
  </si>
  <si>
    <t>b'\x07\xeahs\xb1~\x1c\xfd\x99)\xfd\xf0\xec\xa8.\xc8u\x02L:\xd5\xb0\xe7\x876.7\xc0\x8c\xf29\xac'</t>
  </si>
  <si>
    <t>b'\xca\x076\xd1\x9e/\xac\x83\xbb\xbfc\xca\xc0N\xdc\xd2\xfc\xc9\x80\x8c\x03!\x9f3~\x06$F)-\xc4\xba'</t>
  </si>
  <si>
    <t>b'\xf2L-p\xae{\xa78\xaf;F\xcf\xf8;\x83\n\xb0\x913&lt;\x95C\x1a\x13\xcd\x86\xb2G\xd8\x85\xf9\xcd'</t>
  </si>
  <si>
    <t>b'\x8f\x19p\xea\x141\xf0B,\x8fc\xff?0B\x0bH\xfa\xf5}\xae&gt;\xd6|\xfb\xf20\xeb\xa7\xff\\\x00'</t>
  </si>
  <si>
    <t>b'\xdc\x8b\xa0\xa8\x0ei\xa6s\xaa\xd2\x82\xc9\xa3\x9cG\xa1\xba\xea\xcf\x98D\x90\xee\xf3Gmm\x04\x10\xd6\x9c\xfb'</t>
  </si>
  <si>
    <t>b'n\xd8./\x9c\xda\x00\x08:\x11\xefJ\x9e(\xce\xaaO\n\xb3yH\x0b\xbb\xdb\xbfV_\x86\x03\xbf\xc2\xa5'</t>
  </si>
  <si>
    <t>b"\t\xaf\x04\x06\xfa|\xee\xf1\xd2VG\x90\xda\x85\xe8}\xdd/l\x07\x8an\x0f'\xc2\x19\xfc\xc9hZMb"</t>
  </si>
  <si>
    <t>b's\x17\xca\x94!O\x84\xeeCWHV\xa3\x8b\xbeg\xfb0I\xd3z\xe7\xb9\x925\xd8\xf6\xafg\x88V\xe9'</t>
  </si>
  <si>
    <t>b'\x88\xa3,{\x0b8\x86\xdbkY\x86\x80B\xee\xd2\x83\xf4\xd5J\x82\x9cXa\xbd\x8b}bo\xd4p\xccU'</t>
  </si>
  <si>
    <t>b'\xf7\xf8[\x8a\x14\x94l\x18^r\x87\x1f\xe7;\xca\xa6\x84\x18I\xe9+k\xc2_z#~Zl\x02\xbeh'</t>
  </si>
  <si>
    <t>b'(\xf0\xf8WZ\x02\xb4o~\x7f\xc4[\xbc\x97\xe2\x10\xab\x15\x99\x0f\x86t&amp;S\x94\xb8R\x89\xff\x11k\x08'</t>
  </si>
  <si>
    <t>b'&amp;\xb3\xee\xa4\xeb\x15\x07:\xe9\x91\xf6\x9bQ\xfd\xc0Q\xca\xc7O\xfc\xb3\xc8)\xd9mF\xbd\x1d\x15\x0b\xa0h'</t>
  </si>
  <si>
    <t>b'+\xbc\xfa1\xec\xa4\xcf&amp;\xc3\xdf^\xfbv@\x95\x01\x9e\xce\xe6,\xa8\x08\xfb\x03=,\x01\xc9^\xee\x89;'</t>
  </si>
  <si>
    <t>b'O2V\xab\xc5\xc3\x1c4\x10\x90,R\x82\xc6i6P\x1f(\xa8\x88\xb0\x84\xc9\xf5\xd0D\xfe\r\xed\xe34'</t>
  </si>
  <si>
    <t>b'\xb31\x96\xe7nJ\xa3^r\xbbD\x85\xcb\xbf \xff3\x08\x96\x1e\xa4B{\xa2\xc6nxB\xc0\x97\x14t'</t>
  </si>
  <si>
    <t>b'\xb8\xc5\xb0\x15v\xc5\xc5\xba\x86\xc7\x0bJ=\xce[\xaf\xa2Y\xe0\xf8Wv\x142\xb1\xe0\xdd\x94KU\xd9['</t>
  </si>
  <si>
    <t>b'\xc6\xf0;V\xa7-\x08p\xa8R\x08\xd3a\xf4\xb5\xc4\xbd\xc4 Q3;\x8e\xda\xaf\x96y;\xa5\xca\x8e\x0e'</t>
  </si>
  <si>
    <t>b"@\x96\x08\xd7+\x10\xb1\xb5\xbe\xb6\x1eaxp\x9al\x8d\xc4c\x05\x1b\x00e&amp;}'\xac6I\x14\xe4$"</t>
  </si>
  <si>
    <t>b'P=\xcbY\x14\x08\x94K+|\x9b\x88p\xa6d\xb7am@\xa0\xa9\x10\x94\xd5\xcd\xad\x1a\x8a\xde\xd3:\xc8'</t>
  </si>
  <si>
    <t>b'\xae_\xf0\x99\xf1{\xe9\xeb\x16\xf1\xf4S\\\xc0b\n\x80\x15\xef&lt;8\x17d*\x9b\xa1\xe1\x07\xc5\xa0eC'</t>
  </si>
  <si>
    <t>b')M\x0b\xcc\x8cd\x98VL\x97\xf8\x0e\xdc\xd1\x1c|\xf8\xd1\xe4R\xfdhIKF\xd3\xf7e5e\xb7\xa4'</t>
  </si>
  <si>
    <t>b'\xf7P\x11\x7f\xf6\xbb\xe9\xe88\xae\x7f\xb2\x9eU\xd1\xcc\xc5\xdb\xbb)I\xaal\xd8\x97\xdc\xaaa\xb8J\xaeb'</t>
  </si>
  <si>
    <t>b'\x8d\x04\xe7\x89\xce&lt;q\xd9\x1c\xa5\xeaY\r\x08\x91CW\xe7\x9c\xe7\x86Jw\xfb\xbf. \x08aZ\x8c1'</t>
  </si>
  <si>
    <t>b'l\xe8\x89\x99\xe6\xa2\xcb\xe0m\x1e\xe7]@\xfe\xf2\xb6T\x0c\xcb\xb2\x11\x9baM}\x03\x84h\x84_\x87\x9b'</t>
  </si>
  <si>
    <t>b'\xa8G\x0b"\xdd\xa6\x06Z\x9c\x83.7P}?\x81\xae\xd9\xb9#\xe0\x8b\x84Z\xf0.\x8fS\xe5\x9c\x90\x9d'</t>
  </si>
  <si>
    <t>b'r\x05\xfc\xa8\x9f\xd2\x89\x10\x0f\x00\x027$\x94\xe5\x14\xa8$x\x12\xa8o9\xd6!\x12Rzg\x81\xab\xdb'</t>
  </si>
  <si>
    <t>b'\xb3hc\x87\xd6r;Mb\xde\x96\xfd5\xea\xfe\xfb 2\xd5\x96\x9f\xf6\\]\x93O\xf3e\x97\xdb\xf0s'</t>
  </si>
  <si>
    <t>b'a\xa7K\x1f_[JV&gt;\xd0\xf3\xea\xcd:Rq{\xcf\xbcP\xe0R\x97/\x83\xebi\xdf\xa5\xa1\x83Y'</t>
  </si>
  <si>
    <t>b'0\xd9\x1a\xf3\xba\x9c\xbb\x8eN\xd5\xebA\xdcC\x8b\x19&gt;\x86\x14`\xfc\xbc\xfb\xc0\x82(.\xba!\x8e\x93\x1f'</t>
  </si>
  <si>
    <t>b'\xd9\x89r\xb8l\xb8Mq\xaa\xd1Q\x0b\x86\xc6\xd5\x87\xd52a\xe1\x98[\x88Q\x0c\xcbOU\xc1&gt;|\xad'</t>
  </si>
  <si>
    <t>b'\xc25\xe00B\x07\x01R\xb6\xdbS\xf7\xa9q\xd0\xcc\xfa\xafP\xaa\ni1E\xc1\x8d\x1d\x03cF)T'</t>
  </si>
  <si>
    <t>b'\xf1\xe8pek.\x96wm\x7f\x9d\xe2\x10\xfb\x11Y&gt;\xb0C\xbe\x00\x0fwM\t\xda\xe9\x83\x0f\xd11\xac'</t>
  </si>
  <si>
    <t>b'\xd7\x1f\xd2H\xd1\xc5\x93\xb6\xa9\xb0\x83\x9cU\xbf\xd2\xefB\x02\xb7\xe3\x8c\x9a+\xa1\xbe\x92[\xc33\xda\x7f%'</t>
  </si>
  <si>
    <t>b'\x80\x15\xf3\xaa \xf17&gt;5\xc5\x9d\xeacz\xeevP\x0e\x89h9r\x02\xa25\xa7\xc7\x86e}\xa6o'</t>
  </si>
  <si>
    <t>b'\xa0\xb7f2\xa3K\xf1\x01\xd7\x03\xec\xb7U\xa1h[\x90\x87\xecv\x15\xa9\x0fl\xa3\x90\xdb_l\xc7\xf7f'</t>
  </si>
  <si>
    <t>b'\xb5\xc8d\xfd\x9d\xd0w\xa7\xf4\x18\x0e\xb5\xb4\xc4@\xeb\xf6\x88\xdd\xd6\xbc\x86L\xb2\xbf\xf1;$p\xb6#&amp;'</t>
  </si>
  <si>
    <t>b'j\x88\x143\x9f\xa8\xfc\x8au\xcb\xc3\xa4\xc5\x05\xa7\xb3lxn\xeea\xe9\x17 \x9a\xc0t\xcaxCyw'</t>
  </si>
  <si>
    <t>b'\x89@V\xe6\xfe\xe0\xf5\xfbd\xed]U\xa0\r\xb7k\xd3Q\xd73\xabza\x03a\xa6\x94,\x97\xe0\xc9\xa1'</t>
  </si>
  <si>
    <t>b'\xfe`\x95TA\x98\x11S\xbc3R\x170\xc3a~8\x83\xf8\x80\xe9&gt;M{dE\x89\x02y\t\xf93'</t>
  </si>
  <si>
    <t>b'1\xe3Rw\x91\xe9Q\x0b\xf1\xb5K\x9f\xaa\xbb\x8da\r\'\xf3\xa5?\xf9\\g%"\th\x98\x97\xf4\x0c'</t>
  </si>
  <si>
    <t>b'\xac\xda\xf8\x0eyg\x1fE\x86_(F\xc7\xc6\xddXw\x01\x97G\xa0\x0fuc\x1d&lt;A\xbcs\\\x82\xcb'</t>
  </si>
  <si>
    <t>b'\xca\t \xd9a\xddC5YV\x06T\x05\xca&lt;\x10g:\x8e\n1\x81\x06\xdd\xd7I\x14\x96\x99BK\xa6'</t>
  </si>
  <si>
    <t>b':\x9d\x05\xd0\x04\xa3"\x0c\xf0\x1e\xe5C\xd3\xf4\x8d|\t\x83w\xba\xcb\t\x10,cDx(\xc8\n(K'</t>
  </si>
  <si>
    <t>b'\r%\x91\x16\xdf\xd9\xe5&lt;t\t\x9f:\xa8|-\xe1\xd7\xbady\xa5\xaf8\\\x973}\x0c\n\xb2\x13\xe3'</t>
  </si>
  <si>
    <t>b'\xab\x06\x82\xc1\x93\xd0\xd69\xba\xcaG#\x98\x02]\xc2Z\xc7tT\xb0 d\x97{z8k\x91\xf1\xc0\xd4'</t>
  </si>
  <si>
    <t>b'U*\xf4I\xad\x88\xbb\xbe\xd9\x07\xe9\xb3\x16\x07\x84\xf4b\xcb\xabt\x16\xd8\x1d\xc5R=\xae\xcf\xf6\xb1oZ'</t>
  </si>
  <si>
    <t>b'\\@\x91T\x9bV\xfd\xad\x82v]\xd7\xef\x08\xb3Er*\xc1\x15D\xd5\xd6\x80\xf7\x93\x90&gt;0usG'</t>
  </si>
  <si>
    <t>b'\xce\x85\x91\xb2\xf4\x11Nb!RS\xaev\t\xafq\rG|4\xbd\x94]\xecC\x8a\xdb\xc2\x84\x84E\xa0'</t>
  </si>
  <si>
    <t>b'~\r~\xd5\xf5\xf5\xcd&amp;\xc2q"\xbe&gt;\xac\x96\x8c\xdc\xdd\x0fF\xe1Dl\x9f\xee\x1e\n\xd8\xd8\xd2\xa8\xbd'</t>
  </si>
  <si>
    <t>b'hr\xe2C\x9e)\xfa\xee\x7f\xe2\x8b\xc3\xac\x9f\xd1\xd9\xe7 ab\x97X|g_\x13\x0b\xcf\x9dR\x8c\x91'</t>
  </si>
  <si>
    <t>b'\x19Z\xceT\xc4GK\xbf\'"\xb7\xae\x89\xfeI\x111\xbd\xc1sIh\xf5\x99_\x8c\xc8\x94E\xc7\x8b\xd3'</t>
  </si>
  <si>
    <t>b'z\xdd(\xe4t\xfa"\x0e\x97\xa9\xd8\x9d\x0f#\xad\xea\xb9FV\xfa\xf3\xa5\\\xe3G\x86M\xd9\xdc\xcb\x8d\xd1'</t>
  </si>
  <si>
    <t>b'|\xf1\x95\xa9\x92t\x0cVi\xe3j\x9aN\xe5\xd0[\xeac\xed\x1e3\xb3\xb4\xf7v\xd1DqXPx\x9b'</t>
  </si>
  <si>
    <t>b't2\xa3\x98\xd5Zo\x9d\x044\xadD\x8f\xd3\x93\xae\x9aa\tC\x98\x87R*\xb2\xd3\xb4\xad\xd0_\x1e\x99'</t>
  </si>
  <si>
    <t>b'w\xd2f\x924d\xab\xf8d\xa4\xbb=\x8d\xad\xce9,\xa6\x98l\xfe\xcd1\x8a\xd9\x9f:\xac;\x89tg'</t>
  </si>
  <si>
    <t>b'\rjR)\x85\xda\x1b\x01{\x90gi\xebl\x8eJcEo\xfe\xb0\xf2\x84o#\x91`p\x8b\xc6\xf9G'</t>
  </si>
  <si>
    <t>b'\x0e\xa2\xc9\xad\xee:@#Sl\xd7\xc5O\xd7\x9c{n\xef\x84~\x99\xe3\x02\xbb\x1cz\x83\n\xd9\xc7\xc9J'</t>
  </si>
  <si>
    <t>b'\x12\x1f)\x15\x93Bz\x1a\x10\xf7\x91Am\x9eI\xf9!+\x05\x04\xbd\x0e\x82&lt;\t&amp;g.\xbarl\xde'</t>
  </si>
  <si>
    <t>b"\xe3\xe78\xae4\x07\x96b\xa5\xfdv\x84\xb8\xea\xb7b\xe7\x8e\xb2\x8d\x80/\x12\xe2'c\x02\xa2\xdc\xaex\xda"</t>
  </si>
  <si>
    <t>b'\xbe\xc2\x02\x1c\xb5$\x7f\x85\xa7\x91\xadiJ"Ss\xf5\x045\xb2\xb0\x11\xcb\x1d\x83\xc2\x84\xee\xef\x1f9\r'</t>
  </si>
  <si>
    <t>b'8\xcf\xc6\xadL\x86\x13\xe3\xd3\x02\x9a\x84\x95\xb1\x80"O\x06S\x87\xc1\xd3s\xb7ONL\x04a\xb0\x85\t'</t>
  </si>
  <si>
    <t>b"'\xad\xc6x9\x89p\xd1\xbf=\xf6VJ&amp;\x17(\xb4J;].\xc8\x1e\x81n\x8eT\n\x85\x8fi\xa0"</t>
  </si>
  <si>
    <t>b'\xfe\xd4%r\xd2&gt;\xf0\xe2\x0cUWi\x02\x8aaQ\xf0x\xb6\xef\xe9\x0cM\x18}\xb54\xf1\xe71 k'</t>
  </si>
  <si>
    <t>b'06\x1c\x0fp\xfaq(s\xaf\xc2\xf0\xf3:\xd1\x0b\x18\xc6\xb5z\xf8\x82~\xe8\xb4\x93\x06\xef\x8f\xdb\x1e\xb5'</t>
  </si>
  <si>
    <t>b'\xf5\x12VY\xdd_\x0ejZ\x97PF\x06\xf5\xa6\xbf\x1e\x8a\x9cl\x8f&gt;\xdd\xbak]\xc9c\x91(\x89\x97'</t>
  </si>
  <si>
    <t>b'a\x08\x19\xda\x15\x081q\xd4\xaf+\xbd\xf64\x803n\xb8\x0cQa\xde\xed?*\xff\xca\x9d\xdar\x02R'</t>
  </si>
  <si>
    <t>b'\xa4T\xe8^g\xdd\xf5\r\xc0lz\xf3\xdb&lt;\x0ej\x0b\x8f\x9c3&lt;\xa2`@\xe6f\xe5\xe8\x14&amp;\x00K'</t>
  </si>
  <si>
    <t>b'3$\xed\to\xdb\xaak\xaf\xb5L\x86\xe82\xb2\x14\xf7\xdd\xa0\x90\xbb\x12}\xaf\xb0k{\xb9\x1c\x84\xc4\xe3'</t>
  </si>
  <si>
    <t>b'\x99\x98k\xa9xeN&amp;m\xe5\x94j\xbbEG\xa0\xa6\xedqi\x98\xb5\xe9\xdc\xd7R,\x91U\x1a\xfa\xfc'</t>
  </si>
  <si>
    <t>b'\xa2e\x14\xfa\xd85gX\xa4\xe2\x99RY\xbbw\xd2S\xe0\xd5\x02\xd8\xaa\xba\xd2(\xb6\xee\xe3\xa7TM\xe5'</t>
  </si>
  <si>
    <t>b'#\x12\x8b.\xcb\xc3\xd4\x82\xde\xddam\xbb\x94\xfc\x8a\x0b\x16!\xc9\x8b\x0c4\x91\t\xc9&amp;$\x88\xd5!,'</t>
  </si>
  <si>
    <t>b"\x11}\x94\x1d\x9d\xd0lol\xb2v\xfd\x7f\x90\xdc\xb1\xac/R\x11\xf0Bc\xde&lt;I\xa3\xe3\xad'T\xe9"</t>
  </si>
  <si>
    <t>b'H\xe8(\xcb:\xf8\xc5\x977\xa5\x18\xd4af-\x03[\xec}k\x0fb\x95\xcb\x9e\xcfyJ\xdc\x85\xbd\x15'</t>
  </si>
  <si>
    <t>b'\xde\xb7\xb4w"G\x0e!\xd2\xa5\x91\xdd\xb0\xd8[\xb9\\\xf6\xc8(\xcfj\xb4\xf2%@l\x1e\xf4\xca\x93\xdb'</t>
  </si>
  <si>
    <t>b'0e\x8d\xc9!F\xdd\xaf5\x17g]\xd4\x89W\x88`\xde\xcc&gt;\x0b\x97@\xb1f*E\x8cm\xac\xb6\n'</t>
  </si>
  <si>
    <t>b'/\xbe\x80i[-\xf5\xedS\xb5\xc1\xd0&gt;@h\xfa\xc4Jw&amp;\xff\xa9`\xcd\xb9\xbdo\xb2\xc37/\xa1'</t>
  </si>
  <si>
    <t>b'\xfe\x02\xfel=\x82\xb1dV\xd9P\x18\xf6\xb2\xc5\xbd\x82\xb7/ \xcc ]\x9e\x08i\xfb\xc4\xd7kC '</t>
  </si>
  <si>
    <t>b'\xdf"$\xa2c\x9d\x07\x1a\xf3{9\x02h\x98\xb6\x00\x9a\x16=B\xa8b\xdc\xce4x\xe1\xd6\xd2\xe9\xc4\xf2'</t>
  </si>
  <si>
    <t>b"\x8b\xae\xca\x99\x94'\x8c\x10\x1d$\xa9\xc6\xe5?\x9e\xdf\xd0\xa7U\x8d\xa0\x85\x83?\xa4cbI1\xb7\xf8\xef"</t>
  </si>
  <si>
    <t>b'\xbf\xcd]\x8f\x07\x80\xf2J\xd0\xd7\x9c\xe2\xbd\x98\xb2D\x15\x19\x80\xe6\x00\xeb\xed\x9f\x8a%\xc8\xbb[\x06( '</t>
  </si>
  <si>
    <t>b'\xeb\xd9\xab\xd2R\x039;m\x8eZ*\xe7j\x0c\r\xc8\xfc\x90\x10\xa8\x13\x14\t\xf6\xac\xc6\x0c\xe2/\x17|'</t>
  </si>
  <si>
    <t>b'\x95 w]\xc8\xba\xef"*#\xfb|U6b\xe4\x01\x8aL\x14\x9c!\x8d3\x1aE\xf2\xf4jM\t\x06'</t>
  </si>
  <si>
    <t>b"1 \xb2\x01`\x81\x00\x86\x11\x82\xbe\xb4?\xb2\x7f'\xec\xd3\xbc\t\x11&gt;\\\x18:b\xf1\xb3/\xee\x8a\xd0"</t>
  </si>
  <si>
    <t>b'28)8\xb61\xadO\xb0\x1a\xc9\xc9\x92f\x15\x16\xad\x1eR\x80)\xf4vD?\xbcc\xc0\x81\x88\xb1c'</t>
  </si>
  <si>
    <t>b'\\\x0c\xac\xb6\xe8\x840\xca\x03\xbfz\xad\xc4W&amp;\xaa\r\xefN-N\xb0\xaf\x85c\x8b\x13\x99\x9f^\xb9\xf8'</t>
  </si>
  <si>
    <t>b'g\xc3?\xc3\x8cJ\x00*AA\xc6|C\x81\x04I\x97\xff\x92\x95r\xfaE\xd83\x92\x86\xdc\xe2\x98\x85\x9f'</t>
  </si>
  <si>
    <t>b'\xe6\xc7m\xe9\x19\xd3+l\x08x\x9f\xad\xd1m\xfc\xd6e\xe7A\xe7"\xecZ\xbf\xe9\x9b\x05\xa7\xb8&gt;\x184'</t>
  </si>
  <si>
    <t>b"[&amp;$H%\xef\xbc{\xb5\xf1^\x95z\xe0\x81\x034\x9f\x03O\xf0PK\xe1['9D\xf2C\xd0\xb2"</t>
  </si>
  <si>
    <t>b'\xc7\xb0g\xa5`a\x83\x95\xd8\xc7\xe8\xcb\xa7\x98\xe47\xf0\xcb\xaa5\xc4E\xe21\x86\xb5+\x17\xb5\xc5\xf6\x16'</t>
  </si>
  <si>
    <t>b'p{.q,\x02y\x17#\x16\xa6\xd1\xc1\xfaI@+~\xa1\xb8\xae\\\xa19a\xddoJ\xa4t\x98\xa9'</t>
  </si>
  <si>
    <t>b'\xc4m\x8d\x93z\x02\xe3H\xf4\xfb\xc0\x1c\xf2\x7fa\xd7]U=\x88\x92\xb9\x15\xb7\x08\xca\x1d\xd9\xdeva\xd2'</t>
  </si>
  <si>
    <t>b"\x13\x0f\x8f\xea\xe0\x1bw\xf1m\x14\xe6\x89\x97M&gt;\xc6'\x19\xab\xc6\x163\x08\x02\xc3b\xb4\x8f\xff\xaef\xa2"</t>
  </si>
  <si>
    <t>b'!\x0b\xaa\x90zJ\x16\x8fy3E\xaar-l\xc5q\xaa\xec\xefv\x9f\x98\xdd\xf5\x0c\xfc\xc4(r1\x8e'</t>
  </si>
  <si>
    <t>b'u&lt;N\xe6\xcd\x10OH\xea\xc4\x89\x85\xb7\xaer(0\x84\x95\xd8\xad\xd9\xfeMO\xef\xb0\x96\xc3\x99TP'</t>
  </si>
  <si>
    <t>b'\x18\xe0k\xae\x90HD\x84&gt;\x87m\x14\x032r\x99&amp;u\x84V6n\xe8\x92\xda\x1d\xd5\xc2Fb\xc8}'</t>
  </si>
  <si>
    <t>b'\x91\xc0\xc4\xf7\xa3\x9d\xd8&amp;i\xcba\x9ej\xc4S\xcf5\x13"\x9e%\x0ez\xbe|Z\xbb\xc2j\x13\xa8:'</t>
  </si>
  <si>
    <t>b'\xf8&lt;DUR%c/&gt;\xff\xc8P\x00\xc1\xba.\x8f\x97\x13R\xddtI\xa9)e\xfcT\xab\xe9m\x92'</t>
  </si>
  <si>
    <t>b'K\xa1\x9f.\xf8}x\xa0\xf1 \xf0O\xb8\x0e\xf0%/\xe5a\x03{\xa6\xd9\x85EX\xc3\xf9C\xff\xa6^'</t>
  </si>
  <si>
    <t>b'[(\xb9\x91\xac\xc1\x91\xbd\xc8\x16\x02\xa6\x18\xc5}\xb5(i\xb8z\xb8\xe2\xd6\x9f\xa0g\xda\xeeq\xf6\xda\x1e'</t>
  </si>
  <si>
    <t>b'\xb3\x82\xe5:\\\x99\x06?\x1d\xe54\xe8.\xd1\x9aU\xa4G\x06\xdb\xf8$\xa7P\xd5}\xeb\xfcQ\x10\x90a'</t>
  </si>
  <si>
    <t>b'\xec`^VJ\xc3\xd2\xb5\x9cV]m5\x15\x1b?[F\x1e\x14\xae\xeb\x11\xc6\x11\xda\xf3}\xd3\xfbU\x86'</t>
  </si>
  <si>
    <t>b'\xbbp1\x94K ]T?\xacA\xdc\x18\xe9\x18\xc01\xf5\x13\x85&gt;\xc8\r\xe8\x05\xe1M\xc8\x0b\xf7\xe9\x02'</t>
  </si>
  <si>
    <t>b"\xae[\x84\x8a\xb7\xcedFyf!\xa4\xa7\xf6b\x86\xb0P\xd6:$F'Y\x9c\xe0\x99[p{\xb7\xfa"</t>
  </si>
  <si>
    <t>b'\x11\xabT&gt;\xba\xcc\x0c\xf6#\xa7\xb6\x12\xeb\xfb`\xc0|]\xe0\x11\xf7h\x02OH\xb6M\x94\xe0\x87\x9b9'</t>
  </si>
  <si>
    <t>b'\xcd\xda\xde\xb9jnu\x14H\xf6\xd3^7\x84D\xe7\x95]Zv\xec\xa9\x1c\xdb\xa1\xc26\xdb\x8e\x9b\x1a\xa3'</t>
  </si>
  <si>
    <t>b'mB\xb9\xa1\xd6\x0f\xfeG\x03/g\x1aG\xe5\xd1\xc3\xed\xb6\x9f\xd4\x04O 2\x16\xe1.6A\xcf\x83"'</t>
  </si>
  <si>
    <t>b'\x04\xc4$w\xfc\x17\xfaY\x1a \xfd\x13\x1f5\xeb\xfa_3x}j!m\xd6\x80\x01p/\xe4s\x8b\xd5'</t>
  </si>
  <si>
    <t>b'C,A\xfb\xb4\x13uM\xcfy\x13\xa1\\6t5?\x07\xa0\x01_\x93A\xba\xbe\x1c\x05\xf9x\xba\xb6\xf0'</t>
  </si>
  <si>
    <t>b'\x17\xd2\xcc\x08j\xee\xbe\x88\x82\xb8\xbf\xdb\x806\x1c\xb1R\xcb3\x84\x83\xc0{\xd7\xcc\xaa\x00\xfc\xcd\x07\x89\x06'</t>
  </si>
  <si>
    <t>b'\xfa\x81\xc5\x9fM\x81\xda{L\x85N\x8cs\n\xea\x9d\x0c=\xe5WF\xe3\x01\xa4Y\xa0\xe5l\xa1\x82\x8a~'</t>
  </si>
  <si>
    <t>b'\x8bC\x07\x12:\xd6\xec\x9e\xff7T\xfb\xffk\xcb\x07\x0c\xd4T\x9b\xf8\xa7\t%G\x01e\x87a~j`'</t>
  </si>
  <si>
    <t>b'r\x8a\x9c\xbe\xe3n\xa31\xa5F\xe3\x80\xc7c\x81?\x95\xe2\x86\xbd-Q\xed\xd5\xd11NGmwL\xa0'</t>
  </si>
  <si>
    <t>b'\xe5\xb4\xbdjU?\x06\xc8\x82\xc5T\xecu[\xf5\xc5L\xbd\xb2\xf8\xa6Z\xb6QLw~\xfbY\xa5\xa9\x82'</t>
  </si>
  <si>
    <t>b':\xe3[&amp;\x8a4S\xfe\xfd\xe2\x8c\xf4\xc8\xc7\xaa%d\xb3\xae\x0e{\x11\xbb\x10\xcfO\xef\xdb\r\xf0\xfe\xf8'</t>
  </si>
  <si>
    <t>b'0\xbd-$\xfe\xdfY\x12X\xb0\x13\x01\x8f\x99\x83j\xe8u\xc0=\xc1W\x8a\x08fh\xbb/b\xdfw\xc3'</t>
  </si>
  <si>
    <t>b'\xb2{\x0fj\xd5J\x8d\xe5;\xdb\x99\xdb\x18J\xbf\x81\xc8\xb0Ns^7K\xcd\xc4\x1b\xa6*7|\xebT'</t>
  </si>
  <si>
    <t>b'\xd1\xf26\xd3\r+\xf1G\x1c\x9d\xf5\x11\xb8\x0fO\x8c\xcf\xd4\x92\x11\x06I\x9bG\x95\x7f\xe4q\xc6\xe8\x06\xc6'</t>
  </si>
  <si>
    <t>b'&gt;\x8d \x1cg\x80\xd4.\xb8\xf3\x00\xb4\xeb\xf6;\xecd9\xdb\x88_\x03\x86[3\xc8aB\xc7\xb8\xb3F'</t>
  </si>
  <si>
    <t>b'\xd3\xf2r\r\xdba\xb0\x11TKG\\G\x08q\x03\xc0",\x0c\x10\xe8\xf3\xa0\x05\xda\x1b\x1c\xd4\xabj\x1f'</t>
  </si>
  <si>
    <t>b'\xd7\x8a\xd5\xde]\x03\xa4\xa6$\xcf\x06\x02@\xd5S\xc0Da\x18\xdf\xa9@s&gt;\x01c\x12\x16\x9d#\xfa\xed'</t>
  </si>
  <si>
    <t>b'l\xd6\xd2.\xdd\xf6\x14X\x89\xe0\xbc\xdd\xdf\x0bY7\x9d\x06sG\xf3&lt;/R\xf3\x14\x96\xd6d\xe4\x8d\x1e'</t>
  </si>
  <si>
    <t>b'h\xc6/\xff\xcc\xe9\x85\x0ct*\x8b%\x93\x87\xf0\x92\xd8\xb2\x8d\xa7\xba\xc9XA"\xa9\x0c7\x81Jx\xdb'</t>
  </si>
  <si>
    <t>b'\xec\xb9\x8a\xc58\r.^\xad\x90\xbd\xb4\x89\xbf\xd7\xcd\xd2]W;a\x91F\x9c\x15\xd9\xa4\xec\x15\xfc\x996'</t>
  </si>
  <si>
    <t>b';\xc6\\T\x00\xe6*7\x8b\xbe\x0cQ\xeb\x0bN^J\x98i\xc0f.\x0c\xd6\xdfjnjD1_\xe6'</t>
  </si>
  <si>
    <t>b'\xce\x18\xc4\xd7\x9d\x17\xcc\xfb\x0e\x81\xf9\xab6t\xaf\xb5s\x17\xa8\x87 \x8c\xdfz\r\xe7\xc0\xd7\xd89U%'</t>
  </si>
  <si>
    <t>b'\xd8\xdf@l\xb5-U\x85\xef\x9c;\x86\xd4\xe9\xaa\xc3e\xe7\x07\x9f=U\xc0lC\x06.9\x93\xc3\xcb\xe2'</t>
  </si>
  <si>
    <t>b'4a\x90\x0f\x91(\x0f\xdd\xf3E% H.\x02e\xc2\x1c\\[\xe7\x18q\xa5\x84\xbe\xe5a\xe5\n\xad '</t>
  </si>
  <si>
    <t>b'\xa3\xb4DG\x8e`\x9b\xb0\r`F\x14\xc3-\xd8\xfe|B\x1bu\x1c\xad\x19\x85\x8c\x81z\xcf\xbb\xb6\xde\x99'</t>
  </si>
  <si>
    <t>b' \xc2\x97\x87\xdd\xd2\xba\x9e\xd6-\xb0(\xaaT\xf2W\xea\x9c\r\x0b\xe8B\xbd\xd1\x81^\x91\x85\x9c\x0b\x08H'</t>
  </si>
  <si>
    <t>b'\x12G\x9b\xfe\x9a\xd0;\xdb\xbeb \xc6L\xc3Ii:4~\x10;\xb3\xb2E\xb5\xfe!\xf6\xadOm\xec'</t>
  </si>
  <si>
    <t>b'A\xa1\xb54\x88=&amp;\xb8In\xd9U=\x17\x1eaE\xcf\t&gt;\xb5JT\xbeD\xa6\x9cy+\xcd\xdci'</t>
  </si>
  <si>
    <t>b'\xf9b\xf1\x8d\xe9\xc3/\xad\x80\r~Q)\xb9\xf0u\xe5\x8aJ\xcdI\x00;\xfa\xaa\xe5=N\xd2Kp/'</t>
  </si>
  <si>
    <t>b'\xf5\xdb\xfc\x11N7\x91\xaa\x8d\x8a\x04\xfd`\xa9\x18p\x12u\x9c\x83&lt;Q!\x8a\xd4\x1c\xe3\x893\xbfS%'</t>
  </si>
  <si>
    <t>b'=\x88\xea\xd2\x9f\xea\xde\xe4\x0e\x90\x00\x0b\x8c\xe0\xc2B\xb7\xc7j\x8d\xa1L\x87\x8c\xe1\xae*\xd229\xc8\t'</t>
  </si>
  <si>
    <t>b'\xfc\xab\xc5Aa\xa9\x8b\xbe"7/\xc6\x8a\xb2\xfeq\x96\x15N\xb4\xa8C.\x1b\n\xcb\xbc\xb7\xc1\x1aG\xd7'</t>
  </si>
  <si>
    <t>b'\x95\x1e\xd4F\xe5\xc7q)U\xf3\xa9\xd1q\xa3\xbd\x18\x87\xfa\xc5\xb5\xf9\xd5\x87\xcb\xea:j.3\x16\xd5\xa3'</t>
  </si>
  <si>
    <t>b'#\xfd\x127\x83B\xc4\t\xbff\xbe\xb6\xd9;\xaf\x8b\xa9\xf7\xc2\xb8\xac\xdfWXm\xc2[\xc6\xd6\xf8&lt;\xfa'</t>
  </si>
  <si>
    <t>b'\xca\x83\xfc\x95w\x89y\x02\x18\xbaW\x85\xf4\xa5P\xc6\xa4\x7f\xeat\xa7\x0e\xc4\x9d!\xcf\xc3G\xc4?Vm'</t>
  </si>
  <si>
    <t>b't=\x06 \x05\xeaa\xbe\x9d\x19g\xcc\x07|\xf7\x15\xf7\xdd\xc7\xbb\xc7\xd3\\\xcc\x86\x0cw^\xf1n\xbd\x17'</t>
  </si>
  <si>
    <t>b'\x1cu\tF\x89o\\\xf2\xde\xc6\x9b\x1e\x07\xae\n\xb8c\x8c\x17E\x8a\xb1\xcd\x19\xae`gi\xe2\xfeeb'</t>
  </si>
  <si>
    <t>b'\xff\xa9I8[D\xe4\xb5\xbf\xfc\x92\x07\xd5\x7f\x04\xae\x16\x04&amp;\xe2F\xf7\xf3of\x8c2\xe7\xe5\x87p\x84'</t>
  </si>
  <si>
    <t>b'\xa8\x8d\xd1A\xda\xac\x9a\xed\xf6G\xca\xd7\xab\x9c\xf9;\xf8z\xdf \x9c\x92\x8d~\x8b\xad)\x06\x8f\xd7\xdd\xd5'</t>
  </si>
  <si>
    <t>b'=\xa3\xc6@\xe6!*\x90\x1b\x12\x0c@\x89\xe6\x03\xf0\x7fVo\x94\xf1\x83\x1c\x04\xdf!\x01\x08\xe3&amp;j\xad'</t>
  </si>
  <si>
    <t>b'\xf5L\x92SjF\x1b\x83\xd91\x8e\xd07\xc7\x01\xeem?\x17\x16\x82\xcc:\xc8lo\xb5?\xca+3n'</t>
  </si>
  <si>
    <t>b'\x10M\x00\xd3c\xb7a\xa5q\x88\xf49\x0b\xefh\x0b\xdds\x8a\xcb(b\xef\xb1\xa1\xf6\xa0\xf9\xe4\x02#"'</t>
  </si>
  <si>
    <t>b'\x87!3\xa3;\xa9\x08\x1c=\x1e/_\xb8\xd9o\xd6nt\xcb\x8b\xef\x10\xbf,I\xea\x8b\x14\xe6\x95\xa6U'</t>
  </si>
  <si>
    <t>b'\xa1\x1f\x9f\xcb\x00\xd8\xaakN\x86y\x17\xf6\xdf\x7f\xae\xc8\xb2\xb6\xce\x84\xd0\x12\xb8\x85\xf0\x9b\xe1v\x0b4\xab'</t>
  </si>
  <si>
    <t>b'\x91\x83$\x14\xaex\x8cw\xc0d9\xc7\x96l ?"2TK]\x14\xf1\x98\xc9\x8a\xe4\\:7\x8a\x95'</t>
  </si>
  <si>
    <t>b'\x85\xddn\x14\xc1\x11\xc0o\xde\xc4\xe0\xa4\xfa\xd7\x12xq\x8c6+YG\xa6\xa7\xf3\xe8W\xe2ko7\xad'</t>
  </si>
  <si>
    <t>b'\xb6\x88$r\x06\xd06(\x0f}b\xfb7\x14\x9b[\x9b\xae\xec4\xf4\x12L\xfbr\xe8=yiG\xf5\xe0'</t>
  </si>
  <si>
    <t>b'\xe4\x00\xa3\x87\x1a\xf5\n\xecn\x9elWV\xbfe\x04\t\xe5\xd7^\xc7{!\xc4_\xc6_M\xd6&amp;\xf8/'</t>
  </si>
  <si>
    <t>b"n-\t\xe2\x81\xfe\x80\x9bA\xe9C)\n4\x15\xa2\xfa'\x9e\xfbO\x14[_\xcf\x1ca%\x04\x05\x01\xb9"</t>
  </si>
  <si>
    <t>b'\xcfOi*Vj\xc3C\xe0-V\xa5L]\xf9f\x15\xfbxh\xae\xa3\rV\x00\x84\x90\x04!\x0f\xf7\xcb'</t>
  </si>
  <si>
    <t>b'\x98\xb9\xfc\t;,}+O\xb8\xac\xc0{\x8cw\x8a\x9bTF\n\xd4\x06\x99\x8d$\xdfQ\xc7il\xc9B'</t>
  </si>
  <si>
    <t>b'\xb52PQ/\xf4\xa4\x91\x16H\x85%Q}\xd2.\xb9\xe0$\x07\xfd&gt;\xd5\x08\x92\x16\x04\xaf\t\x0c@~'</t>
  </si>
  <si>
    <t>b'\x04\xbf\xb3\xdb9\xba[\xe9\xe1B\xae\t\x99F#&lt;\x1e\xcb\x02#\xee$\xda\x9b\t@C\x0e\x9e\x0e\xf1K'</t>
  </si>
  <si>
    <t>b'\x13\xbe\x8f~\xf3\xddlf\xe8eX\x95\xf1\xdf=\x8b\x93\xb0\xa0\x99{;\xccT\xb6\x18\xb3\xef\xa8\xeb\xf8d'</t>
  </si>
  <si>
    <t>b"H\x83\x9cP\x9e~R\xf5\xfb&gt;1\xf0n(\xd9\xcf\xb7R\xf7\xbd~\x9c\x83#'\xf6}!&gt;&amp;\xf9\x86"</t>
  </si>
  <si>
    <t>b'\xb8\xe5;\xa1U*\xc0g\xb1JZ\xea\x05\xa1{\x89\xd8&gt;r4\xe3\xdf\x03N\xa6&amp;X\x83\xc4^l\xa5'</t>
  </si>
  <si>
    <t>b'\xb0\x03\x9ej#\xb1S.\x9c\xbfU\x0c\x9d\x9e\xa9\xb5g\xb5\xadd\xc7B\xa1$\xd6\r\xad\xf5dv\xa2\x1a'</t>
  </si>
  <si>
    <t>b'\xb5\xfe\xb3\r\xbd\xb4\xa7n\xffN\xa4\x80\xf7.\x80H5\xe0^\x05\xe9\xc1\x9btQ\xb1\x14\xd3n\xbb]6'</t>
  </si>
  <si>
    <t>b'\x95\xa8\xb5\xc83\xc16\xd5{\xd9\x821%\x14\x99;\x9d\xac\x93X\x7f6Kc\x1e\x0c\x99\x9b\x98\xe4! '</t>
  </si>
  <si>
    <t>b'\xd8F\xd90-%\xaeU\x9c\xde\x14^3\xec\x9aCW6\xf1\xdc\xa5&gt;\xa2y-%\x9b\x02\xa5\xa0?i'</t>
  </si>
  <si>
    <t>b'\x14\xa5\x1d\x83\xff%$\x87\xbd\x10\xdd\xd33\xed\xff\xa2\xadZ\r\xf5\xaa\x7f\xac\x8b\xe2waB\xac\xb6\xd9\x16'</t>
  </si>
  <si>
    <t>b'\x0f\x02\x05S\xb0\x7f\x1e\xbf5\xd8\xaeq\x04F\xed\xce\x7f\xac\xc2\xd4i\x18\xae\xe1\xce\xf2\x0f\xdfZQ\xfb\xda'</t>
  </si>
  <si>
    <t>b"\xff\x0e)\x1a\xfa\xbe=\xa9\x04'\xa99\x8f\xc0\x03\xb0R\xd4\xb4b'\x1aL^\xb1\xc7I&lt;\xee\xe4,\xd0"</t>
  </si>
  <si>
    <t>b'\xbd{\x15EX?s\xc6\xf4\x1dCR\xea[*vP\x96\xe5\xf0\x16kt\xb5\xb4\x05\t3\xcbN\xc1]'</t>
  </si>
  <si>
    <t>b'm\xcc\xff\xff/\xebY}\x11\x8b+:\x13%^[[[\xf4\x7f@x\xc2\x9d\xd0\x01\xf1\x16(\x7f\xff\x8b'</t>
  </si>
  <si>
    <t>b'\x19\xa1\xd0\x00\x14L\x18\xf9q\x04&lt;\xf3\x05\xb2%\xb3;\xe3\xa6\x1dm\xcc\xf7.\xda\x87\x88\x15\xe05g^'</t>
  </si>
  <si>
    <t>b'\x0e\x0b\xc7i\x1bq\x7f0\xaf\xb5\xe7F\x85h\xd9\x1b\xf1\x06\xd0\xbe&amp;\xd9\x19\xf9\xd5Lo\xe5r\xef:v'</t>
  </si>
  <si>
    <t>b'VRZ\\\xe3\xee\x13\xec\xbe\xae\xdbTsk\xe4hJ\xac.\xbd.\xf6x\x0bE\xb9Wg\xbfY\x80\x0c'</t>
  </si>
  <si>
    <t>b'\xb2\x85~P\xe7\xcdi\x8da\xd3z\xb3M\xadk\xf6\xe4\xf62\xfc\xdf\xc5F\xf28\x07\xe4\x1b\xb0\xac\x16\xdb'</t>
  </si>
  <si>
    <t>b'\x99\xba\nPxS\x94}\x9b/]\x9a\xf2a\xe6d\r\xa6\x10\xe84\x10\x88\xec\xe9d\\,\x8e\xc2&gt;\xae'</t>
  </si>
  <si>
    <t>b'\x0e\xc0\x9dz\xb2\x0bNqa\x9d(\xc4\x8e\xfe\x14\xa9\xc0\xf39\x1d\x9ccb&lt;\xe3VU\xbb\x99uj\x03'</t>
  </si>
  <si>
    <t>b'\x81\xd6\xa8)"\xe3\x82R\xf2{V\x85yx\xdf\xad\x0e\x19\xe9\x14N\x08\xc0\xaaG\x93\xb7U\xac\xcd@Z'</t>
  </si>
  <si>
    <t>b'\xdc\xbe\xfd\x89\x94\xfc\x9d\xba\xdc\xcb\x1c\xa2\xad\x80\xd9\xa1\xde\r\x11\xfb&gt;\xb1,\xe1\x0bFz+q\xc8^\xe7'</t>
  </si>
  <si>
    <t>b'\x8b\xde\x83\x1c\x92j\r5\x8b\xc0\xc9#\xd9\xc7\x01\xb0\x88?\xd6O-1\x1a\x8b:\n\xb3\xfbj\xcc\r\x90'</t>
  </si>
  <si>
    <t>b'h\x93f\xc1g\xd4h\xb5\xe3\xa8L\xa3X#\xaf\xb1\x99\xd5\xe1\xfa\x7f\xe7\x97[{+\xa8B\xa0J\x87\x9d'</t>
  </si>
  <si>
    <t>b"\x152\x08\xcf9\xe0\xda;\xce+Mx \xe0U\xd9\x98\x15rL\xdc4\xa6\xb5'\x0b\xfdY(\xe2h'"</t>
  </si>
  <si>
    <t>b'Q\x9d\x05c4W\xcce(U^\xa7,lV\xe8\x91\x97\x8f\x07_;\x1c\xa4v\tQ`\x96\x19)\xe3'</t>
  </si>
  <si>
    <t>b'\x84\xfd\x9e6g\x9e\xef\xe7\xa5\xec\xb2\xe4*\xe2\xf8\xb3\xc5 sa\x03V\xbf\xdfM\xcd|\xd6\x9f9O\x02'</t>
  </si>
  <si>
    <t>b'\x99bFr\x8b\xd1\xcd\x92\xbc\xaa\xd0\xbe\x9cI\x95\xc8\xe5\x9d\xfb\xc5\x1eY\x11u\xda\xfee\xbe\x7f="\xd3'</t>
  </si>
  <si>
    <t>b'\xc0/J\xc3\xe9\xf5L?a\xb4H\x06\xe7\x9f\xc0\x8c\xdah\x837\xdd\x97\x8d"^P\x94\x18\xa7\x03&lt;\xb6'</t>
  </si>
  <si>
    <t>b'\xfc\xe3\x00g\xec\xe4\x16\x16z\xfd\xc06\x91it\xd1)\xeeG&lt;\xc1\xff\x8aU\xd94g\xeat?X\xd6'</t>
  </si>
  <si>
    <t>b'X\xe7\x18\xed\xe6S;\xbf\xe0\x9c\xe2-\x15;Xh\x04\xbf\x11\x1a\x95\xb0D?\xfe\xa3-\x14\x90\xb2\x9d@'</t>
  </si>
  <si>
    <t>b'd\x1e\xc6\xfe}#c\xb5I\xb0\xdc\x1a\x9b\xa0I\xf2\xe4dVg\xb0\xc8\xb4YK\x96_U\xb1\x8f\x9f\x19'</t>
  </si>
  <si>
    <t>b'-r\xe3\x8e\xc5\xe3\x19SO\xd5D\xce\x06\xa4\xde\xca\xe3\x18\x9e\xb7\xd3tU\x1f\x9a\xd8\x15\x96\xfcu\x83o'</t>
  </si>
  <si>
    <t>b'H+\x1f@\x19}\xd6FE\xabV\x99Z\xc4s\x8e9U\xa3\x98\xbcpK\xc6\xaa4\x1e\xe0\xbd*\xc7\xff'</t>
  </si>
  <si>
    <t>b'\xce\xcb-W\xbd\'\xcf\x00vX\x1f\x97\xedk\xc6\xf6\x07\x95\xf8\x0fk"\xc2:\x9d\x7f\x88\x97\xd1\'\x8bx'</t>
  </si>
  <si>
    <t>b'3\xfb\xf4\xc6\xef\x9d\x89X\x8a\xb7\xc4\xbc\x9aK(R\xb7\x83E\xc9&amp;`\xdfV@t"\x10h\x1e\xaf_'</t>
  </si>
  <si>
    <t>b'\x9dz0\xa10\xf7\xd4\x1b\xf7G\xca\xf5\xd4\x99\x14\x04\xea:\x96\x1a\x82\xb6\x9d\xa2%B\xd6!\x8f\x07\xe5y'</t>
  </si>
  <si>
    <t>b'\xf562\xec\xedD\x82\x8a\xfe\xc0\xfe\xf8\x7f\x8d!E\x1f\x08\xd8\x87\xfa\xa8\xf2\xd7\x8c\x02\xf2ZO&amp;\xd6_'</t>
  </si>
  <si>
    <t>b'f\xe2\x14\xe8\x13:\x15\xb2T\x86&amp;\t"\x08\x1d\x1f\xbc\x91\x81\x87}\x15\xd6\xc2\x86\x9cxD-p\x8dt'</t>
  </si>
  <si>
    <t>b'\xa5\x88A\xf1\xf9\xac\x9f\xb70R`\x89\xfeR\xecP\x86,\x00Y Bb\x08\x8f\xab\x0f\xa3\n0\xc0\xff'</t>
  </si>
  <si>
    <t>b'\x8e\x14\x86\x85\xf2\x02\x0b\r\xd1\xbc\xa0\x1eAV\x99\x9f\xf4\x9f\xc1\x12\xaehd\x80g\xb7\x15\x1bl\xa6[e'</t>
  </si>
  <si>
    <t>b'\xb7\x03\xeb\xabL#r\xb3\n\x81\xb5\x00T\xd5\xb7\xd0_\x8b\x1f\x95\x8676~\x17\xa4\xb9\xf83\xaf3\x16'</t>
  </si>
  <si>
    <t>b'\xe4\x88\xed\xf8\x1c\xf5;\xc5n\xd0[\x1c,\x0e\xa2I\xfa\xe7\xc0\xc9\x8b\n\x7f&amp;1\xa4"\x88\x02\xf2\xc7t'</t>
  </si>
  <si>
    <t>b'\x9f\xf5\x1f"d@f\xd8\x03\xcd\x8fA|\x9c\xe1\xc1\xa0\xc7\xc9\x80\x07\xb9\xa7CuQ\x1b\xb5\xf9\x9b#\x8a'</t>
  </si>
  <si>
    <t>b'\xb3@;:xP\x1cZ\x08\xaf\x00\xf8u\xc0\xc6\xcb\xcd\xa3\xa0k\x90\xe021\xe6*\x88\xd4;x\xfe\xee'</t>
  </si>
  <si>
    <t>b'\xb6\x86\r0\tj\xa4\x97\x96\xfe\x9cD9\x8a5\xa4c\x81\x1e\xcf\xc6\xa3*G\xb5\xbb0Ue\xcc(\xb0'</t>
  </si>
  <si>
    <t>b"\xc9'?\xead\xf0,\xb2r\x9c\xee\x1517j0uI\x7f\xd3\xc9\x11\x8f\xd1\xbd&lt;\xc3\xa5\xe6\x88r/"</t>
  </si>
  <si>
    <t>b'\x85U\xa1\xb4*L\xad9\x84*\x9c\xef\xa3\xc0;\xa2C\xb0\x18\xf2\xd5\xdb\x86\xf6|R\x1b\xc2O\x90\x01\x8c'</t>
  </si>
  <si>
    <t>b'=\x0f\xb3\xc8[EK\xd4\x08\x1d\xda\xf9GX\x01\x9f\xdd+\xa9\x99\xb6+\xc6z\x0c\x81\xb9\xf1\x08\xbc\xab\x95'</t>
  </si>
  <si>
    <t>b'\x1fbS\xdd\x80u4\x82\x11h# \x8bg\x95;\ti\x86K\x9e\xa2\x11\xd92\xbd\xea\x8a\x08\xbd\xcf\x1b'</t>
  </si>
  <si>
    <t>b"H_F|\xe1\xce\x8a5\xa2\x1f\x7f#\x96\xd7\xf2\xab{\xa9\x9aYY'\xc6\x13\xcb`\x01\n\xbf8\xfc\xdd"</t>
  </si>
  <si>
    <t>b'\xbf\xb5\xe5&lt;\t\xf0\x8f\x1c\r\xbf\xc7\xd98H\xc1P\xef3\x98\x8b\x07w\x0e\xecG\xd0&amp;\xf3]\xf2\xf0\xbc'</t>
  </si>
  <si>
    <t>b'\xc8\x8d\x0bF\x0bJuz[\xfb\x8b\x86\x1a\xdf\xab\xda\xc6,)j&gt;\xd7Eq,\xfdQ\x7fg\xd3\xc7\xe5'</t>
  </si>
  <si>
    <t>b'\x18\xad\x88\x10g\x96N\xed\xa8\x85\x0cZ\xcd\xd5\xe0\xa9\xd4\x15\xb7\x06qP\xdd\xe6\x17\x9dP(\xd453\xa0'</t>
  </si>
  <si>
    <t>b'\xd1\xd3\xc2\x0e\x94\xc6D\x0c\xeaR\x7f\xdfA\xc1"\x82\xe3n\x8a\xbf\xbf`\x0f#\xe8\x15\xc1\xf8k\xfc\x14\xd8'</t>
  </si>
  <si>
    <t>b'\x1a;]\xb3.\x7fd\x95\xcd\xc2\xf6\xd0\x08\xc3=9\xc0&lt;\xa4*\x9f\x03]\x1e\xea\x07(\x8b0\x8a\xf4\x10'</t>
  </si>
  <si>
    <t>b'r\xdc\xe8\x953t \x96\xdf\x97\xee\xa2\xb7\xc9t\xeb\xe6\xf3\xcfKn\xc8:\xdcxM\xd9+\xc8\x19Ya'</t>
  </si>
  <si>
    <t>b'\xf7\xc0\x9f\xd6\x9d\xfc\xf9\xe6\x16\x8e\x8d\xe7\xcd\xdc\x1b\x9a\xa2Fb\xde\xc4\x98\x80B\x91&lt;G\xe5\xf9\x1d\x96\n'</t>
  </si>
  <si>
    <t>b'k9\xb1\xb7\r\x8eZ\xe4u9\xd0|\x04\xb6\xd4\xdfl\xe7\xb3\x12\x825\x08\x08\x15\xf6\xd8\x99,\xf3\x8e\x02'</t>
  </si>
  <si>
    <t>b"\xda}SlP\x92\xef\xa8g kVR\xd9\xcb\\\x12\xa9QJ\xd1\x10\x0bL\xb7W\x99[z\x17\x9b'"</t>
  </si>
  <si>
    <t>b'\xe9X\xf4\x04P\x87;tU6:\xe8\x9d\xc8x\xf60tN\xc3\xcc]}:\x80iJ\xcdJ\x17[\xfc'</t>
  </si>
  <si>
    <t>b'\xb3%\xe9r\x8cFk\x07\tl\xb5\xc3R\x1c\xdd\xe4\xb1h\x83\r#p\xe4\\J\xb0\xb4\xe86S&amp;v'</t>
  </si>
  <si>
    <t>b'\x17\xa3\x92\xf4z\xca\x8b\xdc-6\xce4\x85\x97\x06_\xa4\xf10&amp;R\xb2Q\xb8\xf8\xc6\x7fZ\xb5\xac)\xf8'</t>
  </si>
  <si>
    <t>b'\xca\xc4\x9d\xba\xa0\xd9j \xae3\xab\x08Q\x03C\xff\xcd\x9c`\x11\xedW\xfb7 \x95\x17\xa7umdS'</t>
  </si>
  <si>
    <t>b'#\xf7\xeaX{\xf8\xeb\xa5\x9f\x85\xb3\xa8S&lt;a\xfa\x12\xa6\xcc\x86O\x8b,\x85\xa5\x15\x91\x13w\xb17M'</t>
  </si>
  <si>
    <t>b'\xa7\x06#\xa8\xc9C\xfa\xcc\x9f\xa2\xfdd\xc7v\x95\xc1a\xf9\x8fDO\xb4\x061\xdc\x99`\x02W|\xe3\xba'</t>
  </si>
  <si>
    <t>b'\xd6\xe2\x8b\xc7\xe9m^dt\x07\xb75\x18\xc33\x97\x8b\xa2\x940N\xccw\x01\xb8\x8aT\xff\xf3\xdb\x9c\x8d'</t>
  </si>
  <si>
    <t>b'\x08\xe0\xe9"H\x0f?\x1c.\x18m\x14\x0bT\xdc\x9b\xb0\x1f\xeb8r\xa5\xcb{hS\xb3\x1b\x8b\xc4ud'</t>
  </si>
  <si>
    <t>b'\xd9\x80cQY\xff8\xe9\xee\xc1\xdc\xb6x\x1c\x9bW\xe5\xb4\x06\xec\x14\xec\xae\x12\x1ac&amp;\xdc\xa7\x1d\xc2\xff'</t>
  </si>
  <si>
    <t>b'\xbbr\x92@\xc5\x02f\x9bJv\xe5\xe7\x93A\x14S\x93@Wz@\xb6\xe9\xe2\xbe\x14\xc5\xc3\xb9\xf2\x17\xbd'</t>
  </si>
  <si>
    <t>b'h\xd9\x12~\xa8B7\xb2%\xdf\xa6#[\x8e\xc8\xbf\xd57\xd6\xdb\xc5\x86\xd1\xacQ\x96pma$\x88\x8a'</t>
  </si>
  <si>
    <t>b'\xf6\\\x9d\xcb|\xdf\x86\xf1\xf8\xda\xad7P\xc4"+\x91\xe3y\x17\xb5\x00\xa3Y\xd8\xf3\xa6=\xa5\xf9e\xf9'</t>
  </si>
  <si>
    <t>b'N\xee\xb1\x8b\xfbv\xb5a\x19\xdc\xe0oS[KAnE\x07I\t\x1d\xd4\xf5\xac\xc1d\xad\x8a\xb0\xf5T'</t>
  </si>
  <si>
    <t>b"5\xee0\x9ct\xc0\xddn\x1a\x9e\xe5\xbaL\xce\x97\xf9m\x96'\x86\xccL\xee\x15\xdd\xa8\xa7Q\xfa&amp;\x81;"</t>
  </si>
  <si>
    <t>b'\xc1\x95.\x11\xecT\x02U\xf5\x0e\x99\xb0)\xe0!\x11Z\x81\xaa9\x9b\xfb\xdd\xdd0P\x1f\x9e\xcb\xb8\x1d\xa3'</t>
  </si>
  <si>
    <t>b"N\x8b\x02\n\x07;_\xc6I\xa7\x8e\xd3\xc7'7\x902%\xdd\xb0\xe5S\xd1+\xaf\xe4\xbd\xa4q\xc4=\x83"</t>
  </si>
  <si>
    <t>b'\xf4\xc6\x9f\xc0d\xcc?\x16\x8dV\x93`M\xb9\x7f\xbd\xf7\x9cHa\t\xf1\x9dWu\xaeR\xe1\x92\t#\x1a'</t>
  </si>
  <si>
    <t>b'\x872~,&lt;A\x0e\xd0\xb0\x11c\xd18\x98\x08I\xd9\xf8YD\xae\x9e\xd0\xd7X\x11L\xf9/bBO'</t>
  </si>
  <si>
    <t>b'3-\x1c/\x1b$B\xd7\x85\xce\x18y\x98\x8e\x8c$\xca\xa0\x12\xc2Z\xc5v\xbd\x83\x1e\xf1(\xe9v\xa1\x13'</t>
  </si>
  <si>
    <t>b'\xe5\xd7\xf9\xcd`\x8bMtN\x9e\r\xae\xab\xb1\x8b\\$I\xb0\xe4\r\xdc]=Y\xd7\xf0\xf4\x86D\xccd'</t>
  </si>
  <si>
    <t>b'\xb9J\xef\xe1I\x9f;\x0cf\x14\xf6I-:\xd6]\xd7a\x89\x0bY\x82\xf59\xfa\xbbD\x18R&amp;~m'</t>
  </si>
  <si>
    <t>b'\xf1q\xbbT?\xe6\x92\xbd\xa4[\x96/L\t\xf4e\xdf8\x18\xca\x85\xcf\xd2_\x05o/\x14~\xf2|['</t>
  </si>
  <si>
    <t>b'w\xb8\xf9\x9f\x1epH\x9ec\xbe\x9fi\xe3\xb8\x0f?\xa9]K\xe0\x86\x93j\xde\x012\xc5\x84A_}\r'</t>
  </si>
  <si>
    <t>b'+\x892S\xdc\xb5}y\x1a\x95\xfea\x93\x057\xe8\x08\xa3.\xe1\xbb;u\x0f\xbe\xcbVlo\t]('</t>
  </si>
  <si>
    <t>b'\xfd\xc9\xe9\x92\xdc\xcd\xd4\xf1\xf5\xe9N\xf5\xa7\xbcr\xea\xe4!&lt;G\xd1\xe7\xfc\xf5\xd4\xd0f\xc3\x9b,\x82W'</t>
  </si>
  <si>
    <t>b'\x8a\xd2\xdf\xd6\xa7`$|\x88\x98\x91\xea\xc4A\xa7\x13\xce\x9fD:Y\xde:n\xe5F\x8e\xa0N@C\xf8'</t>
  </si>
  <si>
    <t>b']\xc8g\xc5\xe0\xe5\xdf\xef\xc2/R\xa0z\x0b\xe0&amp;\xac\xe1|\x03\xc8\xa73\x87\xf0\xcf8\xddO}\x1d`'</t>
  </si>
  <si>
    <t>b'\xb7K\x91\xe8\x0c\xb9F\xc8Z\xd3\x99\x89\xf98\xd6\x1d\\Z*\xc3\x1d}\xf5\xdc\x03\xbe\xb0\n]5\xc2r'</t>
  </si>
  <si>
    <t>b"\x8d\x95\xf5\xe2A\\r\xce\xa7\x99\x81Ifa\xff^\x8a3\xdf\x181\xf9\xba`':\xfe\x9a\xbdQ\x1b\xc0"</t>
  </si>
  <si>
    <t>b'\xf0\xc5P\xed\xb1\xc0\xd94\x11\xea\xd3~"\xfc\xf8\x037\xf3\x84\xd2n\xdc\x8d\x16\x07\xd1\x9c\x03\xb3\xf6E\xba'</t>
  </si>
  <si>
    <t>b'\xceMrs\xe9qG\xcb\xaf\x1c\xc4\xc4\x96C \xa9DV\x12P\xb8V\x82\xb1n\x8a\xf9\xcb\xf1S\x8d\x88'</t>
  </si>
  <si>
    <t>b'\x03=\xb1\x83#\xfe\x95\xbfUX{\x02\xc3L]\xb6\x1aA"xj\x1a\xfe\xd9\x92\x87\x04H&lt;J\x14n'</t>
  </si>
  <si>
    <t>b"\x0e\t\x17'B{\x99\xdaV\xf4\xf0\xc8aG\x11\xe6\xe3\xbb\xa6:\x04&lt;\xfb{o\xbe\xf6\xac^[\x16\x92"</t>
  </si>
  <si>
    <t>b'\x9d@^*\x94]\x05\xe3\xb8\x03\xc2\xe2,xl\xb6q\x92\xd6\x8a9\xd3y\xc9`\xdd\xe7\x9a\x06\xe6\x9e\xec'</t>
  </si>
  <si>
    <t>b'\xb6\xd5\x00\x04V/\xe4\xb9\xb4\xa9E&amp;\xc4\xd42\x9f\x17~vHQ(4\x0c\xf4\xa9\xd0\xb66.\x12\x99'</t>
  </si>
  <si>
    <t>b'\x985\xee\xdfs+\x8d\xe4!Gc\xbd\xd8\x19&amp;]\x11\xf5\x117\xf94\xa0\xc3\xc7\x12\xb5w\x8a2\x9b\xb9'</t>
  </si>
  <si>
    <t>b'\x15\x8a8\x8adj!a\x0b\xb0\x85\xea\xfa&amp;\x82J\xfaU \xfa/tN\xe0\xca\x9b\xb2\x0f=H.\x80'</t>
  </si>
  <si>
    <t>b'\x85\x80\\\x1f\x0cv\xad\x0e\xec\xfet\xc42o2o\x1fNf\xca(\\$\x84\x98\xc3\xddb\xe8\x95\xec\xa1'</t>
  </si>
  <si>
    <t>b'x)\xed\xb7\xac\x01\xf7C\x8c\xfd\x0b\x16\xdb\x0f\x9c\xba\xe0M\x91\x9c3\xbb\xf1\x03S\xbb\xcfN\x8d\xd4\x0b:'</t>
  </si>
  <si>
    <t>b'i\xbd\xe9\xc50e\xd6\xab[\xc5P7\xb8\x8c\x14\\\xed\x94\xfa\xe0{\x95\x11v\x05\xb0\xef\xa7/CX\xb3'</t>
  </si>
  <si>
    <t>b'\xb6zB\xbfbh\x94\x94\x0c\x04h\xc7\x1f\xd9g\xbf\x99\xe4\x00\xd2P\xfc\xddvSGx\xa41.\x84\x11'</t>
  </si>
  <si>
    <t>b')z\xed\xdd\xd9\x1f\xc4x\xb9\xdd\x8e\xa8\xa1\xd7\xe1\xb63wx\x17\x03c\x07\xa7\xfa\xac\xa5\xa4\x83C@\xea'</t>
  </si>
  <si>
    <t>b'}\xc1\x94VM\xb9\x10G\x03\xa9\xf4\x81\xd2\xb2\x8a\xdd \x18.[N\\+\x86\xbaqi\xe470P\x90'</t>
  </si>
  <si>
    <t>b"\xfd\xe8'\xa1U(d9\xef\xf6\xf6\x83\xc7EeN8\xe5n\x87\x91\xef\xc8\xb1dXxu\x1c\x03\xd2\xf6"</t>
  </si>
  <si>
    <t>b'\xd7\xb6\x95J\x00+=\xa8\xfc\xb9rL\xcc\x90\xa8\x93t\xb3[eA\x9f\xc4\xcee\x91\xc3\n\xb7f\xe4\xf7'</t>
  </si>
  <si>
    <t>b'\xb5/\xbfh\x81"\xd9\xe7\t\x17\xb9\x9f\xec\t\x08\xe8\xf2\x14\x96\x835\xa61\x84\xd7i\xdd\xce&amp;\x934\xd2'</t>
  </si>
  <si>
    <t>b'g\xc61\xe0\xe9\xeb\x80\xaa\x9e\xef94\xce\xb6S\x15\x95}\xf2\x00\x1e\xbd\xc9\x1f\xed\x05m\x0f\xf63\x1c?'</t>
  </si>
  <si>
    <t>b'e\x89w\xb2\xed\xdc\xc8\xc8\xd3dg\x13Mz\xe5\x9f\xadT\x1di-\xc6\x93\xd2\x1a\xce/&gt;\xc9WS\x1c'</t>
  </si>
  <si>
    <t>b'\x1c\xe7\x1f\n\x84\x9b2*\xe5\xa2\x07\xfb\xc1\x16c$\x87\x89\xe2\x9e\xad\x16\x87\xe2\x15z\xd1\xffS\x86\x05\xc3'</t>
  </si>
  <si>
    <t>b'\xfe:L\xcf\x1e\xefh\xb2\x19\xb7-Y\x00\xf4\xe3FB\xc0\xbd+\x7fN\xcf,\xfc\x88\x15\x0c\xa5\xa6\xc7\xf3'</t>
  </si>
  <si>
    <t>b'\x01\xa3=\x1b\x7f\xeaz~\xb5\xf1\x91}\x02\x19\x8blC6$\x0f\\u\x8b\n\xc8\xc42\x1f\x90\x8f\xc7R'</t>
  </si>
  <si>
    <t>b'\xabR\xa9\xe8zP\x17\xcf`\xaa\xfa\xf7\xfcD\x16\xf3\x05S\xc1\xaa\xc4\xcc\xcb}\xcd\xe8NI\x08yR\x86'</t>
  </si>
  <si>
    <t>b'\x8dI\xed\xb9B\xe5\x06\x84\x02\xb7*\r\xff\ns.H.0\x9eE\xbe\x8b"\x8d\xbc\x8f\xd8M?P#'</t>
  </si>
  <si>
    <t>b'"V`0\'\xcaf\xaf\xd2\xde\xe5s\x7f\xf3\xec&lt;\xbfm\x0b\xad\xf7\x1e\xd6\x8b\xcf\x1d\x03\xaaU\xbb\x92\xf1'</t>
  </si>
  <si>
    <t>b'\xe8\xa4;_\xd2\x9d\xee\xddF\x0f\xbav\xca\x16\x7f\xcf\xbb\x14\t\xa3H\x8f\x8a}\x9b\xb8\xd8E9\xd7mr'</t>
  </si>
  <si>
    <t>b'\xc6\x95\x10\x97\x13\x80\x15\x869\xca_\xf2l\x01y\x1e\xaa\xa5\xa4\xdd\x95\x8c\x10\xb6\xc1\x03*\xc7 \x0cR\xd8'</t>
  </si>
  <si>
    <t>b"\x9c\xb0h\xf37\xf0\xef\xba\x1a\xf0\xe1\xf2W\xd7\x81\xec\x07'\xe2\xf9\xca\x9cC&lt;\x07(X&lt;B\xb3l\xf8"</t>
  </si>
  <si>
    <t>b'\x12\xf7\xdf\x95m@\xeb3\x07\x0e\x1d\x9a}\x8b\xe5\xd4\x107\xd7\xc2\xff+4\x12(\nb\x80\xcc\xbf\xf9\xda'</t>
  </si>
  <si>
    <t>b'n\xe3=\x14]PDD\x17\xb8\xb63\x01}`5\x99(O2\x10\xda\x01w\x1cc\xf2\x01\x06\x8clI'</t>
  </si>
  <si>
    <t>b'\x04\n\x90\x0f\x04\\\xee\xbe\x8e\xbd\xbe\xdb\x9ey%\xde.I]\x82\xbb\xcb\x8f&amp;\x9a\x99\xfa\x99U\xaa\t\xaf'</t>
  </si>
  <si>
    <t>b'\xa4d8]F\x8dQ;\xd6\xb2\x8bY\xc7\xe4\xc8!\xc7lM\xe5\xc4V\xad\xaa\x8d\x80]\x9f[RE\xd1'</t>
  </si>
  <si>
    <t>b'B\xc9h\xf0\x91%\xd0\xcb\t\x0e\x93\x97\x8e\xfe_\x91\x85\x07&amp;\xb1\xfc\x12x\xfd\xc5\xf2zK\x90\x05\xba\x15'</t>
  </si>
  <si>
    <t>b'\x9e1\xd0\x0f\x92w\xaa&lt;\x0fx8\xf8d\x19+g\x00\xab1\xbe\xfb\xb8\xbb\xa8\xa7\x02\xe8=\xe69d1'</t>
  </si>
  <si>
    <t>b'a\xb9\x81\xccw\xa65\xca=\x93\xa7\xc2\x012w\xa2\xf8b\x03?F\x8bD\x13\xf9m\x90\x0ck\x00d\xb6'</t>
  </si>
  <si>
    <t>b'\x8c\xbe&gt;l\x0cTdu\xf2\x9b\xb0\x9eY\x066\xb8 \x1a\x1c2\xd1\xc9,\xb1\x0c\x17;\xf8y\xe2\xf8\xcb'</t>
  </si>
  <si>
    <t>b'\x8dD\xe5xq\xa0\xcb\xbb\xeb\xae\xdc\xb5-r\xe9\xc7\xf8\x91\x85\xaf\xf9L\xe3C\x18zG\xaf\x87\xea`\xad'</t>
  </si>
  <si>
    <t>b'%\xe8\x84\xc8\xae\xae\xf8=\xee\xcd.\xf5\x8e\x00\xad`u\x95qw\x80x\xb5\x9d\xd4\x83\xf1M}\xc8\xc1E'</t>
  </si>
  <si>
    <t>b'\xdc\x83\x08\xc1VgEV\x99\xc6,H\x9a\xab\xfcHs4u\x86\x8c\x14,0/\x01\x92S\xac\xc2\x82!'</t>
  </si>
  <si>
    <t>b"'\xc7\xb1\xd7\xc2g\xe4\xc9k\xe1E\x08\xe8\xd6`ia\xbb *\xb1\x1d\x1c\xaa\xeeh\xcc\x01=\xb1Js"</t>
  </si>
  <si>
    <t>b'\xb25\xce#\x0b??\xc5\x04\x1e\xd5\xe6\x90|i\r\x14\xb0\x8cMu\xc1S\xf7\xd5E\xbc\x97\x9c\xf4\x16\xe1'</t>
  </si>
  <si>
    <t>b'\xaa\xfbK\xb9Gjt\xea\x93\xf4\xfb\xee\x1fv\xd6\xc97\x15%`\x97S/\xd8\xf49\xfd\xfc\x9ef6\x8d'</t>
  </si>
  <si>
    <t>b'\xde"\xe4\x86\x94\x0c\xb7\xf3\x17\x95\xfe+B\xd0\x11G\x0c\x8f\xe2|\x8dn\xe5\xd11T&amp;V\x0b\xe9\xde\x8d'</t>
  </si>
  <si>
    <t>b'd\xbe\x0b\xc4\x0eO\x0f\xc3\xc0\xba-f\x04\xbd\x12\xb0Qhu\xbc\x8e\x06\xb1R\xe0W\x08\xf8\x1c#2\xe6'</t>
  </si>
  <si>
    <t>b'\xfe\xc1\xab\xfeQ\x88\x12\xd3\xdb;1Xm\xaa2\x98\x08 &lt;o\xbe\xe0\x08d\xdf&lt;\xec\x16\x0fU\x85\x01'</t>
  </si>
  <si>
    <t>b'\xa4\x9f\x80\xb4W\xb8\x1d\xfa,\xec\xe3\x82\xbc\xa6\xd3vpd\xc8\xebd\xb8\x08\xb9i\x9c\xeb\xf7\xe6\x8a\x90\x8a'</t>
  </si>
  <si>
    <t>b'\x84(J\x1a\xb7\x9a\xd9\xb6\x80r\x88\xf5\xe3\x82NN[\xc0\x9e\xba9h\x8a\x145\xc3eg\x17Dyy'</t>
  </si>
  <si>
    <t>b'\xeb\xc9\xe4x\xa7G\xc1N\x93\x03es\xcaxVS\x04\x96\xe6\xfb\xa7\x9c\x871\xa88\xcbx\r\x96\xe7N'</t>
  </si>
  <si>
    <t>b"\xf3H\xbc\xd0\x1c\xc8\xaa\xaaT\xca\xfaV\xf6\xe5\xad\xe9\x1bc'\xba3doO\xaf\xdc\xbdHH\xdb\xf7d"</t>
  </si>
  <si>
    <t>b'\x1dFW|5mg\xf7\x880\x14\xa3\x17.!\x9c\x9f\xee~\x8f1\xd3e\xc9P\xbf^\xd9D\x88:\x84'</t>
  </si>
  <si>
    <t>b'\xbfx\x94\xb1=7\xe6#0|\x9c\xfb\xcd\x08G\x97Y\xe3\xf8\xeb&amp;_\xbcId\xfa\xf9\x02\x07\x8a5\xaa'</t>
  </si>
  <si>
    <t>b'\xe2\x07\xb3\xda\x83\x82\xfe\xe9Z\x07`\x88\xb5#$\xbd\xc2\xac)3\xa0l\t\xc9\x1c\xa8JR:)R\x18'</t>
  </si>
  <si>
    <t>b'\x1e\xe3g*\xd0&lt;\xcbt\x8d\x0bI\xd4\xc1\xde\xa5]\x9e$\xfa;\xbdl\x7f\x80*=\xa3Z\xa1}A\xca'</t>
  </si>
  <si>
    <t>b'\x18nS\x00\x87oa!\x81\xbdZ\x97\x93\xe0\xff\xbc\x05\xe1\xe5)\x1cdU\xbb0\xdej!\xae\xb3a['</t>
  </si>
  <si>
    <t>b'\n\xeakh\xe2\xb9P\xac-F0+\xec\x04\x9eO\xda\xa7\x0bIy\x9c\x82\xe9\x9b\xb4\xf0\x8d\xafEZ\xab'</t>
  </si>
  <si>
    <t>b'\xf50m\x89\x87\x10\xb0H\xe6T\xec@\xb5)\xd0\xbbL\xab\xbd\xa1\xff\xda\x9e\xb3\x18\x03=N\x84$\x10Z'</t>
  </si>
  <si>
    <t>b'`"\xb4}Uk\xbfa\xabWQ\x8a\xa5\x02U\xb2:}P\xbc\xe7\x93J\xa2a4M\x1d8\x0bL\xbe'</t>
  </si>
  <si>
    <t>b'\x15\xc7\xb8\xa3\xe7Z\x89\xe8\xd1\xb22\x00\xfeE\xcfN\x80"]y?\x1b\xa5\x0c\xaf\xdc!\xb5R\x0c\xab\xbe'</t>
  </si>
  <si>
    <t>b'~?\xcc\x9f\x1a\x80\x1b\xcfxP\xc6yo\xe0\xdb\x80m\xa78\x81\xc9\xb7\x81\xddA\xca\x15\xdb?\x97\xbf)'</t>
  </si>
  <si>
    <t>b'&amp;z\xb0\x91\xff\xb8\x08bB\xe9R\x9dA\xf4S\xf0\xf8\xa2m\x82\xf0\x86lW\xec\xd5k\x89t,\xbbo'</t>
  </si>
  <si>
    <t>b'\xee\x15S\xe3\x8f\xe8\x10\xb3n\x9eK\x8f\xb6\xa2\xa3aqs!\xa9 h\xaes\xd8\xfd\x90z0P\xe5t'</t>
  </si>
  <si>
    <t>b'\x01\x8d\xca\x90\xc5\xa3\xf6\xc7U\xa6Q\xec(\xb39\x89\x7fb\xfc\x10\xa3\xeet\x0b2\xfe\x12;\xea\x10\x9d\xcb'</t>
  </si>
  <si>
    <t>b'!p\xe1\xdd\xdb\x95=6\xdb\xd7\xae\xbb\xa9\t\xe8\xb3-\x84kq\x12\x15\x01\x83\xdf\xec\xdf\x80\xa2\xdctv'</t>
  </si>
  <si>
    <t>b'\x05"\x9c\xc2\xc6u\xbd)\xb4\x14\tl\x8aG\x1b\xf8\xc1\xa3E&gt;B)u\xd6\xe1CWbX\xe0\xa6\x04'</t>
  </si>
  <si>
    <t>b'buK@\x9c\x10\x82$\xa4\xb0\xa4\xb2\xb5\xb8E\x02\x0f\x1e\xd8\x85\xea\x96\xfd\xb9\xc7\xeeN\x96\x00\xd6\xa3m'</t>
  </si>
  <si>
    <t>b'\x83T\xa0NC\x82w\x9e\x05c\x19\xf9e\xce\x9b\x851{C\xb9U\x8eL\x93\x1b\n\x16Y\xac\x8d\x15\xa5'</t>
  </si>
  <si>
    <t>b'\xd5\xadg\xe8&gt;\x08\xd4\xb7;\xd2\xcf]B\xa2\xa6\x9f\t\xd5\x9e\xc3\xbe\x96\xc1\xdd\xf1\xd8\xd2\x87t8[\xfa'</t>
  </si>
  <si>
    <t>b'A/\xa1`B\xf7|\x82_\x99\xee\x10\xdc\xb5\x17\xd2\xe5j2P\xa7`\x94g\xe1]5x9\xa8\xc5\x87'</t>
  </si>
  <si>
    <t>b'r\xe6\xc9\x10\xdcZ\x04\x83\x17*u\x92\x1dB\x048[\xa5\xfc\x92^[\x86\xf3\xa9\x9b\x98DsNt\xb3'</t>
  </si>
  <si>
    <t>b'\xe7\xf5\xf5\xb21\xbaH\xb6\x91[\xe9-\x17\x92\x84&lt;A7a\x1e\x18\x04\xe7\x1f\xfc\xba\xda\xb1\xab\xf5:\xfd'</t>
  </si>
  <si>
    <t>b'\x85x\x81M\xe1\x91\xc1\xb0\xff\xac\x01)\x15\xfb\x9c\xf9q\xbe\x0b\x9c\x9ed`\xd0\xf5\x9c\x9fZ/\\\x83\xe8'</t>
  </si>
  <si>
    <t>b'2\xfa\xa1H\xc7\x9a\x80j\xca\xe7\xc5\xfc\x98\xb0\xbc?\xad\x15\xed\x98\xf3U&lt;W\xac\xfa\x93\xd0\x0b\x00\xe0\x1b'</t>
  </si>
  <si>
    <t>b'\xdf\x9b\xd0d\xea\xd5\xbc\x80\x1d$4\xebe\xf0\x91`,\x9eM{\x9b\x9b\xb9\x17\x06\xa7\xa7\xbb\x0e\xcb\xf5c'</t>
  </si>
  <si>
    <t>b"&amp;\xe5/\x07qG\xc53\x9e'\x14]\x9b\xea\r\x08hk\xf8\x1c6J\xede\xd4%\x82\t\x11U\xff\xd2"</t>
  </si>
  <si>
    <t>b'v\x8b5\x17\xe7\x9e;)\xf60\x9a\xbe\x08\x8b\xf28\xf2\xce\x85Kv\xb5\x1d\xaa\xc8\xc8rF\xfd\xf9\xaf\xba'</t>
  </si>
  <si>
    <t>b'\xd1\x83{\xf4\x08?\xfa\x8a\xfc\xf7|\xe1\xb2-M\x12\xb4\x94\xd38\xc1\xec-L\x8b\xec\xd0\xe3\xa2\xaaL\x1b'</t>
  </si>
  <si>
    <t>b'\x84\xfe\xf3\x1a\x8d\xe3\x8e\x07\x8f6Q\x18m\xf2#h\xe0\x8d@\xa4\xf1*H\x88\xd3^\xcb\x9b\x04\xa8f\xf0'</t>
  </si>
  <si>
    <t>b'/\xcf&amp;\x11\x91!\x81\x98\xf2\xda\xde\xc5\xde\xf0s\xb7\xcb\x11\xb5\x18\x0bQ&lt;\xb7y\xa6+.\xfb\xa7\x87I'</t>
  </si>
  <si>
    <t>b"'\xcf\xf9\xb3\x95\xe3\xf3`x\xf9(q\x9c\xc7ab\xc51N_\xef\xa7I1+Q6\xf4\x0ci:t"</t>
  </si>
  <si>
    <t>b'R\x1f\xd0\x01i_*\xa8\xdc\xbb\x88[K\x13\xb0\x82p&gt;+EKlZC\xfd\x1e\xa4\xb9\x16\x8f\xd4\xb8'</t>
  </si>
  <si>
    <t>b'\xf0\x88Q\xeb\xf0"\x0f\xf0\xbf\xfe_\xda\xf4+\n\xa7\'\xcf\xa22\x81\xfc\x84\x14D1\xf8M\x02\x8d\x0c\x1d'</t>
  </si>
  <si>
    <t>b'\xfe\x16\xd3\\=\x90e\xd70\xd9\xdc\xe6\xc74\xbd\x08\xb0li@x\xfd\xac\x88\x86\x90i}\x98)\x1a\xa5'</t>
  </si>
  <si>
    <t>b'\x86\x04\x1c\xb0\x14\xd0\x1cI\xab\x8f\xc7\x10\xf7\x1f\x83\xd5..\xe9y\\\x8b\xb3.\x80\xac]\xd7\xe6&amp;\xb8?'</t>
  </si>
  <si>
    <t>b'\x14\x81\xfc\xc5\xfc6/\x9c\xfd\x93wLi\x9f$\x8aj$\xd3\xb4\x9f#\xddv\xd7\x7f\tm\x89\xb0K\x88'</t>
  </si>
  <si>
    <t>b'\xee\x9b\xf4\xafG\xb65Kj\xb1]d\n\x86K\xcc\x00\xe5\x13\xff\xff\x00\xd2\x16\xd77I\xc8c\xd2\xa4\x9a'</t>
  </si>
  <si>
    <t>b'\xf9\xbf\x9a\x99S\xb81\x1b\x00(H\td\xa2!\xb5\x85`&amp;\xbf\xd8\x85#\xdf\xac\xdf{\xcc\x1a\x1eK`'</t>
  </si>
  <si>
    <t>b'nV\xa9\xa6\xf6\xb8\x89\x13\xc8\x01-z\x99N\x972d}\x0e\x84x\x049sR\x0cq|\xdf~\xbf\x85'</t>
  </si>
  <si>
    <t>b'm\xf3\xc6jl q\x0b\x91\xa7\xbb\x1b\xb5\xbbH\x9fH\xe9Mnxw\xf2\xc2\x93\xed\x89\x82\x9b\xba\xe6\xd7'</t>
  </si>
  <si>
    <t>b'#\xb8\xaa\x0c\x87\xdc\xd7*|\xe4S\x8a\xa9\xe8\x97\xdc&amp;\xd3\t\xc5\x96w\x8e\xecO\xcfpk\xfa\xf2\xd4\xcd'</t>
  </si>
  <si>
    <t>b'\xd1\xd6V\xb0\xe1\xefp\x8e2\xfb\xf2y\x87\xc1\xe4\xef|\xef0T\xccH\xa1\xea\xa6\x0f\xd8j4\xdf\xb05'</t>
  </si>
  <si>
    <t>b"\xbfr\xb7N?\x00\xe7W\xe2'\nx&amp;M\xa2\x9e\xbfG\x80H\x1f0\xae\xcc\xa9\xd2\x155\xe1eik"</t>
  </si>
  <si>
    <t>b'\xf7\xb0ut\xa4&lt;SH\xeb\x17\xee\xc1\xa3J\xb9h\xb5\xcc\xae\x14g\xde7\x90-e\xbc1\x97f\x92\xfe'</t>
  </si>
  <si>
    <t>b'\xf3\xe5\xa2PB\x98\x92\x815[s\xae\x0f\x9d\x98\xcfJO\x90@+~25.\xd3W\x13\xad\x9d\xc3~'</t>
  </si>
  <si>
    <t>b"\xd9K\xd5\x9d*\x9b\xb0&lt;\xac\xff\xdc\\\xe5T$\x9ax\x87'\xf2&lt;\x1f\x04B0^\xa1\xd7GS\x0e\x0c"</t>
  </si>
  <si>
    <t>b'\xff\xf2I\xd0\x9d\x80ZN\x00\x88\xcd\x07[M\xe1\xe4\xe3iX\xf0\x1f\xa8\xb8\xb4{\x7f\x90\xce_\xde\x8d\x10'</t>
  </si>
  <si>
    <t>b'\xe8\x94\x98\x13\x15\xaa#\xbet\x0f\xf1\xcd\x1a\xbc\xa9\xab\x9a\xf3\x97\x04}\x93\x91\xa0\xa6L\xb44m\xf8\xf3\xb1'</t>
  </si>
  <si>
    <t>b'\xb9\xf9*\xcbAV\xe5](\xcd\xde\xc8\xe5\x92\xf6m\x9a\x06&amp;S\x0c\x0b\xe9\x16Sj\t\xe5e+\x160'</t>
  </si>
  <si>
    <t>b'U\xc5\t\x84\x10\xca\xf1\x81\x86\xb3\xbdg\xcd/\xf5\x98{v\x8c\xb9&amp;\xb1\xc1a\xa4-\x84kb\xee\xe7M'</t>
  </si>
  <si>
    <t>b'\xa2\x1f\x1a\xd7\xca\xfa\xfa\xbf\xbb\x07\xed\xb8l\xc5\xbd\xfdo@\xa4\x04\x994\xba}\x14so#\xc3\xe7p\xd0'</t>
  </si>
  <si>
    <t>b'F\xb8Y_\x0fiK\xa6\x02\xc1&gt;\x9a\xaeK\x9cco/\x91V\x11H\xec\xd4~\x86\tx\xbe\x03\xbc\xf2'</t>
  </si>
  <si>
    <t>b'\xe1\xbfJ=\x93\x0b\x8f\x16\x06\x9fJ\x8f,\x83tl\xf8mE\x9e\x90V\x9cr\xe0\xa8f\xca\x92R)\xe2'</t>
  </si>
  <si>
    <t>b'\xbar\xa4\x9bR\xd3Z\xad\xb5\xb12\xd1\x8b\xaf\xd1{\x88\x8c\x02\xfc\xc3\xd2&amp;9\xbag\x84\xd1\x95[.k'</t>
  </si>
  <si>
    <t>b'\x14\xc7\xc7jG\xab ^\xff\x05\xb1?\x13i\xf6g\x94D\x1d\xc6\x88\xd6\x8c\xa0\x0cm\xc3\xab.)\xea\xea'</t>
  </si>
  <si>
    <t>b'T\x01\t\n\xff5\xb30\xdeb\x10\xda\x02\xe05\x80\xdc\xe1\x1f,\x87Z\xd0-\xe6\xe8@\x92\xa2\t\tc'</t>
  </si>
  <si>
    <t>b',\xed\xe7\xf0Lx\x9c\xf3\\\xe5D\xb6\x0b1\x85\x89\xd4*\xef\x01\x1a\x03H\xa0W\x0e?\x80\x0c\xe3&lt;\xfc'</t>
  </si>
  <si>
    <t>b'\xfe=3\x9eU\x86\xf4.\x1b]\xb7\x0b\xc3Bd8j\xef\xd7\xc1h8\x94\x9c\xa3~&amp;\x12\x1b\xddq@'</t>
  </si>
  <si>
    <t>b"J\xfd\x02\xfd)\xc9I\xb7\x8c\xa1\xae\xa9\xe4\xf1K'\xe9,W\x04.c\xb1\xd8x0\x0c\xed\xf9\xea\xa8\x0f"</t>
  </si>
  <si>
    <t>b'\xd4\xcd\xe5\x91\x7f\xa8\xcc\xdd\xe2g\xd66f!\x91\xf4\x00f}\xb0\x15p\xd7|v)\x9c2\xd7\x94\xb9\x89'</t>
  </si>
  <si>
    <t>b'RP\xb6\x84\x076\xc8\xf2nJ8\xe1\xfa\xeb\xabZ\x1d-\xb8\x81\xd1\x88\x8c\xff\xcb\x91\xbfk\xa1\xb7=\xdf'</t>
  </si>
  <si>
    <t>b'\x93\x12\xc99\x99\x0f\xc8Z\xcdr\xcd\xdf[\xd4\xa9\x8b7\xe4\xec*\x0c\xf4bt\xb8\xee\x0ct\xaf\xbb\x0c\xb3'</t>
  </si>
  <si>
    <t>b'\x12#\xact$y\xac\xbd\x1a=\xbd8\x07j\x06\xdaQ\xe5\x9a7\x01\xa9\x90\x87+\x0e\xabS\xd8\xeaI\x14'</t>
  </si>
  <si>
    <t>b'?\xa5&lt;\x97\x7f7\x89\xf8Axx\xc32u\xfb\x9f\x042\x93[\xd2\xef\xed\xc2\xce\xe2W\x1ac\xfc}H'</t>
  </si>
  <si>
    <t>b'-\xd4\xf41PT,\xbaS\x85.\xf85\x84Nql\x0cn\x87\x96\x06\xb7\x95\x14Lc\xf8\x84\xe5\x1a\x0c'</t>
  </si>
  <si>
    <t>b'~\xfe9\x13g\xd5-\xd5\xe7\xbaXW\xd5\xae\x87\xde\x89\xb7\xcc\xe1F-\xfaN\xeci\n(/\xec=\xab'</t>
  </si>
  <si>
    <t>b'\xfd\xcd{\x91\x05\xba\xacZ7\xfd!c\xc4\xc3\xfa\x02\xf8\\\xa7\x9b8\xef\xa3\x9a.xu\xd0\xacxq,'</t>
  </si>
  <si>
    <t>b'\x8f\x80\xf0B\xbc\x90_Ef\xac\xec-\xe0\xf2a\xd3\x0e\xb0\xab\xc7\xbc\x9b*\xd1\xdeC:F@\xfcw\xc2'</t>
  </si>
  <si>
    <t>b"\x02\xb1*4\xdb\x82Ax\xdb\x0b/{2\xc9s\xb7\xee#!\xec\xb2g'\xca\x1e\x0f\x0b,\xf3L]\xf0"</t>
  </si>
  <si>
    <t>b'\xf8|\x110ltM\xa2z\x16\xd1O\xbc\xbc\n\xb9\x15\xd9@-(\xc3\xbaa5\x11\xd7:\xd6F\xea\xba'</t>
  </si>
  <si>
    <t>b'\xd4\x15\x17\x97Mt{\t\xb7\x16\x00G\xee\xea0\x94\xbc\xce\xa3\xbe\x90\xc25\xc4\r\x12e&gt;\xd4"cr'</t>
  </si>
  <si>
    <t>b'\xf6\xa1\x93]\x1f\xfc\xf6l\x7f\xd9\x8d\xbe\x82\x93\x85\x17\xab\xda\x90\xaflkBF\xcc?8%!&lt; \xbe'</t>
  </si>
  <si>
    <t>b'\xc4{\x1b\x9e\x8f\x8e\x0b\xc5b\xf3\xcf\xb2\x06\xea\xf6H\xe4%\xb9V\xd5\x8bt\x8fQp\x19\xe7Q\xc9E '</t>
  </si>
  <si>
    <t>b'$\xba\xb1\xb9\x87j}\x00\x10d\x13\x9a\x82P\xd14\xf4\xe6\xf7)\xe5V\x8c=2\xc1s\x92\xfa"p&gt;'</t>
  </si>
  <si>
    <t>b's\x88\xe4\xec\xe9iJ\xb6\xf4%1C\x9c4j\x82\xb2\xf8Y\x8d\xbb\xceo\x9f\xb4#i\x00\r\xe33}'</t>
  </si>
  <si>
    <t>b'"\\\xb0\xb7\xb0\x85B\xf7\xc2\xb0;\xab\x10T)v\x05\x8e\x9c\xf7\x0c\xbf\xe6\x9a\xa4\xfc\x93R\xc2\xba*\x81'</t>
  </si>
  <si>
    <t>b'\x12s\xd3t\xf4\xe4\x03\x9d\xc2\xa7?\x1e\x1bh\x83e\xed\x00\x12\x11r\xd9\x03Y7\x99\x9dU_\xd1\xee\x11'</t>
  </si>
  <si>
    <t>b"k\x803\xd6\xb8\x83\t\xfal\x00J\xa1\xf5\xf4O\xf3\xa3\xd3'\xea\x85Gt9Z\x17\xa2{l\xbb\x108"</t>
  </si>
  <si>
    <t>b'\xe2\xe9\xc4\x81\xbc:\xda\xdcl\x91L\x95$FL\x16\xea\xf2t\xc3\x1b\x05u)\xe2\xfb~\xc1\xd22\xa3@'</t>
  </si>
  <si>
    <t>b's\xe9\xeb\xb3\x8c\xd0\xd7qM\x97\xa7\x80IE;\xcc)\xf7\t\xec\xdb8\xd2\x88\r\xcd{i\xfc\xcdL\xbe'</t>
  </si>
  <si>
    <t>b'\xf8om\x92\xa8\xef\xf4e\x90\xabO\xac\xec]\x99\xff,]\xbd?kDG\x98\xe9\xd4gV\xd0\x0b/\xf6'</t>
  </si>
  <si>
    <t>b'\x05\x9e?\x1c\xd4\x84\xc5\xc4\x1c\xc3\xe9\xfe\xe6\x06\x13,\xde\x99V\x92`_O\xc2K\xb9\xd5\x18B\x86\x04\xca'</t>
  </si>
  <si>
    <t>b'\x85+\xcd\xd6b\xaf\xe2\xca\x16.:\xe8I~\xaa\xcb\xff`\xed0\xd7$\xde\xe2\xfc\xf3\xf5(\n\xea\x16\xa7'</t>
  </si>
  <si>
    <t>b'&lt;E,&amp;\xc7\xf94.\x83\\\xb9\x93|\x06\x17\xa6[N\xf5xr\xbd\xa6\xd7\xd1\x85\x04\xeeh\xaa\x17\x7f'</t>
  </si>
  <si>
    <t>b'\xc5\x9b\xed:\x1aW]\x13\x0f\xa7\xbfg,?\xe7\xacX\xd3\xad\xfe\xc9\xdd\xab\x0b\x97\x80*\x90\xbd\xfe`\x00'</t>
  </si>
  <si>
    <t>b'\xf1\xb5\xb3\xbcb\x82\xfbC\x86\xab\xeb\x112\xbag\\\x14\x84\xf5dN\xd6\xafU\xa9\xabp\x83\x13\xa1\xec\x1f'</t>
  </si>
  <si>
    <t>b'\xfd\x84\x15\x95\x10\xe6\x95\xae\xe8[%rt!#\xfe\x11\x92\xaa{93\xe2\x87\x04\x9dq\xba!\xc41&amp;'</t>
  </si>
  <si>
    <t>b'\xc1V\xd9yy\x8f\xf4\xd5\xd3\xdc8\xc9\x1d9\x9fD\xef\xb1\xa0R\xa6\xa6r\xc71z\x81~p\xd2\xc0\x03'</t>
  </si>
  <si>
    <t>b'\xa5\x19\x81\tJa\xde\xdd\x1d\xaeB&gt;\xcd\x9d\xb6i\xf6\xf3j\t\x1a\x9d\x19\xab\x85c\x01g\xcf\x18\xc4\x9e'</t>
  </si>
  <si>
    <t>b'\x1d}6Xj\xce]\x89z?\x89a\x00\xfa\xa2\x84M\x0b\x00F{\xbe\x94\x80\x18c\xd8\xe1\xd9$\x0b&lt;'</t>
  </si>
  <si>
    <t>b'\xcb\xcc\x9d\x19\xaa\x1fws\xec\x92\xb8u\xed0M?\x9cD\x86\x89#i|*\xb4S\x8b\x1f?\x0bg&amp;'</t>
  </si>
  <si>
    <t>b'\xd7\x08P&lt;\x87\x85#\xcb\x11\xa7f\x16\x12h(\xe69\t\x82?&amp;\xba\xcel\xcdr\xb1D\x16\xd5\xe3\xe9'</t>
  </si>
  <si>
    <t>b"V6\xe3wV\xf8\xbb(\x82y\xdb?1\xf3'\xcb'\xfa-W\xa2\x1f\xca\xaeF\x97\xb9V\xd8\xe9\xdc\x06"</t>
  </si>
  <si>
    <t>b'\xb6\xe7\xb0\x19\xf5\xfb\xb1\x06\xad\xf1E\x8a\xff~\xb2a\x0eW\x15\x9f\xfa*\xe9\x08\xc2\rN7\xbd\xde\xeb#'</t>
  </si>
  <si>
    <t>b'\xf4\x86\x95\xb7B\x88\xd7s^\x00S\x9f}g\xfa\xaf\x80?\xdfS"\x05K\x1at/s-\xffj\xd8\xb8'</t>
  </si>
  <si>
    <t>b'\x9a\xbe\xfb_e\x03\xd6nLzo\x1e\x198t\xd1\x0b\x117\x0b;=\x1d\x8e\xb6:|\xf2\xc9\x18\xce\xef'</t>
  </si>
  <si>
    <t>b'\x04\xbepPj6\xda\xf0#_\xbc\xd4P\xc5k\x1a\xc8\xc9k\x00\xf5i\xf0\xe0\xed\xc0\xa61\xe9[\x1c\x01'</t>
  </si>
  <si>
    <t>b'p\xfcz\xc4\x00\x19\x9cx\xf0s\xddt\xfcs\xa1\x91\xf314\xb1:\xb7\tc:\x98\xcb\x03\x1f\x9f\xbd\xdd'</t>
  </si>
  <si>
    <t>b'\xb9$ \xa4\x88-\xdd\x0er\xc4\xc6,\x1e\xad}cQ\x8aC\xf6\xbc\x90\xa8!\x11\xe8\x12V?\x13\x9ds'</t>
  </si>
  <si>
    <t>b"\x951\xd3\xb6\xc7\xd5\xa58\xb6\xadL@'\x87\xa0\xdb\xaa\x1fV\x1c&amp;\xd1\xcf\x96V?\x9e\x83y\xe5\xf8\x84"</t>
  </si>
  <si>
    <t>b'\xe4\xf4\xe9\xc8!\x06\x80V\xf28\xd9\x12\xf7\x1e%\xc2\xfe\xaf\x87\x14`\x03\n\x91\xb3 hZ\x88c\xa1\x0e'</t>
  </si>
  <si>
    <t>b'{\xe9\x8b\x01\x06\xbav\x84\xf2\x83\x9aa\x07v\xd7\xec\xf2C\xce^\xad\x85\xc9\xbay\x1c\xf6Ua0\xdf\t'</t>
  </si>
  <si>
    <t>b'\xcc\xa3y\x8a4Jy.\xf8\xb4Ca\xa1\xe7\x81\xde\x9e\x8f\xf0 \x9d\xd1O\x98=\xad\xd3\x96e$\x90\xf6'</t>
  </si>
  <si>
    <t>b'\xda=\x83W\xd1D\x91{N\x98BJ\xcc_\xcf\xf5=\x7f\xf6/\x0e\xc4\xa5Q\x91bB\x89\xec\xf3\xd6\xc8'</t>
  </si>
  <si>
    <t>b'\x83\x0f\t]\x19!\x07\x925\xe7g\x06{3+\x06\x0e\xc0\xf1I\xfft\xc7\xd20L\xd0\xcd\xd7\x83;B'</t>
  </si>
  <si>
    <t>b'\xa2\xeeY\xc1\xc5\xfbN*!\xab\xd6\x19\x1a(3\xe07\x14\x95m\xa6A\xac\xed\xab8p\x9fyh\xce\xab'</t>
  </si>
  <si>
    <t>b'\xf8\t\x9e\xb1s\xc8\x82\xa2\xfd\xbb\xe6\x8db\xbe\x0bt"\xa6Kp\xaf=\xab=\x96e\x04\x11\xc7\xd5\xe3\xba'</t>
  </si>
  <si>
    <t>b'\x8e\xaf\xff%\x94\xbe\x0b\xa5\xc9/\xa0q\xdc\x9f\x1c\xfa\x14\xb7MmH\x9a\xeb\x83S\x08%+U\xe0\xe1\x9c'</t>
  </si>
  <si>
    <t>b'\x8a\x0e\xd9Q2\xf3y\xaa\xd5\x84\x94\xbf\xd0\x99\x1f\xe6\xdf\x08.8\xccT\x1b\r\xc1\xe5\x17\xe1\xcd\xddUS'</t>
  </si>
  <si>
    <t>b'L\xa6dC\xc4\x0eC\xc9\xea}\xb9\x95\xe6\xfb\xe0,\x8fE\x048Q\xe2\xd3\x95:\x95\x93S\xfe\xa0\xe4\x9e'</t>
  </si>
  <si>
    <t>b'M\xb6\x0e."\x15\xbf $\x92(_&lt;\x88@hY$\x08\x1d\xc7\xf59\xf1\x8f1i\xf1\x95x\xe6Q'</t>
  </si>
  <si>
    <t>b'\x7fd\xc30\x9a\xe6\xfa\x98\xa3\xc1\x9f\xa1k\x0b\xdehF\xe8\xf1\xbb\xe0\xb6\xd8\xff\x8efR\xf5\xbd\xde\x8aJ'</t>
  </si>
  <si>
    <t>b':g_\x98r\x88\x11:%\xeb\xaf\x05\xc6\xa2N\xa6\x83\x10\xa09U\x16\xfc\xa1C\x08\xab\xc2\x06\x97\xf6G'</t>
  </si>
  <si>
    <t>b'\x9c\x92&gt;\xe1\xb7C\x8at\x00I\xa7\xa8\xd5\x9a\xe6\x8e)\x087+P\x8d\xf1\x95\xcfc#x\xe9_AR'</t>
  </si>
  <si>
    <t>b'\x1f\x1d\x8e\x03\x05\x9ci\xc9\xcb\x98\x88\xfa\xbd4\xb7\xdb6A\x1b\xf1@\xd8\xa1CD\x0f\xe2\xae\x97\x86\x9d\xe5'</t>
  </si>
  <si>
    <t>b'd\xfa\xdcP\x97\xe2\x1b\x99\x91\xb1\xe1\x97\x89\xc0\xf6\x90\xd7\xfb\xa9\xa5\xce\xae\x04\xa6\x98\xf6h\xc0Zn\x0f\xc8'</t>
  </si>
  <si>
    <t>b't\x17m\x8c\xb6;\x98\xb5\x9e\xd6P\xfc[\xe9\xb3\\Z\xc8p\xa3\xf4\xfe\xd2\xb7[\x99\x13jw\x10\xe95'</t>
  </si>
  <si>
    <t>b'\xb4\xdb\x1aLR\xbd|\xe8\xde7\xeb.\xf8\xa7\xc9U\x00\xa2\xd3\xd92\xf6r\xe8\xe1\xb1\x0b\xcf$\x94V\x99'</t>
  </si>
  <si>
    <t>b'\xa9\x89f\xc2\xda\x1f!\x96d\xa18g\xb71[&amp;\xfa\xba&lt;3\xa6\x94\xe5\x93e\xb4wC\xed\xd0\x11H'</t>
  </si>
  <si>
    <t>b'\xef\x82\xa5\xc1\xd4\xd5\xd7\xf5\x85oW\x1b\x84\xd2\x06\x82~\xe4K\xb1\xbc&amp;\xd1\xa9"\xe8v\xd7&gt;\xfe\x992'</t>
  </si>
  <si>
    <t>b'\n\xb7\x04\x83\xea\xd9\x06\xbd+\x85D`\xd5LW#\xa2\xc2\x92Z\x01b)\xcb\x07\xc2B\xc4\xc1FAu'</t>
  </si>
  <si>
    <t>b'A\xfd\x9b\xaa&lt;\xbch\xfdMa\xce\xb5]z\xf6\x9b\x1c\xe0=\xa7\xeb\xd22\xb5v\xdfb\xf4zP\xe7G'</t>
  </si>
  <si>
    <t>b'\x98w0Hq\x80(\xf4\x08\xac\xb6i\x8cJ\xc6\n\x13\xf0\x82\xd5\xf00\xec\xe9y)\xbe\x19L\xb5\xa4\xf5'</t>
  </si>
  <si>
    <t>b'K\xaa\x19\xeb\xfa_EP\xcf\xe4\xef\x8c)%\xc3\x7f\x04\xb6Gc\x9e\x89\xec\xceJ\r\xb0\xe3g\x90\x1c\x9f'</t>
  </si>
  <si>
    <t>b'-\xa0\xb1\x01?7h\x01[\xf4\xfd\x91\x9b\xf2J:\x9e\xb8\xa3\x0cw\xaa\x05\xc8\xecjj\xc1\xe6\xb6\x91]'</t>
  </si>
  <si>
    <t>b'2]w\xe3=\x1bC\x95C\xc1\xd10\x88\x0bxEAg\xde\x91\x1e}\xb9\t2\x9d\xe7\xe0&gt;\xe7\xda\xf0'</t>
  </si>
  <si>
    <t>b'\x93\x03\x10`\xe3\xbe\xd6P\x0f\xcfX\x05T\xd4z\x1a\xf8\xb8\xe9m\x8b\xdc\x1e\x1a\xc2\xd7\x12\xbb\xb3:\x9f\xfa'</t>
  </si>
  <si>
    <t>b'\xd1\xec\xc6\x8e\r\xf4\x01\x9c&lt;5\x0c\xd9\x9f\x0edm\xc23\xa6\xbby$\xb3\x0f\xaa\xec\xd9\xa9\xa0\x82\xfa\xf6'</t>
  </si>
  <si>
    <t>b'\x893\x9a\xcb\xe6\xc6Y7\xfb"!\r\x1e\x1e\xbc\xff\xbb\x9ai\x95&gt;\xf8\x96\xe6k\xf1/\x02\x81"\xb6I'</t>
  </si>
  <si>
    <t>b'2%\xe3[\xa0\xea\x9a\x12\xce\xa9\xed\x01\xb6\x91\xfa\xeb\x0c\xab\xf8\x1a\x01i\x88\xc0[\n\xa1^\x07\xc7\xfa\xa3'</t>
  </si>
  <si>
    <t>b'\x18z\x1d/\xd5W\xacb3\xaeki\x13s\xbbT\xa8z\xd4f\x08\r\xb8\x12\xc9v8\xb96\x1e\xb7\x83'</t>
  </si>
  <si>
    <t>b'\xc4xFg~\x9b\'IH"uN\xeb\xa6\x04-\xfe\xe0\xce\x18\xf9=\x01\x01G\x13\xb1\xb8\xd52\xc4D'</t>
  </si>
  <si>
    <t>b'\xfd\xae\xd1#\xc3\x97\x0b\xf7\x97\xa98\xc0\xa6\xe6\xe3or\x13\x95\xafei|\xae\xf6M\x01i/\xe8\xc5\xd9'</t>
  </si>
  <si>
    <t>b'\x00\xde\x02~\x0f\n\x91\xcb+\x0e\x8ag\xb2\x89\xff\x01h\xba\xd1\x9f\xf6S\xf7\x12DE\x82\x1dM(\xd3\xfe'</t>
  </si>
  <si>
    <t>b'\x91\xe3\xa3`gu\x98\xc0\xce\xfb\xe9!\x9b\x98\xe4\x0ezZ\x17\x1c\x10 \xa0\xab\xc6\xc3\x12\xb8\xd6\xa2\x87B'</t>
  </si>
  <si>
    <t>b'\xd1L\xd1\xc3y\x02\x80\x86\xac-Gt\x8f\xac{\x02\x81\xa7\xcf\x1aml\xb3\xba.\x0b2\xdf\xc5$N\xbd'</t>
  </si>
  <si>
    <t>b'}f\xc3\xdb\xf8\xb0i\xae7`\xb4\xaa\x91?\x02\xfb\xf7\xbbV\xceP\xa4\x9f\xf8\x0e\xe9\xcf\xa8:\x17\xf1;'</t>
  </si>
  <si>
    <t>b"m\xf4\x12\xd8\xf4P\xf5\x8d\x82L\x82U{e|\xbfr\x95OW\xe5M\x85\xc6Y\x9b\xbf'T\x9d{R"</t>
  </si>
  <si>
    <t>b'\xf7\x86n\xa8l`\x05\xc1YX\xc7\xa5\xebf(\x86"\xaaS\x08\x02\xbbs\x1c`.&gt;\xe5wx\x91J'</t>
  </si>
  <si>
    <t>b'\xa8\xbf\x17i\xcbD\xb1\xf4|34\xaf*&lt;~\xfdj\rR\xd1\xc2\x15l\xa2H\x16\xa3\xea!&amp;\xbb\xfd'</t>
  </si>
  <si>
    <t>b'i7#8\x91"\x8eK\xb1Ipzu\x8b\xa3:\xdc\x00\xb6\x99\x06V\xcd9E\xd9\x8d\xcb\xab\xb8p\x98'</t>
  </si>
  <si>
    <t>b'\xe7\x97\x1aV\xbd\x1cw\x18\xdf\xde\xf3\xd5\xda\x81\xa3\xa8W\xeb7pwGlW\xb0_\x16\x04\xffM\x8b\xea'</t>
  </si>
  <si>
    <t>b'![\xc8\x80~\x1f\xb7\xe1:p\xed\x931S\x00\xff\x94\xb0\xf4\xbau\xd2\x8eiXr\xb8E\xdf\xaf\x1b\x94'</t>
  </si>
  <si>
    <t>b'\xbb~\'\xdc\xf8Zme\xb0\xdf"\x9f9\xbe\xcf\x88\xba\x00\x1f~\xcep\x97\xbf\xe8\x92\xa6D\x14U\x9d7'</t>
  </si>
  <si>
    <t>b'\x00\x17\xc2\x90\xfa\x89d\x8bF\xa9\xd6\x10\x13i\xe8\xd1R\x9c\xc2cg&gt;7\xa4\xab\x11&amp;\xe6\xc7\x83\xbe\xac'</t>
  </si>
  <si>
    <t>b'\xcaBB\xaa\xab_\xd0\xba\xb3:\x11j\x92\xd3\xc2\xee\xa9\x11\x882\xa4\x1c"\xee4=\x83M\xea\xd0?\xce'</t>
  </si>
  <si>
    <t>b'E\xdb0\x87\xb0\x03\xdf!\x04\xe5\x9dL\xbbH\xda\x03\xd0\xc4\xa8*-d\xbe!7\xd5\x06\xc57\x8d\xcel'</t>
  </si>
  <si>
    <t>b"'\xa7{G\x88Q\x00\xb5N\xddJ8\xd0\x8fB\xca\xe3;\x01\xdc\xfemk\x1e\xec$\xebEsp\xacv"</t>
  </si>
  <si>
    <t>b' I\x96V\xf1\xdd\x1e\x07\xae\xd6+\xc1\xc7jr\x93\xc9\x95l\x9f\xb2\xac\xe5\x82N\x8a\xa4\xecv\xbd\xd5\xa4'</t>
  </si>
  <si>
    <t>b'\xba\xde\xd2\xc9F\x89\xea\x80\x98u\xdd\x18\xba?\x8a\x11E\x1bO\xbag\xaa\x97uB\x9d\x00\x0e\x0eG\xc6\xc6'</t>
  </si>
  <si>
    <t>b'\xa6q\xb3\x03L\x98\xc2Z\x0c\x85\xf3Yq\'+\xe9\xe8\xd1&lt;I\xefF"W,\x7f\xb3\xb8\xf3\x8b#\xb9'</t>
  </si>
  <si>
    <t>b"tvm\xc0\t\x99i\x8d\xab\xebq\x85\xd9Jq\xaf\xb2\xd7\x94\x81\xc1*\xb2\x07\xa6D\x90FC\x1d'B"</t>
  </si>
  <si>
    <t>b'\xf1\xf0V\xac#\x8f\x94\xaf\x94\x87\x1c\xfd\xc0v\x1djM\x7f\x81\xc3:\x1cK\xaaw\xea\xb7\xb1\x8b\xc9\xb5I'</t>
  </si>
  <si>
    <t>b'\xd78QR\x076\xe7\x18\x95\x0b\xa45\x08\xa0\xc1\x84\xb6\x93\xf7\x9a\xd6Y\xba`&gt;&amp;\x96K\xec\xccs\xe3'</t>
  </si>
  <si>
    <t>b'x\xea\x9aH\x83\xed|\xa4x\x17\xe5PZ\x15\xc6\xa3lOFE\x85\x89\x97\x8d\x8d7\xa2\xc5\xb2O\xf2!'</t>
  </si>
  <si>
    <t>b'nmE-O\xc5V\xb9\xef\xcb\xa0b\xa3w\xda\\\x95\xf4%_\xdc"\xeb\xf4\x138;\xf4X\x1e\xff\x9b'</t>
  </si>
  <si>
    <t>b"\xe7.\x10\x89\xbb\xee\x9b\xf64'\xf6=_9h4\x17\x06P\xe5\x80\xd8\x90E\xe0z/\xb9\xe4\x7f\xee\x15"</t>
  </si>
  <si>
    <t>b'=\xeb~;x\xa0\x01\xca\xb2H\x919\xeb\x1d&gt;\x90C\x06\xbf\xda\x88\xf5\xaa\x1b?\xff\xdeV\x99:{\x8d'</t>
  </si>
  <si>
    <t>b'+.\x81\x01+\xbb\x94\xe5\x07g\xa88\xee\xbc\xf0\x81\xe2\xf1\xd2\xec\xd1\x12\xd4F\xf3\xb6\xc50\x85\xd5:\x07'</t>
  </si>
  <si>
    <t>b'A\xfei\xe1u\xad\x1f\x87\xc0\xd8(\xfe\xe8\x0b\xe3j\x15Cs\\\x8e=\xc3R{\xb6\x0c7\xadMBZ'</t>
  </si>
  <si>
    <t>b'\xe5\xd3\x8e\x8b\xe1#\x1d\xa8\xcbr\xfa\xad\xe5\x0c[g\x01\x80\xdb\xd7F\x0f\xd21\x10\xed\xd5\x9eL\x86\xa4q'</t>
  </si>
  <si>
    <t>b'\x8d\xf3aI\xae\xb0\x1f\xd8\x86\xf8{\xfb\x11\xe2\xb5\x9a\xe5\xe1c\x8a0\x06HQ\xe4k\x0e\xe2\xfaH\x93\xcf'</t>
  </si>
  <si>
    <t>b'\xca\xc5\xf65\xf4\xe4\xa4\x90Ex\xdbqT\x12\xa9\x96\xfd\xe3\xe21\xf9\x08\x8c\xfe\xf5tR\x98\x9a\xc0q\xce'</t>
  </si>
  <si>
    <t>b'R?\x05\xb6&gt;\x8a\x97\xbb\x1e\xfcG,\xe9$\t\xa6gs\xc2\xe3_j\xb2\xd0 \x8f\xd8h\xfaB\x18O'</t>
  </si>
  <si>
    <t>b'\xe0\x00\xbb\x06\xd8\xcf\xad\xd4\xa5\x94p\x192\x87\t\xcf\xeaz\x16mE\xc3\xd6\x91\xfb\xf5Y#b\xe9\xad\xc7'</t>
  </si>
  <si>
    <t>b'/&gt;l#\x96Z\xa5\xf6\xd6\t\x8a?bj\xb71\x93\xe88\x11\x05\xd7\xd67\xcfO\xd2\xf6\xc2\xc9$\xd1'</t>
  </si>
  <si>
    <t>b'\x9c\xaa\x05PxS\x8f\x07\x1b\xf8\x7f\x9c\x18mwP\xcf\xdb\x82\xff}\xda1\x9f9(\xeb\x073\xdb\xefF'</t>
  </si>
  <si>
    <t>b'"\x8c\x9d\xe3tO\xa7\x16\xb5\xbb\xa2]^(GY\xdc\xff\x8d\x1bS\xbe\xa8\xa0\xd1Kj\xb2\xd8\x15\x03\xe4'</t>
  </si>
  <si>
    <t>b'K\xcfF\rL\xfe\xe2\xe5}\x17\x9ac\x81\x1d}\x18#\x0f`\x8bDu\xe7\x99\xc8cp\x1d{\x03\x87\xef'</t>
  </si>
  <si>
    <t>b'o`eT\x13\xbb\xe4!\x0c\xe9\xdce\\\x19\xc8\xca*\xaa\xfb.\xe0yD\x1e\x9a\x1dz\xa8\x8cA\xeb\x01'</t>
  </si>
  <si>
    <t>b'\x85\x8eO7\xf3\x8e\x90\xbf\xdd\xf2\xf3\x8d\xe1*Hq\xb1A\xb2\xb75\x05\xf2V\x80\xf1\xd9\xb0\x8a\xff\xa0&gt;'</t>
  </si>
  <si>
    <t>b".\xb6&lt;\x99\xe1)\xbf\xcf\x1b\xc4\x99\x0b\xdb\xe2'\xa2\xa0\xa8\x80\xb1\xb3\xe8w&gt;\x03\xb2\x8a\x1b&amp;|gS"</t>
  </si>
  <si>
    <t>b'u\x89\x0e\xc3\x00A~\x96\x84aP\xfc\x92\x10\x1b\x1e\xa5\xa7\xd1tBH\n\xe7\x14F\x9d\xb3p\xa9jN'</t>
  </si>
  <si>
    <t>b'\x1c_!\xa0/\xcfO\x87\x82\x1f\xddlN\xdf1\tf|\x81\x96\xad\xe8|\xe3\xa60\xb2@FA\xb7\xff'</t>
  </si>
  <si>
    <t>b'\x85\x96\xa3\xbe\xcf\xca@I\xc8~q{\xcdi\x8e\tU\xde^\xda\x0fg\xaa\x90\xf7\t\xd1w\xa3\xaa\xe6\xba'</t>
  </si>
  <si>
    <t>b'}\xca\xd5\x9b\xe5Ts"M\x98gOs\xac\xec\xc2R\xa9\xdf\xb7\x05\xca\x9bv=\xd1cz\x13\x94u\xa1'</t>
  </si>
  <si>
    <t>b'\xa4\xa8\x03\x87\x98\xaaT\x8d\x8b5\xb6\xfch\xaes\xd5)c\x19\x06\x82}p\xb2\xed\xde}\xb9\xa2\x84\xa5\x9b'</t>
  </si>
  <si>
    <t>b'\xc4dl\x942\x00\xa6ep\x82\xd3|\x1a\xda\xa9/\xf1\xa5\xe3\xb2\xe0\x02\xe9\xd06\xbd\x9bK&lt;hn\x82'</t>
  </si>
  <si>
    <t>b'\xcb\xb4\x12\x9d\xda\x10\x9d\xb7\x89C\xba\xa5\xb9Q\xa6\xa0\x01O\xf3\xa0\x95\xdb\xb05N\xa4\x04\xdeF\xc2\x9fm'</t>
  </si>
  <si>
    <t>b'\x97p^6w\x82\r4\xb9?\xbd\\x\xd2\xf3,\xf8\xc4\x13:\x1d\xbfj\x91\x10\x91\x86G\xf2\xed\x87&lt;'</t>
  </si>
  <si>
    <t>b'\xe5d\x01\xd5O5\x86\x90n\xb6\xe16T\xd7\xa6\xd7\xe5\xfb\x89\x9f\xc5d\x84\x95\x815\x848c\xa7$6'</t>
  </si>
  <si>
    <t>b'\xd1\xd5\x8a\xd2\x82\x81t\x89\x815\xf3T\xd2\x8d\xe5\x99@M\xff\x96R\xa8h\xa1\x1a\x13@\xdf\x9e\x8f\xc8h'</t>
  </si>
  <si>
    <t>b'Qf\xe4\xe5\xea\x18x\xd4\xfe\xf2u]k\xf5\xe6\x01\xc7QT|\x1aU\x02*\xdcyo\x860\xaa\x1aQ'</t>
  </si>
  <si>
    <t>b"^$\xaa\xca\xba\x0c\x88I\x07\xe5\xa9\x9e\x89\x0cy\x10\x00\xb6\xa8\x9f,\x10(\x026Gj\xb8}'\xab*"</t>
  </si>
  <si>
    <t>b'{\x0e&amp;\x1a=\xa1\xbf]\x0b\xb8B\xec\x1794\xc5\xf1\xde\xe9\x9cp\xb4k\xa6J\x01O\x84\xb2\x9e\n\x05'</t>
  </si>
  <si>
    <t>b'\x9f\xce\xf0\xf3\x15\x8aO\xb8\x81\x80\xad\x13i\xe6$\xfa\xe5w\xce*\x8d\x89W\x877\xc8\xa4i^\xc3\xda\xee'</t>
  </si>
  <si>
    <t>b'\xce&amp;\xaf\x03\x97\xea\x1a\xb5\xea\xa9\xda\xe2t\x1f&amp;d\xc3BI%2\xb8\xd4\xa4:q?=\xe8\x170O'</t>
  </si>
  <si>
    <t>b';IX\xfd\xbd\xff\xbe0\x11\xcf}f:Y\xc0\x91+^\x00P\x9aY\x9d=A\xfc\xf1i\xb9\xf87\xd8'</t>
  </si>
  <si>
    <t>b'C\x8e\xbb\x9a\x00A^\xae\xa0J\x82[AX\x10~K$#Q\xf3\x0b\x94\x91\xcf\x9biw\xee\x8e\xc5\x0f'</t>
  </si>
  <si>
    <t>b'\xc8e3\x80\xf0]\x01O\xbf\x86\x87A\xcf+6\xbf\xc1J\xf3\xb4\xc0@\x80b\n\xd2C\xe1t2\x1a\xc2'</t>
  </si>
  <si>
    <t>b'e\xbc\xdd\xd9d\xf8\t&lt;\x14\xe74\x13\xacG\x12J84U\xcchFl~\xe9AY\xd5vV}1'</t>
  </si>
  <si>
    <t>b'K\x91\xff\xe3\xab\xac)k?*I\xef*\xea\x13p\x18\x9e\x95\x18\x8e\xef\xe1\xea_&lt;&lt;\xb9y\x08\xbf\x0e'</t>
  </si>
  <si>
    <t>b'\x95\x18\x17\xe0_\xfdc\xed)2\xb3nYcy\x96\xb9BO\xaddp\xb2\x9a\xa9\xbaG\xa4\xdc\xcb\x93\xcb'</t>
  </si>
  <si>
    <t>b'&lt;\x02\xb8G%/ \x11&lt;\x08\x8f#C\xb7D\x1aoP\xd4\xe2\x1bN\x1cX8)\xd2"\xf0\xb8\x1fK'</t>
  </si>
  <si>
    <t>b'\x86\xb2G\x99\x1eaw\xfc\x83p5!Y\xa8\x141\xa7\xcc?\xec\xbeX\xfa?\xe3\x9e\xc33\x99N\xc8\xef'</t>
  </si>
  <si>
    <t>b'\xf6\x7f\xdd\xa0%\xad\x15^\xe0\xad\xaf\xe8\xa0K\xfb\x97L\xcd\xa1m:Ed\xe7\x17\xb2\xa3\x85T\x1fA\xa4'</t>
  </si>
  <si>
    <t>b'\x12\xab1\x9d.\xe7\x10d$\x0e\xf7^U\x18\xb6p\xe27\x14\xa09\x1d\xce\x0b8\xa0\x86\x11\x9b\x11\xc0_'</t>
  </si>
  <si>
    <t>b'3\xfa\xe2d[\xe2\x18|\xeeD\x08eci#\xae\x96\xf4;Ai\xa7V\xf0Bg\xa7p\x99B\xd4u'</t>
  </si>
  <si>
    <t>b'X(2\xcf\xb5W\x9cE\xb9\xb8Ai\xca|\x07\r\xa9X*\xdd\x81\x8b\x8f\xad\xc2\xba\x82qh\x81"\x83'</t>
  </si>
  <si>
    <t>b"\xf9\x82GS\x00c\x8f\xf3\xde\x98\x02\x88$u\x89D\x9b\xed\x93\x8e'Eh\x8d)n\x1dC\x08\xe0~\x8f"</t>
  </si>
  <si>
    <t>b'6\x1ad&amp;\xb0\xed+\xe7\x8cC\xe2?~\n\x8b-\xa78\x81\xfcB\xd0\x90\x9b\xc3\x12\xd81\xb9\xaez\xeb'</t>
  </si>
  <si>
    <t>b"\x16=h&lt;!\x99m\x81(uH\xec}\xe1\xdf\xe2A\xfd\x8d\x90'\xa2\xa1\xb2\xe25Z\x93\xd9If\xa2"</t>
  </si>
  <si>
    <t>b'\xeb\xa4\xfc]o\xd9\xc9\xc2\x9c\xf6&gt;:\xe7\x83`\xd6\xceE\x10\x8d\xb6j\xdf\xaa?\x03\xa7\x17x\xb8\x81\xaf'</t>
  </si>
  <si>
    <t>b'pW\xbb\xb2\xed%3\x12X\x1e:\xdb\xdc\x0c\x11$\xfa\xbe\xcf\xe5\xecTY\xbc\xd9fa#p\xb7As'</t>
  </si>
  <si>
    <t>b'!\xea\x1a\xc6\xc3\x043x\x90\x07\xea\xc9\xad\xc4\x05\x89\xc1\x04\x82\xaa\x8d\xe7\xcd\x9cO\x91x{m\xd4\xfa3'</t>
  </si>
  <si>
    <t>b'!S\xdd\xe9\xbe\x9cv\xb9\x1c\xe0[\xcbh\x91T@\xf2I\x1f\xdd.%\xb2\x13\xa0\x8e\x88\x06\xed\x10/h'</t>
  </si>
  <si>
    <t>b"H,\xfe\x0e\xe3\xb8\xc5T-\x14H\xc9\xa7\x00\x02\xec'\xbb\xa9\xc2\xc6\x94\xfcB\x9f\xe5Eb \x07\x9e\xb4"</t>
  </si>
  <si>
    <t>b'\x9f\x80\x86qSC)kz\xa6\xfa\xae\xfad\xf2\n\xf4\x8f\xc0\xe9\xb3N=%"\xdf\x95\xc8Q\xb8\xea$'</t>
  </si>
  <si>
    <t>b'45\xb3\x11\xde\xf8\x0cJ\xe0\xe3Gl\xa1\xf0\xdeiZD\xe7\x1b6\xad\xc4\x81\xdc\x105"\xe8bOI'</t>
  </si>
  <si>
    <t>b'5\xc3\x9e\xa1\xc8!\xd3\xc8:\xbf\xb3\xb4L\r\x1b1\xffBs\x9e\xd6\xf5\x02\\\x17\x95\xa8\xfb=G\x0b\xc8'</t>
  </si>
  <si>
    <t>b'\x15.\x8e\xa12Au\xd1L\xa5\xe2N\xe7\x0f2L \xcdg;\x13\x17[\xc7\xb1\x19\xd1\x08\x16i\xab\x18'</t>
  </si>
  <si>
    <t>b'\xe0\x03i\x80\xfep\xc4\x87\t\xbe{r\x11\xcc\x969 [\xe2\x9b$\xb2$\xa1\x89\xc0\xadW\xb2\x9f5&amp;'</t>
  </si>
  <si>
    <t>b"\xdd\x9d\x90\xbbm\x12\x8b\x7f\xd0\xa2b\xa7\x82[\xa1\xf2\xbc4\xa9\xdb%\x8a'\x0c\xb2\xab\xc0\x19\xf0\xd3%&amp;"</t>
  </si>
  <si>
    <t>b'\xc2\xfc\nh\xfc\xdf\xbc\x08\xe6\xf1T\x06\x80(\xe6\xb9\xbb\x19Y\xbc\xa8.\x84\xf1|\xb8*\xc9~i\x84\xf2'</t>
  </si>
  <si>
    <t>b'\x9d{\x95\x8d\x18}\x07\x11\x02\xf0\xeb\x9b\xf7\xe9\xc8^\xddR\xd5\x12\xf8\x1fx\xa2G\xb6\r\xaa\x05Hd7'</t>
  </si>
  <si>
    <t>b'\xf9m+\xf5:y\x8cu\xd5\xe2Z\xe73\x89\xdb\x1e\x8c\x8d.@\xe2m\x15\xff\xe1\xb0gfF\xf2\xde\xac'</t>
  </si>
  <si>
    <t>b'\x15}BY\xb9\x7f)\x02]H\x94\x84\xd8\xde\xd6&gt;BF\xd8\x82J=\xdd\x04\x19\xa1\xb1\xca\\\xaa\xef\xfd'</t>
  </si>
  <si>
    <t>b'l\xf1o\xfbNE\x15\xc4\x04\xfe\xa0{\xb7\xac\xea_s\xb7\xe9\xaep\xec\xfd\x80\xcf\xefC^\xd0\xe9f\x07'</t>
  </si>
  <si>
    <t>b'u\xa0\xc9Jme\xcfm\xda\xd6Z\x04Q\x85p\xc2\xb4\xe7\xeb\xf7\xf2\xe0XA\x97\x8a\xc5:\xb4d\x19\xb6'</t>
  </si>
  <si>
    <t>b'#\xe81\xd4?q\xf1\xd1\x81\xcfw\xffP\x19\\\xf5\x16\x8d?\x82\x8c]&lt;\x02\x03y\xe9X\xa1\x06=\x11'</t>
  </si>
  <si>
    <t>b'\x06\xf8)\x8f\x81\x12\xe4\xe8Zk\x0c\xf7\r\x84T\xbc\xe8\xc6\xaeS\xdc\xfa\x8a\xc9,\x96X0F\x89B\xb7'</t>
  </si>
  <si>
    <t>b"\xa3-Ka\x0b\xc8\x8c\xcfmA\xc9\xb3\xae\xb0\xee[\xddJ\xc4Z\xb8\x88'\x87\x04!\x9fK\x08\xdc\x17Q"</t>
  </si>
  <si>
    <t>b'\xd3\x17w\x1a&amp;\xaa\r\x9a_g\x01\x94\xab\xc3\x15\xa1\x10\xdf(\xdf\xab\xe8\xe7b\x05\xdf\xa5\xf3\xd7\xc9\r\xe2'</t>
  </si>
  <si>
    <t>b'\x04\xdb\x0b&amp;i\x178\xa13\xe56M\xf6\x19U\xb7P\x94.\x82\xe0]@\xe8\xa9Q\x9a\xb9$\xa7Kq'</t>
  </si>
  <si>
    <t>b'q(\x8d"-\xdc\xc0qt\xa8%Q\xf0\x84\xf3\xddS\xf6Vi\xe8\xfc\x8c\xa4\xe1\x1b\xdb2I\xff5\x91'</t>
  </si>
  <si>
    <t>b'\xddWY\xed2lb,MQ\x10\xc3\x94\xce&gt;\x05H\xb2\x81\x92\xf2\xa1\xf9\xae\x0fR\xf08\xcf\x80;\xdf'</t>
  </si>
  <si>
    <t>b'GG6-\x01\xc7\x9a\xfb:\x19\xca\xd8\xd9I\xddD\x0e~\xf8 QZ\x98X\x17\x154t\xd8NZ`'</t>
  </si>
  <si>
    <t>b'T\xab\x8a\xef\xe2"\x83\x9b\xe7iX&gt;lc\xa3(\x80]\xc9\xa4\xd69#BF\x9f\x9f\x0c\x8c_xM'</t>
  </si>
  <si>
    <t>b'\xa6\x87\xca:t\xda^\x0b^y\xa9\xff\xc9K!Yd.T\xe2@Q\xa8\xe5&gt;:\xaa\x88\xf6\xd2\xdc\xe5'</t>
  </si>
  <si>
    <t>b'\x1fv\xe7$\xb0\xd0\xd8)\x1djE\xc4\xb4\x1ed\n\xd2*\x8e\x85\xbb\xce\xdeP\xb1\xf9C\x0f3\x00\xfe\x07'</t>
  </si>
  <si>
    <t>b"P\x8f\x05\xd5{\xe0~~JW\nWJ\xe4\xd0j\xde\x97E'$T\xdc\xa3\xe6\xee\xd2\xef\x0blH\xae"</t>
  </si>
  <si>
    <t>b'\x948\x81\xbe\xb1|iH\x9d\xc9\x1d\xc7D\xfb\x0fX\x91x\x99_%\x84\x99S\xa0\x9b\x06\xee$Y\xfd\x86'</t>
  </si>
  <si>
    <t>b'\xf0el\x1bq\x96\xf9b\x11\x8b\x83\x7fgQ\xda}\xe4\x17\xd7\x93B\xc6/\xd3\x0f\xc3\x960\x14\xaf\x1a\xf4'</t>
  </si>
  <si>
    <t>b'\xc3M7\xa2\xcd\x97\x96X\x05\x95_\xfc\x1d\x176y\x12\xda\xf4\x01\xa3\xbd]\x84\xf7k\xc5\x95G\x90\xf2k'</t>
  </si>
  <si>
    <t>b'\x03\xc2jbw\x9a\xf9\x9c5\x91\xc6\xc7\xff\xcf\xf4\xab\xdb\xe1RD\x9b\xe4i\xe6\xf5\xe7^\x8f,\xd1\x87\xbc'</t>
  </si>
  <si>
    <t>b'\xaa\xe3\xf4\x96\x8b\x12O\x91\r\xe5\xc6m\x84F\xd00\x02xr\x01\xbf\x1b\x14V%d%\x8e\x1e\x14\x84\xd4'</t>
  </si>
  <si>
    <t>b'`?4d/*\xf7.\xe1\x81\x16,S|\x10\xd4=S\x89@s\xa7\x8f\x02\xb9\x04t\xd5d\xe4\xbf\xb3'</t>
  </si>
  <si>
    <t>b"\x13\xe8\xfd\xcd\xda\xfc\x86\xe9B/\xcb\x82\x1c\x18C\x8bE'\x9b\x96\x9e\xa3\x1a\xcb+\x90\xaf\x06\xfb?&lt;\x0b"</t>
  </si>
  <si>
    <t>b'\x06\x95\x95\xf7\x9d\xcf\xa5H\xe4\xd3\xfaI\xd0%=\x81T\x9f\x94\x85\xdcs\xcdD\xce\xe7^\xc9\x03H\xd9X'</t>
  </si>
  <si>
    <t>b'V\x8e\xb8\x10C\xa2#\xcc+\x14F\xbc\x17\x9e\x90/\xa9\xa0\x8e\xf9\xb5z\x14%H\xc1"\x8aE\xd1O\x08'</t>
  </si>
  <si>
    <t>b'~4\xefq)&amp;q5f\xea\x9e#\xc0\xc8s\xcb\xbd\r\x95w?\x9e\x16W\xdb\x8eN\xac\xf4v\xdb@'</t>
  </si>
  <si>
    <t>b'\xb9\x19\xd1\xee3\x8a\x1f\xd2\xe2\x8c\xc6\xf2\t\xbct\x95\xc7\x11\xd2\xa5\x1ax/\xddW\x9c\x8fX\xb8`\xcb\xf8'</t>
  </si>
  <si>
    <t>b"=\xa2\xc5\xee\xf2c\xb6A\x95\xbc\xd0Cy\xb5$%\x13\xca'[Rf\xb9*\xe6O_r\x10\xb0\\\x82"</t>
  </si>
  <si>
    <t>b'\xd8 f\xa9\xd3\xd7\xb4\x1aG\xe6\niG\xdcR\xe0z4\x92\x07\xa8\x10Y@g\x7f\xb5,Ta\xe4@'</t>
  </si>
  <si>
    <t>b'm\xb11u_*1\xc4\xa1\x91\xc3\xa8\xbf\x85\x9d\xf0\x8c\xd6\xf4j/`\x07\x8cw\xed\xf5\x03%\x02\xa3\x0e'</t>
  </si>
  <si>
    <t>b'\x1d\x14\xeb\xedfk~\xc2\xda\r\xec\x8c=\x05J&lt;I\x95\x17&gt;\xe9V\xf7+\x13\xfb\xe1\x7f\xb9\xff\x93\t'</t>
  </si>
  <si>
    <t>b'\xb4\x9f\xd1\xa9TT\xb2}\x88\xeaQ\xa4\xc2a\xed8\xe6\xc9\x900\x1c\xba\x9a\x16\xfd\x00}\x86\xa445\xe2'</t>
  </si>
  <si>
    <t>b'\xd8\xb6\xb2\xdb2\xee\xcd\xb0a\x9e\x84\x8fA\xb1+MU\xbe\xef\x1b\xc4\xf1\xe1S\xfb\xf3E\xae\x939)2'</t>
  </si>
  <si>
    <t>b'\x04Q}\x11W\xf5\xd8\xa5\xddA\xa3Uo\xed\x84\x87hg*_\x9f\xdfW\xec\xf3@3U\x1a\x1b6"'</t>
  </si>
  <si>
    <t>b'\xb2\xe3\x88S.\x03Fm\\\xa8\x87\xc0\x14\xa6:\xe5p?k\xc1\xf8\xee\xfc\xd1\xcbQ\x19/\x8dS\x96\x99'</t>
  </si>
  <si>
    <t>b'\x02D\xef_\xb7\xa1!\xd9Lq\xbf\xb8\xc4\xc8\xdf\xbf\x81]0MC\x96\x01*\xa8KF\xa0\xdb%3\xc8'</t>
  </si>
  <si>
    <t>b'\xec\\@G\x0c\xc3\xee%&lt;\x1c\xb6\xdf\xca\x9a\xdfb\xfa\x06\xed\x16\xff\x90\x11^\xbe\x128\xde9\x86\x94\xec'</t>
  </si>
  <si>
    <t>b'\x08\x8d\xd9\xc8F\xe8l\xb8\x8fI\xfc\x95\xdc!\xdd.\xa7\xdbLq\x81\\"\xe7J\xc8ca\x8a&lt;*\xef'</t>
  </si>
  <si>
    <t>b'\xa2\xe1)\xd92\x16\xc7\xa71\xa6\\\xd0{N\x9d|\xd2\x91\x1by\x84$\xbdD\xbcX\x93\x08lM\xd9\xb3'</t>
  </si>
  <si>
    <t>b'\x82\xa7O\xe4\xca\x00\x1b\x9e\xc7\xd4\x1a\xe3^8\x82^f\xc1\x1cL\xae\xbe\xed\x8c\tv\x1b\xb6\x97\xdd\x0f\x7f'</t>
  </si>
  <si>
    <t>b'NxSj=\xc90q\x0fT\x98\x82\xe0\x85\xb33rq\xb4\xdbo\xb9\xd7d\x17\xe6\xb1\xd5\xd2\xc5\xb7\xa4'</t>
  </si>
  <si>
    <t>b"\xb9\xc2\xc7&gt;'\xfd!\x02\xa6\xa5h\xc8\xf4\x92\x19\xcb\xab\xa4\xe2z\x17x\xe4\xef\xe3\xcc\x1a\xc5\xaa\xa2\n\xe9"</t>
  </si>
  <si>
    <t>b'Yh5\x0cd\x93v\xf4#\xf8\xd1y\t\xa1\xbc\x1c-\xc9\x99\xc4\x95\xd5\xdb\xc3\xd9\x8e\x03\x7f#\xde\x06\xd2'</t>
  </si>
  <si>
    <t>b'\xc9@Eg\x14*\x13\xb3\xd7\xe8\xdf\xa1\xc7[\xecJ:\xf6\x07\x18\xeeJ\xba\x16\xd7\x8a\x01e\x9c\xcb\xdf\x02'</t>
  </si>
  <si>
    <t>b'\xb9\x1a3\xc9mp\xbd;&amp;\xfc\x931\xd9\x98\x90\xa2\xf5\xfd\x1b,\xa2\xf8\x0c"\xfe\x95\x84\x9c2\xf3\xdd\xa9'</t>
  </si>
  <si>
    <t>b'\xd1\x97\x1f\xc0\nl8\xd7\xfaF\x1e\x86J\xdc\xd8\xaa\x8fC\x94\x01\x08\xc6\r=\xc1\\UG\x82!\xfdk'</t>
  </si>
  <si>
    <t>b'J\xc8\xd9\xfa7\x97\x17\xd6"\xfb\x84:\xf0\xb6\'N\xdd)\xafn-"E\xec\x16\x06/\x90KB\xadg'</t>
  </si>
  <si>
    <t>b',\x10\xe4\x1d\xf5\x03g\xd8\xba\xaf\x839\x0b\x8a\xf7z\xfed\xa6\x06_b\x8e\x17 \x87\xcb\xbe\xeb[\xea\xf8'</t>
  </si>
  <si>
    <t>b"\x9c9a\x17\n\xe4\xa0'\xa8\xf6$\xd9!s\xaf\xd3\x81{\xa3\x92\x9d\x83yT\xf8w\xff\xb2\x9c\xbd\xc0\xda"</t>
  </si>
  <si>
    <t>b'+\x1a/\xbfR8\x96\xa0\xde\xfc#\xc8d&amp;\xa1\xe7N\xfbq#\xc6\x93v\xac\xa4N\x85\xa6\x10\xfe\x7f,'</t>
  </si>
  <si>
    <t>b'\xace\x15M\xaft\x03\t\x88CPlaFx\x96 \xfa\xb3\xcb\xe5[\x8e\xad\xc3\xee\xa9Sp\xe5V\x93'</t>
  </si>
  <si>
    <t>b'P[\xf9\x87pinpg\x91\x14\x9eQP)\xc5{\x14\xde\xcc\xd3\xf9\x1f\xc1"\xe8\xe6\xab\xaf\xc6\xc4\xe2'</t>
  </si>
  <si>
    <t>b't|\xa1\x11\x83\x9a\xe6..h\x11}z\xef;\nx\x82\xb4e\xc6\x11\xb7\x93L\xe3\xef\x02s/bK'</t>
  </si>
  <si>
    <t>b'\xa2\xe3\xf6\xe1\xb3\xf8\x8b\x0b\xf0\x03\xf1t\x0b\x04c\xe4\xac\xdf\xad\x8cA\x89\x85u\xd1\\GCH\x92\xda\x9e'</t>
  </si>
  <si>
    <t>b'\xb6\xc9,H\xdf@\x02\xfcJ\x19`\xce\x96\x86\x16\x10b\xb7z\tLd^@Qr/\xeaz\x03\xfaX'</t>
  </si>
  <si>
    <t>b'\xdfe}\xdb\xd4/^\x11\x01\xf4+\x1ca2/\x81\x82\xccw\x1ayT\x88\xc5!M\x97\xec\x86\xfb\xb8l'</t>
  </si>
  <si>
    <t>b'C\xd1\xa2\x04k\x8d\xba \xb0\xea\xfe\xa3\x12B\x01p3th\xba\xd3.\x96\xd8\xedQE\x1c\x06.\xde\xff'</t>
  </si>
  <si>
    <t>b"\xea\x19\x02\xda\xfbLC^~\x8d\xf2B\x1b\xc8\xe0'\xeb\xc1\x1c\xc0\xad\xee\xbb]v\xb2\xea\xde\xb7b-&amp;"</t>
  </si>
  <si>
    <t>b'\x97\xcd\x7fqF\x16\t\x98s\xc3\xe1w\xf6\x7f{\xcd\xba\x8f\\i\xd59ak\xb4\xd2^\xf9U\xed\xf8\xae'</t>
  </si>
  <si>
    <t>b'\x9f\x96]\x16\x1a\x08E\x12i\x8f-nar\xa37/til\xe9\xba\xf6\x80\xb6\x07\x15\x82 \xdbl:'</t>
  </si>
  <si>
    <t>b'vu\x0b\x81\xb4o\x9b\x97\xe3L\xbe}"\xce\x8c3p\xa5.b\x19\xc6c\xe3\x19\xe7\xebin(\xfbh'</t>
  </si>
  <si>
    <t>b'\xb1\n+\x14&gt;\x85\xb8v\xacw\xca\r$\xb9\x85\xc5\xd2,n|\xc47\xdeJ\xce\xfa\xe0\x13\x95`\x05\xd0'</t>
  </si>
  <si>
    <t>b'\n\x9ey\x13\xab3\x95\x1aD\x1c!\xdd\n\xdb\xfe#\xb8\x03\xb0\x83w\xa9J{\t\x03\xf9\x87K\x0b\xf0a'</t>
  </si>
  <si>
    <t>b'b\xf0\xa4 tW\xb8\x12\xa8\x88P\x83=\xc7\x1f\xeeR4\xaa\xc8\xb3\xcc\x133ax\xb1w\xc8|\x18\xa7'</t>
  </si>
  <si>
    <t>b"1AB\t\x03!\xd7\xc9\x81\xf5\xbb\xdcg\x86\xde\xa2'\xd8\xa0\x9d\x1a\xdc\x89\x9b\xab\x9d\xc1\xf1b\x81\x05\x01"</t>
  </si>
  <si>
    <t>b'\x11"\xd1y\x82zd\xeb\xdas\xe6 u\xb6\xf5\xca\x95f$\xb3\xec\x91\xb0\xce\x94C\x13\xb62eL5'</t>
  </si>
  <si>
    <t>b'&lt;zL#Q\xb9\xef\xe9B_\x8b\xc6\xeb\xa1\xeb&gt;4B\xb8\x8d\x89c&lt;\x1c\x8d\xa6)\xb0@\x85\x18\xb2'</t>
  </si>
  <si>
    <t>b'c?\xc3\xdd&amp;\x8f\x98\xdf\xa4ve\x0e\x11\x00&gt;\xe9\xc6\x06\x86,\xe3\xd9\xbe\xec\xfd\xc4u\x14!\xa8\x0b\x95'</t>
  </si>
  <si>
    <t>b'&amp;\xbbX\xcb)DPt\xa7\x8aom\x8cz\xc3f\xbf\xd7\x8d\xaf\xa7\xb1\xcfYe4\x95\xc0\xc8\xb46y'</t>
  </si>
  <si>
    <t>b'_W\x8ej\x95\xdb\x06"\xae\x80Z\xa6\xd3\xdbh=\xebR\xfb\xdb`\xef\x00\xae\xd9\x0b\xc5R\xd2\xd3\xb1\xfa'</t>
  </si>
  <si>
    <t>b'WW\xf52Y\xc8\x92Q\x9ch\xfa\'\xb0\xa6"\x08\x19\x0e\xf6dYyY\x89\xe1\x03*\xc6\x80\xf9\xd6&lt;'</t>
  </si>
  <si>
    <t>b')l\x19,\xf4\x06\x1e\xea\xc4\xbdx\xf64\xf1\x1f2\xac6\xd3\xc3r\xd8l\x9c\\\x8c\xd8?@\x8c\xc6\xdb'</t>
  </si>
  <si>
    <t>b'Q(P{\x8a\x1f\xa453l\xf4\xe9rP\x19ZCP\x07\xa5\x94m\xc0\xc4\xcb\x82\x06q\xc7bdq'</t>
  </si>
  <si>
    <t>b'\x7f&gt;W*\x0b\xc61\xc3{\xfa\x12k\xda\xbd\x10c\xc3\x0e\xd0\x99\n\xbe\x0c@\x93V\xc39n(=\x1a'</t>
  </si>
  <si>
    <t>b"dWh'K\x96\x08\x94\x83\x13\xc2\xff\xcb\xa2\x11\xc3(!\x19FbP\xc4\r\xfb\xbfZ\xb7$\x1e\x81H"</t>
  </si>
  <si>
    <t>b'\x853v\xc3R\t\xad\xa9K0\xc0S\xcc\xe0F\x97\xfcA\x98\xdcv}s\xb5\x1a\xbd\x03I\\\xf5J\xb9'</t>
  </si>
  <si>
    <t>b'\x1d\xc4\x82\x8c\xae\xe70\xe5\x8e\x16V\xc8\xe4\x85r\xd2\x16\x8a\xf1\xed\xdf\xcbA\xa1q\x0b}\\S\xbe\x14\x81'</t>
  </si>
  <si>
    <t>b'\x93\x05O3a"A\x82\x02s\xe7\xd8_\x98\xb4\x00X\xd3T\x87^b]\xa7\x8e\xa1\xf7I\xbf\x96\xf0E'</t>
  </si>
  <si>
    <t>b'\x87_}\n\xba\xc9\x13\xb3\xa9\xc0K\x8c"|\xb4\x9b\xa1\x96\xc8\x1e\xb5\x94X_&amp;[4\t\xcd\x17U\xc4'</t>
  </si>
  <si>
    <t>b'\x1b\xa3\xa4O=\xc2\xd4@;r\xcc\x19\xbf\xf7\xf9"\x1e\xbetM\x88i}=L\xbe\xa3\xf1\xf4\xbf\xb4\xc6'</t>
  </si>
  <si>
    <t>b'\x88N\x8cZ\xe1\x89\x9d\xfb\xe14\xa6\xa6\xcc\x94\xa3\xad=)0\x1b\xf2\xe6\xaa\xe2\xe0\xc9\xe7.\xbc\xa0i\x06'</t>
  </si>
  <si>
    <t>b'\xac(@\xc7\x04A\xeb\x9d1P&lt;\x1b\x15c\x01\xe2\xd8`\xa6\xb6\xaf[\xb4\xb2\xd1X\xc1\x156\x81\xde%'</t>
  </si>
  <si>
    <t>b'\xb6\xfb"a\x02\x8c\rP\xb4\xb2\xd3\x87\xd3\x9c\x1eM\xd7 +\xf4"\'\n\xc0\xcdb\x0c\x1d\x9am\xd3\x90'</t>
  </si>
  <si>
    <t>b'\x91\xdc\xf9D\xad\x17,\x9b)J\xba\xd8 \xab\xf6\n\x84\xb74:\xdf\x99\xd3SD\x0c\xd7\xf1s\xacD\xb5'</t>
  </si>
  <si>
    <t>b'\x7f!\xd0\x99$\x11\xb1&gt;\xa9%&gt;\x99\xaek\x88W\x8fH\xe0+-\x00\x9cx\xf9L\xae\x19\xd5G\xc9K'</t>
  </si>
  <si>
    <t>b'\x8c\x0cv\xf0a\x04C\xeaSD\xd0\x94\xfb\x14\xef\xa4\x06Kd4\xe7\x1b\r\x1e\x1c\xfc\x99r\x01O\xa9\xa4'</t>
  </si>
  <si>
    <t>b"\x84=\x8b\xb5;\x92O\xc9\xdf\xb06\x0b\xbcp\x16\xf7\xe0J\xe3p'\x8dY*\x1d\xd8$\x02\xbbO\x11\xb0"</t>
  </si>
  <si>
    <t>b'\x98\x0em\xb5\x8b8\x97@\xf9\xea\xa3\xc5Y\x13\x97\xa0-\xc2\xde\xb8\xf6uL\r\xa4\x1b\xfcj\xca+?\xb6'</t>
  </si>
  <si>
    <t>b'c\x95\xff\xfd\x94\x13\xff\xf3p\xbc\xeci&gt;\xb8\xfa\xa4v\xf6{\xbb\xd7\xe0\x9b\xd0\xa9C6d\xa6\xfc\xf4\x06'</t>
  </si>
  <si>
    <t>b'S\x90\x983}3@8+K{\x0bh\x00\xd0\xbd\tN\xa5\xbb\x81\xe4\xcaA\xcb\xb8\x07\xe4X\xdc\xf2Z'</t>
  </si>
  <si>
    <t>b'Q\xd0\x18\x8a\xe0\x81@\x99)\xf8\x12/\x1c\xc9\xaa\xd8H\xd4\xc0\xf1X[\x04V\xfc\xb2\x16-\xa1\xa8\xce\x07'</t>
  </si>
  <si>
    <t>b'\xa8\xb5UG\xf1MG\x1d\x00\xba\x85\xb3\x8d\\[\xe1\x12\xef\x95\xed\xb7\x92\xce\x96f\x8eS\x12m\xc3\x98y'</t>
  </si>
  <si>
    <t>b'\xa4\xdbb\xb4\xc6\xc9)\x84\xa2\x12\x10n\xd8E\x88\xc3c\x87B\xa8\xc5\x9c\xf6\xf1\\R\n\xea?h\xe8\x15'</t>
  </si>
  <si>
    <t>b'\xd3\xcb\x97,\xa8\x9c\x92\xe4\x0eDc\xa0&lt;J\xba\xb9+\x8a\xe6U\\\n\xc7\x84}\xf47p\x1a\xa4\xff\xa9'</t>
  </si>
  <si>
    <t>b"\x89\x00~G\x12\x04\x1b\xe3]\xde\xaa\x8c\xae\xf6\x96p`\x82T\xb1\xcd\xac\xf4\x9ey\x85\x8a^7w\xe2'"</t>
  </si>
  <si>
    <t>b'Fy\xa2\x0e\xe8\x01Vm\xee\x03ss\xec\x8fL\xa9\x9b\xb3\xb3Q\xbe?\xe2\x94\xdf\x83A\x85,\x84\x8d\xb4'</t>
  </si>
  <si>
    <t>b'\x98\x962\xfcAK5\xbb\x03A(\xaf\xcf\x04\xb1@\xb0\xad\xb3O\x1dF\x1c\xd4"\'s\xad\x9f\x84\xd1\xc6'</t>
  </si>
  <si>
    <t>b'\x10\xce-\xb8PIA \xb4\xc3\xf7G\xcb0}z\x8eg\xe5+#f\xb6W\xb9\xe2\x82\x9c\xb3:\x89\x97'</t>
  </si>
  <si>
    <t>b'\xa2\xda2S\xb5\xdb\x08\x8d\xda\x06q\x91U\xfe\x88\x01\xb6\x16B&lt;::\xe3\x0b\x93\xd1\x1e4N\xfa\xf8\x1a'</t>
  </si>
  <si>
    <t>b'\xdf\xa7U\x96\xf6&lt;\x18\xe0\xbb\xa4rW\xab7\xdd\\\xcb\x9a\xd9\\&gt;\xb7k}\xe1\x9fu\x8d\x94t\xe2!'</t>
  </si>
  <si>
    <t>b'\xda\xc7\xef\xd3\xda\xfd\xb3\xeb\xb6\xe2\xa3\xa4\xf6\x95\xa7\x05\xa4q\xf2Q\x0f\x80\x0fK\xa1\x1bTz\xab\xbb\x90\xdc'</t>
  </si>
  <si>
    <t>b'\x19\x9bK\x8d\xd1\xdf\x1a\x86\xc41\xb6\x9fp,Y\xd1\x81\xab\x0f\x04\xba\t\xf1\x7f\xc6\xd0w\x8b\xf2\x94Y\xd4'</t>
  </si>
  <si>
    <t>b'N\x1b\xd2\xe0+Y{[&gt;\tfE\xb4F3R$\xcd\r\xf0\x14\xe2\xc9&gt;\x8d\x94@a\x16\xd1\x07\x0e'</t>
  </si>
  <si>
    <t>b"\xf0\xb4\xad\xf4$D\xc5h\xbe'\x87)}\x87\xd1\x8b\xeci\xa6\xc5V\x14\x8a\xb1KdJuY\xcdAP"</t>
  </si>
  <si>
    <t>b"x\xa1\x0b]\xab\xda\xd4\x98f\x18[\xd3\x82R@\x99'\xe0\xd0\xa8\xb0\xda\x8c\xaf\x05\xb2\xfe\xc2\t\xa6sL"</t>
  </si>
  <si>
    <t>b'\xff\xb9\x84\xde\xb74M\xd8*`\xa9*\x8eB\xba\x9f\x96\xc1\x85\x8f\x9d\xbcw\xb5\xf3e\xa8\x1f\\\xfbb\r'</t>
  </si>
  <si>
    <t>b'J\x11\xe8\x1e\x18\x9b/7\xf0\xb5\xe6\xb3\xc437M\xe0\xdaEF\xc4CG\xb9\x99&lt;\xd6\xb7\x15l\x17\x99'</t>
  </si>
  <si>
    <t>b'l\xef\x8e\x10o\x04\xa0\xcb$\xcb//\x91\xbaka\xcf\xe10d\xfb\x84\xdf\xa1\xfb\x87\xa0\x81\xc5\x87\xc46'</t>
  </si>
  <si>
    <t>b'\xe8\t\x8c\xa72C\xa39\x98\x85\x97\\\xce~I\xc0h\x11(\x804\xfb\x1e\xa8\xab\x91\xb09\xf9\x0f\xe3\xe7'</t>
  </si>
  <si>
    <t>b'\xc8i&lt;\xdc\xd2\xa29\x8df\x19U\r\x9e\x85\xa9{{\r\xa1\xa0I\xf4N\xb7\x9d\xf6\x83\x9f\x03w%@'</t>
  </si>
  <si>
    <t>b'\x0bol\xc5\xc0x\xacF\x1e\x1d.\x1f\xbdI+s\x13\xf9\x99\x16\x12\x11\x86\xd8\xf0h\xab-\x96\xdb\xc1\x0f'</t>
  </si>
  <si>
    <t>b"\x9b\x04\x0f\xc2!\xff\x8c\x1c\x9a\xebN\xf3z)/'\x7fP}\xe6\xfd\x8b\x8d=\xd8\xa1n\xae\xf6\x89\x86\xe3"</t>
  </si>
  <si>
    <t>b'\x0b2\xbfpR\xaeU\xd9P\xa2Q\xba^\xab\x87w\xbe\xde`/\xb4\xc0]\x8d\xba]\xe8U\x0c\x86U:'</t>
  </si>
  <si>
    <t>b'=W\xe3\xa9j\xe4\xf5#\x075!\x0c\x02\\ \xd8/\r\xba\xdc\xee\x97\\\xc4q\xed\x8b\xfc\xc3\xd9kH'</t>
  </si>
  <si>
    <t>b'\xfb\xbeHQj\xb2\xff]\xa6\xc6&lt;\xc1\xec\xdc\xde\xf0\x8e7\xf8\x8c\xef\x19w\xb9\xfd\x858\xb0\x1f\xfdn\x13'</t>
  </si>
  <si>
    <t>b'.\x1b\xf2@\xad%c\xd5\\\xe0i\nX\xbd\xcaPm\xa6\xfcr~\x97r\xa2Y\xb4FO\xad\x04\xa5\xa6'</t>
  </si>
  <si>
    <t>b'X\xb5\xffi\x1b\xdcm\xe9\xc8\xfc\xba\x19\x0e\x13c\xab\x19\xac\xc1rO\x88X\x997\x07Z\xd4\xc6\xe2&gt;\xa2'</t>
  </si>
  <si>
    <t>b'\x13\x04\xd0\x89\xa6\xd4\xbd:[\x1a\xbewi\xea6i\xa5\xc00\n&lt;\x950\xa6\x17\xce\xe5]\xc97\r\xf0'</t>
  </si>
  <si>
    <t>b'\xe6\xf5\x19\x87\xc0\xfd\xaf\xf9]\x1d\xf9l\x97*5\x84\xe6\x916:\x06\xcc\r\xfc&amp;:\xf9\x8a}\xa21\xb8'</t>
  </si>
  <si>
    <t>b'\xe6|\x99}0(\x90;b\x8a\xc4\x15C0S\xcd\xf43(\xd7l\x17_\xe1\xff\x90U\x9e\xe2]\x02\x93'</t>
  </si>
  <si>
    <t>b'\xf1,WS?\xfb\xe7Q\xca\x13\xad\xff\xb2\xf2\x04\xa1\xb8d\xcdoX\xaf\xbb\xb97\xe9\xca6\xa7\xf2\x8f\xb0'</t>
  </si>
  <si>
    <t>b"\xb3\xe4k-h\xbc\xeb\xe01\xa2\x0c\xb7xQ\x92\xa1\x8dC'R\x9cc\xf5\x94\x10\xa8\x04_L\x18&gt;5"</t>
  </si>
  <si>
    <t>b'\xced\xe1\x96\xe0 n\xec\x86\xcaL\xc3\xa7\xd2m\xf0\xb6\xdaXv\xdc\xa9\x03CF\xce\xddt\xd6\xd1\xa1G'</t>
  </si>
  <si>
    <t>b'TU\x9a\xcd\x1adH\x84\xf1\x9e\xa8*\xb4|\xc3\xda\x8cm\x82(/\xed^\x18\xfe^\xd3\x0c\xe7g\xea\xfa'</t>
  </si>
  <si>
    <t>b'\xb2\xce\xba\xfa\xa1\xa2B\xee\xf8\x85\xe9\xbd\xd0\x0e1\x818I\xab\xf4\x99.\x14n\xcf\x85\xe2]\x05~\xc5\x9d'</t>
  </si>
  <si>
    <t>b"\xd6~\x1d\x01I\xd7r\x08}\xb0\xfc\xb9\x14\xe1;,]JL\xe2\x11q\xe8-/e\xf3\x8aV'\xe8\x97"</t>
  </si>
  <si>
    <t>b'[A\xa7\x988n\xed\xcadw\xd5\xfasK\xe6\r\xdd:\xf8Q;\xc6{-\xd6f\t\x92\x04b\xfax'</t>
  </si>
  <si>
    <t>b'\x9c\xf8\xc0\x1e\xd40\x83\xf6F5-\x8d?\xcb\xae\t\x92\xa0[\xa4\xd7J_\x9c\xe6\xd3ub\x8ahk\xce'</t>
  </si>
  <si>
    <t>b'\x04\x14r\xb0\x8a\x0eV\x1c\xa7q\xf9\x12\xbe\x94\xcb\xafY\x15#\xc4*\xe2\x88[\xb2z\xa6\xa2W\xf1\xde\xcf'</t>
  </si>
  <si>
    <t>b'\x95\xbf]x\xbe\xd6_\xa0\xedk7\x04z\rN\x94nT\x9e\xd0\xb6\xe3c\xb7\x07\x87B\xb2}y:e'</t>
  </si>
  <si>
    <t>b'\x86\x89O\x89\x81s\x1ffA\xfc\x87\xe1\xb3\xcd,0\x1eU\x03_=-\x9a\xa8`\x9c\xc9\x13S\x99q#'</t>
  </si>
  <si>
    <t>b'\xdf\x0e\x838xo\xb4\xf6\n*\x1eJ#\x1a\x9b\x81\xb2\x83\n\xdcz\xe8\xd6\x0e\x12(\xec|\xcf\xb6\x9a\xe0'</t>
  </si>
  <si>
    <t>b'\x0b\\\xdc{3\x11\xbd\xa5\x944R\xd0\x1cx\xea\x99\xce\xce\x91\xaft\x92Z\x9b\xe6T\xaf^UEK['</t>
  </si>
  <si>
    <t>b'@&gt;\xff\x00J&amp;k\x9a\xa5H?/\xb9\x1b0[\xea\xf6\xb6\xfcY\xf7\n\x9c\xc9\xf9\x01D\x7f\x8d\xf6\xb5'</t>
  </si>
  <si>
    <t>b'\x9c\xc4\xc6A\x0ed\xb3\xb5\x0e\x8dI\n\xcf\xc1\xf2bO\x05\xb8(\xfbx\xb4\x13\xd4\xb4\xa0\x9d\xe4k8\xad'</t>
  </si>
  <si>
    <t>b'\xd0B\xab|\n|\xdd\xee\x85k\xe6 ~\xb9\xa2\xe9\xbfg\x17W\x81\x19\x9a\xac&amp;~n\x02\xceR\xb3L'</t>
  </si>
  <si>
    <t>b'\x02Q\x8b\xe3x\xb3\x97\xa5l\xbe\x16\xa4\x86\x07\xf4\xe49\xe8ZO\xe7xp*\xc8\xc6\xa5\xa1\xf7\xdd~A'</t>
  </si>
  <si>
    <t>b'b\x9e\xc9D\x06J\x00\xcdq\x10\xaci(hI8\x81{D\xca\xb6\xb4\x15\x05dQ\xeaJ\xaf\x84\xac\xe4'</t>
  </si>
  <si>
    <t>b' \xb3\xa6\x18\r\xb1\x9d:\x98\xb8\x8c\xc6}&amp;\x92\x9aK\xa2d\xfct\xb9}\xb7\xc4\x15\x91M\xd8\x14\xc9|'</t>
  </si>
  <si>
    <t>b'\x9c5L\xe2\xcfu\xbfL\x12\xe0\xb1\x06]\x7f\xa7:\x96\xea\x8b1\xb76-^\xbb\xc1\xad\x18"2\x9az'</t>
  </si>
  <si>
    <t>b"\xa1PO\xf3O\xe9\xce39\xf1u=\x11\xa1B\xaa\xcbQ\xbdy[\xe3\x9c\xd4\x1e'\x06\xa5g\xd0\xec\x86"</t>
  </si>
  <si>
    <t>b'pm\xa4dy9\xbc\x96\x9d\x91\x179Z\xbb\xa5-!\xc7\xb7v\x1d\x97\r\xc12\xa7\x11\t\xd29\xc3\xbb'</t>
  </si>
  <si>
    <t>b"\xd8\\\xee\xabf\x18\x86\xc3\x96\x1a\x94\xc2\xb8tRC\xbeM'!q\xf1\xa8\xc0\xfeqZ\x18g\xa9\xe3\xbd"</t>
  </si>
  <si>
    <t>b'\xe7n\xaf\x12K\xb9Jw\xfa\xb9\x9cC\x83g\xb2\xfaX\x18\x8f\xdd\xd4Q\x14&gt;\x12u\x175,n\xd6@'</t>
  </si>
  <si>
    <t>b",\xfd\xfa&amp;\xf0\xad\x91AV\x8d\xbeQ,\xf7$W\xd0\x92\x84\x8f\xa3Z\xb4\xb6\xa4\x02\xf5k\x12\xdd\xb4'"</t>
  </si>
  <si>
    <t>b'n\x98\n\x80"$A\xe6\xc1+\xf2\xcdt\xa1\x83\x06;m\x16\x0c_-\x1cH\xf3\xbd_"\xec\x19\x0e\x12'</t>
  </si>
  <si>
    <t>b'Y\xae3\x8eh\xe93\xf5\xbb\xbawEg\xde\xc6\x03\x91\xab@\x88\x80\xba(\xd8\xba\x83-:\x92Y]\xba'</t>
  </si>
  <si>
    <t>b'\x14\xee\xb4*a\xf0m\xeb(\x0b\xbf\xbc\xca\x0e\x98\xf9?\x17\xb2&amp;s\xeb\x03\x9f\xdf\xd1\x06\xa1\x97L\x9f\x8e'</t>
  </si>
  <si>
    <t>b"H%\xe7+`\xd2'\x1cU\xe7J\xcecA\xd8\x06\x97\xdf\xb4D\xd4r\x93=\xc1g\xd8\xee\x12O2\x06"</t>
  </si>
  <si>
    <t>b'\xffH\xd9\xc3I\xd0j[\xbd6\xc3?\x0f\x12\xce\xb81B\xde\x11+\x10T&gt;\xe6\\Y_\xd8\t\x16)'</t>
  </si>
  <si>
    <t>b"|d\xba'A\xf2\xc3n\xe1\xdb\xc8\xf8\t\x15\x06\x846 ra\xebR\xbe^\xf5\x15\xc9\xc4r\xe6c\xcd"</t>
  </si>
  <si>
    <t>b'\x9e\xa7\xd7v\xcb\xd1\xbd\x01{\x0bm8C\xf5\xa4J\xe6.\x14C\x81h\xa7\xfas\x18\x97\xa6\x96\x85\xbeI'</t>
  </si>
  <si>
    <t>b'\x83\x8b[\xc26R\xc8\x9dn\xce\xa8\x1b\xc2:\xb5\x1c\xa9\xbc\x9b\xa6E6\x16\xf1\xfe\xd4\xba\xaa@\xc9\xf9\xad'</t>
  </si>
  <si>
    <t>b'\x1d\x05\x182\x87\xa9lL\x16E\xdcb\x0c\x9e\x85\xcb\x92\xe0&amp;\xcb\xe7\x04\x8fM\xd0\xd9\xff\x1c\x04\x80h\xd0'</t>
  </si>
  <si>
    <t>b'\xa6Nn\xd1\xe4w\xc6u\xb2\xa4\xc8\x96\x1f2\xcb6\x8b\xd8/{\xe6\xf53\x07\x12:\xda"\xc6l\xac\xb7'</t>
  </si>
  <si>
    <t>b"\x96\xea\xaesQC\x10\xda=c'4\x87\x04*D\xae\xb6=/\x06:\x1a\xd2\xa2#\x14\x8f5\xfb\x1d@"</t>
  </si>
  <si>
    <t>b'\xfcQ\xa0\x91\x1b\x1aSx)L\xa3\xa6\xe2&amp;mOwv\xef:\x93\xfe\xd3m\x8b\x18\x85\xa9\x95C\x8a!'</t>
  </si>
  <si>
    <t>b"j\x05\xec\xb3\x85\x13RB\x15m\x9c\x9a\xa8bi\x92\xaa\xc1\xbfsK\xec$G\xc5g\x95\xb4'\xfc\x08\x8b"</t>
  </si>
  <si>
    <t>b'{\xf0i\x90\xd2B\xe9\x9a\xe8Y\x86\xea8\xf6S&gt;5\xfc\x93/\xd1.\x93\rh\xd8**L\x90\xbf&lt;'</t>
  </si>
  <si>
    <t>b'RD\xbfC\x83\xaa\x83\xb8\x7f0\x18\xe3\x0c/1{&amp;?\xceV\xf8\xa4&amp;\xa6V]\x00@\xb0*\xbbY'</t>
  </si>
  <si>
    <t>b'\x14\xe0$\x89\x10\\\xaa\x85ZS\x9f\xfe%\x01\xa7\x02\xec{\xed\xf8V\xf8W\xb1\xd9\xba\xbf\xf2\x81\x82k\x8f'</t>
  </si>
  <si>
    <t>b"+\xe3a\xb1\x81\x8e\x136\x82c!'\xc6\xff\xbf\xb2'\xcd\xba`\xebw\xd5H_{b\xad\xf5U\xf9/"</t>
  </si>
  <si>
    <t>b'\x03\x8d\xbb\x0b\xd8@\xd2\x8f\xbbyu\xf8\xd8F{oV7\x1c\x96\x1a\x15f\xe2\x92`v\x8c\xd0G\x07q'</t>
  </si>
  <si>
    <t>b'\x11\xa0r\x8e\xbb\xaaL~iE\xe7\xc9m\xe9\xc1\xe6\xd3-\x99\xb3\x8a\xa9e\x87\xe7E\x03c\xec\xed\x9c\xb5'</t>
  </si>
  <si>
    <t>b'\xb9h\xcaGCS\x8d\xb7\xd6K\x8bp\xf3Mf\x1d\xe8\x89\xd4\x15\x89\xf8\xdd\xf2&lt;\xd64{\xf6\xc9\xeb\xd0'</t>
  </si>
  <si>
    <t>b'\x08\xe1\'\xb6\'\xce1\xc7&amp;;#\x08\x05J "\xf1\t\x9f\xa0p\x82VU\x93\xb4\x02\xe3\xd3\xa0J9'</t>
  </si>
  <si>
    <t>b'\xcc\x19\x92Q\xd2B\xcc\xfd:\xc6\xd9\x95\xd2Xl\xb0\xe0\xe5\x97\x9a\xcf\x9a1C\x8c*\x80u\n\xb5\xb4y'</t>
  </si>
  <si>
    <t>b'\x89\xc9|\xa0\xf1yu\xd8\xd5\x0f\xb7bq\xd9i\xce[A\xf9r\xe9^iX\xa9-xa^&lt;\x90!'</t>
  </si>
  <si>
    <t>b'\x99r\x1bl\xc0\xa3A\xe1\xe3`\xe1\xc5\xb3\xf4Hd\xb3q\xc3\x97w\x8a%\xfc\xbe\xe3\xf4\xdc\xc5\xb2\xf6\xcd'</t>
  </si>
  <si>
    <t>b'2\x83\x1d\x81n\xddl\x19\x91\x92q\x08\r\t\xad\x86\xbbG}lf\x17\xeeo{\xb9|,\xfe\x93\xd2\x8b'</t>
  </si>
  <si>
    <t>b'Z-\xf4\xe8\xb9k\xd8\x04!T\xf8\x81x\xcb\nf\x9b\xcb\x165\r\xfc\x85D\xc2\x990\xfbTAh\xdc'</t>
  </si>
  <si>
    <t>b'\x8f\x00\xd0\x19\xdf\xf7\xd7\xcc@\xbd\xf4\x146c9\x1e\x8b\xfe1b\xae6\xcc\xeciaW\x97\xd0\xddB\x95'</t>
  </si>
  <si>
    <t>b'\x83j2\xff"\x8c\n\xb8.SQ\xfbnF\xa63\x92\xc9\x8f\x8c\xdf\xd0K7\xc7@\xcd\x18Y8\x9c\xe7'</t>
  </si>
  <si>
    <t>b'F\x06\x15\xbf\x0e\r\x1f\xe3X\xb5\x00\xf2\xc1F\xef\xb0Y~\xb2\xa8\x00\xa5\xd9\x18\x16\xc8\xb6\x11B\tQ\xe2'</t>
  </si>
  <si>
    <t>b'|%V\xf9\xd9\x1c&gt;Z\x9b\xfbP\x81\x1b\xcbw\xa9\xe1l\x1d\xe9s\xb8\xf5\xa3G}\xe3\xd3b4\x95\xe2'</t>
  </si>
  <si>
    <t>b'F\x1ap\xfd\xa1%-\xc3\x1aS\xfe\x0f\x8b\xbc\xa2\x7f\xfd\xaa\xa2\xf26&lt;s\x95\xb4\x8e\x14\xa3\xb4\x10^\x95'</t>
  </si>
  <si>
    <t>b'\xab\xb5\x03.\xa8\xc2}\x96\xa1^~v\x84\x8bR\x08Xj\xeb\x18$K\xf0\xd3\x8e\xc5\xfa\xa4\xc7U\x0bo'</t>
  </si>
  <si>
    <t>b'\x02:\xe0\x8e\xfb~\xee(k\xd9qN\x86*\xa8?\xd8\xc1/\xd3l\x00\x96LEM\xdcg\x14\xecx\x08'</t>
  </si>
  <si>
    <t>b'!w\x19\x92\x0eT_f\x8ft{\xfb\xf5\xd2\x18\xb8\xf8S|1\xb5\xa0\xf9\xccM\x04\xb4\xd9\xeb\xbe\x96z'</t>
  </si>
  <si>
    <t>b'hr\xe4\xe4\xd6 !\xa9\xe8\x91\x98\xedJ\x1c\xe0\xbd\x90\xfa\xfb\xc6\x955g\x8e\x85\xef\x8e\x9a\xfa\xb9\xfb\xb5'</t>
  </si>
  <si>
    <t>b'\x0bjN\x91\x99\x82M\x02\x11\xadSs\xc7\x90\xe2@\xc0,\x8bL\xcc^q\xc4\xeb8\xf1\x8b\x07*\xe0\xe6'</t>
  </si>
  <si>
    <t>585xx</t>
  </si>
  <si>
    <t>b'\xeac\xbd/\xe6\xc7v$\x82\x92DR\x95\x8b\xbe\xb3\x82\x05;\x08:RH-\xb86@\xcbP\xfa \xff'</t>
  </si>
  <si>
    <t>b":K'\xfci\xd1\x1b\x085\x05\xbc\x00\xc7\x9b\xb7\xe9?\x14 yB\xbc5\xf1\xe1[\x89\x12H\xa8\x12\xe6"</t>
  </si>
  <si>
    <t>b'T\x19%\xcb\x9b\x02\x88\x1a\x04\xdd\xef\xe2\xd6\x9cl\x8c\xcah\xbd/]_\x99\x9d(\xe1\x88\xca\n\xc4r\xbe'</t>
  </si>
  <si>
    <t>b'\x00\x1a\xe90i\x92\x0c5\xa2\xb9\xd6\xd5;[\x1d5U\xf4/\xcd?Q\xaf\n\x18\x0fj\xe1\xaf\xa0\xd4_'</t>
  </si>
  <si>
    <t>b'\xe7yEp.\x837\x957\x82\xea.\x95\x19\x11wQ\xfbT\xe6\xdb\xb3\xb5m\xb60\x96o!\x1f\xb2*'</t>
  </si>
  <si>
    <t>b'\xb5C\xfe\xb6m\xfc\xf3\xf6\x16\xb2ahYJ\x95\xb7\x19\xda\xea\xc3f\xc0`\xb3\x87\x15\x1a]\xa7\x8d35'</t>
  </si>
  <si>
    <t>b'\x81\\\x7f\xf9\x8d\xa4;\x7f!\x9a\xad\x9d\xb4\xbaptr\xe0v\xca\x9f\xef\xfa|2\xd9\xf5\x8d\n\x0e\x92\xf6'</t>
  </si>
  <si>
    <t>b'uA[\xc5\xebS\xcc-S\xc6\r\xb2a\x1a\x10\x044\xb5\x9e7A\x8b\x15\xf7\x9d\xd6\xaf#/\xf2\x04\xeb'</t>
  </si>
  <si>
    <t>b'\xdb\x18\xb7\xbb\x8bk\xcb\xb2\xbd\x88-:\x81\xf6h\xf3|\xf8\x80\xa15\xfb\x00#\x0cd\x86\xcf\xccl\xe8&gt;'</t>
  </si>
  <si>
    <t>b'\xa6al\xb7\xb5!\xb7\xc6fT\x03\x80A\xbc\x1e\xc0a\xeb\x8f\x99\x14\xf4\xceFK\xf5\xd58\xc5\xf5\x1ah'</t>
  </si>
  <si>
    <t>b'\xcc\x84\'d\xb9\x0c&lt;n\xcchC"\xe9\x0c\xdf\x82$\x97\x0fk\x0e \x15\x9e\x9a\xe9_\xd9\x1b4[x'</t>
  </si>
  <si>
    <t>b"|\xc2\xef|\x18\x9c[\xb0p'\xe8O\xe0\x0b\x9f\x97\xd4\xb9\xe67\xc4\xad\xff\xe6\x8a\xe5F\x9f\xea\x0eT&gt;"</t>
  </si>
  <si>
    <t>b'\xfd\x0b\xffC\xaf\xae\xd8\\*\xc8\x03\xc2\xdd\x9b&lt;8F\x13\xeb?\xf9z\xf7\xc1$\x18\xd1\xea\x9c\x03}M'</t>
  </si>
  <si>
    <t>b'G\x0c\x89Ll\x9eV\xcb[ys\xd8d{\xd7y_m\xeb\xee\xea\xaa\xe0\x19\xa0H\x02\x16\xbc\x96\xd8\x94'</t>
  </si>
  <si>
    <t>b'\x10\x7f\x0c\xd6\x04\xf0\x0b\x9a\xf6\x83\xcf\x0f\x97\xe0\xf9\xfd\xa6\xde(SM\xca\xd7\xa5\x89\rV\xdadb\xf5 '</t>
  </si>
  <si>
    <t>b'\xc5\xa5\x94\xba\xbd\xed&amp;\xd7\xd0bR\xde[\x95\x07f\xe9\xc6OJ;\xdb.\x8d\xa0\x17\xe9\x0cKkH\xab'</t>
  </si>
  <si>
    <t>b'{\x13\xf0\\\xf5\xf3I\xf6\x1a"A8E \'D\xac\xd7*0\xde\xb1\xc0\xcd\xb1a\xb5\x14\xc6\x1f\\('</t>
  </si>
  <si>
    <t>b"\xe6\xb1\xd9\xefR@#\xdf&lt;)L\x01\xb4\xbd'|\xaf\xa8N\x9f+\xfb&amp;\xa5\xf0-\\\x11\xa4\xc8\x1c\xd2"</t>
  </si>
  <si>
    <t>b'\xf3\x8a\x95e\xc9E\xd1\xd4\xc6\xb7P\n\x87\x19\x91\\\xf8%\xc4\xe3\x1e\x83\xca\x85~\xbbu\xe5zC\xed\xc0'</t>
  </si>
  <si>
    <t>b'\xee\xf1\x9b\xa0@yW\x88\xbc|\xe0\x04=\xf7v\xcd6_m\xbc\xc7w\\\xc7\xa3\x94\xb4\xb4\xa9$\xa5\x94'</t>
  </si>
  <si>
    <t>b"\xd97\x9d\x06\x8d\xbe\xd0'1\xbfxu\x16+&amp;\x9a\xfdki1\xeb\xd5d\xfb6\x15\xb8\x94\xe4EW\xd0"</t>
  </si>
  <si>
    <t>b'\x9c\x9c!\xa40m=\x8b\x1d\x8b\xd0\xe5\xfe\x9f[\xabD\x143U\xa3\x00w\xb7\x90\xc8\x82\xfd\xf8\xe6@\xbb'</t>
  </si>
  <si>
    <t>b'\x1e7\xd8\x81x\xb5\x06\x00\xc9\x939\xe0~\xb2\xa7N#\xd7\x82\xb1J=\x936\x92&gt;KHR\xf3\xe2\xc6'</t>
  </si>
  <si>
    <t>b'K\xfb\xe5\xd2\xdfrn\x8fC"q!\xf50l\xf7\xe3\xe5\x02\x11+\xd99\xae\x7f2\xa4\x19\xde\xd7\x89s'</t>
  </si>
  <si>
    <t>b'\xdbM;r\xa6\x1e\xd4M\r\xcc\x98\x83\x04\x9b\x1e)\xe3\x18!\xe2\xfe$\xee\xee8\xf1\x0b\x10*\t\xdb\xf0'</t>
  </si>
  <si>
    <t>b'\xe5\xbb\xf9\xfaj\xf7\x95\xbd[\x8f\x15q#\xeey\xd7\xa6b\xd4\xfb\x8d\x07\xf8J\xcf\xb8\xea!\xddH\x02\xbc'</t>
  </si>
  <si>
    <t>b'\x04Bu\x0bg\xc7x\x88\xeb\xe0Ou#\x98\xf8\xc6\xe3\xc5\xff\xabD\xfa\xd6)\xc9\xc6%\xef\x1e\x02\x1aY'</t>
  </si>
  <si>
    <t>b'\xf7\x82\xc5\x16\x84\x0e\t\x8c\xf0\xcez\x17\x05\xf4\x99+\x02\xcem3\xb1%\xf3\xc6:\xb2\x92k\x06\x84\xdf\xe9'</t>
  </si>
  <si>
    <t>b'\xfa\x894\x8cK\x07YW6\xf5\x12D\xab#\x0b\xa8\xdd\xfe\xb7y\x02\xe2\t?\xa9\xbf3:\xaf\xdd\xf5N'</t>
  </si>
  <si>
    <t>b'[\xc9+*F\x91e3),\x94\xc9\xaf\x8c\xe1\xdd\x98Q\x11\xc8W\x98h \xd0#\x8d\x14\xb0\x9bG\x9e'</t>
  </si>
  <si>
    <t>b'&amp;\xac\x9e\x04\xce\xaa\x8f9\x07\xa6\xd5!\xeb\xc69\x0f9\x7f\x9bhD\x14&gt;95\xef~\xe5(\x9f]\x01'</t>
  </si>
  <si>
    <t>b'\xdae\xafh\x9d\x88\x0eb\x8d\x05\xcb\x0f$%@N\xd0[/V@0\xe5\x18\r\x03\x95N2Z\xab\x85'</t>
  </si>
  <si>
    <t>b'+\x0c\xa3\xfd;!\xd5\x8avd\r\x0bCZ\xd3s\xcdJ\xf6\xdfO\x1a\x8b\xf2\xe3\x99Qi\xbc\xa5\xb9\x9f'</t>
  </si>
  <si>
    <t>b'qu\xa8\x10\xa5.q&gt;\xdc;.\x8e\x11\xc9b\n\xd0f\xddu\xc5-k\xd8\x13$I\x88\n\xaeh\x84'</t>
  </si>
  <si>
    <t>b'\xf7U\xca\x07}/\xb1O\x8a1\xb5g\xa2&gt;\x1b\xe1"\x11!Cz\xebk\xa0\xe4\xbe\xad\x19&amp;Z\xbf\x8a'</t>
  </si>
  <si>
    <t>b'\xeb0\xdan\x13\x13\xce\xf8D\x95\x9bXB\xe0T\x07w\xd06\xe2B\x03C\xe1T\xb0R\x9c\x11~\x8ez'</t>
  </si>
  <si>
    <t>b"n\xcd\xac\xc3\xde\xa6\x17\x89\x10|T'\xe7\xe8v9 *\xedb\x83\xeer\xba`\xa4\x00\x05\x1a\x01\xa2,"</t>
  </si>
  <si>
    <t>b'\x08mZ\x08\x92\xaa\x16\x01!,\xc4\xc8\xfb]\xa2\xf8\xb7]VQ\x898f\xe10m\xdcZ\xd6\xd6l\xee'</t>
  </si>
  <si>
    <t>b'RY6j\x8b\x0f#\xb6}A\x03\xfe\xdc\xe6\xbc2\x8c\x07\xffNQ\x9a\x0b\x9d\xadu\xce_\xe1\xfe\xec\x01'</t>
  </si>
  <si>
    <t>b'\xbb\x1c&amp;\xa4\xff\x05\xfaT\x05\xab\xdf\xb8\xecj\xe1,Tw\xe9\xf4\xc3\xf3\x86\xc9\xd3d\xb9\xc1o~0\xaf'</t>
  </si>
  <si>
    <t>b'h\x03I\xd3\xd9z\xd0x\xcf\xdc@\x87\x9bi\x8c\x82\x02\xa3\xa8\xc7\x96\x7f\x9fzn\x04\xc1b\xe7\rs\xfd'</t>
  </si>
  <si>
    <t>b'r\x01\xcf#\xb3J\x97c\xbd\xa4\xc3\x84\xb0M\xefO\x83(b\xb9\xf07\xa6M\xfb\xb9\x9a6&amp;8\xc3\xc5'</t>
  </si>
  <si>
    <t>b'\x0f\x93\x84\xf3\x12p\xcc\x0e\xba\x02\xbc\x8b\xb5\x0e\xf2\x1bxv\x91\xd6\xc8\x1c\xebO|\x97r\xbc;\xc9\x9d&lt;'</t>
  </si>
  <si>
    <t>b'\xc4\x08\x806\xa29l\xdbTIS\xbe\x16\x0fkP\xd0\x1d\x9c\x86 \xe8p\x93\xe1\x04\x8b.\xf9(\x8e4'</t>
  </si>
  <si>
    <t>b'\xbc\xac5\x950\xf3 5\xf7\xd8I\x00QJ\rh\xb8\xc7\xd6\x9d\xefu\xbbC\xeb\xe9\x9c\xb6\x19\x01\xe6\x1f'</t>
  </si>
  <si>
    <t>b'\x8f\xcd\x81\x0f\x83)]\xd4\xdb\xa9\x1c`z\xb6w\x84lD\x1c\x04\xfd5\x1cvf(\xe7\xddZ\x85\r\x93'</t>
  </si>
  <si>
    <t>b'\x9e\xf7\x1a\x8d\x1b\xea\xa2qW\x85\xe5!\x90\xf0\xb2\x8d]\x88\xe4\x02\x92\xf6\x8a\xfc\xdb\x06\x1a\xaf\x17QeC'</t>
  </si>
  <si>
    <t>b'/=\xcdt\xa8\xc3F3\x91\x84\xad\xa9\xcb\x8e\xe8&lt;S\x96\xc3~\x84+Q\xd44\xaf\x9a=\xa6\x0b\x8c\n'</t>
  </si>
  <si>
    <t>b'\x88\xe7\xa3\xcb4\n\xc4\xc2\xd8\xf5\xbfh\x14\x9d}\x81\x89\xff\xac%\x98\xe9Yr\xff\xd1\x86\xaa\xc3\xf9\xc1\xe3'</t>
  </si>
  <si>
    <t>b'\xb8\x84\x92UV\xac\x00\x05e\x16\xb9\x01\xcc\x0c\x94\x82\xdf\x06/\xb7\x9d\x0e\xf1\xbeD\xf59\xeb\xcc\xb0\xbc_'</t>
  </si>
  <si>
    <t>b'\xff2&gt;|\xda~9\xaf\xc0\x88\xd1\xf1\xa1\x90\x12\\\xc2tn\xaf\x19r\xb9uG\x9a\xf6VE\xaau\xf2'</t>
  </si>
  <si>
    <t>b'\xac2\x8fm\x89-4\xc3\x01R\xb9\x18\xdbU\xdc!\xa7\xbf\xdb\xca\xa9}\x0f\xaa\x9d\x91B\xc0\xe3A\x9c\x12'</t>
  </si>
  <si>
    <t>b'\x86\xf0$\xba\x95\x82SK\x18\x19\x84D7-\xf3\xe0\x9c\x98\xcf+\xb0\xc8\x87I\xdf\x82\x0f\x98\xf0\x1e\xc02'</t>
  </si>
  <si>
    <t>b'\xffU\xc1\x00K\x14\xcd\xf7r\r\x03hf\xb1\x9eg\xca4\xb9?\xb8\x1cFgwD\x9b\x97M\x92\xce\t'</t>
  </si>
  <si>
    <t>b'&lt;\xd4\x02\xdf{\xec\xf1\xd20\x0c\x06\xa1\xec\x03\x98dl\x91^#\xdf\xb6\xcfL\xa1I\xf6\xc9`C\x92\xe7'</t>
  </si>
  <si>
    <t>b'\x0c^\x0f\x0e\x9e\x16AC\xde\xafb\xef;\x08\x9aIiE{\x06\xe6\x08\xd5\x0e\x19\x93\x93Y\xeagN&lt;'</t>
  </si>
  <si>
    <t>b'4\xaa\xc5\xc2\xc4\xb2\x04)\xf1\xf6\x1e\xfd\xb1\xc2x\x0c\xff\x1a\x9cp&lt;\xfb\x97H#\xe8\x8d\xb7Z~vE'</t>
  </si>
  <si>
    <t>b'\xca\xb8\xe8\x80\x88\x97R\x9c\xdcN\x08\x163\xbe\xf3U\x8av\xa1\xd1V\xfaP\x07\xdb\xe2i\x84\xf2\xc4 \xf3'</t>
  </si>
  <si>
    <t>b'\xe8\xc3\xca\xe6\x90Q\x14\x14\xf0\x99\x9e\x12\x95\xfd_\x08\x01\xf6\xc8\xdd\xf0\x1e0\xb3\xdb\xe0\xd5ZK\x13\xbd\xee'</t>
  </si>
  <si>
    <t>b'4\x00\xa0\xdf\xca\xd6P\xd2[D\xe7\x00\xe4\x1d\x02\xe8\x13\xa2R\xa4\xddC\x13\x94\xd9\x8bi.\xf9\xbe\xe8\x98'</t>
  </si>
  <si>
    <t>b'$\xdf\x840-?J_\xed\xd9\xeb\x00\xed\xa3\x82\xac\xec\xd1\x87#\xc9(\xe6\x91[\xe1\xb9\xec\xad\x1b\x93\xb9'</t>
  </si>
  <si>
    <t>b'\x98\xd6$\x96\xea\xa6^F\xfcG\xb6\xa0\xc4\xa6\x8a\xa1+\xbd\x9f&lt;\x02\xc1\xe2\xbb\x9a\x8f\xe8+\xd6\xcb\xd5\xb7'</t>
  </si>
  <si>
    <t>b'6\xc8\xca\x17\x034N\x8cw0\x03\t\xfe\x94\x06\x86=\xab\xed\xf4\xe5CB\x9b\xb6\xa3IQ\xeb@\xf3\xa7'</t>
  </si>
  <si>
    <t>b'\xae\x8a\xa7\xc9\xf8\xf2\x83a\x14\xeeq\xc9V\x11\xadv\xbe\xe2s\xed\x9e@\xc3S\xdb\xf8\xc8\x0e\xbc\xc3\x8e\xe5'</t>
  </si>
  <si>
    <t>b'\rGV\xda\xff\n\xd2@\xf7\x8b\xa1\x96j\xd5\x04\x86\xcfC\xfd\xad\t\xc1s\x84\x0c\xc2\x9f\xa6&lt;\n\xba&gt;'</t>
  </si>
  <si>
    <t>b'\xc4u"\xcb\x0bx\x820\xf2\xcfi\x0f\xf5%\xa5\xc4nXm\xf7\\\xaa\xc5\x1a\xb4\x8a\xc5\xad\x1d\xeb\xa11'</t>
  </si>
  <si>
    <t>b'3"\xcb\xea\xae\xa3\xf5\x9b\xec]~9\x19\x8c)\xff\x1dOP\xbf[\x8c\xc8\x10Jr\x01\xdeYY\xb2\xa5'</t>
  </si>
  <si>
    <t>b'!x\xfes\xe0?\xc8\x0f\x96\xde\xaf\xdd \x8b\x93\xaf\xf6M\x02~\xfaw\x11O\x0ck\x02Sb)f\x11'</t>
  </si>
  <si>
    <t>b'\x0coC\xfe\xbb@GI\x1e\x8fS\xf5~\xc7\xd5\x08\xb0\x85\x98\xdd\xae{\xd6\xb6\x8d\xa0f~\x1f\xa3\xe8\x92'</t>
  </si>
  <si>
    <t>b'\xab\tr\xfaec\xac\xdd\x14ZYR\xf2\x95\x81J\x92\xc2\xdf,m39\x94\x8a\xc4\x078I\xf7\x06\x12'</t>
  </si>
  <si>
    <t>b'hB\xc4\xd6\x17\xe3\x1c\xdd\x86M\xe1\xfd\xe4\x93\x13\xd2\xec\x1c\xa7-\xe4\x0fg\xd9o\xf6\x93ne\xf8k/'</t>
  </si>
  <si>
    <t>b'\x80\x9f,{\xd8\x0b\x90\xef6\xf8\xe7\xf8\x10\xfb\xcc\xe8\x89\xc7T*\xce\x12\xe5\x90\x92\xac\n\xe6\xf2\x83\x81\x98'</t>
  </si>
  <si>
    <t>b'\xa4\x9e*\xce\xadb\xc3\xea\x8a77H\xe0\xe1\x0ba\x85\xefr\x04\xc6&gt;f\x1b\\\xa7e\x7f/Q.&lt;'</t>
  </si>
  <si>
    <t>b'\xfa\xe7\xaf\xbc\xab\xf2~b\x11\x8c\xd4\xb3(t\xed\xd1\x9d\xe57\x9a\xb2\x87\x0f\xde\x97\xab\xf1-x).\x02'</t>
  </si>
  <si>
    <t>b'\x01C\xcbg.\xd7;V"\xc6\'\xd7zw\x8ey\x14\xe6$\t\xef\x95^u\n\xc3X\xb8\xefe\xbe\xc2'</t>
  </si>
  <si>
    <t>b':\xdb\xb6\x1b\xc0s\x1d\x1fUv!%\x80\xe85\xaflW\x80)[\x93\xa5\x7f\xa0rnn\xcbr\x93\xf8'</t>
  </si>
  <si>
    <t>b'\xdc\x18\x86\x8a9\xdf+Z\x12/@z\xf7c\\\x94\x9c\x03C\xef\x9a\x98\xaaI \xa2\xa3s\x7f\xa6\x0e\xc1'</t>
  </si>
  <si>
    <t>b"oU\xb0\x90\x1a\xa9\xd1\x0f\xb5'0a4\xe2\xd1\x1f\xb2\x04\xd5\x1eD\x82!T1O\x82\xdf\xd5\x0f\xbd\xad"</t>
  </si>
  <si>
    <t>b'\x0e\x92i\x07\xf7HQ\xd5\xc1;|\xb8?o\xd6U@\xfej\xe6\xc9+\xd9\xe3g\xee\xae\xa7\xde;\xc9X'</t>
  </si>
  <si>
    <t>b'%\xbb\xd4&amp;"\xd6\x7f\x0f\n#\xe6\x06\xae_\xae\xbe\xac\xba\xfeR\x07\x08\x0f\x0f\xe0\x1c\xe4\x91\x85T\xf8\xf3'</t>
  </si>
  <si>
    <t>b'\xe9\xa6p\xda\xbc\xc2\x06\xd8\x01ji\xb1/\x99\xed\xa7\xeex\x9eli\x0bmNR)/\xa2\x91\xf3\xf3\xa3'</t>
  </si>
  <si>
    <t>b'\xcd&amp;\x9c\xb8\x9e}n\x01\xf0\x0ey\xfc\xad\xf4;V\xfa\x94\xc9N\x8e\xc2\x13\xbcIg\xcfW\xc0\xb0X\x14'</t>
  </si>
  <si>
    <t>b'\xc1\xd6\x06f\xd7W\x84\x1b\x92\xf5\xa8\x99Q\x14\xec\xa5N\x14\xac\xf9\xab\xe1\x0e/\xd7B\x13\x9biv\x85\xa1'</t>
  </si>
  <si>
    <t>b'\x1dp\xa1\x91V)\xfb\x96\xbcAHB\xf2\xcf\xb7\xe6\xf04\xd0\xed_,C\xb6\xa1\xbep!x\xcc\xe5i'</t>
  </si>
  <si>
    <t>b'\xb99\xf1\xadV\xfc0\xda\xb0\xbc\t&gt;0\x11\xcel&lt;\xd8\xf5\xbc\xe4\xdf\x9b\xf0\xf5r\x01\x9f\xed\xa2S\xb1'</t>
  </si>
  <si>
    <t>b'@j\xc72\x88&amp;\xb6\x8d\x0f9\xf0-\x05\x01\x1az\x96[\xcb,\xc7\x16\xc4\x08n\x8e\xfekA\xdd\xb0\xd4'</t>
  </si>
  <si>
    <t>b"1\xa8\x81'\xff\xbaS/\xf8}\xe1a*\xc27\x0f,E\xa2\x1am\xf7\xe1\xbb!\xcb,\xb9BL\x82;"</t>
  </si>
  <si>
    <t>b'\xbe\xa05S\x8az\x018_t4n\xf1-\xb4L\xb0LFx\xea}Z\x0f\xcd\x07\xb8\xc0~\xec\xf13'</t>
  </si>
  <si>
    <t>b"\xf0\xeb'5\x99X\xf1H\xd6\x98u\x88\x8f\x04\x9e+\xaa\xd3\x0brqG=\xf1\x8c\t\x0f\x85&gt;\xee\xc5\xee"</t>
  </si>
  <si>
    <t>b'\xe1De\x8b\xa4\xa59\xe3\\\x15\xba\x1b\xa1\xd3F\xfc\xc6\xf6\xab\xf2\x81*O\x89\xd0\xb9h\xd7\x86k\x84,'</t>
  </si>
  <si>
    <t>b'\xed\xff\xe8\x8c[\xab\xc1\xcb\xd7\xa2~\x98\xa8\xbe\xe9\xca\x7fnN\xfcA\x8e\xee\xf1\x90n\x04\x08\x84\x07&lt;H'</t>
  </si>
  <si>
    <t>b'\x15\xba\xb6\xbd`\x80\xef\xc1\\]JT\x07\x7f\x05\xae3\x15{E\xb3\xbcR\x18\x1b\xcf\t\x1c\xba\xa2bN'</t>
  </si>
  <si>
    <t>b'\xab\x92J\x85\x7f\xe9\xc8k\x8a\xe7"\xa19U P\xad\xa3m\xbb\x84\xa2\xfd\xfd\xe0++9B\x83x&gt;'</t>
  </si>
  <si>
    <t>b'\x99\x83\x98\x97L\x1fh\x86\xcb\xd8!\xd5\x04\xa1#\xc9\xeb\xb9*\xbd\xcb\xbfi\x9c\xcfG#\xab\x11~\xdc\xf0'</t>
  </si>
  <si>
    <t>b'v\x83v}\xf04\xd4\xa3\xf7\x7f\xa0\x8c\xec\xc1\x80\xb1 \xf6B\x8bq(\x83\xb9\xc5\x88\xe9(S&gt;$\xed'</t>
  </si>
  <si>
    <t>b'\xcfx\x9e\\(\xc7$\x985\xe8D\xae\xf5]z|\\\xd8\x197Q)NX\xdc^\xd2\xd1\xe5f\xf0\xad'</t>
  </si>
  <si>
    <t>b'\x9ez\xf8\x08\xa1y\x9dK]\xe5\xa05\x81B\x86\x08\x83`\x95\\P\xd8\x06B\xc9\xaa\xdf\xaeD\xba=\xbd'</t>
  </si>
  <si>
    <t>b'ki9\x95\x13\xa6M\xd8\xa8\x13\xc27\xaa+k\xd4,\x8ef\xf4\x8d\n\xe2J("?{\x89DG\xcf'</t>
  </si>
  <si>
    <t>b'\xdb\xcd\xd4\xe3#;t,?X(\xc9|\xb5\x07*\xa50HY\xd3\xa8"A\x18c\x9c\x120 \xc2&lt;'</t>
  </si>
  <si>
    <t>b'F\x197\xa6\x8b\xb8_{b\x08\xa2\xcf`\x02H\xfb\xcf\xb8j\xe6z?\xc4\x8e\x85Z\xb3&amp;,\x85\xbfS'</t>
  </si>
  <si>
    <t>b'0(A|\xea}\x97a2\xab^\xa3\xb6\xa7T\x1d;8\xfb\x98\xb6\x967\x05R\x189\xcc\xf1\xd0U\xbc'</t>
  </si>
  <si>
    <t>b'y\x14\x8f5k\xe0\x125\x04\xc5&lt;\x81\xa5\xca)\x0bd\xb2\xc0\xe8o\xb1\xde\x0e\xa2\xc8\xcf\xe2\x94N\x0e\xa6'</t>
  </si>
  <si>
    <t>b'V\xb8\x05\xd4\x1c\xc4\x0c[lG\x86\xdaGD\xc7\xe7\x1aE_\xb4u\xfe\xb86P]\xb8\x8d\xf9\x13\x93m'</t>
  </si>
  <si>
    <t>b"&amp;HS\xb0\x0c\xeb\x90\xff\x04\xa7r\xeb\x1a'x\xbfj\xa0\xf8gdf\xca\x8d\xc0\x8ds\x86\x18\xfcF\xa0"</t>
  </si>
  <si>
    <t>b'&lt;\x92\x1f\x03\x15{*\x7f\x0b\xde\x97\x17\xeb\xb1o0\x926\xa3\x1f\xaa{Q\xd6\xb4\x92\xe8\x977b\xe6I'</t>
  </si>
  <si>
    <t>b'`\xf7\xba\xe6\xcd\xab,CY\xf5\xd6.\x81\xf1\xab\xff"\x8e\xca\xa5\xcfmX\xcd\x19\x1c\xb9\xd6A"[w'</t>
  </si>
  <si>
    <t>b'\xf4\xbd7s\xf1R\xa0\x0e\x15\xdb\xc3\x18\x04l\xe2\x8d\xb3\xd1.\xe5"\xa0V\xc9VPuK\xf8\xad`8'</t>
  </si>
  <si>
    <t>b'y\xc9\xe68\xb7{\x1f\x1e\x85F_:,\xff~\xbc-\x08+$s\x85\xbb\x18O\xdd\x12\x1f75S\x86'</t>
  </si>
  <si>
    <t>b'\x85_^\x0f\x9eE\xdc\xa9x\xb6\x82:\x92x\x14\x84\xa2\xfco\xa1\xb3&amp;\xc4i\xaa\xbf\x8f\x01\x16\xc1\xa4\x05'</t>
  </si>
  <si>
    <t>b'\xc4\xaf\xae1R\xb6\xea\xb6)\xef1\xd0T}\xf1\xd0\x19\x8fS\xd7\xad\x93\x87\xdatvo\n\x0c}\x8b\xe3'</t>
  </si>
  <si>
    <t>b'\x0f%\xa98\xe5\xa5\xd6\x92\x06\x0f\xcb\x86M\x0eS`\xed#\x8b@\xd0\\\x93\xba_\xe6"AH;\xe3\xcf'</t>
  </si>
  <si>
    <t>b'j\xb4\xb3\xeaWV\x8c\xc3\xe3!\x08Ld\xf8\x0c\xeaA\xc6\x99^\xf8J\r\x9eG%&gt;\xa7\xaa\xa08\xe7'</t>
  </si>
  <si>
    <t>b"\xdc\xec\xd0\xc29mc\xc0\x94}N\x8b\xc4\x9b\xd3Jn\xa8\xa9\xaa\xee2\xe6\xfe\x0f\x97'Yn\x9e\x91\x8d"</t>
  </si>
  <si>
    <t>b'"3L\xf9J,\x0b\xaf\x0fB\x8d\xfa.\xf7\x07\xc3 \x9c\x15Mk\xfa1\xca\x9aZ\x9f\x1ej\xc7N5'</t>
  </si>
  <si>
    <t>b'\xbf\xab|%\xadC\x86\t\xa5\xa75\x80\xa6=\xfa\x05\xd2\xa8\xac\xe3\x1d\xc13\x1dt\x94=\x8fh\xc1\x19\r'</t>
  </si>
  <si>
    <t>b"\xfe`\x94Ji\xceA\x93\xb9\xe0\xe5\xb5\xab-S?-\x1c'\x83X\xd9n\x1c\xbe\xb2\x13\xf3\x0b\xbb\x02r"</t>
  </si>
  <si>
    <t>b'\xed\xdb\x8b\xf6\x99\x8dg\xaaB\xd0R\x17\x1b\xa2koRY%\x03\xe7\x19\xb8\xcd\r\x7f}\xea\x82\xa4{A'</t>
  </si>
  <si>
    <t>b'\x80\x0e\x89Xy\xcfx\x12\xb4y\xfd\x89X\xd3\xc0o\x1d\x85\x86\xfe\x841:\\\x8e-\x0e\x90\xba]\xb8\x9b'</t>
  </si>
  <si>
    <t>b'\xf0\x94B0)\xa4\xbf\xc5W%v\xdaa\x83\n\xa9=\x92\xbe\xb5\x92[\xc2l\x9d\xe7\xbcuc/y\xad'</t>
  </si>
  <si>
    <t>b'\xf7\x02c\x18n\x95 +\xf9ORoH"j$\x17\xf4\x17to\xf2\xf9\x1f\xe3\xe2.\x14=8\xa8\x9e'</t>
  </si>
  <si>
    <t>b'\x9c\xf3\x0b\xd1mb\x8f\x86C\x19i]Q\xfcbH\xd3\xd1\xdd\\4\x02\xe2\xe3\xfd*\xb8\xa4[z\xf5\xaf'</t>
  </si>
  <si>
    <t>b'4\xb4\x94\xdd0\xe0\xd6$\x0e|\x067K\xe2\x17\xf4\x87\xa8\x0c\xc0zg\xe0\xb6\xad\x9e\xbb!\xcc\xa5Q\xbb'</t>
  </si>
  <si>
    <t>b'\x8f.\x85\x00\xf51\x8b \xaf\xe7N\x06\xdfUg\xa9&gt;8\xf0Y\x1d}F%\x8b\x90mk\x99\xeam\xd7'</t>
  </si>
  <si>
    <t>b'\x99&amp;\xff\xfa\xad\x04I\x08\xb0\xdb\xbc \xcc)b\xf7t\x96\xbf\xd2\xf5r\xca\xb1\xe8\x1a$&lt;\xba\xd7*\x9d'</t>
  </si>
  <si>
    <t>b'\x80:(n\x14\xf5wM\xbb\xb5K\xf0\x8b\x9en8W]I\xcb0r\x04d\xbfZ\xb2Z6\xb2\x0b\xf2'</t>
  </si>
  <si>
    <t>b'{M\x02[\xaf7\xb4J\x85\x86jO\xd6\xd8t\xc7\xe3\xf1\xc5\xcc\x0b\x1d;\x81\xd5jp\xbe\xd2B\xcb\x90'</t>
  </si>
  <si>
    <t>b'\x19r\xa8{\x9d\tC\x06\x85\xeb\x01q!\x91\x06\xb2\xd3*/N\xfc\xb9\x02\xd2\x0b\x8a0\xb4j\x9a\xaf\xf8'</t>
  </si>
  <si>
    <t>b';\xee\xa9&lt;o,GT\xfa\xdcU\xcd\x99\xaaUm]v\xd0\xf2\xb1\x06\x91~\xb8\xf4\x96\x10=d\x95\xfd'</t>
  </si>
  <si>
    <t>b'\xffx\xcfT\x99\x89\xcaX\xb2\xf9\xbf\xd5\xdaQ0S-3IN\xeb\xdd1\x93HB!qH+\x17Z'</t>
  </si>
  <si>
    <t>b'\\\xfe\x81\xec\x18UV\xe3\x05\xa4\\\x88\xa9\x7f\x1b\x04\xe3(\xdd\x99\x80Y7\x8d\xa5\x8c)\xc2\x17-\x95\xc7'</t>
  </si>
  <si>
    <t>b'2\xa9\x0cj\xdd\xbb?m\xe4R\x08n\x02d\x9c\x17\xd0k\xef\xd6p\x88C\x04k\xc2P\xe0&lt;\xb0\xbc\xd6'</t>
  </si>
  <si>
    <t>b'\xe4v\xae\xa3\x84\xd3\xca\xc5\x8e\xa8\x16\xc2?\xa7p\xd9C\xc0\xdc\xbaB\x07\x1d\xa0v\xd20\x9b?z\xfd\x9a'</t>
  </si>
  <si>
    <t>b'q\xfb\xe8\xe3\xe0\xe7l9\xe0\x06\xc9z\x98\xb7\x86P\xcb\xbc\xe1n\x1b\x80;\xc7\xbd0K\x02\xd6\xb8u\xad'</t>
  </si>
  <si>
    <t>b'\xd7\xf5@\x86{-I\x12R?\x8c,\xe9\x03\xdc%L\xb2&lt;\xedt\x90h\x17f;\xeb\x0c\n\xe0=\x10'</t>
  </si>
  <si>
    <t>b'\xfd\x07n\x8aD$\x9cc\xa9\x1b\xbf\xd1\xa5\x16\xf6\xe1-\x05\xc6\xd4\xa2\xa9MU\xae\xb7\xba\xb9\xe0\xa7\xe2\xcd'</t>
  </si>
  <si>
    <t>b'\xe8O\xf7\xa8\x85D\xcf\x8a\x9c\xdcF\xa9H\xa9\x05\x03r\x9b\xbc\x98%\x8c\xc5:A\xfb\xc6=\xcdB\x82['</t>
  </si>
  <si>
    <t>b'\xc0&amp;h\xa6*\x0fN\x9e+\xa6\x18\x1a\xff\x18\x8d/!\x15\x9f&gt;\xa2\xc6,)q\x08\x94\x13\x0b\xa8\x85\x1c'</t>
  </si>
  <si>
    <t>b'\xb3\xdc\xea#\xcbh\xa6\x1a\x99\xa9\x88\t\xd1\x99\xf8TJjQ\xfc\xadD\x89j\xf5T,C\x1f\xb1.x'</t>
  </si>
  <si>
    <t>b't2\xa6\x0e-\xbf\xe4\x14\xf0\xad\x95\xadY_&amp;*\xd6\xceb\x16\xe6\xd7\x16H@\x8bK\xf1\xb2\x96L\xae'</t>
  </si>
  <si>
    <t>b'\xf8,\x87&amp;\xc4\xf3\xfc\xab\xf0\xdb-\x06{\x03t\xb1\x01\x15\x11\xb0\xf2\xd1]T\xbcp\x9e\x8f,\xde\x8dR'</t>
  </si>
  <si>
    <t>b'j\xe1\xe3\x16\x90/\x06\x1c\xacU\x9dX&amp;\x958\x8du\x15c.\xb5\xbe\xba\x98\x99\x17?\xc5\xea\x8aM\x89'</t>
  </si>
  <si>
    <t>b'5\xe0\x1b+\x07)\t\xd5YU_\x15%]\xbf\x8d\xd3\x06~\x01\xd6V\xb4\x02\xc8\xb3l\r\xb9\x15\x1b\xef'</t>
  </si>
  <si>
    <t>b'\x1c\xc5|2\x9b\xfe\xf9]\xcd\t?B%n\x86\x80/\xab\x9a\x1c\xc1\xd17\x1bmyKP\x9b\xaf\x7f='</t>
  </si>
  <si>
    <t>b' 1\xc3z\x9d\xf4\x19\x8d\x14\xaa\xe6 \x99\x15\xebl\xa9\x7fAT"{3\x0b\xf6\xb5\x01\xfb\x1fx.\xea'</t>
  </si>
  <si>
    <t>b':0/\xb9ek\xe6\x91\xe0Ky\xb0\x94\xeb\xbd\xd7k\xcfP\xac\xa3 N\xab*\xdd`g\x1cq\xa3\x91'</t>
  </si>
  <si>
    <t>b'@\xe2\xed\x1c\xa6L\x8eT\x81F(\x97\xf4=\xdc\x0e\xa7W\xef\xcd7a\x9e\xf7\xed\x18\xff\xb8\x8bY\xb5\xca'</t>
  </si>
  <si>
    <t>b'\xd86\xadD\xac\xd7\r\xde.\xa6\xc0\t\xa3\xfa.\xf1\x90\xfd\xb4\x14\xb6#:\xdd-F\xf5\xd4\xf8)\xc4\xe7'</t>
  </si>
  <si>
    <t>b'\xd8\x17Rw92\xe2T\x13\xd1\x96\xc4;7b\xc7\xcfB\x87S\xfe\xde\xbe%{\x02,\x06\xdc\xcdi\x83'</t>
  </si>
  <si>
    <t>b'[\x14(\xeeB\xa4D\xa5o\xbc\xb4\xab\xa9\t\x0ft\x13\x8d\xed\xedB\xe1\x14\xdb\x19Lc\xf7^]\x07\x89'</t>
  </si>
  <si>
    <t>b'\x1b\xa6Y\x86J\r\x01I\xf6\xa7?\xa6H\t\xc2\xdd\x8dd[q\xa5\xba-c[\xad\xbcu\x9c\xe1-\x98'</t>
  </si>
  <si>
    <t>b'?z\x0e\xfa\x0bK^\xa1\xba\xd2&lt;*)j\x05\xc4\xce\xda\x0f\x02_\x01?\xb5\xd72\x9b:%\x98\xc8\xc0'</t>
  </si>
  <si>
    <t>b'\xcbn\xa7)s\xe86Y\x85\xcf\x081\xb2!1&gt;\xcc\x99\xfc\xe7\x82\xef\x87m\x93\\H\xb0o\xad\x1d\x16'</t>
  </si>
  <si>
    <t>b'&lt;d\xf6\t\xf8p\x9a\xef\xbew\x9c\xe0\xe4\x80_\xfaX\x8frM8\xb0"\x9b\xd4,\x1c\xedOu`\xb2'</t>
  </si>
  <si>
    <t>b'\xfb\xbf\x9b\xf5\xa2^\xfdn\x9c\xe8&lt;\xe5\x15\x8dC&gt;\xcc?\x81\x12\x1b,\xc5\xe4?{u(\xe0b\xe2h'</t>
  </si>
  <si>
    <t>b"\x0c\xd6u\xe4\x8d]G\xe0\xb1\xb2t\xe7A\x18\xe2\x85d\xcc\xe3\xac\x9d'\x1eg&lt;\x10\xf0\x06K\xecP\xdb"</t>
  </si>
  <si>
    <t>b'me{\xc9\xfbq\xf4j!\xb0\xefG\xc8\x1aa}WH\xa0\xb1\xcd3O\xda\xdc\x9dzSK\xe4\xe6\x04'</t>
  </si>
  <si>
    <t>b'\\\xb7\xbf\xd8]\xbf\xce\xb1\xdcC\xa2\xda\xb5\xa2\x9b\xcb\\\xad\xf2\xeb\xe6lW\xa1\x83\x07\x0e\xbc,\xc9\xf5\xfd'</t>
  </si>
  <si>
    <t>b'\x15\xed\xe1\xd8\xa8\xa0\xcb\x00\xba\xa2\xfa\xf2\xc6\xa8\xd2\xe3rL\x13YC\xb2\xae\\Iz\x97\x94-\x92\x1d\xb2'</t>
  </si>
  <si>
    <t>b"d\xdc\xc5\xc7\x92\x0c\x00\xa7\xa7\xfc'0E\xee\x87\xb6\x0fws\xc5\x8c\xdf\xda]|Vm,\x10\xdb\x17\xe5"</t>
  </si>
  <si>
    <t>b'\x93Y\x00ZD,M\x89\xe82\xddL\xdel\xffs\xd8\xa4V+\x93E\xe7N\xe8N5k5?&lt;\xfa'</t>
  </si>
  <si>
    <t>b'\xec\xce\xc6/lR8\xf2T\x9fH\x8bv\x0b\x97\xce\xda\xdd\xd0x)\x1a]\xd5\x03}b\x89\x1f\x8f\\-'</t>
  </si>
  <si>
    <t>b'O9\x1a\x88R\x967\x80\xb5\xcek\xf7\xe3\xa7\xd1\xd5\x0c\x1dI\x13\x8c\xb2\x1fq\xb3\xc7\xccb\x15\xf6\x80\x15'</t>
  </si>
  <si>
    <t>b'E\xd0AO\xacqO\xb1\x1f\xb8\xe6\xf5_\xe7\x9dW\xf4+\x0e\xf1J\xacy3\xc4u\x94\x84\xab\xfd\t\x88'</t>
  </si>
  <si>
    <t>b"\x96\xe3\xb21o $\x1f`\xe8\x0e\xe5\x14\xdbQ\xb4'\x8a\x93-\xad]\xd1\x84\x9bV~\xa0\x0ec\x1d1"</t>
  </si>
  <si>
    <t>b'\x82\xe8( \x93\xff@\xf7-\x93\xdd{\xb8\x87_\x05{V6\x93\x851\x97`\xc4\xc1DBM\xc0"j'</t>
  </si>
  <si>
    <t>b"*\xbd\x10\xbd\x19\xac\xc82N\x03z\xc9\xba\xb9\xdc-:\x07\x01'\xc6\x17[2\x852Y\x91\xd0\x84*D"</t>
  </si>
  <si>
    <t>b'C\xb3x\xc0\x9e\xb8\xff\xc0H0Jq\xe5\xa2\x8b\xb5\x01\x9fd\x84\xc3j\xb3\xda\xc4\x1c)\xcf\xf9\xed,\xb3'</t>
  </si>
  <si>
    <t>b'\xb2\x13\xd4\x04F.^\xce\xce\xc7L\xe72p\xbd\x94*F\x81\xa9_!\xbb\xe4#H\x06\x86a\xb3l\xc3'</t>
  </si>
  <si>
    <t>b'\xa7B\xa6\xec\x08,\xe0\n!\xe0\xecp(\xf8\xd15&amp;\x19\xc1\x1fdW"\xba\x14\t\xe0\xab\x9d\xad\xd4\x04'</t>
  </si>
  <si>
    <t>b'\xe3\xe9\x1a9Q\xb2\x03\x0e\x92y\x97\xdf\xa1|\x9c\xab\xa21(j\xf5\xcaR$\x9d\xc9xC\xf0-M\xa1'</t>
  </si>
  <si>
    <t>b'\xcbF\x1c\x9d\xd6\x04Nc\xaf}\x88?\x83\x16\x12 \x16\xe0\xd0\xcc\xee\xce\xbf\\\xac\x90\x10\x95$\xeb`\xa0'</t>
  </si>
  <si>
    <t>b'\xcb\x880\xbe\xa5+\xf7\x9d`\xa7/\x05\x16\xc8\xb9N\xca{z,h\xe8\xdf(\x0e&lt;*\xd2^\xd3N\xd5'</t>
  </si>
  <si>
    <t>b'\x03\xf6\x11\x85\xd9\xbc\xf1%\x13\x83\xdeJ\xfd`\x9e\x8e\x87(\xfe\xee\xaf\xcfyT\xa6\x85e\xcc!\xd5\x91\x05'</t>
  </si>
  <si>
    <t>b'{\x05d\xaf?\xac0y\xfai\xae\xf2\x99\xd8=\\x\x023@\x86@\x8aF_\x0e\xd0p\xbb\xf4Jq'</t>
  </si>
  <si>
    <t>b'H9\xb8\xe5o\xb7\xd2rL7\x95\xb1\xa6\xed\xcaW\xdc5\x8a\xb2\x8c\xbc\xe6\x0b\xf2o\xf4\xf4x\xcfVm'</t>
  </si>
  <si>
    <t>b'\x12\x9d\xc4vY\xcb\xc1\x01\xe6\xd6\x1d@\xe5\x0f\xe1\xb4C\x1b\xb5\xbb\x88\xc0)\xe6\xff\x18+hm*\xd3\xfa'</t>
  </si>
  <si>
    <t>b'\xb5\xf1\xad\x08\\\x9a;\x1eKg\xe8\xe3\xc1\x1a5\x01\x80+\x11f^\n\x84\xea\xdd(\xae\xbdKe\xfaM'</t>
  </si>
  <si>
    <t>b'E\xa6\xba \x02\xcc\xfe\xc2Q~\xe2\xe4*p\x14\xad\xe5\x1d\x0e\xd6\xb2\xdf\xd9\x1f\x92{S\xa4a\xf2\xd1\xc6'</t>
  </si>
  <si>
    <t>b'{\xff\xc3\xe2\xce\xf3\xbf\xd0\xfa\x98\xbea\xdf\x19\n@\x1d\xc9jDh\xcc2\xb7\x9a\x17\xf6\x84\xe6i\xc1/'</t>
  </si>
  <si>
    <t>045xx</t>
  </si>
  <si>
    <t>b'#\x84w\x9e\xce\xa6\x06\x94\x03\x83eij\x8f=\x935\xab\xd1\x1c\t\x96kCb\xce\x03\xa4\xe8\xbd\xa2\xab'</t>
  </si>
  <si>
    <t>b'F\x9d\xbd\x8biU\xce$\xbb\x03\xe9\xd0\x81\x96\x88:L\x81\x86\xb10O\x99\xcc\xef\x8e\xad\x82\xe3h;\x9a'</t>
  </si>
  <si>
    <t>b'\x83\xe5\x13ra\xa13\xbb\x9b\x95i\xceH\xfd\xef\x95\xaa\xe7\x00\xf6O\x11\x0f\x12\xcf\xd3\x95(\xfa\xcdi\xfe'</t>
  </si>
  <si>
    <t>b'{=\x1e\r*A\x0b\xc5W\xf81\xec\x04\x9de\xff\xd9\xd1R\x19GY\xed\x9e\xf5\x1aC\x1a\xd8\xfc\t\xf8'</t>
  </si>
  <si>
    <t>b'\x92\x10\xd35S\xbe\xdco\xee\xcb\xbd\x19S\xe0hJC\xc8\xf0\x1bO\x9b+\xbc\xe1\xaf7\xcaCC\xebx'</t>
  </si>
  <si>
    <t>b'!\xd7\xe3*\xea\x8bw\xad\xec\x05\r\x83HD\xaa\x9e\xb7G\xa2\xaaC\xf3I\xa3\xcc\xc3\r\x05\xa7hMZ'</t>
  </si>
  <si>
    <t>b'E\xd1(\xd4\xffq-\xe8\xf2\xee\xa7\r\x96"h\x1b\x84E\xb3\x0c\xc5H\xf7Y\x1f\xfe\xbf\xf5+g\x85\r'</t>
  </si>
  <si>
    <t>b'\x89\x8f\xe8\x1d#;\xbd\x84\xc1Bd%\xb9c\x9e\xba\xfe\xc3\xdb\xd9{I\xbd\xde\xdb;\xc6\x98\x1fo\x81l'</t>
  </si>
  <si>
    <t>b'\xb1\xbf\xa4=\xb7Iq\x9b\xea\x98\xed\xd7p}7{d\x8c\xeaQ\xc5\xa7sC\xbe\xd1\x9b\xad]h?\xe6'</t>
  </si>
  <si>
    <t>b'\x81M\xcf`\xc5\xcd\x1f\xe6\x88I\x13\xd4\xf8\x1b^\xd7\xa0\x8ba\xa3?\xba\xd2\xf3\x17\r\x8a\xb4:M\xb0?'</t>
  </si>
  <si>
    <t>b'\xb0\x83\x88S\xa1\xeb=\xb0R\x06`\xd9\x84\xda\xdec}\x02\xf0\x1a\xc6\xb9\x038En\x18\xe4\x0e\x93\x0bQ'</t>
  </si>
  <si>
    <t>b'\xc058:/ d\xcd\xdbY\xb8Z\x96[^@&lt;\xa2obp\x11\xa8\x14\xa7\xc7\xf8\xbeu\xa8\xf3\xed'</t>
  </si>
  <si>
    <t>b"\xb0hm\xcab\xdd\x8fi\xf1W\x88^\x99\x9d\xf1$v\xf1O\xf1P.r\x00\xb7Gx\xd1v\xc3\x85'"</t>
  </si>
  <si>
    <t>b'\xba\x0e3\xc93=\xd7\xba\\w\x8c\xfbY\xaf\xaf\xf7\xed\x1e\x92\xec5dc\x8bA\x9fZ\xda\x05S\x94\xf9'</t>
  </si>
  <si>
    <t>b'EG-%\xff\xd7\xc8EyT\x13N\xfe0\xe63K\xeb\x1d$\xfe&lt;+\nU\xc7\xf0\xcah\x83\x8e\xb8'</t>
  </si>
  <si>
    <t>b'\xde\xdc\xbb&amp;c\x86\x11\x9d\xc7\x9c\xd8\x8e\xd4\xf5\xc5M\xe0\xd0T\xa8\xf0A\x9e\t\xd7\x9a\xea(\x03S\x1b\xae'</t>
  </si>
  <si>
    <t>b'[\xd9\x01\xdbr\xd4W\x8b\x131h\x15u\xaa\xd6\x84\xfbMO\xac`\xbf\x02\xee\x94B\xa0D\xe0\xca\xf9\\'</t>
  </si>
  <si>
    <t>b'\xd1\x19\x93\xb8\x80\xea@3\xb7\xa4QQ\x1fk\x14\x9es\x84\xb2\xc9\x83E\x06\xf2T\x8e[\xaaYm.\x93'</t>
  </si>
  <si>
    <t>b'\t\xc8\x01\x17y\x86\xa8\xad\xdfO9\x1dp\x94QxN\xefe)!\xce\xc9E\xc6\xa5S\xa8\xb6\xeek)'</t>
  </si>
  <si>
    <t>b'\xa7&amp;\xac\xd5\xa0dV\xbc\x9a\xca5\xca1\xd4N\xc8`w\xf0\x91\x9c\xf9\xd7`\xf62\x11c\xbbb\xd8\x1a'</t>
  </si>
  <si>
    <t>b'W\xa6{\x87\xba6\xb8\x02\xf9\xe67\x02cO\xe5\x9e\xafe\x1c\x8d6\x14q\xe8\x12zO\x8c`\xe0O2'</t>
  </si>
  <si>
    <t>b'\xd4\xa8\x18\x13.!U\x7f\xd4\xd1\x948\xe8W\xabF\xc9\x8c+K\xd7\xc5\x14&amp;\xa1 \x04\x1d\x90(\\_'</t>
  </si>
  <si>
    <t>b'\xec\x18\x16b\x98\x9d\xfaFQ\xdb?\xecc\x17&amp;*H\xfbJ\x89\x04\x88\xa4\xc0|\x9e\xd4\\\xb9?\xefj'</t>
  </si>
  <si>
    <t>b'b\x1a\xad9\xda\x13w\x9f\x06\xb1\x1c\x9a\xd0Tr\x1a\xdb\x94V{\xb3Jtm\x98.O\xe7\x91\x91\xe4\xe9'</t>
  </si>
  <si>
    <t>b'\xf1\x7fa\x1e\xdd\xe2\xd50\x1b\xf1\x06\xfcE\xae\xb9@\xdb*K&gt;\xfe\xbafC\xa8\xa8\x83:\x1fo\x05~'</t>
  </si>
  <si>
    <t>b'm\xbc\xa2\xe8\xbd\x1e\xaf\xaf:\xd9\xf9\xe0\xb9\x88\xa6v\xc1e[\x07\x0e\xf6S4i\xeb\x9c\xf8SPD_'</t>
  </si>
  <si>
    <t>b"b\xfe3\xb3h\xbd\x15\xab\xb2 \xc3\x16'\x95\x83V\xeen\xf6&lt;\xaf\xe0\x91`\xb4\xc7\xd9H\xa1\xc4\xaf\n"</t>
  </si>
  <si>
    <t>b'\xc7|w\x13\x8d\x8e*\x11\xcc3/\xa9B\x85z}H\xfe\x1ap\xb5\xd8\x8c5\xba\xf8\x16|m%\x14\r'</t>
  </si>
  <si>
    <t>b'\xf5\xb7\xc6&gt;\x81\xfa&amp;\x17c\x1e\x0b"Gm`Z\xc7\xf4*(4\xe1\xe81P#\xd0\xd6/\x9d \\'</t>
  </si>
  <si>
    <t>b"9GZ3n\xe4[hHt\xa9\xfa\xdd&lt;\xaa5'\xa9\xb25\x8e0\x04\xbe\xc0\xcc\xee\xdbD\xfcLK"</t>
  </si>
  <si>
    <t>b'oyd\xd7a!hKB\xca\x89\xe8\x82\xe1\x0f\xe5\x19\xe9\xc6m#\xfah#F\xcb\x14\xb2\xb4\xc9\x13\xc1'</t>
  </si>
  <si>
    <t>b'\x01/\x13V~\x95%\xd42-C\x8a\xa3\xb5\xf0\x9cs\x8b\xc5\x7f\x86[\x9b\x8d\x82K[\xff\xbd\xbc\xd5\x10'</t>
  </si>
  <si>
    <t>b'^E\xe1*\xd0Yq\xd3k\xf3\xda\xef\x9f\x7f\xaaf\x1f\xfc\xa9\xc7m\x89\x9a\x0b\xf3g\xa2\x832\x1a\xad\x1c'</t>
  </si>
  <si>
    <t>b'\x8a\xc8)^\x0f\xed\xc5\x8b\xdb5\xf0U\x13\xd4P\xff\xa1\xb3\x1d4\xe2\xcc\x00\xa0\xad\x8a\x8c\xc6\xfa`\x93\x0c'</t>
  </si>
  <si>
    <t>b'\xae\xaaI\x89\xde\x1d\xf4\xab\xfa\xae\xceu\xe9\x81gj \xcf\x81\x8a\x1f\xb8\xa2e\xe0\x91\x18AqN,.'</t>
  </si>
  <si>
    <t>b'W_\x91\x84\xdfp@}\x9e!y\xdev\xac\xa92\xb1L#\xefT\x99\xb9d\x94\x97\x94\xd7F\x13\xda\xc0'</t>
  </si>
  <si>
    <t>b'\x02\x19\x05\x1f\x0e.\x02\r\xe2\x820\xa0U\n\rV\xf3\x03\xbb\x11f=#\x93$\xef\xc6&lt;\x1cI\x19e'</t>
  </si>
  <si>
    <t>b"\x99\xd5/'\xbeb\xedp#\xd8\xc7!\x94\xb2/\xb8\x01\xfc\xfe\xc6\nyjn\x9bN\xb5g\xe3\xc4\x01\xc4"</t>
  </si>
  <si>
    <t>b'\xb8,)IT\xb5z\x98\xc3\x87Y\x11.\xe0\x81\x81A|\t\x9b\xf8\xac\x93{f\x8a$C\x1c!G\xc6'</t>
  </si>
  <si>
    <t>b'\xb9\x87\xda\xeb:\xdb\xca\x84\xe26\x9fi\x94\x1a\x9b\x94i\x12v\x11\x18\xd5\xa60\x82\xfcd\\i\xab\x91@'</t>
  </si>
  <si>
    <t>b'\xe8O}\xe2\xb0\x03\x13\xb0Y\xc4\xf9\xfa\xb5Ax\xfc\xf3\xe9\x7f\xfe\xd3,\x12]\x87\x0fJWR|Y\x1b'</t>
  </si>
  <si>
    <t>b'\x96\x81\x9a{\xeb\xf0\x8d\xaa[s\xf6\xaf*\xa8\xad\xb9F0\x10{\x96\xba!\xff\x8e\n\xda\x9fJ1\xb1\x9c'</t>
  </si>
  <si>
    <t>b'\x80\xfb\xa2\xcbuLI\xc5i\xd6w\x1dv\xcb-}\x18\x04q\x1b\x89m9\x85z\xb2^\xe4\x0c\xf0Y\x90'</t>
  </si>
  <si>
    <t>b'\xa3\xae;J\xa72\x14\xcb]\xd4\xfd\xb6\x94\x96\xbd\x14\xe3\xed\x9e\xect\x9a\xb2j\x02\x82\x13\x0bGQ\xa2\xee'</t>
  </si>
  <si>
    <t>b'\xe8\xb52\xcfTg\xce\xa34+\xe2_\x9f\xd4}\xd5#\x9b\x9f\x81\xb5\x86+4*~~\xd0S\xef\xe4%'</t>
  </si>
  <si>
    <t>b'\x17\'\xd2\x1f\x90\xc9\x1ffHD\xe0Ky\nQ\xa2|\xa3\x1a\x99\x9d7\xeb\xcf\x8c\xa4D\x1d\xf3\xb3"\x9e'</t>
  </si>
  <si>
    <t>b'+\xb5\x10\xf6\x98\x11J1~\xc1\xf3,lK\x14";\xb0\xb7`\xcf\xc5\xb9\xfd\x8f\xc5\x17\xf3\xc7{:\x04'</t>
  </si>
  <si>
    <t>b'\xa3\xc8BF\xb30\xac\xc3\xdco\x04\xa0\x00\xab\xd7\x7ftC\xacz\xc0t(\x1d\x81\x98#\xf5\xb1\xc6Qt'</t>
  </si>
  <si>
    <t>b'K\xc9*O\xd1\x9a6\xe0\xd2\xa0fNrU\xa9L\x18\x1f\x1c\xa5\xad\xf8O\xc0w\xbc\x9d\x82\xf2\xf1\x84w'</t>
  </si>
  <si>
    <t>b'\xd2\xb4\x8a\xd6E\x8c\x93G\xed\xd5W\xa6\xbc\xf9\x1d\xec\xe7\xde\xac\x9c6\xdb U\xa5E\xd3\xa2\xadL]4'</t>
  </si>
  <si>
    <t>b'\x00|\x8a&amp; \x0b]7\xd4\xc9\x8f\xde\x8a~-\xe5\xb2\xf8\xc1UF\xc7\xc2S\xea\x04\x82\xbdE=\xd9\x8f'</t>
  </si>
  <si>
    <t>b"\xfc\xd2{*\xcc\x04\x91\xe3G\xe4\xb7\xeci\xf8\xe1\n9\x05\xa0yf\x86\x8cL\xfasx'nJ\x8ez"</t>
  </si>
  <si>
    <t>b'\x9f}\x83\xa6:\xf6O\xf0BjL\x80\x8f`!\x07v\x01\x11\xc3j\xb7\xbf\xda9\x85\x04\xa8\x1c\xe6\xe2\xc2'</t>
  </si>
  <si>
    <t>b'Z\x98\x9f\xc8\xf5\x18xP\xbe\xf2\xaf[\xc0\xb2q\x0b9\xc6L\xb3\xde#\x85T\xa1\xae\xceJU\xc0\xb0\xe1'</t>
  </si>
  <si>
    <t>b"~\xeeJn\rb\x0f\x01\xa9\xfex'\x8d\xfbxM\x9bk\x9a\xab\xf6\xb6\xb6P\xb4\xafu\xa6\x12o\x9d-"</t>
  </si>
  <si>
    <t>b'\x0f\x849Z\xa1\r&lt;\x0eXI\xd3\xd0|&lt;\xfa\xaf&gt;\x9dc\x04\x84\x96\xe7\xfbto\xec\xea3\xe8F\xba'</t>
  </si>
  <si>
    <t>b'+\xb5\x15peR\n\xa6\xf0\xdeK\xa0\xc0\xb5Q\xc0\xe4\x94\x05\xd46E\x99\xd8\x08\x84\xcc\x17E\xa1]\xc0'</t>
  </si>
  <si>
    <t>b'_u\xff\x92@H\xd7\x1e\xd6\xdc=l\xbd\xb9\xcdQE3a/\xcd\n\x99\xc0\xd22\xdec]\x92\xad\x05'</t>
  </si>
  <si>
    <t>b'\x8f\xad\xb1b\xa2\x08\x98x\xb3\xbc{(\xea\x08TrS\x99\x95*\xb5\xc0p\xf3\xf1&amp;\xe9\x01\xb8\xe7o\x0e'</t>
  </si>
  <si>
    <t>b'\xef34\x16\xe5\xd7R\x07Gz\xe9)eCy\xf9\xaa"\xcf\xc1\xe1\x99^\x8e\xe9\xaa)=\xcb\xa1\x97\xf9'</t>
  </si>
  <si>
    <t>b's\x8e\xd25R\xe7|~\xb2\x02\xbe@H\xfbx\x8c\x9bF\x93*\x0c\x89\x8do\xea\xac*TS\xb4Cf'</t>
  </si>
  <si>
    <t>b'\xceMg\xbf\x85Y\xb5\xa3Z\x9e\xb5\x0b\x94\xa4\x14\xa9\xb0\x0b\xf4\xbd\xa9\xc3S\x05\xe8\xe6\xa37e2\xee{'</t>
  </si>
  <si>
    <t>b'\x02\xf1&amp;\xd5h\x92\x83G\xa1CLQ\x06\xc6;*\xb8\xdd\x8e\x98\xe2\xad,`\x93\xa0\x9d\xfe\xf9\x8e\xa1\x94'</t>
  </si>
  <si>
    <t>b'\xc3#&gt;`\xdcy\x17\x0c~\xb1v;\xd2&gt;\xc1\xc4\x19\x07TD|h(\xd1\x80\x12\xeeG\xe2\xe9\xce$'</t>
  </si>
  <si>
    <t>b'\xaf\x85\x8dg\xcc\xc6pA\xcd2\xfc\xb8\xa3o\xaf\xf8\x107\x9e:"};C(\x80\x14`:\xcaR\''</t>
  </si>
  <si>
    <t>b"\xbf_\x88\xac\xa7\xa2\xda\x9aS#\xbd\x03\xb5\xbe\xe7\xd5\x8c_\x01\xf3c\x0b\x8a\x8c\x89\xa2\xc0\xb2\x94\x8a\xd8'"</t>
  </si>
  <si>
    <t>b'\x077\xff\xbe\xe3P\xd0\x19\x17\x1e\\&amp;U8\xdc\x04}9\xd9.\xb5\xb0r\xde^\xb2\xac,\x1fI \x8f'</t>
  </si>
  <si>
    <t>b'\x0f\x98\xc4\xa0R\x9b)\x90\x9d\x01f\xc9t\x1e\xdb\x04\xab\xc1M\x9b\xf9\x85/\xfa\xfcc\x8f*\x80\x8c\x80.'</t>
  </si>
  <si>
    <t>b'\x07\x07\x07\xfa\xc1Zq|\xd7\xfa\x8bt\xa7\xaeK\x93\xe1\x8a\xdc\x0e\r\xd2\x00\r\x1a\xb9\x94GR\xfa\xa4\xa6'</t>
  </si>
  <si>
    <t>b'\xde^\xfbD\xf8\xae\x12\xf1\xd8\x8b\xe7\xd5,\xd77{\x8a\x96\t\xfe\xe35\xb0B\x1c\x9c\xdc\xcdR\xcc\xbc\xd9'</t>
  </si>
  <si>
    <t>b"U\x19a&gt;\xa1\x03'\x98\xbf\x04`\xbc\xc7\x89\t\xe0e\x94\x00!\xe0}\x8f&amp;\x89%\xa5\xde\xda\x18\x86#"</t>
  </si>
  <si>
    <t>b'\x1b\x9c\x87d\x01\x82\xbfK\x86\x05\x02z\x7f\xfc\xaa\xaa@m3\xb1\x96\x99\x7f\x9e\x1f\xd3#_\xaa\xea\x96B'</t>
  </si>
  <si>
    <t>b'PA\x89\x02W\x92O,]\xc3\xb6\xb9\xd2\xa7\x18\x9c\xb7\x90_\xa6\xb7\xf0a5\xf7\x8d\xc8\x8al\x84\x95)'</t>
  </si>
  <si>
    <t>b'}&lt;\xc0\x0b\x9a{ J-\x96-9Q\xf8p\x87V\x9f.\x82\xe7\x99I\x8a\xfa*\xa3J\x8f\xc86!'</t>
  </si>
  <si>
    <t>b'G\x1cH\x04J\xf4uS\x87{s1\x82\x8c:m\xe9\xfc\xc5\xa1\xcd\xe1\x05)zn\x11\x175\x82DE'</t>
  </si>
  <si>
    <t>b'\xe0d\x05\xe2(\xf1a\xfb\xea3\xccp|\x1a\xe1%\xa4\xb4B\xb9\n@\x03b\xa6\x82\xdf\xa7\x9b\xb7\xa4\xa9'</t>
  </si>
  <si>
    <t>b'\xfc\xe1\xe90\x92\x01 C\x00\xcf 1z\x98\xf3+\xa1uEG\xbb\x9e\xfd\x10\xca\x1f\xad\xa7()\xeam'</t>
  </si>
  <si>
    <t>b'\x02\xc0\xca\xa9\xad\xf29\xda\x99\xd2\xe7I\xd1\x01\x07\xdd\x11K\x9d\xa8/\x817\xe0MN\x93L\xb3\xdb\xe0\x03'</t>
  </si>
  <si>
    <t>b'&gt;0\x86\xa6S\xad@_\x8d}\xb5\xb7.\xab\x86z\x03\xa7vm\xcb\xf9GPqCz\x11\xc1\xed\xc7$'</t>
  </si>
  <si>
    <t>b'\xf0\xcf\xdcr\xd1^&lt;\xff_\x8e\x99CJW\xbe\x7f\x81"\xec\x02\x92~C3\x9aI9\x03\x07\xfa/\xb0'</t>
  </si>
  <si>
    <t>b'\x03]\xc3\x1bn)\x81RU\x06!\x9foWKm\xec\xa9\x82\xceKV)\x00\xfc\x19E\x7f\x0c\xb6\xb4\xae'</t>
  </si>
  <si>
    <t>b'_\xbd7\x04b\xfcG\xf9q\x10-\x88\xdc9{c\xd6\x02`\x96\x87\xbf\xe1\x82\xd9M\xefI\x90\x08\x16\x12'</t>
  </si>
  <si>
    <t>b'\x90&lt;3\xb0\xce\xcfI#\xd7\xfa&lt;\x05U\x08\xb9\x901\x81:h&amp;\x06\xef\xbf\xea6d#\xb1\x8dU\x8b'</t>
  </si>
  <si>
    <t>b'\x15\x1a\xb7\xdfaD\x95\xaf\xd9\xceL\xd0OBs`\x08 \x0b\x14\x82\xf3o\xeff\xcf\x1a9\x1f\x03\xbf\xfa'</t>
  </si>
  <si>
    <t>b'\xf3\xaa\x93K\x82\\\x80\xb8\xb3\x97\n\xe7j\xeb\x94\xcf\x08\x1f\xe8\xfb\x96c\xd3O\x9a\xb5/fl\xa5\xb1k'</t>
  </si>
  <si>
    <t>b'\xc0"\xcak\x00c\xa6I\x1db\x8e\x8e\x0e\xfa\xf1(\x19w\xb9\xee(\x16p\x14\xc90\xfb\x7f\x07\xcf\r\xf9'</t>
  </si>
  <si>
    <t>b'\x03\xea0\x0e\x939\r\xc8\xf2\x07H\xb6+J\x1e\xed\xc9\xe2(|T\xe1\r\xa2\x10?1\x02\x1f\x02ei'</t>
  </si>
  <si>
    <t>b'P0\xd7\xdb\x02~\xbfO"\xe2\x18\xe4BG\x94\xc5\xd6\x93t_q=\x92\xe45\x1f\xfef\xbd\xdd\xe2\xab'</t>
  </si>
  <si>
    <t>b'\x1e\x82nVJ\xbf\xe7\x9ef\x8e/\xd6\x88\x17\xca[\xd7a3w\xef\xa5\xc0\xb3N\xe6\xc5\x17\xf6\xd0$\x9e'</t>
  </si>
  <si>
    <t>b'4\xbd\x85\xed\x7f\xd0u\xf0\x18h\xa7\xe1h\x12z\xa6\xa6y\xb6{w-\x95\xf9\xd2\x06\xa2\xf6\xa6m\x9c\x86'</t>
  </si>
  <si>
    <t>b'\xda\xa3d\xbc\xd7p\xa8\xeai\x9f\x0c\xfc\xb2\x8a\x8b\x1c\xd8\xfd\xe8BA\x11\xc0\x82\xc0s\xd5\x12\x15n\x8c\xa3'</t>
  </si>
  <si>
    <t>b"\xd9\xfcF\n\xcf,\xd1\xba\xc4'\xc1+\x9d#9T\x10i%cN\xb8\xd2\r\x02\xdd@0\xc5\x98v\x15"</t>
  </si>
  <si>
    <t>b'\x00y!RF\xcf&lt;\xf9\x9d\xf01W7\xf9Y\xf0\xdf\xa4_\xb0\xca\x06*\xb5\xa0H\tw=\xcf\x04t'</t>
  </si>
  <si>
    <t>b't\x16\x0c\xc6v\x82:\xf6~\x17Q\xd6t\xf5\x8c\x82F\xca\xaf\xad{\xf5\xed\x0baq\x96\xb5Z \x92\xdb'</t>
  </si>
  <si>
    <t>b'g\xb3Gu\\\xcdT\xed\x8f\xb0\x05\xeca\xd5Vn\xe3&gt;\x1b.;\xe3l\x9b\x01\xab\x99\x9c\x13\xfevl'</t>
  </si>
  <si>
    <t>b'\xf9\x99\xab4w=\xa7\xc2\xe9\xb3\xe7\xfd\x07\xebS\x052qm\xaf-/)\xf8i\xc4\x18\x19F\xd5\x04\x1a'</t>
  </si>
  <si>
    <t>b'~\x19\xd5u\x0bv\xa8\xdf\xa7@`0\x83\x02@my\xb5\xc8\xd8\x05\xb4[G\']\xd9y\x96"\r.'</t>
  </si>
  <si>
    <t>b'\xe4z\xb8\x9b9\x00\x07\xfc\xd9\xb4\x80W\n\x13\x03uY[\xf0!v\xb9\xa7\xb0\xf0D\xfa`X\xb5g\x9b'</t>
  </si>
  <si>
    <t>b'm\x81[\x1d\xfe\xf43\x84\xb7Hv\xbf\xfdL\x03&lt;ft\xa5c\xe1Sf,i\x1ac\x84\x1b\x1a\xb1*'</t>
  </si>
  <si>
    <t>b'\xb2F\xd5\xa6\xa5\x19\xd5\xb6\x02?y@\xb4*!\xa0\xd7\x13\x88\x03^\xe7D]\xc9\x15F\xc3\xc1=\x9f\xde'</t>
  </si>
  <si>
    <t>b'6\xe1\xc4\x97|\xe28&amp;\xb5\x9fU\xc4\xc9R\xcb\xc3ww\x07\x03\xdc\xad\xd8\xa0\xa9\xa4Lp84\xe6\x9b'</t>
  </si>
  <si>
    <t>b'_\xbe8\x8c\x11\xe6A.1\xb62}\x88l`C\xb3\xcfel\xa1\xff\x8c\x9d\xa5%MF\xc4\\\xddy'</t>
  </si>
  <si>
    <t>b'm\xa8d&amp;\xb9\x9c\x0f|\xea\x88\xf9&gt;\x15\xb2\xc7\xb5+8\x99\x955\x13\xcc\xb8\x8fA[f9s\x94{'</t>
  </si>
  <si>
    <t>b'7\xf2\x98\x98\xbe\xb4\xfa\xf7Y\xcbT(4\xb7\x01O\x1a\xad\x08\xac~f6,\x98\xd2\xb8\x02?\x84\x93\xba'</t>
  </si>
  <si>
    <t>b'i\x82\xaa\xb4\n\r\x81\xdd\xa3%\xd3ZE\xa8^\xa9%dt_6\xe4\xda\xc3(\x8e\xf6\x14\x033\xea{'</t>
  </si>
  <si>
    <t>b'\xe7D(\xe0\x9d\x9fE\xddT\xc29!\xf1\xa6\t\xd3"\xa9\xb4\xa9cbW\x98\xadV\xe3\xc3\xe9\x10\x9d\xa7'</t>
  </si>
  <si>
    <t>b'\xd1\xf3,\xfd0\xf7\xdfw:\xbf\xf2\xf8\xd5\x85\xd3xs\x9d(\x95\xb5\xa9\xbe\xa4\x02\xc1\x040 \\\x917'</t>
  </si>
  <si>
    <t>b'\xe3)?\xc7\x02\x9123q\xef"${\x1ax\xa9Kx\x9f\xcc\xa7\x17\xa2qR\x85b\x1c[\xdcsn'</t>
  </si>
  <si>
    <t>b'\xdc$\xef\xe1v\xac\x14\x0b\xdcf7\x1b\xa8\x07\x91j\x9c\x9e\xfcK\xa98B\xc8\x9e^g\xef"XB\x80'</t>
  </si>
  <si>
    <t>b"\xbaSx\xec\x10\xb2w\x8c\x8a,\x07u\x07+\xe2\xdd\xe7\xbc\xd3\xf8y4\x0b\xe5'\xa1\x84\x9a\xf5=3\xa7"</t>
  </si>
  <si>
    <t>b'W\x82-\xb6\xc9%\xbe\xe7\x1c\xf30GR\xeeT\x89\xe2*\x8co\x8aPO\xe4\xac\\\xa8\xfa\xde\xc0\xc2\xf6'</t>
  </si>
  <si>
    <t>b')\xb8j?\x8a\x9e\xfa\\;\x18\xd6\x11\xdb-\xce\xaay1"\xce\xfc\x01\x08aK\x0e\x0e\xd25E\xcf\xdf'</t>
  </si>
  <si>
    <t>b'wp\xc2\xdb02\xff\xcb\x17\x9f7cI\x97M\x872\xf2HH\x92\xf2\x8b,t\x87*\xb8^\x88v\x16'</t>
  </si>
  <si>
    <t>b'\x922H\xd5E\x8a\xd7\x85\x15\xe5"\xbd8=\x062\xcd\x11\xc5P\x85\xee\xec\xaa\x8dO\x8ay\x07\xa1i\xc0'</t>
  </si>
  <si>
    <t>b'\x1aL\rU\xf9\xa5\r\xca\x86\x07\xf6\x82e\x1b\xef\xbaq\xf0\x86\xd0\xf6\xf7\xc3\x8e|O\xac\x93M \xb1\x95'</t>
  </si>
  <si>
    <t>b'\xe9\xa0^\xb4\x1d\x8d9\xfc\x12\x97\xd5G\x9cm\x95\xf9\x81\x10=\xb3\n\xc3lo\x08\xc7v\x00&amp;\x8d;\xeb'</t>
  </si>
  <si>
    <t>b' d+@]\x04\xfc\xe9+\x91\x96et\x88{\x04^\xb5N\xa5\xd3\xaa+\x82\x9c&amp;\x9d\x1d\xa1M\xe9\xac'</t>
  </si>
  <si>
    <t>b'&gt;\x0e QMY\x8a\x1b\xd9\xd6\x81\xbc\x88\x05F2\x9d\xf3\xb2k\x01\x83\xef\xdf\xb7DH\x08\xb5\r\x90`'</t>
  </si>
  <si>
    <t>b'Mk4o\xcc\x80\xa9{#1\xd0\xcc\xee\x810R\xb1u\x87{m*\xb5H9JN\x81\x99\x91\xab\xf6'</t>
  </si>
  <si>
    <t>b'-\xbb\x94\xcc|\xbby\xeaq&amp;M\x19\xf0\xd4AG\xcb\x80\xe6\x05(\xd7\xb1o\xa8\x83\x9e\xe6\xb5\xe6\x89]'</t>
  </si>
  <si>
    <t>b'\x1a\xb2\xe0bkb\xc0\xc6\x1f\xba\xbdZ\t\xaf\x04\xfe\xa4h\xcc\x94\x8dHi\xfb)3\x94\xe50\xc7\xb25'</t>
  </si>
  <si>
    <t>b'J\xa8\xef\x83a:i\x0c\x1f\xc7\xc2\xde\xde\xa2\x00\xdd\xf8\xc3o\xfc\x96\xce\xd0\xd6Q\x17\x0e\xc5}+\xcb\x01'</t>
  </si>
  <si>
    <t>b"\x04_\x12T\xb3\xfcl\x9a\xab\xd6\x05\xad\xde\xe7\xe4dL'I\xf8\x02\x90F\x85\xb3/\xaa`\x91\xfe\xc5\x0b"</t>
  </si>
  <si>
    <t>b'\xd2\x13o\xa3\xce*\x1d\xbc}\x86Mqe)U\xd2\x0f\xd9\xcf\xbd\xeeu:"\n\xef\x19\xd9\xf3\xf1dV'</t>
  </si>
  <si>
    <t>b'\x97\xb1^R\xaa\n \x02;\x04\x06\x9c)=\xb8\x8b\xc8\xca\x16\xb2\xe1Lj\xfa\x03\xf2\x87I\xe7\x10%e'</t>
  </si>
  <si>
    <t>b'&amp;\xb5\x91\xa3\x08\xb7r\xdc\xaeV\xe7hZ\xbb\xd3\xd4\xfaLE\xb0B\xf4\x86\x03\xa7\xb7\xfc\x1e\x9d\xa8\x00\xbc'</t>
  </si>
  <si>
    <t>b'\xd5\x96\xb6yu\xfeOPC\x00\xfb\xfb\x9b\xa2\x08\xde\x8b\xd5w\x06rZ\xf7X\xa8![\xdf\x8df\xb0\x18'</t>
  </si>
  <si>
    <t>b'\xce\x10C\x1c\xc3\xbe\xde4)\xc0\x97_\xb2V\xed\xa9\xd5\xa2R\xe1\xe9\x00E\xee\xe2-^^E\xf7\x82@'</t>
  </si>
  <si>
    <t>b'*\xf0\xd1\xbe\x9b\xc2\x1dNtn\xef3\xbb\xec\x10\x9c\xd1@\xc1M\xe9}Y\xcf\x891$\xe4\x97\xee\x1b\\'</t>
  </si>
  <si>
    <t>b'_\xbc\xc6\xc9\x81.\xbb\x9d\xa3\xec[\xd4[\xf2\xef\x0fs+\xcc@\x1e=\x11\xe7\x97[5\x9b\x94l\xc9\x15'</t>
  </si>
  <si>
    <t>b'\xeer\x16\xcb\xae\x96\x07\xdb\x82\xbc\xdb\xc8\xder\xa4E\xc2jG\\KV\xfd\xc4\xefx\xdf\xb4\x86\xa1\xee1'</t>
  </si>
  <si>
    <t>b'\xdc3#\xc58 \xe5{\xa0\x97\xa9&amp;\xa1\xbc\xf6+\r\x9a\x9d\x06#VD\xdd\xe8\x04\xde\x9e\xcf\xd8x\x92'</t>
  </si>
  <si>
    <t>b'o\x05Y\xf9^`l\xb4\x9a\x8f\xfa*`\xd7\xd8Yo\xa5\xa6u\xba~/\x85\xe6\x90@rR\xfe\xb3\x0f'</t>
  </si>
  <si>
    <t>b'\xab\x1at=\xa2 @\xb7\x9f7\x10c]\xb3\x9bH\xe2\x8d T\xac\xed\xdc*:\xfa\x00c\xda%\xabH'</t>
  </si>
  <si>
    <t>b'\xbf\x92\x99\xf60(\xe0\xde\x11e{\xaa\x1b\xc1\x866\x14\xb34`/\xc0\xb1\xe9\xd2\xbfd\x8f\x82=\xb6\x10'</t>
  </si>
  <si>
    <t>b'\x8f\x025\x8by\x9e\xd3\xfe\xd6\x90\x97\xdb\x8a3\x13j\xb7"c\xda\x83tP\xd2\xbc\x14\xa7R\xce\x8e\xafb'</t>
  </si>
  <si>
    <t>b'\x97V\x10\xeb\x85\xedqX\xb5\xc7\\\x90\xe9#\x19\xfa\x05\x1d\xdfcb\xf3\rSZV\xc4\xef\x0crc['</t>
  </si>
  <si>
    <t>b"+G\x03\x02\xa4\x8b$\xa9&lt;\x8e-'\xc5\x08C\xbe\x8e\xae\xa2f\xe2\xa9\xe9\xdb\x9eE\xbbj\xaeN\x97,"</t>
  </si>
  <si>
    <t>b'\xbd\x80%\xec\xb6#\xab\xd6M\xbc\n\x19LP\xd13\xd0\xe2\x08e\x08\xfd\xd2\xc8\xe4I\xb0\x89\x83\xe6 \xfa'</t>
  </si>
  <si>
    <t>b'\xdd\x80\x9d\xf5\x00z\xa4\x91L\xb6\xc8\x9fy\xff\x9ct\x97\xf1\xe6\x87\xc3\tZy\xb5\xfbB\xcc~q\x02\x81'</t>
  </si>
  <si>
    <t>b'p8\x8a\x83F&gt;\x8d\xc1\x08f\x11\xb9o\xee\xb0\x9aJ/\xe6m\xfc\xd1\xfc,\xb1~l\x83A\x88sC'</t>
  </si>
  <si>
    <t>b'\x1e\xeb\x8d\x00(\x12}\xefF\x08m\x80\xb5a\xda\xcf\xa3\xd0\x14f\x8ad\x1dy\x07\x9e\xef\x9c\x19,\xec:'</t>
  </si>
  <si>
    <t>b'\xc7\x1f\xdb\x9a\x06\xe3L\x9c\xdb\x95\xe9\x10\xab;0\xd7#\xfc\x03\xfa\xd86\xfd\xa8\x8b\xe2@i^0\xa7\x07'</t>
  </si>
  <si>
    <t>b'd\xbb~\x19*\x9eG\xca\xc6\xebR\xbe\x8e\x9a\xca\x06\x1fNZ\xea\xda\xdc\xaf5\xfb\xfd\x7f0TB\x9e\xfc'</t>
  </si>
  <si>
    <t>b"\x9b\x1c\xeb'&lt;\xa2\x98H\xc6\xafQ\x82e\xf7L\xe6\xd5\xd2\xbe\xef\x990\x13E\x16\xbe?\xf5\xc2)\xfc\x1c"</t>
  </si>
  <si>
    <t>b"\xa0\x19\xc8\x1c\xa3\x15\xbd\x90\xa2'[iOE\xe3j\xd1&gt;\x9f\x93!\xea\xc1\xbd)\xd4\x8a,\xdd}K\x8e"</t>
  </si>
  <si>
    <t>b'\x9f\x92\xf7-\x07\xdd\xedB\x8d\x1a[U\xfd\xf4"\xcf\xe4\xa6!\xb7v\xa6~\x87\x05-\x17d{\xd6\xa6 '</t>
  </si>
  <si>
    <t>b'\xc8\x13\xd6\x00c\x03\x00UJc\xf2t\x95+ \xe8\xcdw\tt\xc4Wh\xf0\xe3|q&gt;\ta\xdfQ'</t>
  </si>
  <si>
    <t>b"\xcf\xbbY\xd3;6\xa3\xc7\x0e'UQR\xd3\xfcM\xb3\x9a\x08\xe0I\x0eG\xf3\xb2@\xc9`]w{\xaa"</t>
  </si>
  <si>
    <t>b',}\x15\xb9\x0e\x9bF~df\x10D\xfe\x8a\x1c\x98\xbaR,\xeb|\xfd\xb3a\x1eQ\xcf\xca\x00\xe0\x17\x1f'</t>
  </si>
  <si>
    <t>b'c\xaeD\x1d\xb5\x08\x8ecj\x19\x98\xae\x8f\xaf\xa4O\x05E!\xc4\xbf\n9\xe0d\xb5\xf7WRc\xa4{'</t>
  </si>
  <si>
    <t>b'\x85\xc96\xb9\xa2\x9ch8\xb8Y\xa8\x970\xf8v\xc0\x0e+]\xdc\xd4\xc6\xae=A&amp;\x14\xcc\x80\xbcw\x0b'</t>
  </si>
  <si>
    <t>b'\x04\xbf?T/Q;yD\x85\xa0\x9f\xd3\x8f\x10Ns\x1dA$\xc7Zc\x9a\xf0\xe4\x12%\x87;\xf6\xa1'</t>
  </si>
  <si>
    <t>b'Z\x99\xad\xda\r\xcb\xc2\x9c\xab\xca\r]s\xf7 l\xc9%\x80nL\x934?\x7f\x19\xd0\x12\x8b\xef\xc9\xfc'</t>
  </si>
  <si>
    <t>b'\xe4m\xf8I\xd8\xabG\xee\xe0P=\x05\xe8\xad\x84@\x0e\xffiS\xee/\xefiU\xa1\xd6\x0b\x01\nt\x9a'</t>
  </si>
  <si>
    <t>b'\xbb\x8c\xcb\xab,\xe87\x85\xee\xb4\xa3Vzk\xf3\xf8{o\xf3nT\x10\xb7a\xc6#ZW!\x15\xa7"'</t>
  </si>
  <si>
    <t>b'\xacKO\x8a\x8cbR\xe0\x0eQ\xfb\xb3\x8e\xc2{\xb4\xc9R\xb7A\x9a\x93X.\xfd\xae\x10\xe8\xd8\x80\xce\xe9'</t>
  </si>
  <si>
    <t>b"\x15\x08\x07\xb1J'\x9d\t\x00\x06\xa2\x91\x04hE\r\xd30\x9c~\xd3Z\xc1[J|\xe3\xcc\xc5\xbf\xa8\xbb"</t>
  </si>
  <si>
    <t>b's\xc2\r\x86\x00\x8c\xcf\x9a\x0b\xd2)s\x9b\xde\xbf\xaf\x0c8V\x91\xb7u8\x08\xe1\x19\x9ao\x0e;\xbd\xcc'</t>
  </si>
  <si>
    <t>b'^\x98\xb5\xa3\xb6\xd7k\x84\xe0\xd8\x01\x8e\xe8\x99^\xdc \xee\x8e\x8d\x94\xe5\x80\xe4\x9a\x90\x8e\xb6\x94U\xd3k'</t>
  </si>
  <si>
    <t>b'\x9eop\xeb\xfeG\r\x15J0\xb2\xd41&amp;\x81\x11:\xae#\x98b\xc7\xfc\xeav\xce\x9f5\xce\x1f\x87\x17'</t>
  </si>
  <si>
    <t>b'p1\xc4U\xc4\x00\xbe\xb0\r`\x82Xvx\xf3\x88\xe1\x7fz\xc1\xca\xd5\xbe\xa1\xf4\x83!\xd5\xbcY\x9c\x04'</t>
  </si>
  <si>
    <t>b'\xc3= \xf9\xf5U\xc0\xe1X\xfc\xc8\xd1!%\x06\xb7\x8fp\xa7\xdd \x1b\xfc\xa5\x8b\xa3\xa4\x17\x93\xa4\x829'</t>
  </si>
  <si>
    <t>b'\xaa\x11R\xcf7\xf5&lt;\xde\xef] Z\xcf\xf5\xac\x15\xd2\xfd\xb2\x86)\xd1Rf\x0e\xe5B\xb4?\x8a\xfc\xab'</t>
  </si>
  <si>
    <t>b'Y\x9bi\x98\xf0\xda\xc5\xdc\xbc\xdcJ\xd0\xc2]#H\xf0\x15\x0c\x0265\xaf\x16*_\xb0\xc1P\xea\x88\x8a'</t>
  </si>
  <si>
    <t>b'\x17\xc0\xdb9\xffU\xb5\xa5\x15\xeax\xdb\xba\x1f\xfa\xc5X\xd7\xe3\xd0G\xb3\x0f@_\xa8\xcf\x16#\x83\xbf\x8f'</t>
  </si>
  <si>
    <t>b'w\xf3\xe3\x08Q"v)8\xdcA\t]\x97B)\xfb\x81\xe1"\xbb\xfb\x01\xdfJ;\xde\'3\x07\xde5'</t>
  </si>
  <si>
    <t>b'D\xfc\xe6\x10\xe7^\xbe\xff**\x88\x9f\xf7Uu\xec(\x96\x02|\xb0\xdbI\xaf2vU\x0b\xc6\xd2\xf3\xc2'</t>
  </si>
  <si>
    <t>b"r\xff\x18\x8a\xa9\xf0\xa3'\xe2\x95\xfc\x8cQ\xed\xa4\xff\xaf\xb4Jz\xb3!\xb8J\x0bw\xab\x92\xff\x06\x89n"</t>
  </si>
  <si>
    <t>b'\x16\nm\xf1\xa1\xf8\xf6\xdfdg\x12\t\xac"OC$v\xc2p?C\xee\xcel\xd6\xf4\x88\x05S\xb8\xe5'</t>
  </si>
  <si>
    <t>b'\xe6z\xe0\x93&amp;\x80\x8c2\xbc\n\xeb\x83\x1d4{\xf4u&gt;t\x13\xc5\x0b-\xaf\xf5br/\xad\x00\x0c?'</t>
  </si>
  <si>
    <t>b'\x81E5\xad\xd7a\xdb\xb1-\x16V\x930\xf3\xe5\x14VG S\xbf31\xd0`\x1eqY\xea\xef\x1eH'</t>
  </si>
  <si>
    <t>b'\xfb\x93\xcf\x9c\xf8:\x8d=Z4\xbc\x7f\x05\xf60G\xb9\xddm\x8f1\xd4\xb7\x0e\xf7\xf6\n\x92*\x0b\xeb\xa7'</t>
  </si>
  <si>
    <t>b'\xfd\xe9\x93\x18\x8b\xc4\xd5H\n\x0bJQx\xf2`\x05\xa9\xf8\xd1\x87m\xa6\x99\x9a\xf5p\x0c\t\xd1sR\xff'</t>
  </si>
  <si>
    <t>b'~\xb2\xd4\xce\xa4\xbd&amp;!\x87\xcb\xf2\\\x9b\xae\xbb\x8e\xe9l\xd1\xe9\x11\x00K\xdb2\xf0\xd3&amp;\xb4\x80\xce\x13'</t>
  </si>
  <si>
    <t>b'\xa0\x05\x1b\xa8Z\x12Y\xaf\x9b\x19\xec\xfas,"\x01J\xb1\xe2\x138\x85)}4\x85\x0c\xd4HN\xc3F'</t>
  </si>
  <si>
    <t>b"i\xf66\r[\xd0\xfci8\xf2\xd8Q'\xd6\xa5\xbapO\xe8\x82\x91\xde\xe9r\xce\xb0\xc6\xb3w\x7f\xc1\xeb"</t>
  </si>
  <si>
    <t>b'*\xcd\xa2\xb0n\x8e\xb2\xa6\xbf\x9f\xe2\x8d\x1dX\xe3\x9a\x8aN\xda\xe5\x1d\x8d\x07i1\x84\x16)Z\xd2\xa0\x83'</t>
  </si>
  <si>
    <t>b'Y\xc8v\x99i\xa5\x0c]Kv\xben\xc0\xe3?ajh\r\xa8b\r\x01Q|\x94\xe8\xdf\xf6Y\xccw'</t>
  </si>
  <si>
    <t>b'%\xf9\xb7P\xa2\xd7)P\xc9\xa5\xcc~\xd2\x14\xaa@4,\x02\x0b\xc5t\xb6\xa8\x86\xca\xe3\x11OaK\xba'</t>
  </si>
  <si>
    <t>b'\xe5\xc3*\xd4\xeckg\xd7\xbd~\x98V8?5\\\xf31\xb0Cqh\x00Q\xca\xe8}\xf78\x8f\xa2\xd7'</t>
  </si>
  <si>
    <t>b'wh\xf5\r\xa4\xbd\xcaH\xb5;\x88\r\xa9x\xa7\xe26\xc3i\xcaD\xf2\x13*\xfd\xdc\xc4\x0c\xbc\xc4\xc8p'</t>
  </si>
  <si>
    <t>b'\xb5/&gt;\x08P\xbb\xbc7$\x85\x9e6\x88\xf8\xaf\xb3\xe5POB\xf7\x8fR\xe3`lW\xf4)&gt;Y\xd7'</t>
  </si>
  <si>
    <t>b"\xf8\xfeC&amp;O\xe0\xd8\x94J\xf4\xa3Io\xb1\xfa\x16\xed\x91\xa1U*L\x7f*\xea\xbe\xbb&amp;\x89'\xfa\x07"</t>
  </si>
  <si>
    <t>b'{\xffc\xf1\x19\xb0f%n@\x8d4@\x05\xc3\xba\xbc(\xaa\xff\xe18e\xe5\xce\xbc\xef\r\xab;\xa9X'</t>
  </si>
  <si>
    <t>b'\xcf\xf9O\x9f\xd7\x92\xe78\x82\x1e\x16f\x1c\xdd\x0f\xaf\xd1\xef\xd4\x0f\x15\xd0b2\x946\xf6\x1e}\xf9\xf2\xa8'</t>
  </si>
  <si>
    <t>b'{K\x05\xf1\x87=T\x989\xe46\xeb\x11\xe2\x9d\x01\xe40\xc8\x86\x94\x8f\x10l\xb48\xf3\xe7\xfd4?\x15'</t>
  </si>
  <si>
    <t>b'\x8c\xcf\t\xfa\xbf\x0b\x15\xe2\xae9\xe5.\x9c&gt;6\x13\xc7\x07\xcf\xfae\n\xdf\x98=M~\xc7?\xee\x8ad'</t>
  </si>
  <si>
    <t>b'+\x0e\xaa\x9f\x9cr:\xa2\xdd\xfb\xb0K\x98\xab\xfb\x19\xd6o\xe3\xbf\xb1p&gt;\xf3.\xec\x84_\x13P`['</t>
  </si>
  <si>
    <t>b'l\xcd5\xd9\xdd\x03\xa2\x9b\xdeF3=\x00L\x82\xcc\x95\x9f0v\x18\xb4\xa1\xda\xab\xa8\x84\x8c\x0e^\xe3F'</t>
  </si>
  <si>
    <t>b'\x0c\x94KZ\x8ef\xaa\xfe\xba&amp;\x86:\xad\x97W-\x1d\xef6\xa0\x0c&gt;\xfdv\xf7\x84\xee\xb2\x08ub\xc3'</t>
  </si>
  <si>
    <t>b'\x0c\x17\x8d\x18\xda\x90\xc9v\xf6VB\x01\xee\xe93\xfag\xa0b?8\x16\x85}\x93\xfc\x8f\xb8@\xc1\x00O'</t>
  </si>
  <si>
    <t>b'\x98\x9c\x85p\xe0\x8fgw\xcd\x0b\x9bC\x0bE\x95\xbd\x9b\x0c\x01Co\xf0\x8aP\xba\xa9\xe9\xf7\xf5M\xcf~'</t>
  </si>
  <si>
    <t>b'\xc9d\x11A\xf2\xad\xc9&amp;\xba~\xcf\x06\xe0\x0f\x7f\t\x97\xc2\xac&amp;\x9d\x9b5\n\x80}2S\x86\x90\xc3='</t>
  </si>
  <si>
    <t>b'\xc8[\xd4d\xcb\x9d\xde{k\xa3\xcf8\xc2\x16R#\xf7B\\d\x06\x92Qa\xf8\x1f\xd3b\x12\xbf\x13\xca'</t>
  </si>
  <si>
    <t>b'\x0ec\xabn\xb8\xaa)+\xa8\xa1\x14\x05\x93\x034V=\x906~\x07\x06R\xfe\x98t?~`\xeb\xeb\xcd'</t>
  </si>
  <si>
    <t>b'&lt;N\x87\x1b\x1bi\x16\xe9&amp;\xb1\xb4D\xb5\xb2\x98\x03\xdc\x9e\x1a\xbc\x95\xcbc\xa8\xfa~Y\x0e\x16W\x03\xe9'</t>
  </si>
  <si>
    <t>047xx</t>
  </si>
  <si>
    <t>b'\xbe\xf8\x01\xf1O}&gt;\xa8\x19\x065\xaa\xf8\xa6\xce$?\xb8\x00/\x1f\x1c\xf3s\xe0$\x0bX\x81B\xbf\xfc'</t>
  </si>
  <si>
    <t>b'\xdb\x9bX\x99h4\x1f \x91\xb9\x000cP\x006\xcfe\xbd"\xaac\x9d\xa8x\xd8\x8f\xe4\x7f\xd0P\xba'</t>
  </si>
  <si>
    <t>b'b\x9a\xe5he\xb0\xc1\x9a\xe5\xcc\xd5\x1bX~\x8c2[\x06\xe1\xbcT\x19\x96\xd0\xb7RH\xf2\x8c\x9d\xb9/'</t>
  </si>
  <si>
    <t>b'\x92#\x03N\x08\xa5@\x07\xfb\xb8\x05\xee\xafs\xe7]\xfe\xc3\xb89\xb9\xef\xc9\x88S\x8b[\x02T\xbf\xba\xc3'</t>
  </si>
  <si>
    <t>b"\x0e\xd8\x99'\xdcb\xf7\xc6\xadL\x00Q&amp;\xe8\xe0\xc9\tS\xe5\xb7\x96\xb8\xa6Y\xa3\x84\x8e\xc2=\x149\x83"</t>
  </si>
  <si>
    <t>b"*\xcc\x02&lt;\xa7\x87\xcc\xb7\x10\r\xf3'Y T%YP&gt;\xe9|'\xbcN\x92-*\xdf+\x14w\x08"</t>
  </si>
  <si>
    <t>b"u\xf0\xc4\x86i\x81\x05L[z:\xa4k\x1f\xea\xcd\x9a\x14A[:'\x86\xa6\xd3t4\xcc]\xbaV\x8e"</t>
  </si>
  <si>
    <t>b't\x9a\xc7\x19\x9c\x13F\xbaJ\xdb[\x14\r\x95\xf5\xd1\x07{\x14(\x9f\xecB6\xc8\xcc\x8a,\xc8\xaa\x98\x14'</t>
  </si>
  <si>
    <t>b'\xdf\x8b\x82( \x81]\x9d4\xf0r\x92\x85\x9b\xdcY\xfd\xa3\xa7\xf5N\xf70\xef\xcf\xaa\xba:01\xb9Q'</t>
  </si>
  <si>
    <t>b'\x93iP`z/\x1c\xe7\xf8\xbb\xf5{\xd7\xe0\xb51\x99V\x92\x02\xb3\xbd@\\mj\xe0\xd8\x8d\xeen\xdd'</t>
  </si>
  <si>
    <t>b'dN\x9aG3(\x04\xebm\x07\xf9acGQR~BU\xb0\x93\xc2\xc0\xc6\xfec\xeb\x18Ul"\x97'</t>
  </si>
  <si>
    <t>b'N\x88B\x92\x8a\x99@\xc7\x83\x02\xd7\x94tSk\xf0\xb0\xc9\xf9\x1b/&amp;\xfe\x1cZq\xf4\xd1U\xa3\xdce'</t>
  </si>
  <si>
    <t>b"\x1b\xda\xae\xf8e\xd0tm\x9d\xc1\xb4\x9f*\x1b\xef\x1ak%\xab\xc6A\x16'\x8e\xf5\xb8\x80\xbc\xe11\xfb\x82"</t>
  </si>
  <si>
    <t>b'\xa2N/\xfe2&gt;\x8a\xb3\xb6MK;\x07\xd4\xb3\x14\xa9\xfa\xba-\xf5\x05\x18\xf5l\x0b\x829\xb9\xbcU\x9f'</t>
  </si>
  <si>
    <t>b'".\xb6\x0f&lt;\xf0\xc3n\xd9\x94\x18\x03DH\x13\x02\xe4\x04$RG\xacM\xc8\xe3\xa9\xec\x94F&gt;G\xed'</t>
  </si>
  <si>
    <t>b'p\x1f\xbaV\xd4\xbc\xf6\x1d\xea\xbb\rOIPem\xb4\x94\xc5\xf0[c\xe3\\\xbbIj\x19\x08\xca\xa5\xa6'</t>
  </si>
  <si>
    <t>b'\x84\xf7\x1d_\xd3i\xbbZ\xcc\xc4&lt;9\x92\x12\x0e\x87o%\xac!!\xdeZ#dw\x86`Q\xc3\xa0\x98'</t>
  </si>
  <si>
    <t>b'\xe5U\xc9\xa4\xf8\x8b\xa1\xe6\x9f\xd1b\x85\xeeN)h\x8b\x8945\x07f\xc0\x9a*\xd6\xc3\xb5\x1e\x11*\xc2'</t>
  </si>
  <si>
    <t>b'}\xf5b\x87\xf8qA\xb1:7\xc4\xae\xbb\xdc\x1c`\xe6\xa7\xb8\xf7\x8c\xff}\xb0\xeb(\t\xc1\xfc\xe5f\xd6'</t>
  </si>
  <si>
    <t>b'\xc5\xaf\xe5D]i\x16\xda\xaf\xc0B\xcaO8\xe2-j\xbd\xef\xb3\x8c\xb4\x9etJ`\x15\x11\xea\xcfe.'</t>
  </si>
  <si>
    <t>b'+\xc3\xe5DM\xcc0\x7f\x9b\xd7\xed\x15\xaa\xf7\xe5\n\x9fg:\xd3\xd0\x19=a\x95\x03Y\xac\xa2E\xea}'</t>
  </si>
  <si>
    <t>b"\x9bwG\xe9k\x19\xbf\x18\x99\xfaC\x94&lt;{2\x83't\x1a!L\xc7ro\x07j\xe8\xde\x1d.\x0e)"</t>
  </si>
  <si>
    <t>b'\xa7~|\xcc\xb6\x06\x81\xea\x04\xa7\x96X\xb6IT\xce\xcd\x04(\x9av\xdd\xfc\x8a\xdak\xfc\x99\xa5\xca\x96\xa1'</t>
  </si>
  <si>
    <t>b'\r\x8fts\x9eW\x8c\xee;\xa3\x06\x0cT\xa9\xc3\x19f\xdfC *V\x18\xc6\xc8=\x8e&amp;`\xb1\x95\xea'</t>
  </si>
  <si>
    <t>b'\x01\r(\xce)#\x08\x8e\xe3\x87\x9c(\x80\x96\x03\x16\xa4f]\xa69yj\x87\xe0\xdf\x0c\xf0\xc8\xe1s\x8b'</t>
  </si>
  <si>
    <t>b'\xa8T\x11^\xf3\xf9S\xb2$h\xeb\xa7/e\xaa)&amp;b\x90\xa0\xe9\x9d\xc4\xe3-\x19\xa9 \x8d\xd7\x14\xc7'</t>
  </si>
  <si>
    <t>b'\x153\xd5\xefG\\\x92\x05UR0&gt;6T\xac\xb7\xa12uY$\xc2\x9f(\xfb\x96H\xbeCR\x89\x99'</t>
  </si>
  <si>
    <t>b'\xe9\xa9\xd3\xda\x9f\x0c\x81\x98E3\xc5\xa8q\xc0\xe5\xbahp9F\xfa\xce\x07\x08\xb4\x95\x0f\x87\x02\xfa\xdd4'</t>
  </si>
  <si>
    <t>b'\xc6-C\xfb\xf0S\x12\xd2^\xd7\x04u\x90\xc5\x8f|\x93u\xedR\xd8\x02\x11\xdb\x87\x8a\xe5\xa0\xc7\x8c-\x8a'</t>
  </si>
  <si>
    <t>b'\x95\xbf?\xb7\xac\xdb\xcf\xcb\xa9\x8eW\xdca 6\x1d\xcf\x1c\xd0\xffJ\x93\xaf\xd2mWm3\xeb&gt;\x192'</t>
  </si>
  <si>
    <t>b'\x1d\x00\xf7?\xf8\xf0\xe4\xef}~\xcax\xe9\x91}\xcb\x8a\xb6gh\x02Q\xa0\xd6gq\x9a\xa5\xb3\xa9v\xb3'</t>
  </si>
  <si>
    <t>b'\x1dZE\x94`uG\x13\x80\xc2\xc5\xfd\x8d&lt;n\xc3\xb2\xf9\x1d\xc7\x992\xc6\x93m\x83\x95\x956;\t\xac'</t>
  </si>
  <si>
    <t>b"+h\xf8\xd4\xd0\xe9\xe3\xf3\xc7?\xc4\x1fDq\x02\xc6U\x18\x07'\xf7R\x06p\xd4.\x03W\xf4\xaf\xb7U"</t>
  </si>
  <si>
    <t>b'\x93\xb4\xb1\xf7\xf3\xa8\x94\xb5~\xac\xbb\x92\x0e\xfdj\xaaHj\n\x12\xf3\xcfl\xdb\x0c\x0b\xa3a\x8d\xbe\xe99'</t>
  </si>
  <si>
    <t>b'\x9a\x87m3\x99e\x9bL\x9fw\x11\xa4\xb2\xfa\xdcqp\xa8U\xfa\xc5\xd5\x10\x96\x0f\x9d\xff\xf3\xe6\x93rx'</t>
  </si>
  <si>
    <t>b'\xc0\xd1Ao\xe5\x0e\xffA\x9e\x04Xn\x1b\xd3\xee\x10\xf2\xc1\xe1\xa0D\xc0/\xd7\x1cjB\x01\x91T\x0cF'</t>
  </si>
  <si>
    <t>b'L\x7fD\xa7\x8ee\xa7t\xed/\xa89x)\xad\x04\xe0g*G\x12\xaa\x18$\x02t\x01+\xf7\x89\xees'</t>
  </si>
  <si>
    <t>b'\xc4-M\xea\xe2\xfb\xed\xa8\xd7.\xbe\xd8\x1e\xb4\xf1as\x98\xf5W\xec\x82y\xdb\xce\xf7\xde\x1cr-\xcax'</t>
  </si>
  <si>
    <t>b"K\x80\x8a\xf9\x03SP\x92\x81\xd7\x11\x86Ba\xc4k\x9d\xbf\x89\xba\xbd\xc3'\x8c\xbf+N\x12N\x9e\xbc\xcc"</t>
  </si>
  <si>
    <t>b'\xf4;\xeb\x04\xbb\xba\x99\xcfS\xfbzG\xab\xfe\xe5\xa1\x1do\xa62\xae\x0e\x96P\xfadl\x8d\xfa\x8e\x94\xba'</t>
  </si>
  <si>
    <t>b'(\xbf\xda\x8d~\x85g\xd1\xa1cz\x13q!\xebQa\xdfs\xf5\x84\xbf\xa5\x84\xa1D{\xb3\xbc\tT\xa0'</t>
  </si>
  <si>
    <t>b'Z^\xbcT\x8b\x03\x17\xc2O\xa5\xaa\x9f\x1fA\x8f|\xa0\xb5\\Y-\xa6\xba)\x18\xe1\xd7=&gt;\x948\x88'</t>
  </si>
  <si>
    <t>b'U)\xcd\x8d?\xe0wh2\xc3j\x13\xa8\xde\x9e\x90\xc6\x85*i\xb06\xc1\x0cLy\xc5`R\x94\xfb\xb0'</t>
  </si>
  <si>
    <t>b"\xb4Zs?\xbb\x8c\x04\xcfUl\xe8\x80\x88E5'\xca.\xc0)eQ\x90\xb88\xc0\xed\xd6\xf6-\xafI"</t>
  </si>
  <si>
    <t>b'l\xe2nW\xf9\x1d\xab\x11\xdc\x0bi\x8b u\xf8\xd6\x161\x1a\xdd\xce\xadB\x1d2\xeaJ\x8c\x9f\x1e\x1d4'</t>
  </si>
  <si>
    <t>b'\x00XMf\xcehN\x19\x18_\x01\t\xe9a/\x12\xeb%B\x03\xf3\x19y%*\xb3\tk\xa32-T'</t>
  </si>
  <si>
    <t>b'\x8e\x16#\x06\xe6\xc0\xf0\xa0@\x1e\x9a\x04\xd9A~p{\x9b\x80\xf2\x92?\x88R\x9b\xf3\xcc{\xff!\n\x07'</t>
  </si>
  <si>
    <t>b'\xf5\xe6\x1eO)\xf9[\xa5O\x13\xd4\x03\xb6&amp;S\xed\xb0\xdco?T\x8d8;\xd2V\xf4\x00\x86\xbf\xb8='</t>
  </si>
  <si>
    <t>b'\x14\x9b\xd1\xc9\xeb4\x03I\x18\xaekY\xc9k\x80Z\xf0\x98\x149\xd0\x95*\xf1\xec-\xcf\xf6\x81\x0e\xc0l'</t>
  </si>
  <si>
    <t>b'\xd8\xcc`w\xee\xb5J\x1be@ \xd6\x13\xc0\xfa\x9a\xeb\x06&lt;\n\x8f \xb3\x93\x80[\xa8\x1d\xc8\xa3\xb8G'</t>
  </si>
  <si>
    <t>b'_\x18Z\xe35`\xbd\xfc\xe6\xb2-\xe7\x1c\xa7\x1bbt\x06\xd4\xe9\xf7U\x8a A\xd3\xc3\xed/\x01Ev'</t>
  </si>
  <si>
    <t>b'!\x80\xdfanD\'\xd7N\xec!)O\xdf\x8aQ\x15\xfc\xf0\x80\xff\xde\xdbc\x12\x10"k\x90\x14Q\xef'</t>
  </si>
  <si>
    <t>b'\xb4\x05K\x935\x89w\xb8\x1c\x16\xe6\x82\x18\x11_C\xd1\x8c_\x93\xfb\xafF\xd3\xa9C\xbe\xc6\x88\xd6\xd29'</t>
  </si>
  <si>
    <t>b'\xbb\xd0%\xc1mg\xe2\x1cX\xa1\x9d\x1f\xc6`\x9f\xfc\x8a-\x0e\x9b\xc5\xeb\x0f\xc6\xda\x02\xb6\xfaj\xf7&amp;#'</t>
  </si>
  <si>
    <t>b'\xe9|\xfa\xc4C4\x8d\x10S!\x1a\x14d\x926\xc7\xf7v`\xa29\xe9[{e\x0e\xeb\xcb\xc2\x08*G'</t>
  </si>
  <si>
    <t>b'G\x16Sl\xaa\xe3\x86\x94\xdfgUZs1Djm\x80\xd6\x82\xe5\xc6\xbe[\x95\xa3N\xa9\x86^\xd7@'</t>
  </si>
  <si>
    <t>b'\xa5&lt;A\xed\xf3\xc8\x12\xb1!s\x00\xf2\xfb\xc8\xe5\xf4`^\x93v"\x9ai\xac\xf3;\xc6m\x14\'|M'</t>
  </si>
  <si>
    <t>b'\xe4\xa15\xcd\x1a\xcd\x16N(MA\\&amp;e\xd1r~\xfb@~\x1d\xbd\x17\xd0\xe7]}7\xe5\x86/\xb3'</t>
  </si>
  <si>
    <t>b"\x88n-C6\xe0\xf7\xbb\xb8R2dy\xb5\xf5 &gt;'\x83!\x17\xafT\xb3m\xa7\xcbO\xea^&lt;4"</t>
  </si>
  <si>
    <t>b'\xb8\x87:\xe4\xdeJ\x83\r\xa4y\xbf\x90\x12\r\x82\xc9e\xabL\x04\x87L_\xb4\xaeR\xe5\xd3\xb9\xd4\x1a;'</t>
  </si>
  <si>
    <t>b'\xaa\xb5\xf6@\xf1\xb4\xd0[\x99\xe9JB\x9b\xab#\xd5\xe2\xde\x8f\xa2T(\x19\x9c\x92\xbb\x13J\xf5\x84h\x02'</t>
  </si>
  <si>
    <t>b'\xe1\x1c%^\xd6K\xbf\xe8\x9b\x94_\xa4\x89=\xf1\xf3(\xd4W?\xbbI\xde\x81}|$a\x80f8I'</t>
  </si>
  <si>
    <t>b'\x01^\x8bDE\xe7\'t&lt;G\xb6S\r\xc0\xa0\x06=\x81\x9en\x9d\x91"\xb4\x08H\x0fY\x82\xeb\x1a\xc2'</t>
  </si>
  <si>
    <t>b'\xc8X&gt;\xd6H\x84\x1e\x99\x81\xebq\xf0\x130\xb7H\xdd\x85\x06\xed\xf0\x9f\xa6q\xb3\xdf\x89\xdcp\xe64\x94'</t>
  </si>
  <si>
    <t>b'\tD\xaa\xe0\x03\xc6rv~\xb44&amp;\x08\x982\xa8F\x828\x93\xd0@h\xcd%\x89\x91\xeb\xf0\xad~\x0f'</t>
  </si>
  <si>
    <t>b'\xf2\x14\xa8\xe3Ty\xd8c\x18,;\x03}?\xa8y+\xa1:\xda:\xf1\xafzm\x12;\xe5P\xac"U'</t>
  </si>
  <si>
    <t>b'*\xc2\xf0\x99:\xabR\xbe\xa0\xed\xb3\xf7\xa1gj\xc6\xa4\x12\x97cl\x8eZ\xa7(b\xa0\x18S&gt;\x00\x0f'</t>
  </si>
  <si>
    <t>b'\x03#\xa6\xeaX\xd5=\xc1\x07[ZH[Om\xad\x18\xc4ro\xda\x97\x01GV\x88E\x8b\x06\xfbj\x16'</t>
  </si>
  <si>
    <t>b'_~?\x93N\xbc!\x94;&lt;\x7f\x03S\xcch^]!\xa0\xab\xf0\x9a\xfe\x02vw\xa9\xb9\xfaA[\xb7'</t>
  </si>
  <si>
    <t>b'&amp;BbT\xe1\x89olw\xa3\x94qJ\xcb\xa0\xd9\xfc\x9e\x13\xf9\x94#\x85"\xe0mL\xdb\xa6\x12\x8c\xa2'</t>
  </si>
  <si>
    <t>b'l\xd2I1\xed\xceC\x02c&lt;f\x84\xc9;\xb3\n!jaN&lt;,\xa9\x13\x0b~\xfe\x13\xc0\xeb|7'</t>
  </si>
  <si>
    <t>b'=\xca~\xd4\xca\x8a\xb5\xe4\xbfl\xd2\xd3\xc9\xfb_\xbf\x9d\x93\xe9=\xf9\x91F3\xd4 \xe5\xab\x80\xc2\xc1\x07'</t>
  </si>
  <si>
    <t>b'.u\xd3\xfe\xb7\xfcB\xfd\x88So@\xedi\xe5\xf0-\xfc\xc2\xbc\xfc\x18\x9a\xebs(\xa9\xa8\xddPTL'</t>
  </si>
  <si>
    <t>b'\x87dmL\x84\x97\x05A\x11\xeb\xddM%\x08\x01\xe0\x1eXuD\x1f\x07}]\xd3\x08t\xf5&gt;\xa1\xf3K'</t>
  </si>
  <si>
    <t>b'\xa8\x0b-F\xbcw\x8b[\xb8\x05\x17\xcadHj\x94\xea\x1f\x9cQ\xda]o\x93.\x0cL\xe0b\x9f\xfd$'</t>
  </si>
  <si>
    <t>b'wA\xac\xa5\xf4\x14\xd4?\xae@\x9f\xf9hiQ\xf0\x064\xf4+\x903\xfc\x1d\x7f\xccI\x87\xf4Q\xa4\x99'</t>
  </si>
  <si>
    <t>b'\xbb\xa4D3Q\xbf 5x\xb7"YuI\xb9\xbe\xd3\x8f\x1e\xea\xb6\x0c\xa8\x03\xea\xea8K;\xfeM\x16'</t>
  </si>
  <si>
    <t>b'S\t=\xcd\xc1\xaa\x94\xaf\xd1AC\x13\xa4~i\xd0Ist\x08\xa7D\t\xab\xda\x10$\xc9fN\x13\x88'</t>
  </si>
  <si>
    <t>b'\xf0/\x9b\xb0\xc9\xf9\xbee\x10\x99\xf4\x82\xf0\x897^K\xbf\x97\x14I\x9d\xec\xae\x03m\x12RC\x11\t\xf2'</t>
  </si>
  <si>
    <t>b'!\x120\x84\xf0\x87\xb2\xf6:\xd8\x01\xaf\xd0\xca\x90u\xae=\x88\x00&amp;u\xbc\x96\x9c\x04\xe4\x12\x95\x11&amp;\xc7'</t>
  </si>
  <si>
    <t>b'&amp;.\xa5\xef\r\xc8\xb0\xfbEa\x1e[\xdd\xb3\xdc4^\xd5uQ\x15\xc9J\xb4\xc9\xf1\xe4\xcf\x95\xac\\\x85'</t>
  </si>
  <si>
    <t>b'!\x1f\xd9\\\x8c\xfd\xcf\xc7\x1b\x08z\x9a\xf2\xb4X\xf4\xafJf:\x96\\K\x80\x9e\xe6\x17-\xf1xE\xad'</t>
  </si>
  <si>
    <t>b'\xda0\x9c\x8bW\x10^&lt;\x81Y\xf9\xda\r\x97u\xde[\x93\x02\x88\xbfB?i\x1e\x9a#\xebDm\x8d5'</t>
  </si>
  <si>
    <t>b'(\x96\xb9\xce/\xb8L\xd9\x12k\xa1\xf0&lt;\xb1\x103$\xa0M\xde$\x12u\x90\xd5\x047@^=`\xba'</t>
  </si>
  <si>
    <t>b'PK\x8c\x122A0\xeb\xd6\xec\nA\xc8\xe8\xbb\xda\x19\xa6\x1a\xe2k$\x8a\x1b\xea \xd3\xa6\x9a\x15\xc9-'</t>
  </si>
  <si>
    <t>b'\xbe\x934\x08\xf2\x8c\x8a\xe6\xea\xe5\x1d\xd6\xee\xd3\xe9x\xa5j\xd4H\xf9\xec\x8d\x17\x08\xe0\xc2\xd6\xbcOQ.'</t>
  </si>
  <si>
    <t>b"\xd7\xa3\x11z}\xbc\xb6\xdb3U\x04\x1e\x1e\xc1\xef\xcd\xedA\x18\xe5m\xd0\xc0\x87R\x0fA'$\xf4\xe5\x1a"</t>
  </si>
  <si>
    <t>b'\x03\xab\xca\x18\xc1o\xcd+\xab\n{\xf8\xce\xac\xc1d\r\x827\x9f*\x12\x9eZ\xfdM\xd4\x93\x04\x1a\xd9%'</t>
  </si>
  <si>
    <t>b'\xeb4H\x1e\x17_\x9e0[\xd9\xb6\xf98\x81J\xc6v\x92\x96\xa3\\\xbf\xff\xd5}w,is8q8'</t>
  </si>
  <si>
    <t>b'\x12\x0cT@\n\xa3\r\\\x05f\xa6\x8c\xc26\x07\x18\x81\x9bR\xac$\xba\xd9@H\xfb\xae/u!\xbb\xfb'</t>
  </si>
  <si>
    <t>b'v\x1du\xfa\xdfos\xfb\x91\x1dbj@b\x89F\x96\x005\n9\xd6A&gt;\xa5V"\xd7\xde\x7f\t\x80'</t>
  </si>
  <si>
    <t>b'\xa9\xb7S)\xed\x87e\xfc\xbf\xa1\xbb\x13\xa0\xda\xd1\xfb\x9b (\n\xdc\xa7\xfc*\xa6\xb7\xf5\xd3\x18k.\xfa'</t>
  </si>
  <si>
    <t>b'\xd5l]\x8bu\x8aT\xff\x8b|m\xd4\xa2v\xf8a\xf9/\x93\xd6n8Io*\xcd\x8c\x1eg\x84\xe6\x87'</t>
  </si>
  <si>
    <t>b'J\xf5\x9d\x82\xb1&gt;\x15\xbe\x1aJa\xab\xe9\x01lWw\x1eS\x8aY%\xf0\x93\xda/\xf4\xa7\x14\xeb\xf2P'</t>
  </si>
  <si>
    <t>b"[\xa7\x92\xb1\xaa\x97V\xden\xb6\x0b\xa9N\x04\xd2\xe7\x84\xf7\xd7\x02\xf3\xca\xc14\x8c\xba\xa9,\x19U'*"</t>
  </si>
  <si>
    <t>b'Pr\x0b\xcf,\xa3\x86\xbd 5,n\x1e\x8c(\xa0o9\x07nl\xc1\xcc\xde\xe6^tR\x16c\x06\x08'</t>
  </si>
  <si>
    <t>b'\xb1"\xc3\xcbkl\xb3\xc6\xa5\xba\x03\x9f5\x95\x17#&amp;tY\xac&gt;\xe8$(6\xe7 [@"\xdc\x1b'</t>
  </si>
  <si>
    <t>b'\xa4\xb7\x05`\xd0\x0bH5\xa3\x93\x9b:\xe0\n#\r)\x9c\xa88c%\xbep\x004\xaa\x8d\x02W~\x98'</t>
  </si>
  <si>
    <t>b'\xd1D\xfb\xe5\xc7\xfeN\xb5\xa9HI\xb2\x89\xcei\xf9dS\xea\xb7_\xcac \xdb\x1e\xb7\xd3b&amp;\xbc\x81'</t>
  </si>
  <si>
    <t>b'w,AD-\n\xa3;v\xfc0\x07Oc\x84Mr\xe5;$M\xd8\xf3U\xd7\xed\x95\x9c\x87\xfa\xee\xc9'</t>
  </si>
  <si>
    <t>b'\xbfB\x8a3\x8av:\xa2@2\x05,\xe3\xea\xd9\x19\xd2T\xe9\xa7\x9c\xaf\x19\xffd\xe9(\x1d\x9e4M\xe0'</t>
  </si>
  <si>
    <t>b'\xe8_\x93\xe3$\xe2n\x00t\xaf\x9d \xbcQ\x03FU\xb2\x0c\x03\xf3S1\xab\xf6y\xd5\xef\xff!\x93\xf1'</t>
  </si>
  <si>
    <t>b'R\x9e\xaeCv\x1a)\x16\xba9\x95\x13L\xf0~\xad\t\x18Z\xb3R\x91\x90^tN\x17\xc7}F\xa4o'</t>
  </si>
  <si>
    <t>b'E\x85\xcc\x1dy\x1d2\x9b\xaf\x1a\xf8M\xa7\xc94Q\xaeU\xc9\xe7\xe33\xa4`\x1c8\xbb}c\xf6\x15u'</t>
  </si>
  <si>
    <t>b"3/\xd53'R\xe1cdu#\x0f\xc8,\xa1{\xe9\x8c\x1aC\xcf\xf7\x0e\x9d\x9c\x80!My\x0f\x9c\xaa"</t>
  </si>
  <si>
    <t>b'\xb6\x18:HN}\x93V\x98a\xdb\x97\xfb?\xa38xC\r\xec\xf1 .\x900\xcb`C\x94\xf6\x8bm'</t>
  </si>
  <si>
    <t>b'\x9e3\x11\x08rb\x9c\xa1e?Oc\x95u\xaco,\xaa\xf9\xb8K\\\x83\xda\xc3Q9\xd9X\xb3\x88\x0f'</t>
  </si>
  <si>
    <t>b'\x04\xad\x8d@\xa6\xe5\xfd\x02\xd0g\xe7\xaf\xfb\xf4\x84l\x85\xc9\xc0\x7f\x89\xe5\x00c\xb6\xf49\xa4vF\x0c\x88'</t>
  </si>
  <si>
    <t>b'Tt7Ue\x19{g\x85\x07y\xc4\x02\xf3\x9f\x8b\xeb\xf6&amp;6\xc2A\xc6E4\x13\x90\xfc\xe6\x81\xb2]'</t>
  </si>
  <si>
    <t>b'u\x0fR_\x1di\xc4s;\xc7\xef\xc1\xc5\x0b=\x9d\xe2\x01\xf0\xd0+&amp;\x84\xdd\x02h\x862vs\x99\xe9'</t>
  </si>
  <si>
    <t>b"%a\xefdO\t\xd6\xb5\x14\xfb?\x87#F\xb7J\x98C\xa8\xf2\x8c7\x18',\xc7\x97\xa0\xdf$\x1f\x8f"</t>
  </si>
  <si>
    <t>b'O\x0fq\xf6\x1c\xb9\x9d\xc3\x8dME\xfc\x9e\x87\xc4\x12\x80\x94\x14\xa7\xeb/\xe0\xeebd\x16\xc6C\x92\x87\xde'</t>
  </si>
  <si>
    <t>b'\xa7\x024oD\xb3z\xcf\xdf.\xc4&gt;U\x00\x8b\xff\xb2\x07\x18\xc5\x1a\x1d-\x8eU\r\x87\xf4O\xc0\xe5\xca'</t>
  </si>
  <si>
    <t>b'?\x9e\x8fb\xdeq\xdf=\xdd\xfd\xba aZ\xed\xafl\xe7l0\x9c\xfb\t\xb1\xe2\x1b\x89IS\xef\x9c,'</t>
  </si>
  <si>
    <t>b'\xfeu\x1aU!9\x80\xe3#Ht\xbd\x83\xfe\xb4\x88\xec\x1c\xc8\xdfm\xaf\xa1\x88A\x00N\xb6\xe5\xb5\x1c.'</t>
  </si>
  <si>
    <t>b"\xc5\xafu'N\xbc\xe9\xed\xf7)\xbe\xc9et\xe5\xf4\x94\x11\te\xb9\xe7\xda#\x83\x9a\x8b\xb0GP\x95\xb7"</t>
  </si>
  <si>
    <t>b"%\xe6\xc8\xa5\xbf\xc4\xcb\x1f\x07'\xca\xd0\xfcx\xfa&lt;\x8a\xe5\xe0f\xdd\x99\x05\x96\xe4\x8ad\x0f\x1f}s\xe6"</t>
  </si>
  <si>
    <t>b'\x8cEa\xf5\xc0E\xbcZ\x0bm\xa7\xe6\xb7\xe9z\x84\x03\xf3\x86\xeao\xaf\xbdE\xba;\x01\x9c&lt;\xf8\xf71'</t>
  </si>
  <si>
    <t>b'\xb1\x7f\n\x8cN2\xe1]k(\xd7 \x89\x93\xcf\xe2~\xbc\x05J\x12CdT\x88U\xcb@\x0c\x86K\xcb'</t>
  </si>
  <si>
    <t>b'M\x9b\xdf\x17U\x07\x8f\xccz6\xc4\xe2\xf4\xf4\x86\xcf\xa0\xd2Ub\x807\x052\xb2\t%=\x9b\xbe\x0b\xc6'</t>
  </si>
  <si>
    <t>b'\x97Q\x1bl\x0c\x1c\x94\x8cKiv\xb0q\xa5\x1e\x10\x7fo\xd3#\xd8O\xf2\x13\x1a\x0bG\x15}\xa6\xc0{'</t>
  </si>
  <si>
    <t>b'\xf9\x0fX\xc7\x96\x82`\x11h\xd0:k\xdfL+\x97\xb6(\xd5\x17\x1a\x14\x13\x1f?\x9a\xd5QU\xc5X4'</t>
  </si>
  <si>
    <t>b'{\x98_k3~b\xa6\xbc\xff\x9cu%\xbdFo\x18\xbes\x8c\xc3\xf24\xbe\xb3\x8b\x13\xa9\xf2u\xc0\x97'</t>
  </si>
  <si>
    <t>b'\x82\xa3\x05\xed\xa8\xd8y\xad\x08\xad\xcdZ9$+\t\x1b\xaa\xb6\xfb \xf7LN;W\xff \\Z\xcb\x04'</t>
  </si>
  <si>
    <t>b'\xf4`\x9dSO\x1cb\x1c\xf6QEU\n\x944B\x92\x8an\x9ey&amp;\xf3{\xc6\xbdQL\x879\xbc\xb6'</t>
  </si>
  <si>
    <t>b'\xe0\xbf\xf5\x82\xab\xaa\xb9r/\xa8\xfb\xeb[5\x97\xdd\xaf"R\x18Z\r\xfc\x05\x92\x80(\xe5\xe5\x1fIM'</t>
  </si>
  <si>
    <t>b'\xcdF\x85mW\xac`\x06\xed\x92\x18\xa1m\xf9\xb0\xcd\xd2d@\x0c\xf8\\O]X]\xd9\xfe\x96\xee\xae\x16'</t>
  </si>
  <si>
    <t>b'\xbav\x02\x9fg\xf7(\xf2\xb2\xf4Z\x93\x9b\xde\x04\xb4\x80\xcd\x1c\xdbT\r\xe2\x91\xc5\xb2\x8e\xeb9FC\xc7'</t>
  </si>
  <si>
    <t>b'H\xa6\x883\x81\x901\xfcW\xa5\xbe)\\\xf2\x05@h\xf2\xe9\xc5\xee\x95\xe4Sh\xf1\xcc\xb7^\x01\xf4\xa8'</t>
  </si>
  <si>
    <t>b'\xbf\x0fD\xd6P\xb7O\xf5\n\x17\xf7wy\x93RT\x86Nl\xa1z\xccG\nn\x1e\xfb\x8b\x96r\xb8&amp;'</t>
  </si>
  <si>
    <t>b'\xc7\xf2\xfe\xa8\xd4\xae\xf1\xf0#w\xa6\r+\xd7(\xb3+\x7f:\xca\x9cLH\xa4[H\xe7\n0\xde\x83\x7f'</t>
  </si>
  <si>
    <t>b'WR\x86\x91=\xc3\xadHY\xc8\xc0\x9a\x12(\xddU\xaf\t\xb37\xcc\xa3%\n\x00\xe1bq\xbb{R\xc6'</t>
  </si>
  <si>
    <t>b'\xdb&amp;$\xfa\x7fU\xaaM\xf3\xdab\xa9G\xde~w\x8e5\xb2A\xc5\\\xab\xb6\xf6\x1f\xb3\x8cg\x84\xe4\x13'</t>
  </si>
  <si>
    <t>b'\xc6\xe5&gt;\n\xc2.\xa3\x06\xd6\xb3d\x9a\xdd\xb1\xe6\xbc\xa3K]\xebk:G\x1f\x9f\rH\xd7\x10d`\x8f'</t>
  </si>
  <si>
    <t>b'}\x0b\x9b\xc3\xec\x1b\x03\xa9nm\x11?h\xcdV\x8a\xf4\x16\xa3\xbd\xf1\xff\x9b\xcb\t\xedD\x0b4\x92\xf4\x07'</t>
  </si>
  <si>
    <t>b'\xe5~s\xc6\xf7\xa9\xf8\x18\xd1\xe4\xe0j\x99\x1aG\x1ck4_\x86\xbclsDJ\xdf\x83\x8c\x8c\xa6n~'</t>
  </si>
  <si>
    <t>b'\xfb\xbd\xb6E\xa7\x7f\xe8\x90v\xe0\xe6\xc7\xea\xd0\xc7\xda\xe8j\x04\x9fz\xc2\xe9\xb7\x7f\xf58\t#\xc9J\xe7'</t>
  </si>
  <si>
    <t>b";\xa8\xae\xec:\x9e'B\x8c\xfc\x8f\xe0\xe4\xab\xa6 )E\xd1\x04\x14\xa4C\xef;\x05:\xaa\xe5\xd25e"</t>
  </si>
  <si>
    <t>b'G5LJh\xf3\xa5\xe8\xf3\xf8-\xfc\xa7\x1a~\xd0\xe5\xe6\xce\xfe\x1b\xc9\xea\x8bMr\xc0\xaeJ"Q\x96'</t>
  </si>
  <si>
    <t>b'\x96@/\xaagJ(\x9e $\x86ysm\x84\xec\x1d\x8d\x95\x16\xf0\x03P\xcd\xab\xb9\xf5S\x06\xa7\xe2\xde'</t>
  </si>
  <si>
    <t>b'\xd8\x1f\x86\xdd\xa7\xacA\x98\xad@\xa5\x0b\x16*]p\x00\xacXq{Z\xfb\xf5\x10\xe75X&gt;1`\xd9'</t>
  </si>
  <si>
    <t>b'\xe7\x94\xdeIJ\x95K\xfbL\xbc,r\xe4\x8cV\xdb~\xf6\xf7\xfd}L\xd3\xba\x8aAPt5!8k'</t>
  </si>
  <si>
    <t>b'\\8)\x9fs\x85L\xcdp\x93\tml\x7fj\xf6\xcf\x95\xd2\x99\xb6\xa0&gt;\xa1+\xa8\x91\x0f+=\x84\x1c'</t>
  </si>
  <si>
    <t>b'/\x18ZJ_\x0b\xce\x1d\xeb\xee\xc6C\xe9A\xc2\xf3\x12\xe6\xcb\xcf\x87\x01\xe7\x8fy\x99)\x98nz\x83\xe7'</t>
  </si>
  <si>
    <t>b"\xe2\xf7\xf83\xf1.\xf6\x19\x98#\x93\x12\x08\xab\xd54\x91\xdd'w^\xb6&amp;)\xa7\xad\x9e\xaa\xdfi\x8d+"</t>
  </si>
  <si>
    <t>b'\x1e\xfb\xdf,\x83U\xa1)7\xc8w\xbdu\x80\xe0A\r\xc3\xf7\xe2\x06E2{\x1b\xb0\xf6\x08\xb6\xd6wv'</t>
  </si>
  <si>
    <t>b')\xd61\xc3\xe4B\xb8\x8a6\xc6\xf6\x9d_AV\x06\xcf\xed\xee\xad\xf5\x85\xb51\xb9M\xb3k\xf7@\xd0\xba'</t>
  </si>
  <si>
    <t>b',\x90\x08X,\xa4\xf0Yv0Z\xf1_t\x97M\xa6&amp;.X\xe0\x18\x92\xda6\xdeg\xf3\xa2$\x18f'</t>
  </si>
  <si>
    <t>b'\\6\x84:\xbd\xd2\xb8W\xaf\xa8\xae\xea\xc0,+\xe0\xa4\xb4M&lt;\xb9\x8a\xb7\x1cu&amp;\x92\xd5\xe0\xfd\xe9\x18'</t>
  </si>
  <si>
    <t>b'\x01&lt;\x83\xa1\xc0\x06W\xfc\xe2\xdbm&amp;"b`Y\xf8\xab\x81rBf\xd7Dkp7/\x89\xca\xc7\x1a'</t>
  </si>
  <si>
    <t>b'\xb6\xdb\xc5Jn\xac^)3\x16\xbd]\xc2\xfc\xbf*C\xa1H\x1f\xba\xaf\x91R"\xe2-;\xc6P\xed8'</t>
  </si>
  <si>
    <t>b'\x1b\xb1F\xd4Z\xe9 \x08\x99#\xad\x11\xd7\xb8\x12\xb0\x05\x04\x1dU\xc3\xb4\xe6\xda\xbd\xe8\xd9\xf8\xcf\xdc\xa50'</t>
  </si>
  <si>
    <t>b'\x88#"+\xd7@\x17.\xe4\xd5\x17G\xba\xe7\x18\x1fr:\xe7\xad\x81\x89\xfbe\x88\xcb\xb9\xbf\x10\xec\xf7\xd6'</t>
  </si>
  <si>
    <t>b'mJ0\xfd\xdb\x89\tC\xaa\x96\x11A\x1b\xff\xbbU\x9d\xd4+p\xd2\xea\xb3\xda\n\xf7\xd8H(\xfb\xe7\x90'</t>
  </si>
  <si>
    <t>b'\xe5\xce\xf8\xe9\xd0/\xca#%\xba\x84K9\xb1F`r\x9c\x8dp\xd3\x1cY\xa8\x19\xa4\x83\xfc\xb6\x86\xa7\x8f'</t>
  </si>
  <si>
    <t>b'\xbc7\xb0\tg\x13(\x93@(s\x11f\x82F@K7\x00^\xc5p\xe52b\x04h\\\xa8\xf3E\xbe'</t>
  </si>
  <si>
    <t>b'\x93\x00C\xf8Rt\x02\xc8]\xb0 u\xf7\xd4\x12\xcb%=\xd4\xa4\xff\xeb\x89\x1d\x83\x9bT2_\xa2Jn'</t>
  </si>
  <si>
    <t>b'\xf4\xafy\xf2\x8bL"\xed\x85\xcf\r\x81\xe7\xfd\xbf-\xe2\xd0x\xf4\x87\xe1\x1c!\x9b\x15\xdd\xc4\xb9\xdbJI'</t>
  </si>
  <si>
    <t>b'\x08\xa5\xd8\x95\xa0\x81\xacV|@\xech$\x99\x9c\x95h\xbbH+-u+*\x86+\x13\x970P)\x98'</t>
  </si>
  <si>
    <t>b'\xf4\xf9\xa6\xa2\x9f*\xdc\xf7\x7f6St-\x8fvQ\xc6,\xa3\x9e\xab\x91\x8b\xd9SOV\x81\xd2\xa8\xb0\xc6'</t>
  </si>
  <si>
    <t>b'\xeb]\x8d\x19\x88u\x07\xa9\x93\x88\xf2\xea-\x8e\x9f+\xdeK\xa81\x82\x06R!\x93$\xd5\xab\x0bY\x88\xf4'</t>
  </si>
  <si>
    <t>b"\xbe1'\xf4\x9b\x88&amp;J\xc2\xd1\x01U\x00\x977*@\xc8\xec\x93&gt;\xb8\xae&lt;\x10@\xd9rX\xa7\x84\xd8"</t>
  </si>
  <si>
    <t>b'-\xa7\xdf\xe2\x02\x91#`\x88"\x9e\x93a\xd4\x85\x1be \x14\x97\x92\x8f\x01\xdd\xc1[2\xa52D\xf3\x8b'</t>
  </si>
  <si>
    <t>b'\x15\xdc\x8c\xe4\xa3\x1e\xb8\xcab\x9d+\x8eQ\x7f\xce,n\x95\xd7\xfd\x05$\x0f;\xea\xc2`\x92\xf0\xaee8'</t>
  </si>
  <si>
    <t>b'sS*\xa4\xd4\xf5\x92L9=\x03Sg\x0f\xd5\x06\xf8\x88\xeea\xa3\xc9\x18\xf4:w\xa8lR\x86\xb3\xf4'</t>
  </si>
  <si>
    <t>b':\xb5\xdb3U\\\xba\x1e\xcb\xe5C\xb0&lt;\xbd\xf1\xd5d\xfc\xa3\xee\x9e\x11\xf1\xd7\x83\xe4\xef\x83\xd4H\x1c\xbc'</t>
  </si>
  <si>
    <t>b'iF\xfd\xaa%5!w\x00\xf20\x82\x16\xef\xc3\xcd\xb2\xbf\xd5\x0b\x9f`\xa5bA\x1c\xb9\xbep\xbf\xac\xae'</t>
  </si>
  <si>
    <t>b'\xe2&gt;\xa6\x80\xbc\xeb\x88\xd5\n)\xa6K/\xbd:M\x88\x90e1\xc8C@\xa7o\xf6\xb2\xa0(\x96\xf1\xa3'</t>
  </si>
  <si>
    <t>b'\x7f&gt;\xde\xe8\x93\x7f\x12N\x13\xd5*I`\\\xe6!\xa1!V\xfa\xad9f\xa6\xd6(\xbf1\x00t#\x8e'</t>
  </si>
  <si>
    <t>b'\xb3\xec#\t\x08\xb8\x96\xec\xd5\x83\r\xf7\xdak@+\n\xbae\xbd,g\x1c\x0e\x8a^/\xa6w\xfdW\xf7'</t>
  </si>
  <si>
    <t>b'\xd5\x93\xbf\xe6\xb4\xff|\xb9\xdc\x7f\xd0\xb9\xe2\xe7F \xfb\xe8\x1b]\xc5\x0eI\xfbE\x99\xce\xb8L\xa8\x10J'</t>
  </si>
  <si>
    <t>b'\xa7p\x8e\xe7u\xff\xc27`\x90\xb2w\xf3\x08\xc3\xf9\xc8Y\xf1R\xff\xfa\xd6\xc3e\xc1\x10\xf2EM&lt;\xea'</t>
  </si>
  <si>
    <t>b'Q\x07\xd4\xa9\xac\xf3j"\xb9iCJ\xb1\xfc\x7f\x0f\xf2\x19\x15\xbf~P\x18\x01\x9fF\t\x850f\x19b'</t>
  </si>
  <si>
    <t>b'`\x83\xf3\x9a\x05gH\x9a\xd6+\xaaAo\xa8\xbbd\x0f)P\x1a\\\xa7\xf7$\xd8q\xdf\x02\x88\xf91\xcf'</t>
  </si>
  <si>
    <t>b'\x89\xd4\x10\xb8\xcb\x9bz\xb1\xd2\xb7\xd8F*\xaf?\xc3(8\xa73\x91^1\x97\xecn\xc3\xe6 \x83\x07P'</t>
  </si>
  <si>
    <t>b'R\r\xcbAb3q\xc7Fq\xca\x98\xaa\xcb\x84\xac\x8brM\xf7hc\xe4qA\xd4\xe1\xb7\\\xe2M&amp;'</t>
  </si>
  <si>
    <t>b'\x98\x88SSF]U\xed\xa1\x87\xd7\x03\xb5\x8f\xed\xc3\x80\xaf\x0e\xd0\x1f\xd3\xe0\x97\xea\xb5\x1c\xb5\xce1\xc3_'</t>
  </si>
  <si>
    <t>b'i\x1f\x82\x18icpfh\xc2^j_WN\xf8\xdcG\x10\x0e@\x93\xda\xcc\xf7d;`\xc4r\xc3\xf9'</t>
  </si>
  <si>
    <t>b'\xc8\x1eqe\xc7\x86\x0f\x95H\x87N(\xae\x99y\xd0\xc7\xffc\xaf,\xd4\xfc\xe3\x14\\\xcb\xbd\xb6\x8a\x7ff'</t>
  </si>
  <si>
    <t>b'H\x11E\xf8\x9f\x01?)"\x8f~1\xc9(\x1b\xd8\x1d\x03\x8bB\xa2\xce\xa3\x1f\xaa$\xce\xec\x8a3\x05$'</t>
  </si>
  <si>
    <t>b'\xac\x7fy\x92U\x8b\xdb\xe7\xb3\x19M\x11Y\xfb\x83#sY1\xbfv\x00=#\xa9\xed7\x86\x13eK\xa0'</t>
  </si>
  <si>
    <t>b'\xa7GUsa\xf1!\xe8\xc2\x12\x14\xaaO\xc1\xa3\x9do\xa53\x82\xff\xdbm\xc7/t\\\x92B\x81\x81u'</t>
  </si>
  <si>
    <t>b'\x08\x94OE\x01\x83\xde\xd0@@\xcc\x18"\xc9\x16\x07\xe87\t\xbd\xd7\x0c]\xeeu;\x98\x8bP|\x9c\x8a'</t>
  </si>
  <si>
    <t>b'+\x04a7!UJ\x1b\x88\x88\xe62\x1e&lt;\x92\xd2\xe3&amp;\xf9v\xe2v\xf2\xd7\xb8"H\xd1z\xce\xd3\xca'</t>
  </si>
  <si>
    <t>b'+7\xc3\xa1(\xd2\xf82\xe6\xac\x81\x9c\xbd\xa3\xefR\x04`\xf5\xd64\x0b\x1d\xf3\x07\x8cE\x00\x9fKB/'</t>
  </si>
  <si>
    <t>b'\xafR\xc9~\x99\xbcvpOt\xcc\xb7\xd2\x9e\xeb\xfb\xbe\x9a9=\xa7\xda\x13z\xf3o\xd4G*F\xbc\xdf'</t>
  </si>
  <si>
    <t>b'\xd4!\xbd\x9e\xd1\x1aN\x82\x90A&gt;A\xc9k\xde\xbb\xe5;\x14j\x19cJa\x00Zy&amp;\x1c\x8a\xdan'</t>
  </si>
  <si>
    <t>b'\x913&lt;\n\x10|\xeadP2\xc8\xba\xfaOA\xef\xb1\x02\x99\xf8U \x03&lt;\xabA{\x9f\xbb`;\xf3'</t>
  </si>
  <si>
    <t>b'\x81\xa6\xd8\xcfj\x95\xed_\x9e\xd9\xeb7i\xddBSd\xdc\x8e\x91\x95K4~[!\x93\xd9\x9b\xcc+\x16'</t>
  </si>
  <si>
    <t>b'\xde_\x7f\x904y"\xb13\xe16\x01\xd0w\xff\xb6(r\xba\x17\xc2\r\x10\x00\xfd\xe2Z!\xc4E$\x93'</t>
  </si>
  <si>
    <t>b'vy\xddE\x8eTE\x07\xd1\x97A\xf4U\x93\x83I-U\x00Y\xe9\x91`M\xf1A\xdf\xf11co\xae'</t>
  </si>
  <si>
    <t>b'#\xe0B.\x01\x94XU\x1e\x07JS\x9cG\x12\\\xdcYX\x8f\xae\x85\xb1\x9f\x9c\r\x0e\xc4&gt;\xfa\x8b$'</t>
  </si>
  <si>
    <t>b'p\x93\xed\t\x93\x11u\xd5@\xa9\x89\xcb\x93\x94\xe3A\x0c\x96A\x17J\x93v?\na\x95\xd0\xc4\x7fs\x83'</t>
  </si>
  <si>
    <t>b'o\xd0\xcc\xe9+m\xbe\x84P\xf4\x89.\xbc\xa8\x07E\x90\x88\xbf\x93\xf6\xa8\x1df\xf1\xf7\x0bS*\xb22s'</t>
  </si>
  <si>
    <t>b"\xa62'^\x9f~\x97\xa1\xd1\xa3\x83\xac\x95zu:\x8dZf\x02\x1a\x14\x91\xe4\x97E8\x9a\x0ch\xa0x"</t>
  </si>
  <si>
    <t>b'\xe6\xc1\n\x1de"\xda\xb5+A\x87IL\xc7bcr\xaaY\xf5\x97g\xf4\x83\x00f\x1a\x03\x81-\xa6M'</t>
  </si>
  <si>
    <t>b'[\xb6g\x90\xf9_\xebdA\xe7\xb6I\x02\x0b\x9d\x89\x17\xc9+\xef\xd7\x15J7\xda\xd5`P\xfa2%F'</t>
  </si>
  <si>
    <t>b'\x1b}z7\xb2&lt;\x03\xb5\x87\xed&lt;Yj\x0f\x00\xfe\n\xbf!\xde\x04 \xc2\xc3\xf0d\xf78\xa57\xd1\xae'</t>
  </si>
  <si>
    <t>b'a\x82iE\xde\xf5|\x17\xb3\x9d\xc2\x13.\xf0\xbb+\xc1f\xc8\x1f\x05\x7f~\x8c\xbdc&gt;\x03\x8c\x98\x17"'</t>
  </si>
  <si>
    <t>b'\xe7\r\xae\xb2h\xb6\x87\xe4\xfa\xfc\xe5\x15\xa7M\xb2L,\x98\x0f\xf3\x10\x1c\xfb\x7f\x05\xe3\xed$O\x13b~'</t>
  </si>
  <si>
    <t>b"\xce?\xf27\xeb\x81sc\x96G\x9b\x9e\x81\x8e\x00m\xb9\xaf\x00\xb6\x1a\xd3\xdaPBy\xc1's\xd1z\xa3"</t>
  </si>
  <si>
    <t>b'\x9c\x8af\xf3B\xf4-\x0b\xc3N\x14|\xfb\x0ePf\x1a\xb52\xb2\xc9"\xa7\xd5w\xaa@\xa1\x9c!c\xc6'</t>
  </si>
  <si>
    <t>b'\x8c\xc8\xac\xe5C\xa6\xe8!\xb2y\x8c\xed\x1a\xa3X\xa4p\x92\xc9\x9e\xee\x03Y\xe92\x05\x93\xfb\xdc\xb0\x05i'</t>
  </si>
  <si>
    <t>b"\x9e\xc3\x08\x83\x8a}\x1d\x9f\x17;{\x8e%\xbe'\xbe:j{e\x9d\xa3\x98fH\x1f\tyB\xaau#"</t>
  </si>
  <si>
    <t>b"h\xe2C\x1c\xee\xdf\xf5\xf0\x03u&gt;'\xdb\x13\xc0\xb9\xcd\xc1\xac\xaa\xc4\x95\xb7I.]\xe7\xf3!\xe6H\xa3"</t>
  </si>
  <si>
    <t>b'\x12\xd4\xf8\xd5\xf5\tz\x8b\x17\x8f=\x95GX\xee\xf3+%h6\x15\xc0\x06\xb5gg\x13}\xc6\r\x0e\x05'</t>
  </si>
  <si>
    <t>b'%|5pj\x96^\x97\xc7\x91\xf7N\xbc\xea\x7fl\xe7\\\xc2\xf7\x08$\x80\x08:\x0b\x86z\xaaz\xbcE'</t>
  </si>
  <si>
    <t>b'6\xa3(\xbd\xb7\x19_]l\x97M\x05A\x056v\xcc\x99O{\xa5\xf5\x9dO.\xf0eK24\xec\xe0'</t>
  </si>
  <si>
    <t>b'\xf6m\xe5f\xb3QX\xe5@V\x00\xadD\xfe\x1f\xef\xcc{\x8f\xbd!\xb10e`2aR\xb8j=&gt;'</t>
  </si>
  <si>
    <t>b'\x13\xf29\xcd[\x0fV\xea\xcb0\xe2\xa4\x03\x99\x0f\x9bB\x0c\n\xe34\xa3\xec\x04h\x1e\x83\x9c\xb5\xf1\xe9\xf8'</t>
  </si>
  <si>
    <t>b'B\x03K\xa5\xab\x84\xbb\xd0\xfe\x9c\xb6\x94H\xd0\x93\xce^\xe4+\xb49\xd3\xdf\xe2IYX\xeaF\xf6\xfb\xcb'</t>
  </si>
  <si>
    <t>b'\x02\xd9\x02\x12\xc5\xdd\xd5\xd7\xbc1\xfc\xbd\xfc\xca\x8b\xca\x1c\xf8\xbf\xcf\xe0\xe0\x1d\xf0\xff\xba\xef\x1a0\xa5O\xc3'</t>
  </si>
  <si>
    <t>b'?\x0e\x87\xec\xa6\xc5\xc5tj\xe4\xd5\x8fH\xd4W\xbd`D\x86\xf0\xff*\x9d\xa7\x92\xb555\xf8\xa5\x10\xd0'</t>
  </si>
  <si>
    <t>b'|J\xf58/\x0f\xef\xcbXV\xd5Vu\xa9\xb7\xff\xa9}\xd0\x9e\xeb\x13_\x16\x81\xd1\t\x1a\xfc\x8c\x1aV'</t>
  </si>
  <si>
    <t>b'\xa2\xa5\x9cm[d\x11\xafR-g\xd8]j\xc6-\xb6\x87\xb7\xd4GH!?tt\xb2\x1e6\x14\x91\x8d'</t>
  </si>
  <si>
    <t>b',I\xeb\x9c8a\x1eLp\xeeQY\xd0"\xf5\x1c\xe5\xee7\xcf\x9e\x0e;\xb3\xbd\xe8\xa56\xbbif\x1a'</t>
  </si>
  <si>
    <t>b'*\x8cR\xcb\xe7\x03X\x84J\xde~\x05\x03F\xac\xb7\x82\x89\xf9g,\x92\xc5\x19\x88\xfb74\xb0\xd2\\?'</t>
  </si>
  <si>
    <t>b'j:^\xc2\x9ac\xe4r\x8d\xd2\xfe\xe7{l\xecE\x10F\xe1\x9e\xe4\xe6C\xe8\x04\xaa\xb0=|O\xdb6'</t>
  </si>
  <si>
    <t>b'\xe6\xc9\xa9($\x0c\xdb\x9eL\x19;\x01U\xf9\x1c\xf9\xbb\x1c1\x08\xcdD\x0c\x10U\xb9\x0f\x06\xf1\x03ZR'</t>
  </si>
  <si>
    <t>b'ZikVI3P\xa7\xf7\x92\xf1kZ\x0b\xdf!\xd6\xa5\x97X2c\xe6\xd8\xc3\xad]\xe4\x86\xeeo\xab'</t>
  </si>
  <si>
    <t>b'\x07U\xe6@\xe1.\x12\xad\xad\x14=\xc8d\xe1W\xcd`\xa9\x00\x98\xa1b@[\xf5\t#\xe5\xc0\x91\xa7v'</t>
  </si>
  <si>
    <t>b'\x87\x96\xa7\xf31m\xbe\xc0\xb1\x93_w\xd0\xba\xefr\x87\x81\xc2S\xb6\xcey&lt;\xf6~\x0c\xa4z\xa3\xa7\x93'</t>
  </si>
  <si>
    <t>b'\xfc&lt;\x8a\xa5_Ok7\xa2\x9el \x97\x86\xad\x95+|\xf0\x88\xe7\xc6\xb9x\x17d\xfcU\xfe\x05\xe9\xb1'</t>
  </si>
  <si>
    <t>b'\xdf\xa3\xe0Iw\x07\xcd\x84\xa6\xabS1O[\xe0\x07\xc2\x18M?m\x02\xc5\x91\x00u\xf2\x8c,\xf2\xef\xf9'</t>
  </si>
  <si>
    <t>b's\x15\x12W\xdb?\xf7\x1f\xd0\x1av\x06"\xab\xeaf\x87Sv\x92\x13\xe2\x1f\xbb3\xb0\xb3R\x95x27'</t>
  </si>
  <si>
    <t>b'3\x9d\xcc\nE\xea\xedW\xb6\xf1\xb4"A\xd1g\xd3\xf1\x92\x05\x9aSo\\\xaf\x87\xd4\xee\x00\xe9\xc9\x07M'</t>
  </si>
  <si>
    <t>b'_\xaa\xdf\x05:\xda\x94~\xf5SN3\x7f}\xdb1\xdb\xbfi9"-t\x0c\x1bkW"6M\x15\x1e'</t>
  </si>
  <si>
    <t>b'l\xc1\xb0\xa9f\xe3\x85CK\x1b\x1a\xb7\xa2"\x14\xcdpC\x82B\xcb\x1d6\xda\xc2\xac)\x08-\x83\xe1\xe0'</t>
  </si>
  <si>
    <t>b'\xe1\x99a5\xd5Th\x90\xa2\xa6\xe0Wb\xd1 \x13D\xb8\x80\x14y{s\x82R\x1a\xe1V\xaa\xeeB/'</t>
  </si>
  <si>
    <t>b'\xeb-n\x02\xce\xd6\xfd-H\xb9k\xceA\xea#J6\x02\x91\x91;\xc6 \xfd;\x1c\xd8\xac\xe9@\x11&gt;'</t>
  </si>
  <si>
    <t>b'\x1c\x14\xaaI\xc0\xc5\xef\xc0X\xf7Y\x18+T{\xdc\x8a\xa6t3\x00\xab\\P`m\xf3\x90\xcb\x92\x0c:'</t>
  </si>
  <si>
    <t>b'\xd1\xff\x12R\xb0\xfa3\x89x\xe4\xfd\x06N\r%\x97h\x98L5\xafz\xfb\x14R\xa8\x072\x1fS\x04V'</t>
  </si>
  <si>
    <t>b',\xfd9\xfaeF!\x8a\x81\xe1u\x18\xf0X\xfd\xb2\xcczFj\x1d&gt;\x9d\x02R\x87\x10\xf2l\xdf\xba\xb0'</t>
  </si>
  <si>
    <t>b'\x1d\xcf|\xa3\xeeb}\xf6\x94\x0b\x1e\x83\x12\xe2q\xf4\xbf26\x0e1S\x86\x95\x8f\x9b\x0c\x1d\xc7\xdc`\x9a'</t>
  </si>
  <si>
    <t>b"b\xd4\xc8\xda\x99L\x7f[\xae\x92\x12p&lt;\xb0\xb9\x9ao\x80@[\x1aB\xce\x17\xf2\xb3\xf6Ba\x1f'\xb1"</t>
  </si>
  <si>
    <t>b'\x90M\x06\xa9\xb70"\xc9\x020xe\x01\x90\xb3\xc5\xe9\xa8\x08\xfe1\xc4^A\xf8{\x13=\xcb\xd2H\xb0'</t>
  </si>
  <si>
    <t>b'4\xd3*\xd67p~QB\xbbj\x0c\xf2g\x00rJ\x97\x93*\xdb\xec\x9b&amp;\x8a\xf1\x02\x05\xb2]\xa0,'</t>
  </si>
  <si>
    <t>b'\x85\xdb7:9\x00 X~nD\xa2&gt;b\x9a\xf2p:#\x87|${\xa0\x8a\xf1\x91\x17\xd9S6\xce'</t>
  </si>
  <si>
    <t>b'\xd4\xbe\xc9\xc0n\x19:\xf1\xc7)\x1c\x95\xc04\x05\x93$v\xd3\x8b\xe4\xf5\x7f\xe5\xa8\x9c&amp;\xbc\x1d\xd1z\xbf'</t>
  </si>
  <si>
    <t>b'\xb6\xda\x18R\xb0\xa9\xd5\x07\xd8\x1f;A2"i\xff\xf2\x05\xbf\xd0NpmqX0U\xafx\xb9k\x16'</t>
  </si>
  <si>
    <t>b'ge\xfd\x8a\xda\x97\xdb\x11{\xf3\x93\t\xd0\xf7wZ\xd7\xb4k\x7f\xf57})|\x81\xfet\xf4\xa4\xd7\xc1'</t>
  </si>
  <si>
    <t>b'\x08\nm\xbc\x94\xfd\xf7`\x8c\x87I\xe4\x82\x0f\xddL\x00\x83Qa\xaa\x9e%\xaa\x9eNj\xc0\xb0\x01\xde\xe7'</t>
  </si>
  <si>
    <t>b'u\xa7\r\xab\xff\xb1\x1e\xab\xf0\xd5\xda\xa9\x87\xed\x0cxlz\xd0\x08zE&lt;\xa3\xab?2[$kk\x10'</t>
  </si>
  <si>
    <t>b'ke\xef\xbc\xc4\x1e\x8c\xb2u\xb9\xac\xdd=\xa5\xcd\xf8W\x8f\xce5\xcd\xd1\x93\xac#e\x9b\xe1"2\xdc\x13'</t>
  </si>
  <si>
    <t>b'/\xe1*\xc9\x14\x85\xed\xe7\x91\xef\xf2e\x01\x85-\\\xb8\x84N\x01?v\xd5\x18\x93\xd8\xd2\xd75qp\xfc'</t>
  </si>
  <si>
    <t>b'\x17X\xd0\x9e\xb5\xe9\xa5\xbc\xc7\x9cYpb\x1aE\x85i\xa7o\x80\x97\xce\xe9\xc8\xa3\x9bv9\xe7Z\x96\x90'</t>
  </si>
  <si>
    <t>b'\xf1ka\x13\x81k\xe5\x0f\x94\x9b\x1c\x06k\x83\xadf\xcb)c@\xb6\r{\xa8\xa4\x90L\xf8,\x14`0'</t>
  </si>
  <si>
    <t>b'v\xe5\xe7l&amp;\x12|\xbb\xc4"\xa3\xca-Z\x8eU\x07K\xbb,\x00\xcd\x1e!\xd2\x02\x9b1\xae\xa7\xf1\x12'</t>
  </si>
  <si>
    <t>b'\x86T\x8f\x87\x05\x13\xe2=\x84p1\x1d\xb8Y\xbc\t\xcbx\x83*\xf6r\xf3\x94\x9fnS\x85\xe2$\x9ck'</t>
  </si>
  <si>
    <t>b'\xde\x0b\xb5\x12gYus?\x1c\x0f\xae`\xae\x8d8\\\xdc\xed5\xa8\xd1\x93\x0b\xa5\x00\xfa\xa3\\\x8bs\xf3'</t>
  </si>
  <si>
    <t>b'\xe3\x8b\xa2\x81\x17\xdf\x13\x82SX\xfb\xd7\xed\x97\x03\x03\xf8p8\x7f}\x85\x0bg{\xdc\xa0\xb5\x9c8\x1b\xd3'</t>
  </si>
  <si>
    <t>b'\x88\xd3\xb2\xeb\xe3\x98*\xf5(\xee\x01H\xe8QJ\xce\xdc5Mw1V\x1a\x00,\x89\xdf\x8f\xbd\xe3Z\x1b'</t>
  </si>
  <si>
    <t>b'\xea\xdc2\xb3\xdf\xaf\xcb\xcaY\x113\x899/\x9b\xc43\x1e4\x84\xb2\xcene\xfe\xdc\xbe\x85\x1a\xa7\x94-'</t>
  </si>
  <si>
    <t>b'\xab&gt;\xb5\xe2\xc5\x88j \xd17\xddgJ\xcf\x13\\\xe67\x12\xcbn\xb8\xdc0\\\x07\xeac\xcf0.h'</t>
  </si>
  <si>
    <t>b'\x1f\xd8(\xa0\x82\xbcR\x96\xd1JJ\xb4\x87\xa9\xd1\x10\xc6\x81h4#\xa5=\xbcj\xa6\xc8q\xce\x8c_\xa8'</t>
  </si>
  <si>
    <t>b'R+\x95K\x81-\x88\xee\xc48\x92d\xf9x\xce\x10\x94\r8\t\xf6\xdd\xebF\xa9Jvck0\xe2\xda'</t>
  </si>
  <si>
    <t>b'\x98K\t\x1c\xd0\xf7\x1a\xbcLsb\xf1\xb8\x852\xe8\xa8\xea\xceY=\xb2I{)\x13[\x7f\x0b\xfb\x8dU'</t>
  </si>
  <si>
    <t>b'.;\xa9\xd1(b\x8a\x15\xd1\xe4}S:2\rY\xf5\xe6\x9d\xc9\xc2T\x1ex\xdc\xe9J\x93\xd7~\xbb\x95'</t>
  </si>
  <si>
    <t>b'\\%\x9b\xfdy\xc9\xa3\x0f\x03o\xec\xd4\xa3\x8fbHq]JN\xb5\x9c}\xbe}k\xcfP\x1f\x88b\x13'</t>
  </si>
  <si>
    <t>b'\xed\x8e@\x08\x7f\x1bff\x957\xe7\x12\xe0\xc8k\x1f\xca!\x9a\x03+\xa8&lt;\xd3\x1b9X$t\x89t\xf3'</t>
  </si>
  <si>
    <t>b'\x95\xff\xfaK\xd6\xb2\xa5Y\x02\xaa\x80\xdc\x8d\xfc\x11x\x18\xa9\x16iE\xded\xaf\x90\x02\xb6e\x18B\x8a\x10'</t>
  </si>
  <si>
    <t>b'g\x1f\xdaG\x04i\xbe\x1bf\xc9\x85\xf9TE\x05\x86\xec^\xa1\xc6\x86\x9fd\x1d\xea\xb0e\xcd\xe8K\x14V'</t>
  </si>
  <si>
    <t>b'fi\xa57\xc7\x86&lt;1\xf4\x8f&gt;zw\x068\x8b\x16\xfd\x9f\xef\xc1\x97\xff\xaf\xeb?\xf4\x0e\x83\xc1\x92\xf9'</t>
  </si>
  <si>
    <t>b'\xeb\x1e\x94\xe0\x89\xeaq\x85\xe6\x95\xcab|\xdc\xfa3\x04\xb8FaW\xca\x9b\xa5\xc7]*\xc5V\x83\xa2J'</t>
  </si>
  <si>
    <t>b'\xc14\xceN&gt;\x01\x8c\x99\x82]\x0e\xea\x83{\x9bc-\x10\x84\xbe\x81\x118\x88w,\x1cLo\xb2\xb7H'</t>
  </si>
  <si>
    <t>b',?&amp;\xce\xd2\xb4\xce\xd3c\xef\t\x9dxJ\x10\xb0\xff\xc4\x19\x8e\xc6\x8c\xaa\xf8\xc9\xcb\x96\x9ft(E\xaa'</t>
  </si>
  <si>
    <t>b'\xffS\x84q\xfc\x9b^\x1bl\xd4\xc5\x16\xe7\xaf\xb5+:/l\x87\xeb\xfd\xbe\x98\xbb\xbd\xe9\x18\x0f\x06\xa8N'</t>
  </si>
  <si>
    <t>b'\xad\x9dH(CJ\x8c\xac7\x1bO\x91\x93\x88?n\xd2U\xe5^\x04-\x1a\xf5\x94(V\x07N\x13\xe0\xa8'</t>
  </si>
  <si>
    <t>b'\x01\xc0\xf9\x0f\x84G[\xba\x04\x13\x17z\xeb\x91\x83\xc0\xb1h\xdc.J\x1c\x1f\x9e\x01\xcd\xa5\x93\xffc\xfc*'</t>
  </si>
  <si>
    <t>b"\xe6/x\xe8\x1at\x16C\x03\x1b\x8f=[u\x9b\xb8\xfe\xa8\t\x04\xec\xf9\x9c\xe8\xb4'N\x15%?\x9b\xed"</t>
  </si>
  <si>
    <t>b'\x06\xed\xa51\x86\xf4\x19\xe1\xc0\\F\xb6\xf9\xdb)\x15 Zo\xfeV`\x8e\xa7\x15R\xfc\xe1\xeaU\xcbA'</t>
  </si>
  <si>
    <t>b'\xbd\x9f\x7fa\xe7\xcbj\x8a%|qo@|\xd3\xfeE\x14i\x14\x04-\x02&amp;\xb4qVN\x1a\x966\x17'</t>
  </si>
  <si>
    <t>b'\xc6}\x0cv&gt;\x93\xb6\xaai\xef\x19\xa5``\x07z\xad\xa0\x10I\xe8\xe3J\xea\xf2\xf0\xdc\x8f\xa9&lt;\x86\x0f'</t>
  </si>
  <si>
    <t>b',g\x84\xf3\xc6\x91)c \x91+\x91\xc9\xff\xd4_\xcc93\x04\xa2L\x1c:\xf3\x035\x7f7\xc1\xb3\x85'</t>
  </si>
  <si>
    <t>b"\x04\xce\xbb&amp;\xee\xdd'\x1a\xdd\x93V\xd6\xdd\xa9\xa0\x10\x98\xa8\xbfd\x0f\xe6h\x92D?\xc6_\xd2ba)"</t>
  </si>
  <si>
    <t>b"A\x138\xed\xbeW\xac\x85\xe4T\xb1\xfe'\x8bH\x03a\xfcb\xbd|_7\x90\x81\xf8&lt;\xcb\xdb\xf30R"</t>
  </si>
  <si>
    <t>b'\x85\x9eY\xe3U\x8b,\xbe\x92\x17\xcc\x8c{\nV\xea\xd1\xd5\xc5\xaeR2\xa0.#J\xe6!\x96\x97pP'</t>
  </si>
  <si>
    <t>b"\x92\x02\xa5g\x83Z\xe4\xb3\x1c\xae\x8f\xfb\x0b\x12\x89\xa5\xb8$\xe2\x07b\x81\x94B\xca'S\xeac\xd8\xff\xbd"</t>
  </si>
  <si>
    <t>b'\x94\x80\x11K$H\xdf\xad\xaf\x80\xab\x9er\x94]\xac\xad\x14\x9a\x1aB\xd8\x05\x892R\xb2\xdf~&lt;e%'</t>
  </si>
  <si>
    <t>b'V\xbf6\xc6\xd1\x11\xe5uG{\xa4\xcc\xa2,\xf0S\xf0;\xacq\xe0\x1d\xa5\xa9&gt;\xe4\x96\xd9\xcdXT\xdd'</t>
  </si>
  <si>
    <t>b'\xc4N\x9dHG\x84[\xc2\x07X\xfe\x1b\xdb\xf5^\xa6\xd3;:\xa85\xa9\x82\x0fC\xe3\x01\x95\tB\xb1\x07'</t>
  </si>
  <si>
    <t>b'l\xc1\xd2T\xd0\xd4Q\x9e\xb0\xa8V\xc3C(1\x9c#_E~2\xfc\r\xc4,\xe12\xca\x8d\x9dI\xfc'</t>
  </si>
  <si>
    <t>b"\xab2;\xa7y\x9f\xbf\x1b\xba\x8c\x8cd'\x0e\xa10\xfe\x82\x16pH\xca|\xf8K\xa5\x05/\x1b,\x1c9"</t>
  </si>
  <si>
    <t>b'\x08\x1b\x964Gn\xe6\x18\x90\x86j\x1c\xf6\x1b\x0c\t6g\x8b\x9d\xd1\xb2\x0cPKf\xaf\xc6\xa1\x9e\xa3\xc2'</t>
  </si>
  <si>
    <t>b'~!"\xa9wD$\x0ej\x92j\xff\xe60;\xd6\xd0\xcd\x19#\x01E,P\xee\xb4\x83\xe9\xcbDe\xc2'</t>
  </si>
  <si>
    <t>b"\xb8\x15\x93\x1f \x1d\xf0K!\xe5@\xdb\x85\x90\xde-\xc49_'E\xce\x18\x02o\x19IX\xc0\xfe\xceX"</t>
  </si>
  <si>
    <t>b'/\x08\xae\x1d$\xabU\x96\x06\r\x93\xd7\x15T\xd1\x1cy\xb0\x0bB\x8d\x9b\xfc\\\xf6\\%}\xea\xa5\xc3\x9a'</t>
  </si>
  <si>
    <t>b'P\x9f\x9d\x8bihmH\x9e\x82\xc3\x95\xc1+tq\x9b\x8fx\xe3\xc9\xc1i\x1do\xc6\x07\x02"\xbb\x1c\x83'</t>
  </si>
  <si>
    <t>b'}|h\xc1ha\x88\x88\xda\xc0*yLq\xedV\x8c\x87\xe1\x02\x87\xad\xe8K\xa2H/\x82W6\xc3\x97'</t>
  </si>
  <si>
    <t>b'\x19\xafj\xfd JET\x94\xa6\x86=\x1d\xb4\x92\x19\x08\x83\x8a\x00\xa6\x8e&lt;\xf8\x06\x9f(\x96T\xc7i\xc6'</t>
  </si>
  <si>
    <t>b'\x05\xac\xa3\x99&amp;\xbeA\x8c\xa8d\xc3h|\x85Y3\x02w\xc4h\x1eA\x02\xcaMd9\xf3\xa1\x9d8f'</t>
  </si>
  <si>
    <t>b'JQ\xa3\x82\x85\x91J\xd9\xcc\x8bgQ\x0c"\x9e\x8b\r\xd4E&amp;\x81\x8es`\xed-\xf1\x92]L\xbbc'</t>
  </si>
  <si>
    <t>b'\xceM\xa0\xf3\xc9\x0bs\xa4\x85W\xaa\xec\x93\xe3x\xff\xdb\xb7\x1f\x92\x9fn\xe6\x9b\x05R\xbd\xabw\xa7U%'</t>
  </si>
  <si>
    <t>b'(r\xab\\\xf15tSt\xae\x9fQ`\xfb\xf5\xfcN\xddH\x11\xa5\x9f{\n7\xb5\xdf]\xa6\x92\xa9\xcc'</t>
  </si>
  <si>
    <t>b',\xb5(~\xa1`\xc5_\xe3\xdeJ[J$\x17\x8b\x1e\x9b+\x0c(\xbc\x06\xb1\xb9J\xff4\x064\xb1w'</t>
  </si>
  <si>
    <t>b'\xef\xa0\x0b\xce\x14\x887\xdc\x8c\xf1*\x1d {\xad\xc6d\xd1\x86\xda\x8cL\x9c\xf3UBq\xd1wy\x16\x8a'</t>
  </si>
  <si>
    <t>b'\x86HL\x7fi\x82*\x82\x9dK\xa7\xf7\xca1\x9b!\x96c\x90\xbbo?u}y\xca\xbe!\x15\x96\xef\xef'</t>
  </si>
  <si>
    <t>b'\x1e\x19r\xa3\x04\x06\xd4o\x80.!\x1a\xa7v\x85/\xf3{\xd8\r\x05\x02\xb7\xbc\xef\xe0\x02+E\x02t\xeb'</t>
  </si>
  <si>
    <t>b'\xce\xad\xe7\x08\xbb\xc6\xa7\x1e\x06\xaaeC\x9a\xda+\xaa}\xe1\xbf9m\x8bDD\xacx\xc3\xd5\xd9\x97O\xed'</t>
  </si>
  <si>
    <t>b'\xb8,*\xe2\xb0\x95\xd0\xa6h\xe2\x9d\xb50\xfa\x88\x9bq\x8d\xba\x9du\x93hQ\x04\xee\x0c\x02di\xc8N'</t>
  </si>
  <si>
    <t>b'\xf3\x86\xc8V\xf2&lt;V\xc57\xec.\xa6\xaf\x94\x03\xf2\xc9v\x8d\x879\xd8\xdf\x06c)&lt;\xf3"lf\xc4'</t>
  </si>
  <si>
    <t>b"\x19\xdc\xf29'\x82\x89\x8eI\xf9~\xcfJj\xaf\xf4\x90\xf1O:.\xe8\x15\xf4\xa8\x97\xd8(\x84Q\xe6\xb5"</t>
  </si>
  <si>
    <t>b'\x08\x7f\xdf\xba\x9a\xc8D%K\xf0\xbd\xc6\t\xa3+G=\xf5}\xc3WsGD\xf3\x95\x8c\xf8\xedUtz'</t>
  </si>
  <si>
    <t>b'\x0bw\x93b\x19\x19M&lt;\xa4j\x9fP2r\xa6\xb6%@\x83C\xb2;!\x98\xe3~\xf3\xfa@\xc4]n'</t>
  </si>
  <si>
    <t>b'\rh\xac\xaf\xe1(\r\xf9/\xe4\xa1\x82\x93\xd6\xa1\x91\xe1W\xdc\x1c\n\xea\x8d\xcf?\xf0\x8d\xef\xa8\x9e\x95\xd9'</t>
  </si>
  <si>
    <t>b'eK\x86\xa9k\x96T{\r3\xb4\x9aV_D\x97m\xc2\x98\x1a\x0f\xe1G9),=d\x05\x0b\xf3\xb0'</t>
  </si>
  <si>
    <t>b'E\x03)\xf2\x9c\x97;\xacA\xf64\x1b\xde\xf3\x8f\xe2t\x99\x14\xb4m\xdd\x89\xb6\xb3\x188R\xa1\xac\xdb\xe3'</t>
  </si>
  <si>
    <t>b'\xbe\x95\x8fy\xd6`\x11\xaa\x8f D\x02\xfc\xe8\xd3eH\xb7\xd7!I\xf1\x12\x18JQ1\x97\x01\xdeU\x85'</t>
  </si>
  <si>
    <t>b'\xaa\xa2\xb1\x85md\xcc\xdf\xed\xeb\xc9\x83\x8f\xf3K\xadW8\xd4\xf5\x9e\xa4\xff\xa57\xc8Q\xba2\xb72\xec'</t>
  </si>
  <si>
    <t>b'_e\x17U\x8e\xee\xce\xc9X\xd8\xb8^\x9bvL;\x16S\x08\xd2\x83\x80\x02\x16)\x05\x9d\xc3t\x90\xfc\xa6'</t>
  </si>
  <si>
    <t>b"\xde\x1e|\xc5'\x80D#\x9d\xce\xf1\xd1Q\xb4\\\x03\x04\xb8\x16\xb6\xd85\xc00L\xa4$_\xa3s.i"</t>
  </si>
  <si>
    <t>b'\x19h\x1bC \x16\x03\xce\xd9l\x9f\x1c\xb81\xafF\x7f\xdc\xb2\xfeS\x9d\xee}\xfe\xdc\xb3g\x02V\x1d%'</t>
  </si>
  <si>
    <t>b'\xd9 \x17\xa3\xd2\xe9`@\xab\x13\xc9\xc0}\xac\xa6*\x8f\xb4\xc9\xd2\xea\x85\xf5\x9cSg\xd0&amp;\x8a\x00zt'</t>
  </si>
  <si>
    <t>b"TM\xe9\xb9!=\xa8\x81X\xeepH\x87\x12*\xca\xcf\xa6\xe00'\xfc\xb6\xbc\xff\x06\xa7\xe2\xdd)\xe7a"</t>
  </si>
  <si>
    <t>b'\x93Z\xd0\x98\x06\x96\t\xfb\xf9\x1b\x84\xe1sD\xac\xd0!o\x87\xef\xf8\x8f\xee\r22B\xc9\xb7r\xdbg'</t>
  </si>
  <si>
    <t>b'AkK\xbbj\x9a\xc5N\xe9H8*\xff\x88@\xd9\xe7\x11\xa3P\xe5\xab\xef\x8f\xe9\x8eV\x03$dYQ'</t>
  </si>
  <si>
    <t>b'\x0f\x97g\xf4\xfe\x07&lt;\xc9\xf0l\xad\xb0_v\x8f\xf1\xeeEOFBog\xd9\x96\x10\xebKu\xced\xe3'</t>
  </si>
  <si>
    <t>b'0Dg.[N_\x82i\x06~Sz\xb1\x08\x99\x05*\xaaV\x86=\xe7]\x06\xb8\x96+\x94Nx\xf9'</t>
  </si>
  <si>
    <t>b'\xfd\x0b\xca%\x1a\xd5L\xa9\xbf\x98\x18\x84\xaexm\x1aI\xcb\xe8&gt;\x12\x07\x18X\x1a\xbd(Q\xa1\x08\x19X'</t>
  </si>
  <si>
    <t>b'\x94$F\r\xca\x8df\xff\xe1I\xd9\xddy\xfcF\x87\x98\xcd\x1f\x88\x8c\x9e\x8b\x90\x02\xed\xb5D\xd2;\xc5\xae'</t>
  </si>
  <si>
    <t>b'\xe9\x9e\x84\xb2J\xbeLJ\xfd+\x8e0Y\xcd\xee\x838\xf8\xf5j,*\xb4\x1f\x03\xe292\xe7&lt;\xb3d'</t>
  </si>
  <si>
    <t>b'\xe9W\xb8\x8d/\xcc\x14\xe5d\xae\x05Bf\x9aL\x88\x1d:\xf1\x91\xe9OWf\x04\x0f\x14\x14\x08G]\x85'</t>
  </si>
  <si>
    <t>b'\xb8q\xde\x13;\x92\xf4]jG\x96\x82\x88#&lt;\x97\x08\x89\\\xb4\x8f\x176\xfa;\x11\x94\x8fC\xeeTe'</t>
  </si>
  <si>
    <t>b'\x12\xcaUa{t)R\xae\xa0\xa1\xcc\xe9\xf1~\xd9\x9bv\xfaH\xa82\x04\xaaU\xc5K\x11;\xf5\xder'</t>
  </si>
  <si>
    <t>b'\xdb\xa1\xc2\xc9T]zB\xc3L\x02\xf5\xf9,\xf0\xe3\x84J1\xdd`\xe1\x12\x7f\xc3-\xd3Y\xd4\xd8\x93\xa8'</t>
  </si>
  <si>
    <t>b'\xa1\xb9\x87g\xf9g\xffceU8\x02\x9d\x83\x18\xa1\x00I\xe8th\xa0~\xc1\x81\x80\xd73k\xcc=.'</t>
  </si>
  <si>
    <t>b'\x8bP\xd9\xb1\x08\xbb\xf5i\x7f\x8a\r\xe6\xdd\x02J/^\xbd\x1f\xe7\xf0\x03\x0f\x90\x95J[-&amp;\xbe\xe0r'</t>
  </si>
  <si>
    <t>b'2&amp;\x8b\xd1\xd6\xd57\xc0\x98\xc7\xc1"s\x17*\xfdv%|\xb9\xaa^\x95\xea\xfe\xca\x97k\t\x1a\x94\xf8'</t>
  </si>
  <si>
    <t>b'm\xe11\xe73(Ep\xb4\xbc\xc9\x17\xb6Xh11\xd6\x1a\x95\xff\x10\x1c\xbd\xaf-\xa5\xab\x01 \x01\x15'</t>
  </si>
  <si>
    <t>b'm\xc7S\xf9\xb0\x95\xe8b\x85&lt;E&gt;\x8f\t\xb0\xa1[^\xd8\x92\x88\xa78\x0f3\xbb\xef$Fl(Z'</t>
  </si>
  <si>
    <t>b'\x99\xb3\xf4\x85\xec\xd8\xea\x9em\xb0\x1ck\xbf\xd2cU\x1f\xd5\x13m^\x84j6o\xf6z\xec\x02\x85_}'</t>
  </si>
  <si>
    <t>b"^\x81f\xa7\xc0\xea+~\xcd~\xd2\n\xa3W\xc4/\xab&gt;\xb2\xb9\xfalH\xd6\xf4Z\x87\x85\xf6'\xe8\xaf"</t>
  </si>
  <si>
    <t>b'Q\xcc5\xfd\xba\x1e\x7f\x17V\x9a\x078\xfa\x19\x9cX\x1e\x08\xf4\xd5R\x11\x0c\xd4\x9cWqk\xbf\xdd(\x1b'</t>
  </si>
  <si>
    <t>b'\xf4\xb4\x7f\x1aBRX\xfc\x1f\x94\xbf\x1c\x86\xd3\xb6\xae\x1b6LC\xe7L\xf5\x97i\xa9\x1f0\x9dK\x7f\xbf'</t>
  </si>
  <si>
    <t>b"\xff-yFq:KU\x11\xb8\xa3\x19y\x90\xd9\xab\x1d\x96T\xf9\xfd/\x93;q\xee\x8e%\x83%':"</t>
  </si>
  <si>
    <t>b't\xfb5ln\xc1X\xb8;\xa1\xcfk\x9e\xc6;9\xcc\xeak\x0c\xc1\xbe\x9a?\xcb\xdd\xb1\x98\xb4\x05\x12\xe3'</t>
  </si>
  <si>
    <t>b'\xa0\xbf\x11\x8e\xdb:\xd1x[\x9cz\xbeg\x1bp\xda\x8a\xe4\x0e\xf4\xa2^\xe5\xb0\xcd9jv\x90/\xdb\x86'</t>
  </si>
  <si>
    <t>b"\xa4\xc2\x11J\x06\xda\x02A\x86G\x14\xe5h\x96c?C6\x96p%D'\xbb\x8b\xecn\xd2N\x88\x02x"</t>
  </si>
  <si>
    <t>b'\x96\xc2\x91\xc2\t,X\xcf\xfd\xb0\x9f\xbb\xea\x1f\xf5\xbeu\xf0\xc7\xcd\x0f\x8aF^\xa43\x089\xae\x96\xb9\xbf'</t>
  </si>
  <si>
    <t>b'\xd0\xdcZ=\xb5%u\xb4\xdd$\x97"u\x85\xd9\x96\xc8e&amp;\xa9\x00(\x0f\xe7\xa8_\xe4\xef"bm\xc8'</t>
  </si>
  <si>
    <t>b'\x1d\xd0\xac\x13\xe0\xbdq\xbb\xf8\x82\xf3\x9e2\xd7Z\xf7\x98[\x8a\xbf\xda\x8bA\xf0\x82\xc5+U\x90\xd8M8'</t>
  </si>
  <si>
    <t>b'\x80\xa8\x93B\xce\x92\x80}U\xc0\x16\rz\xc7\x0b\x1b\x96\xfe\xa1\x8c\x19\x87\xa5\xfd\x96\xc1\xac\xf1\xee\rk\xcd'</t>
  </si>
  <si>
    <t>b'\xb8.0\xb0l+\x81\xa9\xa3\x9c\xc7\xd5\x7f\x1c\xb8wF\x7f\xa2)Y[\xda\xd2\x89\x87\xa7\xa4eN\x02F'</t>
  </si>
  <si>
    <t>b'/\xf5\xac F\xdb\x0f\xcd\x15\x96\xdd\xe1\x1c+3].u\n\xa8\x06\xb5\x1c\x10\xd1\xf7*\xfe\x9f\x05\x11\xd0'</t>
  </si>
  <si>
    <t>b'\x80\x92\x8c\x17\xb0\xc81^\xec\x1a\xf8\x96:Rp\xb4\xdb\xdeb\xdd\x1b\x17X~\xfb\xc2$\xaf\xd0\xa0h\x88'</t>
  </si>
  <si>
    <t>b'\x19\x1f|\xc7\xe4b\xecR\x90\xcc\x83*\xab\xc8N\xd6\xcdv\xd3\xfaA"i\x84\xd0\xf0\x9c\x1a\x12s\xc1*'</t>
  </si>
  <si>
    <t>b'}\x8b\x87\xfeQ\x1a\\\xf6\x84\xa6\xc7f\r\n\xb1\xcf\xc1\x88\r\x86\xbdn\xed\n\xe7\xa7\xd4\x04{\xba}H'</t>
  </si>
  <si>
    <t>b'\x15&amp;\xa2\xb6\xea$\xc76@\xb3]I\x8cQ\x93\x92\xd8v\xa5\x96\x17\xc6\x7f\xa3\x18\xdd\x99\xe6\xb0\xae\xd7\x99'</t>
  </si>
  <si>
    <t>b'\xed\xf4\xaa\xf4~\x10-\xf2n+H\x8c\x0f^\x0cQ:+\xab\xc6\t\x18\x7fSV\xaa\x85@:\x02\xd47'</t>
  </si>
  <si>
    <t>b'\x04ex\xd5zg&lt;7\r\x81\xb1\x1a\xa5s\x9f\x965p\xb8\x1a`7\rEm\xbf\xefjR3\xf2\x02'</t>
  </si>
  <si>
    <t>b'q\xc4\xb7\x90\x8c\xce\n\x9d"\xf4U\x9c\xa38j\xca\x8e\xd3\x9dy\xef~J\x14.\xf5e\x0f\x1a\xb7\x1aB'</t>
  </si>
  <si>
    <t>b'\xe7\xb6\xb2\xb4\xaa\xae\x11\xe1\xe2\xb9\xf7\xd1I\x8f#.\x96\x88\xa7o^\x81{\xdb\xc6\xcf\xc2\x1b\xa6\x86\x9b)'</t>
  </si>
  <si>
    <t>b'\xdav8s\xa8\xab\xef\xd1 \x8a\xdb[\x94h\xad\xecq\xb43\x1c\xcd\x02a\xf2\x8fOl\x8f\x97U\x7fP'</t>
  </si>
  <si>
    <t>b'[J\x0e\x19\x04e\x1eT$\xffcvt}\xb1\x1a$\xe8\x0c\x1b\x06Pj\xec(\xc9\x90\xe1\x8d\xc8\x9c\xfa'</t>
  </si>
  <si>
    <t>b'\r\xa2\xb45\x816\x0b\xa4\xe6\x93\xfc\x93\xf6j\x95\x12JD\xd7M\x97\x13\xee\xbf\x89\xf0\x7f\xa3\xd8\x9c\x141'</t>
  </si>
  <si>
    <t>b'\x16\n\x0baL\xcf\x98z\xc6\x1a\x0bYy\xe5!4\n\x12\xdc\x08\xf3\xdf\x8e\x05I@\xa5\t2\xa0\xac0'</t>
  </si>
  <si>
    <t>b'w\xb0\xab\xb5#\xcen\xf63\x95\xcc\x9a\xd3\x82B\x82\xa4\xe5\xc5\x84\xde\xd8\xad&lt;~Q\xb6l&lt;\x93R\r'</t>
  </si>
  <si>
    <t>b's=5P[n\x87\xa3H\xf2\xb5\xa0\xf2YJ\xe8\xedI`\xde\x80W\x7f\xa2\x97F\xf2\xeas7\x960'</t>
  </si>
  <si>
    <t>b'\x0b\xb2\xa2\x19\xe9\xa5\xd1\xfa1\xda\x96\xd1e\xa45\xf2\xb8\x83k\xb2\x16\x94\xdf\xb4\xea^\xaeeU\xea_!'</t>
  </si>
  <si>
    <t>b'\xda\x0eu\xfe&gt;Oa\xb4\x93Tc\xee\xd1X\xec&amp;fD\x8f{U`\x81\x01\x00\xfb\xb1\xf0\xf3\xf5\xa31'</t>
  </si>
  <si>
    <t>b"\xda35\xc4u\x08!\xc9\xaa=\xd3m\xf1R\xf5'\xa1L\x13\xcc^\xaep\xd1\xd9\xdd\xf0&lt;iA\xe9^"</t>
  </si>
  <si>
    <t>b'2\x91\xd1\x93\x160\xf07\xda\xc3\xbfNF\xb1f\x80\x14\x8e\xdcum=\xa0\xdcv\xafr\x98{\xe6\xb5('</t>
  </si>
  <si>
    <t>b'\x8e\x95\xb9\x06F\xe1\xc0\x161\xd2H\xe0\xe85\xa7M\xe4&amp;H\xcc\xd9\x86-\xf1\xc2\xb59o\xea\x84J\xc9'</t>
  </si>
  <si>
    <t>b'xZX\xbf\xd9\xcf\xb0f\xf4\xe6.\xa2\n\xd7x\xbf\xb0\r\xe9\xdf\xd8\xf8\x06&amp;\x9e\xc9\xdcy\x96a h'</t>
  </si>
  <si>
    <t>b"\x1e\xd7Bd\xda\xcd\x8d\x17*\xe4d\x0es\x9aO\xc7t0\xb3\xe6n\xb6M\x1c^\x9c\xd9'\x93\xefc\xa9"</t>
  </si>
  <si>
    <t>b'\x138\x1e\xc0&lt;\x92\xd3i\xdap\xa0:\r\xb9\xd3N\x05&gt;\xc2\xb2\x81\x1c\xa9\xf8|i\x81\xe0:\x87G\xf8'</t>
  </si>
  <si>
    <t>b'\xd9\xc8\x12#\xb2\xdbZ\x82\xc5uD$\xdc\x04\xa8v*~\x11\xb7\xfc6\xca\x1fK\xf2\x93\xea\x8d?\x8e\xe2'</t>
  </si>
  <si>
    <t>b'\xcelK\x98\xcc\xaf\xed\x03o"\x01N\xf1Y\x8eY\xdeE%\xeb\r"\xd4\xc7(\xd9Q\xcdU\xcdq\xfb'</t>
  </si>
  <si>
    <t>b'\xeb,\x89\x89\x9br\xfew\x86Q \xdag\xf8R}g\x89\x10\xdb\x1c\xf3\rWj\xa6\xaa\x1d`\x9b\xf8\xb1'</t>
  </si>
  <si>
    <t>b'\x8dLY\xb3\xa7\xf3i\x13\x8e\xc5\xb5R\xb4w\xc5&gt;\x90\xc5x\x8d\xa7\xfc\x9c\xb0\x155\xe8VR\xf8\x07\x18'</t>
  </si>
  <si>
    <t>b'\x05 \xd6\x0c\xb1\x1e\x0egD\xb2\xdel\x86\xed%\x0e\xa8&gt;\x08\xde|\x7fh\xc0\xc5\x18\xc4X\xbd\xb1R9'</t>
  </si>
  <si>
    <t>b'\xa5\x14\xbaX\xd3\x93\x0c\xc3\xf4\xd6\x16\xee\xf7\xda\x89\xef\x85\x96\x7f\xb9\x9a\xd1p\xc98\xb1!-\xe6\x9cMP'</t>
  </si>
  <si>
    <t>b'\xa70\xac\n\xca!\x02\xb1_\xf9d\xf6a\xa8|\xa9.fF)~a\xd4.\x89\x99$\xa6\x1f\xdfI\x81'</t>
  </si>
  <si>
    <t>b'\xa7\xe6\x8e[Q\xb7~\xf6\xf7\tBU\x8d\x95\xa8\xdd\xe9H\xc7\x821\xbf\x81\xdbE9\xa9\x8c\x12\x1f\xe9\xc2'</t>
  </si>
  <si>
    <t>b'\xcb?\xa4\xd1\xebj\xca\x98\xadi,\xc2\xf6i\xde\x88&gt;\x85\xda/\xff\xaf\x90n\xe6\xe3q_s\x8e\xa0-'</t>
  </si>
  <si>
    <t>b'\xf1\xb5k\xf6\xd5@\x82\x10\x93Hp\xd1\xdc\xce\x95\xd3-~\xb5\xb7\xda\x18\x1dQ\xcf\n!@1\x95\xdd_'</t>
  </si>
  <si>
    <t>b'\x983d\x8f\x16L\xe7\xbd\x06\xa1\x83\tCz,\xd6{\xe2\x80\xacC\xf7\x1b\xb5b\xb1\x11!\x07:M}'</t>
  </si>
  <si>
    <t>b'\xb5{\xc8\xff\xcb\xcf\x01I\x1a\x01\xbe.*1\xf4\x1cd\xd1lq\xe0\x91!\xc0\xac\xa9\x0e\xa4\x83\xac\x16\x96'</t>
  </si>
  <si>
    <t>b'\x8dX\xbb\xc7\x1e^\xdc5EFt^\xfcT\xf1S\tebD\x17\xc9\x14\xfb\xa7\xe6\x00\xd9\xd5\x9e\xc8\xc3'</t>
  </si>
  <si>
    <t>b'\x10\x98,\xff;Ic\x12D;$\xce\xf5g\xa8\x02\x07J}?\xb8\x95\xe4\xd5a0\x1d@O!/\xe5'</t>
  </si>
  <si>
    <t>b'\xe4\xd9\xff\x7fG\xe6\xbbA9\xd8\r8x\xd1\x15B\xea\x08\xd7d\xf5\nL\xe9z\x8cn\x83\xb0\xa6g\xaf'</t>
  </si>
  <si>
    <t>b'\xf0\x88k\xdc\x92\xdb\xe94&lt;=\xaag\xae8\xd3\x83\xf1\xdb\xd3\xc8\xe4S\x1a\xe5\xac\xf5\xe4\xdcN\xa8\x0c['</t>
  </si>
  <si>
    <t>b'-l\xa7\xe8\xfbp\xd8\xde\\~\xa2iQf\x96\t\x80\x8d\x9f\xa3\xd1W\n\xe5\xd06\xe5&lt;/\xa6\xec\xe0'</t>
  </si>
  <si>
    <t>b'\xd4\t3\x18\xc7!\x9b\xe8\xf4=\xc0{\xfcZZ\xc8\xb9o\xdc\xd7q\xf2\xa3\tH{$&gt;2\xcf\xba\x9d'</t>
  </si>
  <si>
    <t>b'6\x05\xe6\xc5&lt;\xb2\xb6\xe6\xbd\xeat\xe3\xe6\x07\xc5\x0f~qoA\xc6\xd8\xbb\xafm\\-C}j\xb4\xb2'</t>
  </si>
  <si>
    <t>b'E\xcc\xa6\x885\x8b\xb2V\xb6\xaaA*gM\xf3\x007\xbe\x90f\xcb\xfc\xc0"\x9e\x0c\xd2\x90i\xa5\xf3\x8a'</t>
  </si>
  <si>
    <t>b'\xf5\x90\r\x9c\xcf\x1e\x8d&lt;\x893\xaaEV:=7R\xb1!1\xab]E\xcd&gt;\x9f\xd9r\x1f$\x83\xa3'</t>
  </si>
  <si>
    <t>b'ef;Q\xc6Y\x14\xa1\x17\xf45\x06X\xa7\x0c\xff\xe3\x0e\xef\xdb\xea\xaee\xd4\x863M\xe40\xa5\x92Q'</t>
  </si>
  <si>
    <t>b'z\xee01\x11\xc7\x1b\x83\xee\xfa\x85znT"\x8a\xf9\x97O\x18\xd2/\x84A\xa4\xb7\xef:j\xf7C?'</t>
  </si>
  <si>
    <t>b'B\x10&gt;\xc5\xde\x1c1\x02\x10\xaf^\xaf\xe6\xf9\xce\xe9w\x8f\xa5}\xd1%,Ma\xa5\xbb\x80b\x80\xf0\x1a'</t>
  </si>
  <si>
    <t>b'\xfe{A\xcf\xa6#\xa9\x8eV\xf3\xbb\xcd\xe2^\x88S\xbe%\x98\x82V\x93M%\x05\x19k%\x14\xc0\x8a\xb2'</t>
  </si>
  <si>
    <t>b'\xa29]\xff\xae\xd1m\xde,&lt;fzs\xd5\x9d#\xdb\x91\x80\xc3~\xe4\xe0ap\xf7\x97"\xc4\xc8\x07\''</t>
  </si>
  <si>
    <t>b'\xa4\xcf\xf9Gy\xbb\x80\xbb\xb60\xb9H\x11\x92\x04\x17J\xaa\xe5\x12\t\x87\xfd\xa2\x7fA\x0f4\x95\xfd\x85\xb4'</t>
  </si>
  <si>
    <t>b'ri\x8df\xdc;\xc9\xfe?\x1c \x11\xb9\xd2|\xec\x16\xf1\x1d\xba[\x101\x93\xb1\xe1\xb4L\x8c\x94\xa3\xa4'</t>
  </si>
  <si>
    <t>b'\xc1\xf8\x7f\x00\x8d76F\xad\xbcC\xe9\xc1T=\xe4\xbd\x12\xe5,\x7fBj"\x9c\x9d\x85\xd5f&lt;N\x88'</t>
  </si>
  <si>
    <t>b'^8C;)\r0\xb9:,+\x84"\xdb\xc3\x91\xc8\xe5\x02\x02Q\x96H\x8fd\xa3\xc4\x18w&amp;0v'</t>
  </si>
  <si>
    <t>b'\xf5\x18Z\xd8\x96ht\xb1\xed\xedy0\xb2\x1e\xf3;\x16\x83\x98\xe6\xc4\xd3\x9f\xea\xb1\x01c$\xc0\xae\xf6\xc0'</t>
  </si>
  <si>
    <t>b'"t\x89\x8c\x12\x00\x0f\x14\x16t*\xdf\xce\xd4\xefXn\x9a4E\xc4\xf4\xb4F\x16\xac\x0e\xc6\xbd\xf8M4'</t>
  </si>
  <si>
    <t>b"\x8dTS\x8bJ\x9d9\xea\xc6G\x12[\xd0)sl\x15+\xf2\xdcm\xcb\xdc\x9e# \xba'\x8f\x88&lt;\x99"</t>
  </si>
  <si>
    <t>b'\xa9A\x9cf\xc4\x0b\xd4\xf8\x19\x84\xa0`\x14`zX\xcf\x93\x94\xc7\xeak\xf7\x05\xa2\x0c2\xf3*O\xad('</t>
  </si>
  <si>
    <t>b'0\x1a\xb3\x01\x1c&amp;\xfe.\x8a\xa4\xb2\x972\xc3\x02|XY!\xa6S\xcfA\x88\xa5&lt;_\xf1H\xd2\x16m'</t>
  </si>
  <si>
    <t>b'J\x0e\x14\x16wQ2\x1cI~\xb5\xdf\x9a\xb6&amp;;\x1f\xf0\x99\x19\x84s0\x89\x1as\x96\x06\x97\xbc\xce\x1a'</t>
  </si>
  <si>
    <t>b"S\xb8\xa4[\xce#\xfc\xf4\xf9\xf0\x18\x9f'`\x1f[\xe7\xef\xaf\x057e\xbb\x1b\xefn6\x82@X&gt;\x87"</t>
  </si>
  <si>
    <t>b'\x99\x83\xa8\x0e\xac\x17Y\xe4\xff~\x03\xf7\xc1\xc2\x99F\x83\x87W\x9a\x93\x94\x03\xde\xa8\xfeB\x1d\xeb\xe7*.'</t>
  </si>
  <si>
    <t>b'\x7f\x97?O\x96\x1c\xd9\x14NA\xba2n\xf7\xdf\x83nHq\xaa!G3d\xabc\x85R\xa4Ki\xa7'</t>
  </si>
  <si>
    <t>b"wa\xe3nZ\xab\xd3\xfc\xb8\xc1Fod'\x06\x81\x14V\x82\xdd\x9d\x82\xb0\x8d`'\xcb\xc8\x83\xde\xf2\x98"</t>
  </si>
  <si>
    <t>b'\xbe?\xb2s\xf2\xd1%\xe8\xd9\x02&gt;]\x1b\x0c\xb1\x1b\x81v&amp;\xab\xc9}\x03M*\xa2\xce\xde\x9b\xb3\xf7\xa8'</t>
  </si>
  <si>
    <t>b'\xaf\x03\xe1\xa6\xaaY\rQ\xc6N\x812(Q\xaeY\x1fK\xb8\xc0(]uR\x18\xeb\x05\x8f\xfc\nb\t'</t>
  </si>
  <si>
    <t>b'V\xf2J\x1aJ;;q\x97\x94&lt;\x15\x05a\xe6|\x0f\x98\xf4}\x91\xbc\xc0\xd9\xc3\x02\xbb\xd3\x95\xc0\x95\n'</t>
  </si>
  <si>
    <t>b'\xae\xec\x8c\xbb\xefV0\xfb:(\x06\xa1\xc4\x11\xd0\xf1\xda\xae\x9a,\xcf\xe1\xff\xd7\x1f\xdb\xb4\n~-\x94P'</t>
  </si>
  <si>
    <t>b'\x9f\xaa\x1ed\xba5\x89\xda\x91k\x8f\x0f\x07\x04\x9b\x83\xe5\xaf\xa1+\x8d\xb3\xd4\xfe\t\xa5}\xed\xdc\xb1v\x83'</t>
  </si>
  <si>
    <t>b'YM|\xaf}\x9f( \nP\x9e\x83\xfe\x13\x92\xe8&amp;3\xcao.\x01\xfc\xf0\x04\x86\x93\x162\xf0*"'</t>
  </si>
  <si>
    <t>b'\x08\xaa\x8f"\xf9t\xd5\x15\x06\x01\xb5m\xac\x9b\xae\x8dh\xb9\x83\xdcR\xae\x89 0N\xda\xfeo\x7f\xf9\xf8'</t>
  </si>
  <si>
    <t>b'\xb0\x91\x8e\x1fp\xed|\xe8\xb5,\x03l\xcc\xf3\xda^H\x89\xd6\xcbU\x16-\xf5wzj\x17\x8bY\xae\x98'</t>
  </si>
  <si>
    <t>b'\x8c%\x18\x16^b\xe9W\xa7\xcfD\xfe\x15\x80\x08P\\=\xcb\xaa\xe5\x9b%\x16\x14\x87W\x9e\xdda\xe7\x81'</t>
  </si>
  <si>
    <t>b'\xa1\xb0\x1a\x91\xf1+\xaa\x19E\xcey\x18\xb5\x04!\xc0\xeb:(\xcd\xa1\xfb\t\x85\xd4)\xce\x05_\xc9IL'</t>
  </si>
  <si>
    <t>b'M\x10]\x86\x8fq\xce\xf5\xf0\xa9\xb1\xa5\x18\x9d\x14\xb0\x1fo3\x15\xfaZ\xe2\xe7\x00\xdeE:[\xe6\x15\xaf'</t>
  </si>
  <si>
    <t>b'\xf1\xae\xb5S\x96@N\xb0\xebt5xB6\xcf\xfa\xcc/\xc1\xe1)\xd2\xfd\x91\xac\xc6\xa0\xc3\xa7\xef\xf9\xf0'</t>
  </si>
  <si>
    <t>b'E\x1eD\xc5\x9822(d\xd2\x8f\xd0sY\x06\xae~Z\xf01\x89w\x8c-\xf6\x9f\xbf\xa2\xbd[2&lt;'</t>
  </si>
  <si>
    <t>b'\x97O\x1b\xd5=\xfd\xd3,\xdbN\x98\x91e\xe6\x14\xd5\xf4j`\x9d\x8b9\xbd\x81\x1bF\x1f^D\xd1C\xae'</t>
  </si>
  <si>
    <t>b'\xe9q5\xd8\xd1\xaaH=\xc2\x03\xbd\xc3sC,Y\x9e\xb6\x82&amp;5\xf9\xffL\x82\x9b\xa2S{\x9c_\x05'</t>
  </si>
  <si>
    <t>b'\xa6\x00}kF\x8at\xacNo\xa2&amp;\xe4c\xb9&amp;r\xb3W_f\xcdu\xc2\x1c\x9a\x13\xb4y,\x18\x19'</t>
  </si>
  <si>
    <t>b'o*\xce"3\xf9F\x95:f\xf6\x02\xaaQ\xb5\x19n\x83\x95\xa5$p\xf5\r?\xfc\x80}P\xc4\xaa\x10'</t>
  </si>
  <si>
    <t>b'\x8e\x13\x08fl\xc5L\x8b\xc0F\xd1\xd09U-\x03l`e$\xcd\xf0\x94h|\xd1\x1euyM\xe5\x1b'</t>
  </si>
  <si>
    <t>b'\x0cBN\x0b\x9bN\xad\x9d\x0e61\n"%\xef\xcf\x92\xe3%:\xeax\x81\t\xad\xaf\xcf\xadk\xbd{\xaa'</t>
  </si>
  <si>
    <t>b'\xe4\x80j\x87"\xa8Q\x19\x9c\xd5\xd1\xdfU\x94{\xb8\xc7M\x05\xe3Y\x00\xc4o\x02\xe6\x12\xff\xac\xa6q\xab'</t>
  </si>
  <si>
    <t>b'%g\xaf\xdb\xe7\xd1\xc0\xedyf\xa8Oa\x9c\xf6U\xc4D\xd6_+\x9c\xb0\x01\xf6\x0c\xd1Z\x98\xa7\x93\xaa'</t>
  </si>
  <si>
    <t>b"\xed\xbcd\xe1'\x8e\xa0\x8c\xc2\xe4w\xbe\xa2&gt;\xe4h\x99R\x92\xa0\xd4\xb2\xbbl\xb6\x8d-\x12O\x9dW\x95"</t>
  </si>
  <si>
    <t>b'\x89)\x15\xc3\xaeA\x92\x15\xa2pp\x9az;=\x9a\xa5\xf4Y%\xb5|\t\x14\x02\xef\xd0\xde\xf8X\xdaK'</t>
  </si>
  <si>
    <t>b'\x98\xdc*\xba\x96\xd5^U\x00E\x02\xd5\x9c\xfav_\xf8I\x0c\xc1\x9e0+\xf1\x018\xf6\xb6?\xae\xa8\x80'</t>
  </si>
  <si>
    <t>b'\x8b\xb6m\xe8\x0cQJ\\\xd7\xec\xb6\xf3\xdb^\xee6\x0fF\xd43\x12u\xa5\xb0}\x91\xae\xc1\x01[\x90\xf1'</t>
  </si>
  <si>
    <t>b'\xa4e\x8f\xae\xed\x12\xba\x83\xe6\xce:Fu\xa0\xa1\xca\xd9\xbf\x8a\x9c\xcee\xb9\x83=n\xaf~\xc3\x0c\x82\x1d'</t>
  </si>
  <si>
    <t>b'\xcc\xb5\xf9\xc0\x15K\xe5\x9a\x12\xab S\x94\x10I\x8c\x94\xa7\x12\xf1\x83!\xc7\xe1\x0b\x1d\xf3\xa7\xb7\xfd0v'</t>
  </si>
  <si>
    <t>b'C\x0b\xd0\x17\xe2/\xa0tH\x9fCV\xb0\xf7\xd4\x1fZ\xa9\x08\xbb\xb3k*N\x12p\x1ar\xe1\xd4\x83\xec'</t>
  </si>
  <si>
    <t>b'&amp;k\x12M\xf4;`\x86\xb12\xa8\x08qKWY0\x91\xf5\xa6\x03a\xb7\xe8\xfef,\xe6\x049\xef\xfc'</t>
  </si>
  <si>
    <t>b'\xa8[7\x16E\xb9\xef7\xcc\x95Q\x7f"\xd34\'\xf4\x07\xc1.(\xf5\x958U\x80\xcd\xd9\xb1}\n\xdd'</t>
  </si>
  <si>
    <t>b'\xe7\xe6\xca\xc7\x92\xa9\x0bR\x14\xebI\x8c\x9a\x8c\xeb\xff\xadw\x966&amp;\xb4\xd3\xcb4\xa5\xf7\xc4\xcc\xe2H\xc0'</t>
  </si>
  <si>
    <t>b'\xc4-^\xc0\xd6\xe3\xb4\x0fQf\x04\xb4\x90\xf5\xe7\xd8\xe5\x9f\xaf\x1f|\xa1[5\xdf\xf7\xa3\x0c\xd3\x1b\x8a\xe4'</t>
  </si>
  <si>
    <t>b'\r\xf9&amp;\xc5U\xd8Y\xc5a\x81\xac3\xeb,$`\x11\xe1\xf8\xb4W\x84c\xce\xba\x11\xfa\x1e\xb3\xd5\xfb6'</t>
  </si>
  <si>
    <t>b'E\n5\xf2w=\xad\x01\xe8/\xe9v\xf01\xfd\xcb\xbd\x8c\xbb\x8bW\x13\x83\xfc3\xe0A\xb53\xaeI\xad'</t>
  </si>
  <si>
    <t>b'\xb7\xb7J\\\x8c\xc60\xeb"E\xc5\x1d\x84oa\xa6!\xb6p\xf2{\xec|\xaf\x85\xb9\xdb\x8e\xd54\xc11'</t>
  </si>
  <si>
    <t>b'vo\xcf\x85\xeb\rb\x9a\xef\x0f\xcf\x0e\x06\xec\xb00\xcf\xbe\x91~\x18\x04}\xdcu\xb8\x0e\x04\x02&lt;\xaco'</t>
  </si>
  <si>
    <t>b'l-\xfdg\x80\xd3\x88\x84\n\xcb&gt;BS\x17/\x10J\x0e4B\x9a\xb4\xdd\xa5\x10[w@E\xbd\xf5\x04'</t>
  </si>
  <si>
    <t>b'\xf5B\x8e!n\xf3\x13\xe1C\xc6\xddk\xfc\xe6\xa9\xdb\x95\xc7\xb8\xa8^\xdd\x872$T\x98\x82s\xa9\x9a}'</t>
  </si>
  <si>
    <t>b'\xb1I\x07\x06\xa4\xe6\xc8\x83MG\x07\xf2\x94\xfe\xa2\xf6X\xbf\xbe\xe3yMz\x13e\xc3\xee\xe1\xc4\xa5\x86\x1b'</t>
  </si>
  <si>
    <t>b'J\xa6\xaf\x04j\x84\xec\xb7x\x03\xa1\x85\x16\\\xc8,\xbe\xd6[V\x07\xa9j\xb1\xbb&gt;q~J\xacj;'</t>
  </si>
  <si>
    <t>b'\xf3\xcf0\x93L@\xb2\xe80\x00\x1b\xbc\xedE\xb61\xb2\xaeM\xce\xf2\x11!eIW\xe1$\xd0\xb6\xad\x17'</t>
  </si>
  <si>
    <t>b"p\xdeXv\x0c\rq]k\xb1t u\xc7cq?v+'\xb5=\xfa\xbb\xf1\x87\xecy\x00\xda#l"</t>
  </si>
  <si>
    <t>b'z\xe4n\x94"\xc3\x99?\xf8=\x9b!G\x83\xbd\x08B\x9e\x10VS\xcdz\x8c\xffZ\xb4\x82G!\xe3\xf5'</t>
  </si>
  <si>
    <t>b'\xf2 \x84\xe0\x96i\xa7\x91\xb6\xce1\x07\xe7\x1f\xd9\x10\xe6\xe3\x1e&lt;\xc6[d\xe73@\x142~wLW'</t>
  </si>
  <si>
    <t>b'NbD\xf5-O\xc2\xcb\x99a\xfe\xfb\xe4Z\xae\xdc\xb9\xd1l\x85\xc9u\xbfD\xb7\x15\xdf\x92\xc0#\xb8\xa7'</t>
  </si>
  <si>
    <t>b'4\x82:v\xd1h\xd65y\x8d3\xa7(\x99\xbeW\x90\x9b \xbeT\xdc\xbf\x01\x8c\xb3\xc5jl\xde&gt;\x1c'</t>
  </si>
  <si>
    <t>b'\x17\xe6t\x0bG\xac\x8b"CR/#]\xe38\xbe\xc6?ov\xb0,\xda{\x0e\xbe\x15\x82&amp;:n\x13'</t>
  </si>
  <si>
    <t>b'\xf9\xa19zC\x85\xfd\x9a\x8d-\xd1J\xeb\xf8\xe2\xc3\x8c\xf5\xad\xca\xee\\\xac3\x9c\xc6\x9e\xc9\xc7\xcad\x1e'</t>
  </si>
  <si>
    <t>b'nS\x7f\x0c\x15\xd5\x19\\\xbc\xb8S\tA\xdfl_\xfb\xaa\x92Z\xc1\xca\xdd-\xb0\xe9\xa8\xc0r\xd7\x7f\x9a'</t>
  </si>
  <si>
    <t>b'\x99\x02m\x93/U\xa2N\xa1\xefQ\xe5\x132\x94\xd1\x85\x90\x1bQ\x88\xff\xf6\xd02\x13f\x91\xca\xe4&amp;~'</t>
  </si>
  <si>
    <t>b'\xa3On\t\x1d\xc9P\x83\xe5\xab\x83`\xc5\xee\xb1;\x89\xba2\xed\x7f\x13\xae\x0c\x8f\xf3\rA84\xf7o'</t>
  </si>
  <si>
    <t>b'gF\x9d\n\x8b\x96\x18\xc8\xb6\xe7q\x01%\x85`\x1b(\xb6\xf5\xd0\xach$\x05\x85\xa5\xf7\x01\x7f:3\xdc'</t>
  </si>
  <si>
    <t>b'\x8c\xb4\xdf9bc\xa9\xb4\x19\xbb\x9c\x17\xfb\x85\xea\xf2\x18u\x8e\xe6\xbb\xcc\xb4\xba\xcb\x96\x85\xccx\xd5a\x89'</t>
  </si>
  <si>
    <t>b'\x075\xc8)D\xa5\xc8\x1cz(\x03EV\x0cB|I\xa2\xb5\x84_\x8e\xe7\xfeC\xa3\x1d\xd1\xca\xf8\x99V'</t>
  </si>
  <si>
    <t>b'\t\xb0u\xe9r,R\xc3ic\xae\xa7^\xcb\x08\xbb2\xb2K\x88O\xee\x06\xd1\xcaF\xdc\xfbZ\x8c\xe3\xea'</t>
  </si>
  <si>
    <t>b"\xdd\x88t\x02~N\xd3 \x96j\xf2\xbd^\xe5\x92'\xd79\xc4\xe7\x93\x93.\x14%\x88\xff\xd8\xbe\xe5\x19\xec"</t>
  </si>
  <si>
    <t>b'/\xe7\x88\x1b\x90\xa7\xa2\xe8\x8a\x17\xad\xe7\xe4\xb7h\xcd\xbdl)PW&gt;S\x17G\x19;\x98\x1c\x88\x9f\xfa'</t>
  </si>
  <si>
    <t>b'\xcc\x82\xcd\xe8w\x8bO\x16\x97C\x82\x9a\xf3\xca*\x1cD=7_PM0"C5\x02\xebK\xd2v\x16'</t>
  </si>
  <si>
    <t>b'\xc4~\x98s2]\xc10\x82f\xee~\xf8\x17\xd6\xe9\xac\x17H\xefKLz\xa4\xeb\xa6g\xe7\n\xded\x89'</t>
  </si>
  <si>
    <t>b"\x84\x8da\xd8\xa4\xbe%1\xb7K\x91\x00\xcc\x88'\xed\xd0\xbf/Eizv#MV\xc0\xfc'\x8f\xcd\xd7"</t>
  </si>
  <si>
    <t>b'\xb5\x07E\xa9\xb8\xad\xe8y|\xb7n\xc2\xfa\xe4e\xe9\x9e\xb9\xd4/\xf4\xda\xb7\xfc\xbd\x82\xc2\xc1\x88V\x0b\x00'</t>
  </si>
  <si>
    <t>b'|\xa1\xf83;\x95;F\xf6V\xeai6[\x7fD\x11u\x1c\xc7\x8c\x9b\xe6q\x07\xa2\xdd\xf0\xd6,5\xb5'</t>
  </si>
  <si>
    <t>b'\xe3\x86\x9b\x92[\xd3\xac\x80\x92\xa3xa\xcd\xad\x15\x90\xeb\x99\xad\x93\xe0\xf7\x81;C\xb43\x97\xa6\x14\x94\xc7'</t>
  </si>
  <si>
    <t>b'\xe5\x1cW \x10\x86\xadnR\xa8\x8b\xe8\x83\xb5g\x9f&lt;+\xa6i\x83/ \x93E\xc4M\x8b2\x82u\xd8'</t>
  </si>
  <si>
    <t>b':\xe5\x82\xcf\x0c\x06~\x06\xcd\xdd\x1b\xf7\xd2\xd4\xa3\xdd?\xd7/\x12\xd3\x07Z\xe4\xea\xc1\xb4\rc\xad?\xdd'</t>
  </si>
  <si>
    <t>b'&gt;\xb9\x98\xeb2E\xbd\x03|\xef*\xa9\xfa~\x84R\xd8\xce\x08\xa0\xe8:lG\xdd\xb8\x9d2\x87l\xb25'</t>
  </si>
  <si>
    <t>b'\n\xb9\x89\xf0\xaf\x13]\x7fU\xc0\xa1\x88\xc5\xaaU\xd4\xbfL\xae\xaf\xf4\xb0{\x05\xc0\x85ly\xd5\xd0\xfc\xdf'</t>
  </si>
  <si>
    <t>b':\x9a\xcf\xc3\xd1\x1a\x04\x1d\xe6\xe8\xc1M\xc2Q\x11q\xb6\xc9\x08\xf8\x07\x86\x87\xf4\xcf/\xd6:\xa6\xca\xd9\xfc'</t>
  </si>
  <si>
    <t>b'\x01\\\x01\xd1\xad\x91\x8c&lt;^\xcf\x16\xa2?@0F\x9c\xf4\xe3\x85\xea4\x17\xa8\x0fxg\x1b\xa3\xce09'</t>
  </si>
  <si>
    <t>b'\x83\xdb|\xfe\xb4y\x93\xd4\x87\xb4\x10\x14PJI\xccl\x01\x12\xfe\x00\xaf\x06\x8d\x1b\r\x05\x92\xa5\xd2d\x8c'</t>
  </si>
  <si>
    <t>b'\x8f\x1b}\x9a,\x92\x82\x01A\xaf\xf2\xbe\xcc\x0e\xc75\xec\xa7!\xe46Y\xf6:\xf6\x80\x98\xb4\xf6\x95w\x8a'</t>
  </si>
  <si>
    <t>b'\xb5\xe1\xbfA\x93\xdbV\xc9\xdanN\x15\x16t?\x8e\x9d\xc9\xd7!&gt;\x16\xa2\xadh\x99\xcab\x90ez\x93'</t>
  </si>
  <si>
    <t>b"T'`p\x83\xfe\x92\xb9w\xc6=c\xd1\xee\xa9!\xea\xcf-Z\x85\xec\xd3{\x06\xa3\xac\x14\xf9\xc1\xf2\x9f"</t>
  </si>
  <si>
    <t>b'\\\x9d\xb3\x89\xaa\x01&gt;\xb9\xfeb\xc2\xc9\xcc\x14\xb9\xf2\x17z\xa0\x8dd\x11Y\xf4\ta&amp;0f\x16\x03w'</t>
  </si>
  <si>
    <t>b"\\\xa90'\x0e\x85y5\xe7\x05|\xf7\xa6\xc26\x0f\x9dR\xaeJ\x9fU\xaa~.\xf3\x18\x0b\xa8\xc8\x08\x1b"</t>
  </si>
  <si>
    <t>b'\xa9\xff\xb1\xa1\x91\x918\xae\xd3\xcd\xae"\xab\xa4\x05\xb7\xd2w\x02 (Ec\x99\x97mQP(&gt;\xf2\x88'</t>
  </si>
  <si>
    <t>b'\xff\xb13\xe5\x18\xae\xa8\x1cZE\x15&lt;P\xa7\xdeBJ\x0295\xdc\xd9\xfe\xfb\xdeV\x11\xe1\xda\xd4\xe7\xf7'</t>
  </si>
  <si>
    <t>b'\x0e\xc5\xe8T$|\x0f\x926(\xb4\xec\xb9v \xb5[\x97=}\x97\xe3\x7fa\xd8\xa3n-\xe8F/%'</t>
  </si>
  <si>
    <t>b"\x9a4\xf3\xb5\xd4:\xc6\x82{\x9fh\xc0N\xba\xd6\x95\xce\xfa'\xc9\xf0\xc4\xd3Z\x1eE\xda\xb2\x83\xdf\xaa\x98"</t>
  </si>
  <si>
    <t>b'+\xba\xd8q\x04"\xb7\xacN\x90\xed\x8f\xa2NN\x97\x1c\xc7\xe3k(\x83\x00t@\xc2\xbf\x8b\x1fR\xf2\xe8'</t>
  </si>
  <si>
    <t>b'U\xf0\\B :\xc6g\x9b\xa5L\x90\xfc\x85\xe0\xb3\xba\x15\x87\xa8|:\x13\xf4\xe9\xa5\xf5\x95\xdf\x9e\xa4E'</t>
  </si>
  <si>
    <t>b'\xae\xd5\xef\xea\xe7H\xe4\xe1\xc1&amp;\xc4\x9b\xf0:m\xbb\x1eh/_&lt;\xfd\x19I\xf5\xf1~\xa3G\x85\xde\x93'</t>
  </si>
  <si>
    <t>b't\xafM\x10X\xe9\xc7\xb9\xf9\x98u\xe5\x9c\xf1\xd7\xf3\x92\xb8\xcf\x98\xc9\xc5&gt;P\xa9\x9b#?t\x03\xfc\x86'</t>
  </si>
  <si>
    <t>b'\xdfh\x87\tR\x9f\x08\xe8P\x86\xdf#\x1e\x7fc\xbcX\x17p\xc7K\xd9\xe9M\x8c\x1cN-\xe7m\x91\x0b'</t>
  </si>
  <si>
    <t>b'\xf0\xb4\xf8\xd4\xfe\xd8\xee\xe1\xca5=\xa5y!\xa3\xab\x06Fj\xf4\x18\xb8\x03\xdf\xee\xd3fAv\xedE\x10'</t>
  </si>
  <si>
    <t>b' \x15\xb4\xbd,\xb0[\x1a\\s\xd2k\x1b)\xe3la8+\x0b\xaa&amp;\xf7\xd6im_\xef\x89\xafH\xf3'</t>
  </si>
  <si>
    <t>b'qi\x9cQ\xe9\xeeN\xc9\xf12\xe3/o\x9e\x83\x7f\xb8\xedq\x15\xca\xd8\n\xbeTS\xc1)$\xdaQ\xa2'</t>
  </si>
  <si>
    <t>b'\x86G\x83\xfc\r\t;\xef\xe0\x93dvn\x80\xd2\x17|]\x87\x98\x80\r\xd8\xcb\xcf\x8e\xd6\x01\x06wM\x90'</t>
  </si>
  <si>
    <t>b"\xa9\xdf\xa9\xc2\x99\xfb\x15\x11\x8a&lt;\xf0s\x9d&amp;R4B\xd2c\x1e\x0b\xbf\xc9.KE\xfe\x8f\x0f\xeb'\xc4"</t>
  </si>
  <si>
    <t>b'\xbf\x0bm\xdb\x97\x9b\xf9\xe1\x16\xa15v7\xe4\xbe?y\x0e\x0e\xa6\xf4\xb9\xa6\xf5\x0318m\x10:\xd4\t'</t>
  </si>
  <si>
    <t>b'L\xe4f\x96\xfb\xb5\xa5\\WY\x9aX)\xb1\xeb\xc7o\x1d\xdd\xbd\x95\xe9#\x06\xee\xbf\xb6\xafp\x9c\x1fi'</t>
  </si>
  <si>
    <t>b'\x1c\x05\xe2\x02\x1bW\xd0\x90\xd2\xfc\x04\xa3\xd7\xbb\x8f\xcfEXr\xecy#,K\xad\x8f\xd2\x05\x98\xed\xef\x9d'</t>
  </si>
  <si>
    <t>b'\xe3G J\x8f\xf49\xa5\x82\x01\xfafK\x0f1\xca\xff\xcb\xe3\x80b\x97&amp;X\xd1\x1ev6v\xa0E\xcf'</t>
  </si>
  <si>
    <t>b'\x84\xfd{V(\xfc\xd557\xda\x0f\xa6\x8c2\xc0\xab\xe4w\x1c\xa9\xb9\xad)\x05a\xf7\xb1\x92\xbc\xbfL\x13'</t>
  </si>
  <si>
    <t>b'\x07\nw\xdewm\x07\x17\xce\x17\xbdMSL\xef\x0f\xd6\xe3\n\x1d\xb6\x1e}\x0b9v\x8b\x81\xbc\xaa\xff\xb8'</t>
  </si>
  <si>
    <t>b'\xad\xfe\x92\xbc\xef\x87\x8a\xd6\x8b\xeb\x7f\xc2\x95\xb9m:=\xe9W\xb5\x80M\xd3\x88\xf9:f\xaa\xa6\xf3\x06\xe7'</t>
  </si>
  <si>
    <t>b'\nM\xf8\xad\xf9\x84u&lt;\xcf(\x87\xee\xf7c\xb8tx\xa5\xe2\xbbB\xe2FFq[6\xc3\xe7M\xcaP'</t>
  </si>
  <si>
    <t>b'\x10\xed\xb6\xc8\xad\x81\xc8\xc7I\x02\xcd\xff\x0eA+r\xb7,ji\xa1\xd1d?+(QQ\xfd\xc2F-'</t>
  </si>
  <si>
    <t>b"\xb9\xe8\x9a\x94\xdaw\xbf)\xf2s\xf3\xee\t\x1ac=\x95\xc0\xb6K 'G;\xd3\x13t\x96\x9c\x83\t'"</t>
  </si>
  <si>
    <t>b'T\\n\xfc\x072\x01\xb5\xd9\x1a\x98\x87#\xcfw.\xdab\xea\xf0\xa0Rp\xf3jE\xde\x99\xe13\xe8l'</t>
  </si>
  <si>
    <t>b'v\xeb\xb3\xa4\x88\x1f\xba\n7\x08\xb7\xbbR\xc4\xe0{z%H\x1bZ\x12_\xb8\nN\xad\xbd,\xd3\xb7\xd6'</t>
  </si>
  <si>
    <t>b'\xb3!U\xf0b\xb1\xf0|9\x88\xb3\x99\x89:o\x9d\xf4\xa9\xf4\xbb\xca\xc6\xd0\xafabk\xd2/\x90\xfdR'</t>
  </si>
  <si>
    <t>b'b1\x8a\xe4\xa8\x1c(\x1e&gt;\xbc\xec\xa4\x01\x83`\xa9\xb3\x9a\x01\x9dGG`Yo\xde;1M\x9f\xa9F'</t>
  </si>
  <si>
    <t>b"\xf64\xf2^\xcd\x9b\x99\xb2nq\xe7\xcc\x9b)J8\xa2*\xaf\xe8\xc3F\xc7\x81\x08\x85/\t'\x86\x85J"</t>
  </si>
  <si>
    <t>b'ip\xdc\xedJ\xacm\x04\x0f\xd8\xb2\xee\x87+Uz\xd5\xa0\x9dA~&amp;\x93\x9d81t`\x88\x15\xc3\xb3'</t>
  </si>
  <si>
    <t>b'I\xbd&lt;\x02c\x11\xa0\xe9%\xd83\xae\xb4d\xc8\x90\xf2Za\x1b{f\xf8\xf2$\x923\x80\x1a\xe3I\x93'</t>
  </si>
  <si>
    <t>b'C\xf4\xd7\x85av4\x1e3\xc4c3\x81\xc0N(\xcf\\\xe9.\xdd*\xb5\xb0"\xd0Z+\xb3T\xbci'</t>
  </si>
  <si>
    <t>b'\xf5\xa7\xe9\x13\x99\x10T\xd3\xf4\xf5\xc84V:\xad$_$\x08\x8bg\xe4\xcf\x91\x00\x91\xd0R\xf6\t\x97q'</t>
  </si>
  <si>
    <t>b't"Mi?0 Qt\xfa;\x16\x83\xadS#\x94\\\xd2\x1c\x07\xae\xc8\\\x95\xff@Rr\xb4\x81\xa1'</t>
  </si>
  <si>
    <t>b'\xcd\xd6\xa9\xa5S\xa3\xeda@\xe7\x98\xf7\xd1O\xa8\x99\xb5\x1c7#:Z\x05\xe4:jU\xdak \xd2\xd9'</t>
  </si>
  <si>
    <t>b'\xb4\xdf\x90\x97\xbc+\xc1`\xb7S*\xcahr5?\xf1\x18;\xf4\x8e\x9fT\x1a\xc5w\xd4H=\xff\xa4\xd3'</t>
  </si>
  <si>
    <t>b'\xd2\x18\xedJ\xc0\xf6\x8b|\xbc\xdcZ\xdf\xd7~y\xc9\xe8P;M%\xed\xbb]\xcb\xeb{\xe3\xa57\x86\x1f'</t>
  </si>
  <si>
    <t>b'\xcd!\x89\xa8!\xacD\xf3#eH\x0b\x9fH\xa11\x0c\x11\x16\x8f\xcf_\xbfk|U\x83\xe00\xfc&gt;9'</t>
  </si>
  <si>
    <t>b'&gt;\x81\xbe\xf7u\x9f\xb5\x84U\x03!\xc5\xbbil\x92\xba\x8c`=\xee,\x1f\x87\xfc\xc4!\x0c\x96s\x94\xa0'</t>
  </si>
  <si>
    <t>b'\xfe\xa3\x1a\xe7\x85\xdd\xe3F\xd8\xa6\x7f*\xc1\xf3\x06\xec\xeb\xb3\xa0\xda\x99\x83\xe7\xaf\xcaD\x82c\x91\xd4\xd9\x0f'</t>
  </si>
  <si>
    <t>b' \x19\x9djr0\xde\xdf\xf5\xa0 \x1em\x9e\x9d\x8a\xcf\xfc\xe9f^-,W\x19Q\xc3h\xaf\xe9\xf1\xfa'</t>
  </si>
  <si>
    <t>b'\xc3\x95\x9e\xb7\xe7\xa9x\x08&amp;&amp;ia\x9e]c\xf2\xef\xaf\xc7\x9b\xf9\x98QP3}\xadm~4\xa4/'</t>
  </si>
  <si>
    <t>b"/\xcfZl\xc9g\xe4D\x1fB\x19\xc4\x03'a\xc17\x97;\x87\xbfn\x97K\x9e\xda\x00\x05\xb6\xf5+#"</t>
  </si>
  <si>
    <t>b'j\x04\xa0U&lt;\xc7\x16\x90f\xcb\x9d\xce\x98]\xb4\x84\x07\x19\xdf\xe2Z\x12\xd5\x9b\x1fv\xe7\xd8q\xe5\xbd\xa1'</t>
  </si>
  <si>
    <t>b"\xdd\x03\x16\xfae\x8f\xc3'\xe9LV\x06@-'\x0434\x19\x08\x80\x7f\x85\xca\xb7\x8b\x98\x07\xbf\x99\xcc4"</t>
  </si>
  <si>
    <t>b'R\xc9\xba\xf6\xb3u\x88\x19\xb8Y\x15E\xefHY\x04\xf7ae\xd0\xcfM&amp;\xb7\xea\xb3\xb8\xbf\xa5D\x01\x82'</t>
  </si>
  <si>
    <t>b'\xf3\xc2\xd8\xc6~+\x99\x12\xaf\xf6\xc3\xcbU\xc7L\x049\x05\xfcg\xc7\x9fCTH\xf1\xc4\xc4\xf9\xc9`\x87'</t>
  </si>
  <si>
    <t>b'\x7f\x8b2\xb7\xb1P\x84!\nc\xe4\xccp~\xf1\x0c;\xc5&gt;\xefp\x83\x1d\xb9\x1c\xbe\x0b\x16I8\xc9}'</t>
  </si>
  <si>
    <t>b'\xcb\xc7f\x90$\x04\xc4\x8b\xe01K\xc8\xc2]\xea\xc9\x95V3\xb6\x86\xed\xa4vsI\t)B\xeb\x82\\'</t>
  </si>
  <si>
    <t>b'\xa7\xec\x7fDx\xd9P\xe9\xa2\xf0\xcd\xfdnw`\xc1\xfcm\x8c\x8c\xf3\x1a\xe94g\xbee\xbe8&amp;\xd5('</t>
  </si>
  <si>
    <t>b'/\x9e/\xc2\xec\x97\xc9\x19/\x05S,\xac\xb9\xfe\xdc\xcd7\x1a\x8c\xcdA\x9f%y"\x8cm\xce\x9d\x84\x95'</t>
  </si>
  <si>
    <t>b'\x85n\xa2\xab7\xf6sVAx\xce\x1em\xef\x1b\x11F\xaaHG\xfdl\xd3U\xbdN\x14\x1eC\xd0\xd7\x84'</t>
  </si>
  <si>
    <t>b'|\xb9\x93K\xd03\xb9\xff\xbf\xf2E\x01\x02!\x95\xb3\xbf\x84dh\xff\x01\x81\xad\x9a\xac&amp;K\xf8\x94\xa6\xce'</t>
  </si>
  <si>
    <t>b'\x06\xeb\xb9\x85\xa3\x8fp\x83\xdf\xdbr\xaa\xa0\x84\xcd/BW\xbe \x96\x94\x9f)\xba\xe6\x15\xb5fY\x8b\xdc'</t>
  </si>
  <si>
    <t>b'F\x0cA\x8as\xecz]^\xb9~\x94\x15\x8cC|l\xc3\x97\xfaX93\xaf\xb1\x86Q\x18\xe7\x05\x12 '</t>
  </si>
  <si>
    <t>b'\x82\xee\xb0\x81\xe0V\xe1\x92\xd6u\x95\x1cMZ0\x00J&amp;\xea\xc0\xba\xb5\x8a\xcd`I\xb7\xc1\xae\xe6\x81\xad'</t>
  </si>
  <si>
    <t>b'\xe1\xbe{\x12\xcb\x1a~4\xa1@1\x7f\x06\xeam\x0c+X\xae\xee\x0f\x90%"\tM\xfb\xe5\xa6I\xad\xa1'</t>
  </si>
  <si>
    <t>b'=\x14)R\xdf\x152\x99,*CD\xf1\xfeE\xf4\x99h\xbb/\x03\\\xa7\xc7\xf3\x1aKq*\xb8\x17\x03'</t>
  </si>
  <si>
    <t>b'I\xa8\x0e\xc9\n\x90\x95YJ\xa4\x94\xdf\x1aewT &amp;\x94\xc2A`\xb7\xbb/\x07\x99\xa0\xd7\x1dW\x85'</t>
  </si>
  <si>
    <t>b'\xe8\xf4\xe4y\xab\xf0\xdb\x02\x17?\xff\x81p\x18f\x1d\n\xcc-\x13\xbe\xe0Sy\xcao\xb9\xd3_&gt;\xe8\xee'</t>
  </si>
  <si>
    <t>b'\x96\x15\xe1=\x85)a\xa7\xadk\xa9=\x99\xa66\xac\xf72X[\x19\xfb\x92B\xbf\x11\xfdb\x9aP\xa8\xd7'</t>
  </si>
  <si>
    <t>b"\xce\x00=#\xc2\xdf\xbdw[',0\x00\xf8\x99\x11z\xeaH\x0bM\xcd\x0b\x83xD\xe1\xbc}\xab\xc9P"</t>
  </si>
  <si>
    <t>b"?\x96,}nsR/x\xb3\xbck\x86\x0eq'+0Yn\x95q:V\xe7`\xd0\x18\x86\x00f\x82"</t>
  </si>
  <si>
    <t>b'&lt;\x9b\xcb@\x17bh~\xb2\xa1@a\xe4\xe3\xcd\x94\xf42&amp;\x84S\xaf\xe5\xc3(y\x8a\xb5\x94X\xa4\x94'</t>
  </si>
  <si>
    <t>b'\xbeq\x9a\x85f~\x94\t\x97\xb0Zo.\x0fW\x0fWVeP5\xd2\xca\x7f5\xe36\x06\xa3O\x9e\xcc'</t>
  </si>
  <si>
    <t>b'\t7\x97\xf0\x11\x82\xf9g\xfc^\x02\xc7\xca(\x98\xdfY \x167dY\x94r\x97\xc1\xea\x96\x11\x1a\xba\x0e'</t>
  </si>
  <si>
    <t>b'\xf7\xc4\xa9\x07\x03\xc3\xf6f\xbcj\x91\xc7t\xe5?\xe7\xbb\xe6\xef\xae\xb6\xf0\xa4\xd9E+\x16z\x98\x1c\x16\xe4'</t>
  </si>
  <si>
    <t>b'\xfd\\\xf6\xa9\x7fR\xad~\x02z\xb0Y\xcaQ\x0b\xa2R\x99er\xb8o\xdd\xb8\xaa\xcf\xcf\x18\xe1\x11a\x08'</t>
  </si>
  <si>
    <t>b'`}6\x89u\x91\xa0\xd2*Q\xb2\xb4\x18VPU\xf81\x94*\xf27@\x7f\xbc5\xc9`\xd9\xa3\x7f\xcc'</t>
  </si>
  <si>
    <t>b'\xbd\x84\xe8o\x8c\xa3e\xe6\xd0Q0_5\x85\x8e\x98\xe0E\x00$r\x84\x0b\xa4\x9d\x98\xc0\xb6?c\x9dn'</t>
  </si>
  <si>
    <t>b'\x11?\xa4\x1ci\x11\xb7\x00\xe4!y\xf2I\x9c\xf8\x14\xcf\xa0\x9da~#\xaa\x0fa\x00/\xf7\x98\xd89Y'</t>
  </si>
  <si>
    <t>b'@\x80L\x14D\xcci\xd3\xffJ\xfa\xfe&gt;\xf5}\xd1\xa2\xe6Y6\xa8 \xe1\xb3\xd5@\xe8\x03z:\x16\x08'</t>
  </si>
  <si>
    <t>b'#oj\x13\xc6a\xdb\xfb/Z\xfc!\x0f\xc7C\xf1\xb0\x1c\x869\xd6\xc0\xb8:O\tO\xd4x\xb3\x18.'</t>
  </si>
  <si>
    <t>b'\\o\xfd\x94\x86/\x8b\xa5Yj?[\xc0\xc6"\xe3\xcf\xad\x8d1\x8dpI\xc7\x08\xc3\'\x8bL\xdb\x9e\x92'</t>
  </si>
  <si>
    <t>b';\x1e\xe0\x11\xdd,-\x81\x80\xf2k\xb0n\xb8\r\xa9J\xd6A\xb6i2\xdc\xcet\x85R\xc2\xa5\xfa\xe6\x87'</t>
  </si>
  <si>
    <t>b'\x1f\x0c\xd3|[?\xc6\x19\x05aZ_\x96\xe1\xf14\xb5\x7f\x1aN\xe0SI\xba%a\xeb\x7f\xa3w\xf1i'</t>
  </si>
  <si>
    <t>b'\xa7(\x94\xe9\x03x\xe6\x8f\\\x8f\xd2}\xad\xa2B]\x00\xb5\xd1\xa3\xb6\xe6\xd0xR\x8a\xfb0\xb1\x0f\xa4\xe0'</t>
  </si>
  <si>
    <t>b'yR\xee~\n8\x93\t\xee\x99\x9d\xb8[\x8f\x1eJ\xa3\xca\xbc^\xf5~_\x82`G\xdf\x80\xa3\xf6dq'</t>
  </si>
  <si>
    <t>b'e\xc3\xdc\xc0\x1d\xf0]\xf6\xd4\x8e\xa3\xfa\x05wd\xe0$\x83\xcb\x1fT\x00E\xbajr\x0eK\xd0\xd7\xbcc'</t>
  </si>
  <si>
    <t>b'\x8e\xd9"{\x13\x0b\x02\xb6\xb1\x85\xc6\xf6\xb0"\xfb\xbd\x0e(\x1b\xe9q\xde\xe2`!O\xbaM-\x96\xff\xbe'</t>
  </si>
  <si>
    <t>b'x\xe4\xa8\xb2\xaa\x0e0q\xa9\xab\xc6;7f\x90u\xb5\x9c.\x04\xa2\xc2}\x9d\x8e\xa7q\xcb\xb7\xad@\xb0'</t>
  </si>
  <si>
    <t>b'\xc5E\xaf\x95\xea\xb2!u\xbe@:\xf1\xbc\x0b|\xfdD\xcb\xe9\x8e(@\x98\xac\xcc\x1b\xb0\x82c\xab\x94U'</t>
  </si>
  <si>
    <t>b'\x8f\xd7o\x91\xea\xc2\xba\x1bq\xffl\x87\xeb\x0c\xc4\n\xca\x81W\xeb?\xedn\xcb(w\xf6\x1eM\xc4Q\xd6'</t>
  </si>
  <si>
    <t>b'$\x87\xdc\x1a-\n\xe1-\x94\xb4\xb5`\xf4\xf6&lt;Vw\x0b;\x04\x90\x81W\xfe\x9e\xd3-*\x81\xa6\x04\x82'</t>
  </si>
  <si>
    <t>b'm8\xfes\xa7\xe4VS\xd9\xb3\xb4\xc6\xb5\x02aS\x83m1OV\x1f\x01\xa0|\x97\xfe\xe5\xafPI\x10'</t>
  </si>
  <si>
    <t>b'\xcaa\xe7\x1e\x86\xa8f-\x9e\x85"\xdf0\x19\xaf\xc2\x91naXz\xe5@\x92pw\xaf]\xe76\xe3\xa3'</t>
  </si>
  <si>
    <t>b'\xbb\x1d\x1dj\x8b\x8e\xb9\xcfk\xfd\xa6q\x83\x1f1\x98e(BO~o\xd2\xc9\x06\xa7K\xb7\xa7yzA'</t>
  </si>
  <si>
    <t>b'\t\xa6\xcf\xd2/\x92fk\x1c\xa0\xb3=\x0b\x85\x8b\x8e\xb0c;,\xa6\xe8\x15@\x8fG\xd8f_\xf1\xe8\x01'</t>
  </si>
  <si>
    <t>b'\x1e\xbe]s\x16A\xf19\xcd@\x98\x19aHa\xd1Y\x8b?\xd1\r\x82\xa2j\x08\x8f0\xae\xf3b2\x0e'</t>
  </si>
  <si>
    <t>b'0o&lt;\x19|*\x0f\x88\x9cYD\xb5\xe2\x856\xb9\x00\x87\x03\xf6\xe4\xfc\xad\xf5\xd02\rj\x9c\xd6\xc43'</t>
  </si>
  <si>
    <t>b'\x8d~M\xfd3Xzg\x11\xd6V\xc5l\xef\xd0\x055\x0bR\xe4\xcc\xdd\xc8\x8c\xdaR\x87]g\x97\x89\x82'</t>
  </si>
  <si>
    <t>b'\x00\xa7z\x9fr\xc6\xd6\xca)\xc7\xd9\xe9\x15~\x86!v\xe2\xe3\xec\x19o\xffA\xee\xacId9\xe1\xd2I'</t>
  </si>
  <si>
    <t>b'\x1b\xa0K1\xa6v8\xbe\xe5\x1aE\xf6\x02(\x8c?\x0e\xa4sA\xc4\xf1\x8c\xc3:\x9e\xb4\xd3\xc8\xcd24'</t>
  </si>
  <si>
    <t>b'M!\x1b{!L5\xe1e\x10\x18\x07\x7f\xcb-5\x0e\x8a\x11Zn\xe6\xba\xd4q&gt;\x82\x961\xba2\n'</t>
  </si>
  <si>
    <t>b'_\xd3xZwyyZ5Y\xd2\xb6\xb1\xa1\xaf\xcbO\xe7)\xdb\x88\xc9\xc8\x8d\xb9.\xb6jC\xf6\x05\xd6'</t>
  </si>
  <si>
    <t>b'/\xdc\xed\x07$\xe7d\x17\xa7\xba\xe9\xb1\rM\xe2\x06\xc9\x15Y\x15\xd6\x825\xc7\xbdf\xf3\x1a)\xd5\x8dS'</t>
  </si>
  <si>
    <t>b'[\x1b\xd3\xb1\xddh\xa1u\xb6\x84\xfa\x0b\xad\xb6\xd2\xfe\x8e\xbb.\xe6p\xfab\x9d\xfd6\xf0y\x0c\xbc\xea,'</t>
  </si>
  <si>
    <t>b'B\xd7\xb0\x1b\xec\xfc\xfe&gt;\nb\xd0\xf7\xb2\x03JH=$\x1fQ9R\xe4\xeb2r\xd2\xf7S\xd9#W'</t>
  </si>
  <si>
    <t>b'!\x1c\x1e \x8c\x9a\xc1\xbf\x05\xd9|u\xe5)\xea)\xe1m\xbd\xc8\xb2\x1dh\xfef\xea&lt;a)\xef\xd9\x9e'</t>
  </si>
  <si>
    <t>b'\xa3&gt;\xa5Z\x90t\xef3\x84\xa8\x8d\x7fC\xd2\x00\xea\x95\x8fK\xfb\x9c\x9410\xb0\xda\xf7\xb96\xa0F\xa0'</t>
  </si>
  <si>
    <t>b'\x1d_tN\xcb"\xf8a\xf3\x0b\xa4\xef\xfa\x0e\xa4H\x91v\xf1\xc9\x9f\xc4\x8e\x07=\xf2\x1786.Z\xf6'</t>
  </si>
  <si>
    <t>b'\t\\T\xee\xcc\x88\x95\xfb\x8fc`\x06x\x01\xa4\x8c\xe3\x0c\x81\x1e\xba&lt;3\xb4\x9b\x9a8AQ\xa7\xc9$'</t>
  </si>
  <si>
    <t>b'r\xf7\xd9\x85\xc4\n\x8edZ\xe3\x10\r\xe7\x86+\x91\xe4x!\x0f{#\xf9\xa6P\x1c\x93f\x13`\x0f\xdd'</t>
  </si>
  <si>
    <t>b'm\xf4~GnD\xcd\x8b=\x87c\xe90~\xf2\xb8z8\xbe\x02\xe9\xefJn\xd7\xab\x1b\xf2\xe6\t\xa0\xfc'</t>
  </si>
  <si>
    <t>b'\xc61\xe1N\x02\xae&gt;\xd4phi~\x90l\xfe)N\xed\x12\xbcSN\x87Git\xc2\xd5Q\xed\x8a\x1e'</t>
  </si>
  <si>
    <t>b'TAtQ\x1e\xca\xdb\xd9\x01X\x13\xf5\x95\x9fO\x91\xa3[\xbaRZ\x07#R\xc7 4\x13\x99\xa8=\x8d'</t>
  </si>
  <si>
    <t>b'\x13 \x91!\xd1S\x07\xd7\x86\x1c\xcf9W\xde\xe7^\xd7\x06=6]\xb5^\xdf\xb8\xc2\xc0\x81\x15^\x87k'</t>
  </si>
  <si>
    <t>b'\xe9LWI\xd7\x1d\xba\xb1V\t(\x9e9q(\x07K\xb7\xef&gt;2d8\x15\x99\x0b\x95\x85\xef\xd5\x8au'</t>
  </si>
  <si>
    <t>b'\xcc\xab\xf7\xd2\x03\x1a\xb9I\xf5 \xb0x\xf1\xa8+4\xd6, \xbd_z9Vi \tj\xa6-\xfa\xd7'</t>
  </si>
  <si>
    <t>b'N kI&gt;&amp;\xaaS\xa3\xb4\r\xc99\x01 V\x05\x01\xf4v\xd0W9\x91\xd7\x00I\xd1*\xd7\x15\xa6'</t>
  </si>
  <si>
    <t>b')\xc7\x11\x073y\xb9\x9883\xb7\xbd\x81@\x9d\x0c\x07\xb8\xec\xfcn\xb5\xaf\xe4\x14\xdde\x0b\x93\xf5.\xc3'</t>
  </si>
  <si>
    <t>b'\x85{\x1fo\x8f\xa0vT\r\x93\xe3\xadW\xf1\x82\xbd\x0c:\xa5\xa6\xc5s\xc4\x87\x95HC\xe1\xc4\xbc6\xca'</t>
  </si>
  <si>
    <t>b'\xb5h\x0c\xe4\xa9\x1d\x835xtM\x1dX$X\xef\x9b\xca\xbf|Je\xb88\xaa\x7f\x8a\xee\xc9-\xf9\n'</t>
  </si>
  <si>
    <t>b'\x86\x98@\xe0C8X|1\xd4\xd6[\xd4\x91J{\xae \xcb\x1f\x1e+p\xa3\x97\xab5\x1ev\xdd#K'</t>
  </si>
  <si>
    <t>b'\xbb\xec\xae.\x9d\x8a\xe1\xb3\xca\x04\xe4=\xf9@AH\xc9\xb4\xde\xcb,D\xbcw\xa6\x898\xcbGINu'</t>
  </si>
  <si>
    <t>b'\x1d\x80\x8f\xa33\xd6\xce\xb7^\x84E\xc7\x10\x93S\x8e\xa4i\xa4\xd8\xba\x1d\xc4\x01M\rJ\xe0\xd0\xc3T\x91'</t>
  </si>
  <si>
    <t>b'=\xe5\x99\xb8O\xa2_\xd6\xf3e\x99@\xf5\x96\x8e\xec\xa1\x19u\x87\xdd2/\xf0\x13\x14\x85\xb1\x8c\x93\xdfW'</t>
  </si>
  <si>
    <t>b':*\x0c\x7fp+Y\x95\xd6?k\x81\xc999{#xlck\x06\xccA\xf7h\xa3a\x13\x81=w'</t>
  </si>
  <si>
    <t>b'\x0c\x1e\x01hf\x92\x01\xd3R\xc5\x86&amp;p\x98$\x81&lt;xc/h\x95wN0X\xb5\x10\xa4V\xaf\x02'</t>
  </si>
  <si>
    <t>b"\x8f(.'wx\x88\x15\xc2\x94!\xe1\xb3\xba\x88\xb3C\xe7\tS~\x06\xa9c\xd3\xde\xa1eU\x10\xc0\xb0"</t>
  </si>
  <si>
    <t>b'd\\N/\x137\xb7\xdcj\xe1\xe5b\xc8\x8aKH&amp;\xf4\xdfO\x06\xbe\xd4[\x9b\x8aU\x01\xe4\x939\xf9'</t>
  </si>
  <si>
    <t>b'\x1f&gt;\x1e\xa6&gt;^\x9a\xdd\x94%\xe1\xd7EX`\xa8"\xefO\xee4:E\x82\x18\x8f\xb6$\xf2t\xf3]'</t>
  </si>
  <si>
    <t>b']\x97\x02\xf4\xae\xda\xe8c\x89\xf0X\x10\xe7\xb1\xdaX\xe3X\xc6X\x83I\xab _\xe7,\n\x99\x1f\x10\x85'</t>
  </si>
  <si>
    <t>b'\xaf\xd7\x04;t\xcfI\x88\x9ci{\xd9\xdf\xb5\xa6_`\xdf\\&lt;~;\x97X|$\x8b\xad\xf48w\xd9'</t>
  </si>
  <si>
    <t>b'\xf0\xc2\t\xb5\xe90\x9f6\xf1g\xeb-\xfe\x93\xa0O\xc7\xb1\x80}W\x9d\x7f2\xaa\x83\x88\x82\xf0\xa6\x86\x13'</t>
  </si>
  <si>
    <t>b'\x0f\xc2SG\xc8\xc8\x1b\x00\x993Y/;\xc5}\x02\x06X\xb1v\xa6L\x88\xb8C`\xc6\x17\x0f\xf1\xce\x0b'</t>
  </si>
  <si>
    <t>b'\xf3.\x19j\xa4H\xb7Z\x04o\xa3\x92\xa8\xf5HD#w?E,[\xd7\x7f\x85\xa9\x1c\x08\x82\xed#\x10'</t>
  </si>
  <si>
    <t>b'\xb6\xf5hm\xc8T\xf4\xbd\x97,\xca!\xed\x8c\xe0\xb7\xa0o4uG|UKKL\xcf\xd8\xef\xee\x06\xd9'</t>
  </si>
  <si>
    <t>b'$\x19\xb8~\x11\xff\xc6H\xa5~\x02\x9d\xc0x\x7f\x1f\xba%\xa7\xe65\xd3\xcbi\xa4\x88=\x9a\xc11\xf5\x10'</t>
  </si>
  <si>
    <t>b"\xb6'z\xae\xdd\xa0\xa2U\xf9`M\xe9\xeb\x8fK\x01V0\x1e\xb5\xbb\x8b\x00\x18S\x7fe\xfa\xfe\xc7\xde\xa8"</t>
  </si>
  <si>
    <t>b'$O\x84H2p\x17{\xce\xc3\xd9\xedSJ\t\x06\xb6P\x07c%?Wo\xc0_,\xf7f3@\xce'</t>
  </si>
  <si>
    <t>b'\xe9\xfap\x0f\xc3\x142\xe5cZ~\xf5/\xa4\x9e\tjs\xca"\x90\xbd\xa93g|z\x94\xdd\xc6\xb4~'</t>
  </si>
  <si>
    <t>b'(\x0c\xde\x0c\xde\x12G\xd2\xae$P\xa8\x90\x0f\xd39Z\xff\x7f@\xf5\xab\x81+\xc8\x0b\xc9\x14uq\x95\xff'</t>
  </si>
  <si>
    <t>b'=u\x1c\x8d\xfe\x9f\x19\xcc5\xc2_~\x83\xf8{\xbc\x10C\x98=\xa9yV\x13\xab\x8c\xac\xda\x08\x9b\x0bV'</t>
  </si>
  <si>
    <t>b'6\r;*\xa4:\x04\xb7\x04g2\xf6\xaf\xb2"\xec\x04r\xe3\xd9|Z0J\x9a@/\x7f\nt\xa7\xbe'</t>
  </si>
  <si>
    <t>b'BR\xa9\xff\xb1!!O\x1d\xa8E\xcd\x15\x10\xc5\xday^tO\nB\xd7*\xe1\x07\xe4\xe6\xe5\xb8\x1am'</t>
  </si>
  <si>
    <t>b'Q\xaan\x9c\xf9\xe0V\x9b-\n\x7f\x1a\xdf\xe2\x13\xcb\xd5\x02\xa9\x90\xda\xff\xc7\x97\x99\x0b\xc7\xad\xae\xb2RD'</t>
  </si>
  <si>
    <t>b'\xe0\xf8kB\xa4k\xa8f\xd6`uX\x88\xaa\x93n\xed\x13\xc0\x1a\x9a\x93sH\xba+\x95\x96\x1de\xae\x9d'</t>
  </si>
  <si>
    <t>b"\x8e\xc4Pt\xf17\x13U\\\x14R'\xad\xed\xb3\x84\xeb~0\x89@Ky;0\x00\xfe\x85\xd9t/:"</t>
  </si>
  <si>
    <t>b'\xfb_\x93T\xcb\xca\xd47\x00\xfe\xe0[\x8e\xe7{,\x94\x8f].\xed\xa4X\xc7\xe2\xa5\xf4\xce\x87\x9c\x93\xed'</t>
  </si>
  <si>
    <t>b'\x99\xfa\xc7\xdc\xca\x0cV\xcc\xa8\x1a\xb1\xe5\xeenM~,W\xdar\x06\xacQ\xdcG\xef\xb8\x13\xc04\xd6Q'</t>
  </si>
  <si>
    <t>b'j.9\xe8\x16\xd6&gt;\x92\xbf`\xa4\xb4\xbb\xa5\xcc\x04&lt;\xaf\x8cY\x04\\\xd8\x17\x1f(\x9f\x1e$\xe4u\xf4'</t>
  </si>
  <si>
    <t>b'\xcf)\xf5\x05/A\xfc\xa3\x84\x86\x03^`\x08Y\x9d=\xf39;\n\x85\xe6\xca\xaa.\x07\xa7\x10\xb6\x0e\x1e'</t>
  </si>
  <si>
    <t>b'&gt;4\x1c}\xb3\x96\x87\x18\xca\xf4/8w\xd5\x16\x89\xd9j\xaf\x7f\xd7Nu\x18\x0e\xdf\x86\xc5&amp;\xab"\xbf'</t>
  </si>
  <si>
    <t>b'\xc0\x94.\x061\x03\x8f\xb5\xb1d\nZ\xdb\xca\x85d\x1e\xa5.\x01\x1c\x96z5h\xaa\xda\x86T\xde\\\x80'</t>
  </si>
  <si>
    <t>b'\xe3\xe5\xc3\xdf\xc2\x0b\xa45\x00g\x94\xad\x14\xbe\x97\xa1&amp;\x9b\x0f\xf1ht\xa6\x91\xc44\xb9q\x1fy\xf1\xee'</t>
  </si>
  <si>
    <t>b"h&amp;\x01f\x0f\xf3\xb3\xbe\x81k\xea\x91e+\xae\xbes\xd3'\xd1\xbf\xfc\xb5'\x04\x9a\x9e(\xcbY5\xde"</t>
  </si>
  <si>
    <t>b'w\x0f"\x1e\xd0\xf3jV\xa5\xd1\x94\x144"C\xe2\x8c\xf4{P\x0f\x9a\x9d\x8c\xfd\x0b\xb8\xafCv\r?'</t>
  </si>
  <si>
    <t>b'\x1d\xf1\x12-[\xbdIh\x15\x00Pi\x15\xd9\xb1\x9a\xf2N\x14\x05\x99\xb4]$\x1ds\xb14\xf3\x89\xbb\xb8'</t>
  </si>
  <si>
    <t>b'\x82\xc5\xe9\\\x82zp\x03S\x03I\xecqC\xb7\xca\xa6\xdc\x05\xe8K\xc4\xe5\x91\xf5\x07\x10\xc6\x82=4\xd4'</t>
  </si>
  <si>
    <t>b'\x86d\\\x17*\xac\xc6@}Be\xd4\x87\xee\t\nki\x89]\xd5\xd3X\x847\ndC\xc6\x1a\xda\xa1'</t>
  </si>
  <si>
    <t>b'\xc1\xd2\xcb\x86\xe1\x93G\xde\xa3f_\x14\xb3v\xb0\xf59\x9b\xa3g\xc2\rW\xa2\x8a\x97CL\x1b\xd3\xf0\xac'</t>
  </si>
  <si>
    <t>b'\x8d\x92\x9b\x81\x06%\xdfi\x1f\xf8Z\x9d\xc9(\x84\xd7l\xa2\x1c\xfd\x13\xc4\xf1\xc35\xd1I\xd5 \x1b\xb0{'</t>
  </si>
  <si>
    <t>b'w\xc2\x9er\x10{h\x954\xe9l\xef\xc9{\x82\xc1\x82\xb2azhT\x82#\xa2\xbdj\xcf0;\xd8?'</t>
  </si>
  <si>
    <t>b'b\x1d\x9d\xab\xb0\xc3\xdc\x91\x05\xd1\xbcW\xbb\x84\nK\x8f\xe5M\x1d}@\x15\xeb\xbdS3f\x9av+\xa0'</t>
  </si>
  <si>
    <t>b'Mm\xe5\x1c\x85)j{\xfc\x11.\xf0\xf4\xa6d\x97\n\x96\x80ga\xabE}3\x19zv\xe5\xbb\x14\x8b'</t>
  </si>
  <si>
    <t>b'[G\xf2\x8c\xcd|\xc2\x1f\xb7\x14\xfc0\xd3\xbfCD\x84\xa0\xa3V\xb5\x80n\x9a#\xb0j\xc5\xc4W\xa6\x1f'</t>
  </si>
  <si>
    <t>b'\x89\xcfn\xdeU\x98\x99\xedw\xd4\x95\xebG\x0c\xe1\xa8,\xcc\x99\xad.\xc5s\xc3\xd4\xbbX\x84S\xa4\xd6\xec'</t>
  </si>
  <si>
    <t>b'\x9cg=#J\x020qTIp~Xf\xcb\x90*\x8a\xd7\xd2\n\x17\xe8\x96o\x8e\xbe\x0e\xde\x9a\xa7X'</t>
  </si>
  <si>
    <t>b'\\\xa7\xc3\xcc\xaf\xee\x9a;\xcd)\xb7\xcacf\xfc\xf9x\x075\xfc\xd3\xa5|\r\xfd\xa5\xe8Z\xbdX:\xa6'</t>
  </si>
  <si>
    <t>b'8\xbc\x16\x1a\xb9\xd0yzo\xb1\x17\xd3\xb9#\xd3\xaf\xe02s^\x12\x94t\xe8\xb5\x14\xcf\xbe\xaam(2'</t>
  </si>
  <si>
    <t>b'[vJOr\x99h4\xa1\x08\x8a^@\x03\xce\x03\xe6e\xfcd\x91A\x83\xf2\xc4\x08&amp;\xacF6\xe1\xd4'</t>
  </si>
  <si>
    <t>b'\xcc\xc0Z5\xee\xf4\xceCh\xb2\xa8\x07_\xecn\xb2\xe1\xf7\xc7\xb2\xd71\x16\xd2\x9b\xe2n\xdfQ\xa48u'</t>
  </si>
  <si>
    <t>b'\xe6h\xc5\xef\x9d\x19\xd5\xf5F\xc9F\xa4R\x0c\xd5\xd9\xe1*n\xcb+\xa3\x8d\x9f\xf5\x1b\xd7\xb4\xd0\x9b\xe0\x02'</t>
  </si>
  <si>
    <t>b'\x85\t\xc6\xfc\xa1t\xa1p\x8e\t\xbb\xc3`\xea,r@b%lZ\xf9\xad\xa8\xd6\xc8\x92\xda\x8e\xd5\x9b\x8c'</t>
  </si>
  <si>
    <t>b'\x15d\xf0^\xa1t\x12\x17k!=\x07\xff\xf9\x18\xda\x12?\xed\xf7\x8c\xfaAS_\x12\x01\xadp#&lt;P'</t>
  </si>
  <si>
    <t>b'\x89\xcd\xb3\x0b\xdb\xae\x98\x86\xaa\x90\x96\x18\x1a\x92\x0c\x88o\x03\xb6\xc7\x06a7\xc3\xbb%[h\xacc\xd4\xb2'</t>
  </si>
  <si>
    <t>b"q5|\x951\x96F$\xc0\xbba'\xab\x84\x9e\x03\xfe$\x89\xb7\xd0B\x8a\xe6\xd3\xa8FM'\xa6\xab\xd2"</t>
  </si>
  <si>
    <t>b'\xe3\xb6!\xbdB\xe2\xf8w\xa5\xf1\x14#}\xe2&gt;\x00A\xa7l\x89\xe0\xb7\xf5\xd8PB{\x87E\xf3*\x82'</t>
  </si>
  <si>
    <t>b'\t\xb3\x0b\xfd\xbbI\xbd\xd0\xa99\xdbWU\x18\xe0\xe5\xf9\xc4\\\x81h,\xf2\x0b&gt;\x9ebTd\x9a"\xa8'</t>
  </si>
  <si>
    <t>b"X\xf9F\xaeg.\xc4\xe6\xb03x\x8cB'\xb3B\xe1\xb7$w\x1a\xe9\xc3\x11\x13\xdd\x8d\x08\xe4\xf44:"</t>
  </si>
  <si>
    <t>b"\x13\xf1'\xd5:W\xcb.\xf7\xc4k1\xad4\xcbgdn\xf4\xfc\xdcKR4\x17\xc1T\x18xY\xa1\xc6"</t>
  </si>
  <si>
    <t>b'\x02\x83\x8c\x9e\x1a\xa2TR\x9e\x14pw\x9ai\x9eI\xf5Cg\xc8\xdd\xb8\xa8\xb8\xcf\x10+\x1bu\xdenl'</t>
  </si>
  <si>
    <t>b'\x12\xcf\xef\xfd \x01\xb3\xd6Xg\x16\x9a\xdaQ\x17\x04pqF\xc3\x1a\x87\xf9,\xf4\x8b\xad&lt;2\xf6A\xfd'</t>
  </si>
  <si>
    <t>b'\x13\xe8o\xa4~oo\x88"\'NY\xfb\x13\x98\nO\xd5\xda\xdeE\xc9\xd5\xb8\xc4)]\xc2\xc6\xc7\x8aa'</t>
  </si>
  <si>
    <t>b'\x1a\xefA\xcc]\xd1\t\x04\xd1Xv\x16\xac\xbc\xa3g\x0c\x16,\x17\x9e"|\xd6\x87/\xeag\xa34#\xd1'</t>
  </si>
  <si>
    <t>b'\x88\xe2\xef0\x9a\x83\x9cp\x08\xb7\x98\xd1\x01\xab\xc9@h}G\t\xb1!\r&gt;\x80\xa5D\xc2\xfe\xd6\xea\xc6'</t>
  </si>
  <si>
    <t>b',\xb1|\xb1\xaf+\t\x00+w\x00E\xb8\xceG\xe4[}\xef\xa3\xa6\xc6\xd2\x03%\xf8\xf9\xad%`w\xcf'</t>
  </si>
  <si>
    <t>b'\xa7I\xd05\xe2\xd8\x14!B\xf8t\xc1\xdeZ\xc6\xe8\xc9#\x8fH\x95u){q(-9x\xfb\xb6\xb8'</t>
  </si>
  <si>
    <t>b'\xec\xf0\xa2[%\x06/\\\xbf\x18\xc8G\x7fX\xb8\xc1\x80?\x1f\x87rd\xa0\x02$3\xb6\xa4\xb9\xa9\xff{'</t>
  </si>
  <si>
    <t>b'e\x10\xe3\xd1\xd9\xe2\xe4L=\x10\x00\x97\x98\x10=\x84DlT\xd4\xd3\x03\xcf\x8c\xc6\x14\xd7iu\xf1[/'</t>
  </si>
  <si>
    <t>b'\xc7f0\xf3z\xfbC\x86\xfa\x98l$R\xe9 \x8c\x0f3\xc3\x99\xd6\xa4\xac\xee\xc2]?f$G\x9b\xec'</t>
  </si>
  <si>
    <t>b'\x96\xbf\xe9\\O\xfd\x0f\x10\xdc)Z.,\xd3M\r\xa9\xc4u\xc5\xcd\xec\xb3L\x10\x9c\xd3\x1e\xaa\xc4\xafo'</t>
  </si>
  <si>
    <t>b'\x05H\x1e6\x93\x0e\xa0Wc\xd4\xe5\x8e\x97\x85\xa4\xf1t\xd0\xad\xc5zm\xdb3\xa6/\x1d\xc3\xf0;\x1e\xf9'</t>
  </si>
  <si>
    <t>b'\x15\xce\xa9v\xa6\xab|\xde)8\xf9\x8c\x9d-\xe1\x9d\xe3\x82\xad\n\x9f\xe8\xf8i\xaa\xc7\xec\xd607m\x15'</t>
  </si>
  <si>
    <t>b'\xd6\xfdo&lt;\xb9\x04\xcf\xa86j\x87g\x0e\x84h\x153e\xba\x03\x0c\xfa\xb1}\xd8\x90\x1e\x11\xb6\x9cg\xe7'</t>
  </si>
  <si>
    <t>b'\'"\xf2\xf8\x8d)\xc3\x18\xc67^Y\xc00:*\x81\x87\xde\xdb\x9b\xee\xf2{\x12\xdf&gt;\x01\xeb\xac0\xba'</t>
  </si>
  <si>
    <t>b'\xb9{t?\xf51{P\xb8\xb3\x84?\x05a\x91\x965s1\xd9\xfb\x1f\xc2\x96\x05\x80\xb7A.)B\xe6'</t>
  </si>
  <si>
    <t>b'w\x0f\xf4\xb4T\xb2\x19\t\xde\x91"\xab:\xc0W\xc3H\xa2\x0c\x1cq\x895y\x8cd\x08\xdf\x89\xfa\x83\xa2'</t>
  </si>
  <si>
    <t>b';\xa4\xeb\xbc\x0c\x9a\x0bj\xe0\xd7S\xe6\x93 \xcf\xde\x1a-\xc1\xd3\x11n\x8b,\r\xe6\xdf\xf2\xea\x9c\xebG'</t>
  </si>
  <si>
    <t>b"\n~W\x9a1\xc7WT\xd2\xfb\xd1\xbd\xb0ko\\:'\xee\x80\x12\x1f@K\x15p3vcy\xb5l"</t>
  </si>
  <si>
    <t>b'\xc3\t\xed\xf3\xce\xb9\x80q\x8fN\xa623\xb1xf:\xdb\x9b#\xea\r&amp;\x11\xcc\xbdy\x16\xc2Hf\x88'</t>
  </si>
  <si>
    <t>b'\xbew\x1d\xa2\xcd\x89MrOJ\xdb\x10\x94\x85\xcfA\xfb\'\x8b\x86i\xfa\x10\xa1"0\x98\xe1\xfc\xbd\xbdQ'</t>
  </si>
  <si>
    <t>b'\xf2\xcc\xb1?\x9c\xa9\x93\xb3\x7f\n|\x83\xd0\x83\x0f\x0f\xaa\xe3\xa9\x03\x1c_\x0fy\xab\xf7\xb7\xbe\x9aXq\x10'</t>
  </si>
  <si>
    <t>b']\xdc(\xcb\xfd\xfe\xdfT*\x9b\xeb3"\x8e\x99\xf9\x02\xeft\xb4\xd2\xcd\x03\xdf[\xf5\x93\xdb\x8b\xd3`^'</t>
  </si>
  <si>
    <t>b'l\x99\x80\xbd\xd5\x7fF`\xef:\xc8MC\x93\xeaP\xb6\xa4\xa3\xebG)\xc4IFT\xe1k\xb9\xf2C\xf4'</t>
  </si>
  <si>
    <t>b'\x16\xe1~\x12\x8e\xf1\x8c\x00\xdbV)\x90\xeba\xbe\xf1Z\xfa\x8d\xd6\xab|\xc8\xc2\xaa\xe25\x1a\x7f\xb0\xa5\x9f'</t>
  </si>
  <si>
    <t>b'\xe0\xf8\x1d\xde\x88\xdb\xba[s\x1c{owU\x8eX\x00Fs\xacQ\xeb\x0b\x0b\x10z\xcaf\x90\xf7\tK'</t>
  </si>
  <si>
    <t>b'yY\\\xc3\xb4j\x05\x03\xbc(\x93\x85_"\x89#\x98k\x19\x89:`\xf5\xb9\xae\xd8\x18\xe6\xbf\xb2\xac^'</t>
  </si>
  <si>
    <t>b'\x9c\xcd\n\xceO\xc0^1Vb\r\xb3\x99\x07\x8a\x11\x0bo\x8c\x14u\xcb\x9b \x9b\x86\xd1\xe0\xa1\xb0l}'</t>
  </si>
  <si>
    <t>b'\x10\x8f\xcfi?\x13/\xf4)0\x9b\x06}\x1bJ\x92L$\\H\x16x\x90\xc5\xdd\xba\x19\xef\xf2\xd2\xc2\xc1'</t>
  </si>
  <si>
    <t>b'\xff\xa0d\xbf\xd0\xe1\xe3\xdc\xbd\x9cS+w\xd5\x84\xb4\x1c\x89\x7f\x0e\xdf\xe7\x90\x19!\xfc\xfb\x8e\x93P\x13\x0b'</t>
  </si>
  <si>
    <t>b"D9'\x1c\xa3\x9f\xd7\x97\x01\xdb\x1e\xe0&lt;I\x83D\x9bsQsR3\xd0+\xd7\xbd\x08Db\x8a\\\xa0"</t>
  </si>
  <si>
    <t>b'\x04\x9a\x1a);\xa1\x0b\x8dU\xc1\x1d \xe7\xc0O\xd4\xc0x\xc9an?\x8c\xcdjuS\xa4&gt;T\xd4\xd8'</t>
  </si>
  <si>
    <t>b"\x10a\x03\xcf1\x94\xe8\xe1\x98\xf8\xfa\x98\x13@\xd7T\x14\x8b\x15 \x9b`\xaa\xa2\x14\xd2'\x18\xc5\xcf\x97\xcd"</t>
  </si>
  <si>
    <t>b'\x88q%\xb2\xb6\x08\xf1\x88\x93\x07\x97\x15L\xc2;\xcd\xf4\xe2\xe9\x8e\t\x82\xe2\xd2\xddnW\r\xbc\x81\xc3L'</t>
  </si>
  <si>
    <t>b'\xd9\xbb$8~\xe2\xfep\x97m-\x87cQ\xfe0?\x1e9\x1e\xf2\xa9:\xe0`\xa1Yy,\nZ\x81'</t>
  </si>
  <si>
    <t>b'\x14\xb5\x18L\tQ\xc0\xce\x18&amp;\xd3\x7f\x1d\xd7\xa3_\xaf\x8b1\x98\xdb\xc1J&amp;B\x03\x00/\x99\xd0\x9f\x17'</t>
  </si>
  <si>
    <t>b'k(\xc3a\x85\xe5G\x9bf\xb2\xec6DQ\x06\xa0Y\xd9*\x9d,6/s\xb3\xf9a!\xc8\x0b\xc4:'</t>
  </si>
  <si>
    <t>b'\xd5d(\xe9\xe1\x84\xd3\x06R\xe2\xd6\x16\xe6-\x99\xc2\x9d2\xd8\xac"\xe3\x9bB\x9ee\xd4E&amp;\xb8\xd40'</t>
  </si>
  <si>
    <t>b'ifQ\x07\xdf\x16\x0cw{?\xf9\xc4\xdb\x1b|\x044}\x0fE\xfc\x93\x10\x16\xe3\xe9\xbd;\xfb\x82#\xb3'</t>
  </si>
  <si>
    <t>b'\xc3\x91\x13\xac\x0c`\x9e0\xebS\x05\xa2\x96\x87k\xda\xd9n\xf6\xa2&amp;\x08\xf3\xa3x~\xd8i3\x94Z\xf4'</t>
  </si>
  <si>
    <t>b'\xcbJ\xe6\xd3\xde\x1c\xf0O\xa7x\x8f}\x88:\x02\xaf;\x00V\x9a\xc6\xf8^3\x87\xe5\xa4\x10\xe3\x96\xaf\x1e'</t>
  </si>
  <si>
    <t>b"\x0f&amp;\xef\x16\xcb\xcf\xa5\xed\xc2?\x82'\xec\x11\x88\xc3.8X\xc8\xc8P\x93C\xdc^^U\x7f\x87\x08\xd4"</t>
  </si>
  <si>
    <t>b'_\x8b\x9c\x08A\x01\xa1\xd4s\xe4\x9f\xfb&lt;\t\xfa\xfbPF\xf7g\xdf\x13&amp;\x97\x8a\xdf\xccO\xe3\xbf\x10('</t>
  </si>
  <si>
    <t>b"\xa7\xf9\xda\xd1*b'\xc2fDx\xa7\xad\xee\xca\x06*\x1cZ\x8f\xebCj\x17\n\x9a'%&gt;\x8e:\xd1"</t>
  </si>
  <si>
    <t>b"\x9f\xd2%Z\x88\xaf-\xf8u\x14y\x93\xf5\xa1Y\x16~\xb6:\xd3\xf1\xf1\xe5e\xb3 \x96\x8ad'\x9aD"</t>
  </si>
  <si>
    <t>b'\xad\xe3\xd4\x0b\xa6\xdc\xaf/&lt;]\x9c\xc5\xae\xb5\x8ed\x80\xd3S\xcb\x00\xe21\xd4\xf0\x81\x16\xa0\x96-\xbd\xfe'</t>
  </si>
  <si>
    <t>b'\xab]\xda\xb6UY\xf0\x8d\xf3]M\xf3c\xfa{\x02\xf9YJ\xa9q\n\x12V\xc1\x88W\xfa\x1d{\xdc\x07'</t>
  </si>
  <si>
    <t>b'\xad\x0b\xf9\xa7\xfd\xad\xc4$\xe461\t\xcc@\xe3\x8a\xd3\xad\xcbR\xdcg\x9907\xc4\xa4(\xbe5\xdd\xd4'</t>
  </si>
  <si>
    <t>b'$dkm\x91uz?J\x0f7\xa64G \xf1\xa9\xfd\xa8 \xf8\x94\xa6{;{\xe7\xcd\xbd\x95\xd1\xbc'</t>
  </si>
  <si>
    <t>b'\xdb\xd9 \xd9\xabba\xcc\xd7&lt;ex\x03:\xda;?N[\xfdG\x89\xa0\xc7]\xa0U\xe0VXE\xc2'</t>
  </si>
  <si>
    <t>b'\xa3/\x8d\x81\xe6\x90\xf3\xa8\xfc\xb5\xb4\x08\x1a6P\x98\n\x12\x19\xa0s\xd7\xae\xb5\xb8\x039\xd3gE\xac\xd4'</t>
  </si>
  <si>
    <t>b'+u\xbd\xd7\xf9\xda\xf2\x9cA\xde\xcaq\xb4i\x88\xb9\x83Y5g\x9d\xb2h5\x84\xbf\x95_\xa70\x03\x84'</t>
  </si>
  <si>
    <t>b'\xf1R0\xcf\xa2r33\x0c\x8f\x98\xc0\x17\xcdb&amp;\xf5\xc6\x81\x98\xffb\xb3!XS\xa4\x00g\xd2\xa9Z'</t>
  </si>
  <si>
    <t>b'\xb9\xf9\xea\x83\xb1\x08M2\x13\xdc\xdd\xd9\xcc\xaa\xd1\x9a\xf7\x93M\xaeF\xe8\xce\x0c\xc7\x1b\xff\xe1\x81\xe1Z.'</t>
  </si>
  <si>
    <t>b'\x01\xb3q\x1enl\x04\r\x87G0\x81\xeaQ~\x83\xbeL\xa9\xc4\xa1\x1fZTr\xe2{\t\x17}yJ'</t>
  </si>
  <si>
    <t>b'\x99v\xe4x/\xc5jPT\xdd\xf7\x81q\xc0j\x1c\x8f\xa4V\x0f\x9a[\xe9\xfe\xee\xecmk\x9er\x89\xa0'</t>
  </si>
  <si>
    <t>b'\xcb\xbchr\xf93\xc7\x02(\xeb\x0e\xb3\x1b\x04]\xaeX7N+\xa9\x9d&gt;/kk\nG\nO\x10\xc5'</t>
  </si>
  <si>
    <t>b'\x924\xb4*\x0fc&gt;?\xcd\xd7g5\xfa\x00E\xc8\x96\xf3\xe4}\xb8\xa5\xe1h\xee\xd2\x1fZm=tt'</t>
  </si>
  <si>
    <t>b"\xd6\xedgi\x8d\xa7\x11J8\x88\x87\xb2p\x81\x92\x8eX\xd0\xe8f\xf4'%26l\x97 '=0\x9a"</t>
  </si>
  <si>
    <t>b'T\xce=\x02f\xda\x1e*\xab\x1e\x10\n\xe8,9#GA\x12\xa819Wa\xa3\xfcM;N\x01\xb1\xbd'</t>
  </si>
  <si>
    <t>b'r\xa61X\x0f\xc6#GMC\x15[\x97\xcav\x10:\xac\x10E\x84\x84*\xf6\xb4\xe1\x94L\x02 \x86\xe3'</t>
  </si>
  <si>
    <t>b'z\x8c\x07iE\xba\xc2\xeaS\n\x07\xe8\x81D\x87E\xd3y\x16r\xed0\x19\xbd\x93T\x0eL\xb5\xc0=\xca'</t>
  </si>
  <si>
    <t>b'@\x17o\xb8\xe8\xf0Z\xadU\xd1F\xe2\x0fk\xda\xd3k`sm]*\x06f\x98\x17\t\x8c10\xd7|'</t>
  </si>
  <si>
    <t>b'f\x14\xbfE\x84\x1d\xbdG\xfb\xcc}o3U\x98h\xce#\xee3\xb3\xfd\xbe\xe6\x04\x052\xadZX:\x0f'</t>
  </si>
  <si>
    <t>b'\xbf\x9a\xb8\x9c\x841Sg\xfbuD\rt;\xc3\x1c\xb7\xadqq\x14{\xfa\xb6\xa2\xec\xf8\xe7f\xc4a\xc9'</t>
  </si>
  <si>
    <t>b's\x03p\x1f&lt;\xd9\x11\xae\xb2\xa2\xc1]\x17\xb8\x1f(|\xbb\r\x90\xfa|NPq\x06\xc5G\t\x00\x05|'</t>
  </si>
  <si>
    <t>b"[r@\xd1\xd8'5\xa6\xc13\x0c\xb5P\nv\x8a\xb4%\x81\xda[\xe0\x0e\x00\xe5\xc5k\xee\xcaB\xa8\r"</t>
  </si>
  <si>
    <t>b'v\xfa\x8d\x9cz\xf3c\xe7\xf7\xe5\xdeR\x11p\xcf\x94\xe9\x03kI\xc8c\xe3\xb3\xd3\x80\x7f\xad\xdd\xc2\xebr'</t>
  </si>
  <si>
    <t>b'\xe9\xeb\x9e\xa3\x06\xe8\xf2\x9e\t\xc9I\x8f\xf4(\xf6\xe3\x97\x1aU\xee_)\xe4\x92\x99iR\x94\x08i\x063'</t>
  </si>
  <si>
    <t>b'\xf8[\x0b\xdeOFR7\x15\x86\xd2\xbb\x93\x89\xeb\xb9\xcad&lt;\xb4/\x9e{7f4\xe6\xde\xea\xaax\xfb'</t>
  </si>
  <si>
    <t>b'\xd7\xae\xd2r\xb9l\x0bMX\n\x172\xdb\xb3V\xe9\x19\xbc\xc1r\xbccq\x99\x17G\x9c\x9a\xe9\xf8\x85\xc0'</t>
  </si>
  <si>
    <t>b'\xba\x8a{}\xca6\xda\xd8\xa7u1#\xbdq\xa0\x8cnb\xa7:\xd1M&amp;\xc1\x05\xf7\xd3\xb1\xc3)\xef\x1b'</t>
  </si>
  <si>
    <t>b'\x0bc\xea\xc1\xd9\xf9\xa7O&amp;\xf2\x9a\xc6\xaa`v\xef\x99+\x81\xa8\xee_\xc0Yr\xbe9s\xd0}pZ'</t>
  </si>
  <si>
    <t>b'7d\xfb%+\xa3\x99\xa8\xc82,\xd8\xd0\xf2aGk\x80\xc9a(\x9c\xf5\xdb\xa3\x0b\xb4\x1dW\xeb\x8e\x1a'</t>
  </si>
  <si>
    <t>b'\x8fmH\x16\x02\x90Z,\xdd\x087o\x85\x92\xf9\xbe\x84\xe3\xbb\x16\xec\xb0v\x97\xaa\xd6VB\xaa\xd2\xbf\xcb'</t>
  </si>
  <si>
    <t>b'\x98*\x9d\xb8\xae*\x7f\xbb"@\x1e\xc8\xfePmdaI\x8d+`\x9d\xba\xbc\xb1\xc6N\xdc2\x99\x13\xf2'</t>
  </si>
  <si>
    <t>b'9,O\x06\x0c`\xc9`h\xf9\xa4)\x0b&lt;g*\x1c^\xa0\x1f\xfe\xe4g\xd1\xe08\xe8g\xc4\xd7\x1c\xa9'</t>
  </si>
  <si>
    <t>b'\x80&gt;Q\xf8\xc9/\xe6\xfc9P\xc5Kz\x0c\x12&amp;*\xd4\xd2\xa6\x8c\x13\xa7\xdb\xf2\xa5[F\xf8\x8d\xc2)'</t>
  </si>
  <si>
    <t>b'\x89q\x96\xc4\xbf\xb3PhF\x81\x9bV\xa2\xbc;%K\xc3\\\x973\xc1]B\xe2\r\xad\x0c\x96\xc1\xe1\x07'</t>
  </si>
  <si>
    <t>b'\x8a\xf3\xcc\x8dL\xc0\xd6Q\x96\xec\xb3\x97&amp;aX\x10\xfe\xb4TPy\x0bO A\x93\xfc\xa4H\x1c\xfa\xfa'</t>
  </si>
  <si>
    <t>b'\xe1-^mm(\xfe\x1f\x10\xe8\x1e\x1b\xcd\x04\x85\x94o{P(|\x01\xbb\xdd\xd8\x8e\xfe\xad\xc2\x96*='</t>
  </si>
  <si>
    <t>b'\xd9~;\xc0\xe4#w\xad6\x15k+_J\r\xdc\xd90-\x87\xa8\xea\xac\x16\xb5n\xf6\x13h\xac\xe58'</t>
  </si>
  <si>
    <t>b'D^\x16\x8b\x8d\x0bT_\xdb\xaa\xc9\xb9\x8ew\x87\xbb\x98|\xae\x1d\xc7\xfe6\xe6\x9c\x8d\x98N\x11\xca\xd5N'</t>
  </si>
  <si>
    <t>b'\x97\xc8S[\xa2\xe9\x8c\xba\xdd@\xf2\xba\xbe\x04&amp;{q\xf8\xa7\x8d\x88\xaepV\xf4Y%A\xfa!p\xa4'</t>
  </si>
  <si>
    <t>b'\x1d\x1b\xfa\xb0\x15+\xdb\x1fm\x93p^\xeb\xc6%\xc45\xa7\x12D3qO\xe3V_\xbe\x96\xc8\x9ba\x0f'</t>
  </si>
  <si>
    <t>b'\xdb\x84\xd2v\x80$\x10\x08X\x9d0\xec\xf7\xf6\xe2\xcf\x91\xbd\xacU\x18q\xdd\x1a\xe1\xb9j;\xbb7\xc4I'</t>
  </si>
  <si>
    <t>b'\x85G`\x9a&amp;\x89\xe1c\xd0%\xa0&gt;o\xda\xd5MF\x93c=\xa4\xb4\x03w\xff\x87\xf7\xe8\xa4s\xb0 '</t>
  </si>
  <si>
    <t>b'\x16\xfb\xcf\x1a\x87\x9c\xb8\x12\xc1\xe3\x80\xe3\xd9/J\xb6\xff\xb8~\xc6\xa1\xd0\xc4\xe4|R;\x84\xf57\x02\xec'</t>
  </si>
  <si>
    <t>b"\n\x8ai\xfd^\xc3\x05%\xc0\xb1'\x9e]!\xd1\xa1\x98\xd9\xbc\xdd\x98M\xcehR\xcbt\x1c\xbf1\xdff"</t>
  </si>
  <si>
    <t>b'%\xdc\xc2z\xf26%\x83h\xc05\xd9&lt;3\xd7\xf4\xce\xec\xf1\x10\xc9\x7f\x19\xbf\xb6u8\xab\x81\xa8(^'</t>
  </si>
  <si>
    <t>b'fw\xa4\x1c&lt;i2b+\xa5\xad\xe7\xd1\x80\xba\xee\x04rP\xaa\x84#\xeb\xb1\xe5\xb7\xd2B\x0c\x92\x95\x9a'</t>
  </si>
  <si>
    <t>b'`\x81_\xe3H\xc9\xb32\x1a\x1fB\xbb0\xd8&amp;\x93\xcb\xe2m\xca\xcf\x8c\xa4\x1e\x12\xe3\xd56\x0c&amp;w\xa1'</t>
  </si>
  <si>
    <t>b'\x1fe,\x82&amp;)lX6\x92\x9a\xacj\x97\xef\x95\\\x94\x93\xd1\xab(ze/l\xe9\x0e\x1d68\x8f'</t>
  </si>
  <si>
    <t>b'\xb8\xd2\xeb\x94\xa9B\r\x10Z\x02V\xbf\xfa\xfc;\xf4\xe6\xfb\xbd\x967\x96O\xb3&gt;`E\xc7\x17\xee|T'</t>
  </si>
  <si>
    <t>b"\xcdG`WG8\xaeP\xac\xf2z\xce\xfd\xfc\x03I~\xd74g\xff-\x93\xe2'\xe5\x0e\x844\xe2\x94\xc1"</t>
  </si>
  <si>
    <t>b' \x91\xf2\t8e_h\x01\x85\xbf\x92\xbe\x90\x0c\x00\xd4\x1f\xb3\x95=\x17\xa6R\xdf\xae\xf0\x81Q\xa9Z\xae'</t>
  </si>
  <si>
    <t>b'\x94VZr\x17v\xd3KPk\x99\x1c\x03\xd2\x94\xaa\xef\x1c\x95)\xb0\xa0L\xaa\x84\x8cY\xef$\xec\x8f\xeb'</t>
  </si>
  <si>
    <t>b'\tv74\x82\x95\x84\x9a\r+sK\xbf\x94n\\\xa4r^\x7f9\xb1\xc2\x0c?\xf4G\x0b\xc6\x0e\xbf-'</t>
  </si>
  <si>
    <t>b'4W\xf3\x19\xf0\xa3\xbc\x1b\x16\x1e\xe5a\xde\xdd\x8e\xe4\x0c0bB\xc1\x89tM%\xf2v\x16\x07\x1fC:'</t>
  </si>
  <si>
    <t>b'\xb5pw\xde\x9a\xc1\xc0\xf278\x06F\xe2E\x88l\x92z\xb8\x15\x06\x94c\xa7oU?p\xec\xfb/\x8c'</t>
  </si>
  <si>
    <t>b'\xf6+\xa4\xd7\xb3t\xf0*\xf7Y\xe7\x04\xc2&amp;w\x8e*:h\x07\x17\x14\xbc\x94\x7f.\x16\xe2"\xe9\xc7B'</t>
  </si>
  <si>
    <t>b'\xe1"\xc7\x06\x9c\xd95\xa4:\x9c\xdbb\xd2}\xc7&lt;\xc89I\x13\xfc\xedY\x84\xe1\x86\xf7W\x7fnK\xa4'</t>
  </si>
  <si>
    <t>b's\xd2\x0b\x81\x18\x87\xe3M\xe3K\x87\xb9B\x10u_5Q\xc8\xeea\xabqZ\x94\x10E\xbe\xc5L\xf3*'</t>
  </si>
  <si>
    <t>b"h\tK\x01\xafC\xfd\x0e\x82O(\x11\xca\x90\xc6`$'\x91,\xdd2|qd\x9d\x13\xbb\xbe'!\x97"</t>
  </si>
  <si>
    <t>b'\x7f\x1c\xe0\xd4B\x1d\xdd\x86\x7f\xd5%\xc7\x92J\xd6\xf0\xb8W_\x07\xa4\x1bBF\x1c\x16A\xa3"\x94s\xbb'</t>
  </si>
  <si>
    <t>b'\ta+bh\x05|\xc1\x9e\xd5\xf1\xe4\xec#\xd6C\x11Y\xd8&amp;\\r\\)\t\x9c\x88\x86$;(q'</t>
  </si>
  <si>
    <t>b'g"T\xa6%\xbe\xbeKP\x9e\xf7\xbf{)\x1c\xa2\xaag\x1b\x13\xd5g\xd5Wa\xdd6\xd7fi\x9f\xb8'</t>
  </si>
  <si>
    <t>b']CQ?r`z\xfd\x80\xe2\x9d\xc3\xafa\x1a\xb94\xce\xcc\x8bo\x00\xbb\xa1\xd8!{\xd1\\\xfe\xcd\xb0'</t>
  </si>
  <si>
    <t>b'\xb0\xaca\xfe\xc2\x0e\xdb\xe2\xaa\xd0:\x80\xbf\xa4\xb2\xefr?&lt;\xb0-\xbb`\xe5\xc5B\xaf \x14\xf9C\xd6'</t>
  </si>
  <si>
    <t>b'\xf4\xfe&lt;}\xd3#S\x94P\xe6aW\x82q\x8f\xde\xed.58vC#WhaJ)\x1f-\xcc\x83'</t>
  </si>
  <si>
    <t>b'\xc34\x0e\xd2j\xd3\t\xd7\xbc`\xd5\x18\xca\x88\x13\xfedXi\t@\xa0\xdf\xb5\xe4J\xbd\xad\xf0\xc8\xfe\xd9'</t>
  </si>
  <si>
    <t>b"zx\x8f^^\xd5CS\xd6\xda\x16\xad6.YU\xf5\x8d'\x04@\xfftN@\x8a\x1a:\x9ard\x0f"</t>
  </si>
  <si>
    <t>b'Y\xd1\xcb#\xe2_\x8a\xb1\xd1\xba\x8f\x9b7\xb0\x19[8\x98\xbf\xda\xf2\xf7\x93\xd4\x99\xb1\xda\xa0\x96\x96\x9fc'</t>
  </si>
  <si>
    <t>b'=\x82\xef&gt;\x8e\x0e\xf1\xe6\xf9\x0b\x0e!\x9c\x98\xa57B6}\x93DI\xfb\x90\xdeF\xb9O\xfeBqf'</t>
  </si>
  <si>
    <t>b'\x7f\x0c\xe1\x82\x1fP\xf1\x00"7\r\x08\xcb\x01\xd4K\x0b\xb8\xe4\xd2@\xcaM\xe1\x1c\xfd]\x88\x04\xa9|\xfb'</t>
  </si>
  <si>
    <t>b'y^{\xa1\xaa\x94\xbe1\x9c\xd4W\xce\x82\rx\xd1G\x0c[\x1e\xa2X\xe62%\x8e\x8bE\xed\xe7\xedy'</t>
  </si>
  <si>
    <t>b'\xfd"\x9b\x10\x0fL8\r\xbe!\xdd^\x8c\xbd\x95\xe1\x00\xf0O\x7f\x05&gt;\xa9\xd5\x18\xa7@\x92L\xff\x1e\xb2'</t>
  </si>
  <si>
    <t>b'&gt;wM/AA\xec\xdc\x07\xe1 \xaa/\x1cq \xca\xef\xe8\xf3\xd1\x8f\xe4`\x11\x9cX\x1fg\xd0\xe2\xe6'</t>
  </si>
  <si>
    <t>b':\xa1\xc3\xa8k\x89\x08\xa8\xe4\xef\xde\x1e\xe6\xff\xcdq\xf6W\xee\x99\xd2(\xee\xdc\xf4\xeb\x84\xdeN\xda\xea\xe1'</t>
  </si>
  <si>
    <t>b't9Pw\x16V\x11C\xfb\xa68\xa4!G\x96\xa8/\x80\xe3\x8e\xe2\xc7\x86\xeb\xf4N\x88\xa3/\xfa\x9b~'</t>
  </si>
  <si>
    <t>b'\xca!\x9c)`\xfdC\x19\x80\xb4\xfd\xaazd~\x07l\x91}&lt;\x06\x01Iy7\xe7\x8d\xf6\xd5=[_'</t>
  </si>
  <si>
    <t>b'\x8cb\x1e;iH\xbe\\\x92\x0c\xa6B]\xa4\xf9\x00\xee\xf2w\xd0\xb8\x9a`\xb7V\xfd@%\n\xff\x9c\x9d'</t>
  </si>
  <si>
    <t>b'\x987\x7f\xb6\x87Wt\x85\xd7\xae$\xbe4U~y\n\xef\x9a}i\x07\xdd\xdd\x83\xc7\xb9n\x86\x8d\xe3\x05'</t>
  </si>
  <si>
    <t>b'\xb2H\xcaJV\x06\xb2\xff\x9d~\xd6y\xd2"\xe4g~b\x03\xc6\xfc\xd3\x01\xd0Q\x96\x84\x95\x97\xf2X\x96'</t>
  </si>
  <si>
    <t>b'\xa2~Iz7\xaf.\xb9\x11(\xfeZ\xd3\xb2\xd6(\xc1\xc0\xea3\xb4\xbf\x94\xc36J\xd0\x96\xd7E\xb6='</t>
  </si>
  <si>
    <t>b')\x07\xae\xb2]\x8eF\xa2\xee\xa6\xaf\xa6\xc6\x99\xb2\xe6\x9d\xe1\x9a\xe50\xe5\xe7\xd6uO8\x04\xb3\xa2\x8e\x01'</t>
  </si>
  <si>
    <t>b'\xba\xf0\x17\x9b\x03\x95\x94T\xb0\xd3\n\x90\x9d\xd9\xcdM\x04\x82\xb1\xf7\x8ePZ\x17\x12\x9b\x9c\xa0I+\xe0\xd7'</t>
  </si>
  <si>
    <t>b'j\x13\x1b\x0f\xbe\rT56h\xb1k5W\x19\xc4_{?t\xcb\x80x:|&gt;6\xd0\xb9M\xe4\xf9'</t>
  </si>
  <si>
    <t>b'!\xc7\xbaRp\xbb\x9dg\xb6\xdc*\xa8\xef\x00h\xfa\xb8\x00-\t\xf2\x92D\xed\xee\xd3\xf2\xd0`C\x80\x13'</t>
  </si>
  <si>
    <t>b'8\xa4\xdf\x8aw4\xf0\xb9l\xa9`x\xae}\\\x19!\x07\xef\x86\x0b\xbc\x8d.y\xe5t0\xd1=\x9c{'</t>
  </si>
  <si>
    <t>b'\xb1\xc8K\x12\x9e=\x8b\x80\xc33\x12\xd5\xfeLL\x83"\t\xf1\x9f\x027\xd03\x88/\xc8\x81!\x9d\xa3\x80'</t>
  </si>
  <si>
    <t>b'?\xd4q\xb2;\xa59\xc6\xdc\x9f\xb2\xca\x146\xd8\x99\xcd\xf8\x0f\xeb\xd3\x87\xde\xa6\xf4\x04\xe2\xd7i-\x8e\xca'</t>
  </si>
  <si>
    <t>b"OO\xf9_r\x9di=\xc9v\xcb\xa2OHu\xb9O\xba\x8e&gt;\xaf\x84-,8a\xd3\xc5']Y\xc2"</t>
  </si>
  <si>
    <t>b'\xeeH\xa9\x004\xe0\xff7j\xf8\xc9\xe00|\xfa\xcc\x9e\xe7\x12\x97\x19Go\xa3\x16\x93\x92\xff\xbdj\x88\x9f'</t>
  </si>
  <si>
    <t>b'\x94q\x06\x1f\x9dI*\xd7\xc0\xcc?\x9c\x05P\t\x079\xbb_Z0\xfe\xa3\xcd]\xe3\xacbpUj\xa9'</t>
  </si>
  <si>
    <t>b'X:\x1b\xad\x10Z\xee\x0e\xfeo\rt2\xec\xed\xe3\x18\t\xe9G\xfdH\xf5\xaaQ\xbf\xb7\xbdq\xa3(\x12'</t>
  </si>
  <si>
    <t>b'v\xbf\xb0\x1e\xf8F\x9f\xd8\xed\xe5}V\xc4\x1cV\x9ak\xf6\xdc\x15\x00\xcfuZ\x9c\x1fP\xcf(\x91Xk'</t>
  </si>
  <si>
    <t>b'\x1e\x14\n\xf9:\x12\x18\xf5\x9d\x8a\x8f\x18\xaf\x08e\xbcL\x1f6\x0fC5I\xc8\xaa\xeaW\xa5_\x15\xf8\x9d'</t>
  </si>
  <si>
    <t>b'G\x19\xf5\xb0\xeb\xba\xff\x1d\xff\xe8J4\x01\xf6\xeb\xef!\xd1\xdc\xefC\xeb?\x1c\xde\x07R\x1c?\xa6\x19\x02'</t>
  </si>
  <si>
    <t>b'\xc7\x99qH\x9cEf\xe69&amp;E\xf3p\xf2\x16,4\xb0\xb2\xa9\xbe\xf3\xf1\x00}\x0b\x8e\xab\xf4r\x84\x93'</t>
  </si>
  <si>
    <t>b'\x9e\x8fw[\x08\xa5\xa3aY/\x15\xfd\x1ewH\x06\x12@\x08h\xccK\x9c\xf8N\xbd\x1f\xa2\xc1/\x96\x8e'</t>
  </si>
  <si>
    <t>b'.\xb8\x9e|\x9d\xae\xa7\xe4\xd7s\xd1\x04\nn\xcclc1vE\x9b\xcc\xcc\t\xab\xba\xa5\x1f\x84O\x02\x05'</t>
  </si>
  <si>
    <t>b'8%\xa3&amp;\xa1S\xe4\x81+\xc5\xec\x1aM\x8d\x85\x88O&gt;\xf6VF\xf8)\x83\xe2\x95\xa9\xbe\x02c\xe96'</t>
  </si>
  <si>
    <t>b'Y\xa3\xda rT\x01"~\xb6\xb7\xb1r\xf3\xd7\xfd\x91\xbf \xad\xc0v\xd8\xae\xea:,\xee\xdaY\xfa\x0b'</t>
  </si>
  <si>
    <t>b'nt\x16\xd7I\xd8t\xce\xeb@.\x1b\x91_5r&gt;\x1f\\\x12)\xc0\xfa&lt;\xeagb\x9b\xd0\r\xc4\xe8'</t>
  </si>
  <si>
    <t>b'\n\x07\xa4\x13|&lt;\n\xfd-\xcf\xa9\x13\xa0\xf4?\x85\nA\x04@\x81\xb6\xa3+\xb9\xf4h\x7f\xe1:\xf0*'</t>
  </si>
  <si>
    <t>b'\xbdt?iR7d\x0fF\xce`\x1e\xdc1\xdb2\x92\xb5\xb4\xfd\xcf=\xce&gt;\xac\xe4\x80\x9dG\xfc\x15L'</t>
  </si>
  <si>
    <t>b'$\x89\xf7\xcbr\x84\x80/\r\x16\xe9+E\xe1z\xbc\xd5\xa6RVL\xd7\xb1\x9f\x82\xa9\x91\xcc\xae&lt;\xa0\xc5'</t>
  </si>
  <si>
    <t>b'\xc7\x8a~\xe2\xd3\xe7\xd8\xc8\xc5\x11&lt;\xac\xb2\x17\x19p(z\x94\x85Y\xaa.\xea\xc0\xdf \xa1\xe9\xece\xc4'</t>
  </si>
  <si>
    <t>b')\xb1\xbe\xc8\xdf\x82\xd3`V\x82\x94$/g\xa6\xdc\xecy&amp;\xd1\xdeR\xdajr\x1f&amp;\xce\xd2\xba\x9eu'</t>
  </si>
  <si>
    <t>b'N4&lt;\xfbmh\xc4Q\x16&lt;J\xc5u#\xab/\xe4\xf1~\xe5!\xe6F\x95\xc7\\\xa9Y\x99\xea=T'</t>
  </si>
  <si>
    <t>b'@\xf2@\x97X\xf8\x9cI\x02{\xfb\xb7]\xc6\x19\x86\x10\x1a\xe6\x03\xfd\x1cE\xfb\x05\xe0\xd5\x13O\xef\x89\xd7'</t>
  </si>
  <si>
    <t>b'\x84\xed\x94\xdd\x0f\x15S\xc7\x92]\xc1Ykm\x8b&gt;\xc9\xc7\xce*\x89\x9c\x8a0Y\xe6m\x03\xf7\xf4\x00\x14'</t>
  </si>
  <si>
    <t>b'\xd2\xbc\xc3\xe9t:\x0f\xff\xb8\xd1\xfe\n\xdd\x95\x9f\x9f\xccp\xd1\n9a\x95\xb2\xa3gE\x16\x97\xcd\x19b'</t>
  </si>
  <si>
    <t>b'{G\xd7nN\xfb\x19\xa9&amp;\xf0#\xff\xa3\x96\x9a%\xa4\x0f\xba\xa8\xe7-\xfcb\xc8{u7\x01w.&lt;'</t>
  </si>
  <si>
    <t>b'\xd5:9{q\xd37A\x0f|L\x96\xf0R\xf7z\xaf\x84\xf7\xfd\x88\xec\xb1\xed\x86\xc1\xfb\xb2\x03\x15\x0e\xc3'</t>
  </si>
  <si>
    <t>b'\xf0i\x0e1\xb3\xd3\xe1\xd9\x1f]\xf6\xe1\xca\xe7_\x06\xfd+\xb6Ln4\xd7\xda\xc4\xba\x9cg\xa5s\xbf\xed'</t>
  </si>
  <si>
    <t>b'bv\xfb\x8b_\x02\xcebT\xed\xbb\x8cc\xc6\x9d\x0c\xbb\xde\xc8\xa58\x9fW:\xfe\x98@\xab\x01\xc6*F'</t>
  </si>
  <si>
    <t>b'\x99\xec\xc4\xb8d^+\xeb\xf7}\r\x07y\tST\x97\xdf=\xce\x829\xc7\xdb\x9e9\xefy;\xa3-\xfc'</t>
  </si>
  <si>
    <t>b'\xee\xeb\xacX\xaf\xdc\x86,\xe8\xe3\xa3\xfc\xf5Qa\xf1\xad\xcf\xd1ZF3}P\x06\xfa\x0cF\xe4 \\\x9c'</t>
  </si>
  <si>
    <t>b'\xf2\xf4\xbdr\xde=\xd5\xc2 j\xdd^\\2\xfc\xb3\xfeh\x17\x96\xd3\xec\xd1B\xed\xe3\xb0E\xd2q\xd4\xf3'</t>
  </si>
  <si>
    <t>b'3\x7f\xac\xc0$\xc6\xa9\x8a\xc3)\xd2\x1a\\\x193\xbe4/\xa0j\x95x\\\xee\x9av\xa0\xddI\xd8\xb0i'</t>
  </si>
  <si>
    <t>b'\x1dIZ\x96\xc2\x13\x97\xd4\xdd-\x0c\x1a\x19R\x03\x87j\x8f\x0bq\xd3\x91t\xdb\xcb0\x83\xb4\xad_UI'</t>
  </si>
  <si>
    <t>b'&lt;\x118\xf3k\x89\x02\xf4^\xee\xbb\x8c\x04.u\x92\xc4\xc7&lt;\xf2W\xd0\xdd\x94w\xefx\xfe\xfd5\x9c\xd2'</t>
  </si>
  <si>
    <t>b'S|\x91\x9d(\x9b\xdb\xab\xd8w\x08\xa1-]\xc7\x9f\xac*\xa6\xc6\x8e\xfc\x8dT\x89\xb7\x1fbQ\x96\xcdQ'</t>
  </si>
  <si>
    <t>b'\x90$R\x7f\xfe^\xf2\xb2c[s\x8d\x01`\xba\x1b&amp;Ksh\x19T\xcc\xf7bH~byB\xb4&lt;'</t>
  </si>
  <si>
    <t>b'\x99D)\xb8n\x01\xb0\xb0\xaar\x10Km\xa5{\x1d\xf5\x1f\x87\x0c- B\xeeu\xa7\xe8\xb6&lt;\xd9\xaf\xa4'</t>
  </si>
  <si>
    <t>b'\x02!\xecf5\xfei\xef3\n0\xe7\xb8\xa5\xe5\x12\xd5^N\x0b\x04I\xb6:\x16\xdb\x113\xdc\xb3$\xcc'</t>
  </si>
  <si>
    <t>b"\xed-\x89~\x8f\x1b\xbf&amp;'\xb3\xa2\xbb}\xd6\xb8\x8e\xd800\xc4\x03\x86|Z \x1b\xd2\xe1\x87\xa9\xa4("</t>
  </si>
  <si>
    <t>b'\x9a\xce$\xb9^HY\x92O\x97@\xb8\x928/^\xb41\x95\x8bn\xeah\x07\xde\xca\xb8:\x89\xdaE2'</t>
  </si>
  <si>
    <t>b"\xf3\xa6\xca\xc3R^\xaf\xaa\x8ehI[\xc2k\x18\x88\xc0\xdb:O\xa5-\xb03\xec\x1b\x14l'\x0e4\x8e"</t>
  </si>
  <si>
    <t>b'LP\x9aT\xc7\xf9\x92\x11g\xb6\xe4&gt;O\xcd\xe6[CE\x1b\xd8\xe1\x7f\xc6P\xc8Y3\x18\xb0X\x8a\xa9'</t>
  </si>
  <si>
    <t>b'CG6\xd4\tn\xd7\xfa{\x88\x11x J_\x17\x81@\xf0M\x89\xc2\xe9\x87\xc9\xb0R\xa09\xf7\x8f4'</t>
  </si>
  <si>
    <t>b'\xcfz\xe7G\xd4\xeaa\x98U\x8bF-`~\x97+\x89&gt;o\x19\xa3\xaa\x89\xf35z\xc1\xe8x\xf2R\xf2'</t>
  </si>
  <si>
    <t>b'}\xce\x83\r\xf0\x98gv\x7fG\xfe\x0b\xb3\x80\xcff)\xe3\xf7A\x8b\x94G\x0e\x1a\x9c\xf6El\xa5\x12\xf3'</t>
  </si>
  <si>
    <t>b'd\x9b\xdf\xa2*L\x99\x0c\xb7\xe3\x8b\xda\x9aq\xab\xbbnIVU9\xa9\xd6\xb3\xe9\xe3\xe3\xbf \n)\xe9'</t>
  </si>
  <si>
    <t>b'\x82\x98*O\x8d\x17\xbf\x9f\xc3\n\xf0U\xe3\xf0\xf1\xc5[\x98\xf6{\x1e\x8fT\x93\xaf=\xb9\xdd\x95\xfef\x9d'</t>
  </si>
  <si>
    <t>b"v&amp;&gt;\\\xbe4\xcar{\xaa\xd6q\x03\xda\x92\x0eG\xc6\xb6e\xca\x96V'}\x81(\x0cG\r\xb4J"</t>
  </si>
  <si>
    <t>b'Yi\x84\x06\xd3\xb0\xadV\xa8\xb86\xf2\x95pi\x10n\xf9Y\x9a9M-}W(Px\xa3\xb0|\xb5'</t>
  </si>
  <si>
    <t>b"'\xd8\x83P\xc3@\xd5C&gt;0I\xb5\x0b\x85\xfb\xbf\xe2\xa9DTp\xc8r\x1b\x14\xff\xc6;FQ~\x97"</t>
  </si>
  <si>
    <t>b'\x7f\xc7\r=\xbc\xed"\x97M\x9d\xbbq\xfb\xff#\xaf\x00&lt;\'r\xe9\xcf\xf0\xc9d?.\xe5\xd7\x06\x9f\''</t>
  </si>
  <si>
    <t>b'\xc6\x14\x18\xd5&amp;\xba\xdb\xd4{m\xa8\xcb\x80\x05\r\xbf\xb2\xedZth\x11\x17\xdc\x11\xa5\xcb!\xca\x10n\x15'</t>
  </si>
  <si>
    <t>b'\xc1\xf7\xfe`cJX-u\xec\xc2\x93\xc6\x0f9A\x8f\xeaG\x06\x85\xdb\xaf\x99\x1b\xc6Y\x0f\x12\x00w\xa0'</t>
  </si>
  <si>
    <t>b'\x0e\x08\xa0}\x8b\x06A-\xc5\xc0\xc4b\x16U\xb2\x15A\tq\x80\xc3\xaem\xcc%7\xe2\xa6\x1e\xa9=\xa5'</t>
  </si>
  <si>
    <t>b':\x84\xde\x10\x99\xbca}]\xa1p\xd3\xc8\x8cfb|\x80\x16w(k\x1e\\\xe7\x92$&amp;\xf9\x0f\xc8E'</t>
  </si>
  <si>
    <t>b'\xc5n$\xc3\xfb\x9b\x06[yu\xc7\xd7\xdb/\xde\x80\x19|\xb2LHA_\xc5\x9e\xd0\xe1\xb5"\x05\xd0\x1d'</t>
  </si>
  <si>
    <t>b'I?\xcc$\xe4\xffM!\xa0L\xe0\x07\xb8\xe7\x80\x1a\xfc\xc6X\t\x7f\x1eb\xd0\x8f&gt;A\xfe\xe7f\x8e\x13'</t>
  </si>
  <si>
    <t>b'\xffJ\x98d4\x13\xed\xb7L\x03\xe1\xe4\xd5\x97)\t\xc0\xd9\xa1SR\xfcC#\xafN\xd8\xdf\xbf\xbdc~'</t>
  </si>
  <si>
    <t>b"\x12\x8f.\xdeS\x03\xba\x8cL\x1f\xd1\x00\t4\xa6\xc5\x7fv\xcd\xa9ek)\x9d\xad\x97g\x1b\xd1\xb0'\xb1"</t>
  </si>
  <si>
    <t>b'\xf94x\xc7\x99\xed?\xa8F,}\xc3\x98\xdf\xb0jB\x12VROx\x07i\xe6\xa0\xe8(\xee\xf8\x0b\xb8'</t>
  </si>
  <si>
    <t>b'\x8cf\x83\xc41\xa5\xab\x81\x0c\xb3v\x8a\x98\x8cB&lt;\xefbO\xf7\x18g?9&gt;AH`\xd2\xebY\xc4'</t>
  </si>
  <si>
    <t>b'\x8e\x0e\xa1\x9c@m\xcb\xd5\x06&gt;\x9d\xdf\xdc\xd3\xa3\xcc\x8ag\x8c\xe3\xacnUV\x0b\x1b\xe3e[\xac\xb1\xdc'</t>
  </si>
  <si>
    <t>b'\x8b\xd4\xfbJ:\xba9\x9e\xfcg\xb7\xff@\x11\x94\xf9J\xe4h;&gt;$\x9d\x86"lQ#\x01:\xf9\xd1'</t>
  </si>
  <si>
    <t>b'\x0f\xe2_\x84\xfb\x1f\xf5"2\xc4w\xeb\xc2\xd2\xdfs\xb4h?\xa2\xf8\x1e3X\x9f\x7f\xf9.\xb5J \xeb'</t>
  </si>
  <si>
    <t>b'\xc7\xb6\x928\xe6X\xd4\xf2\xff\xcc\xc2&lt;rKq\x89u\xbb\np\x80\xd5\x9e\x03?I\xd9\xa8\xf7/\xdb\x82'</t>
  </si>
  <si>
    <t>b'\xcf\x7fk\x94\xd5\x92T\x14\x1a\xc2\xd6\x98\xd1A\x12\x1b\x0b\xc9\xf3\xd6\xa1\x05\xe1K\xde\xa8DQ,\xe0\xad\xed'</t>
  </si>
  <si>
    <t>b'\xba\xc9\xbed\xce\x94\xd9\xc8b\xee\x1d\x00\xdaPy\xcf\x13\xf9\x15K\xbb9G\xb1\x0c\xbcU\x8c\x16\x8e\xf0h'</t>
  </si>
  <si>
    <t>b'mx\x8a\xa5\xe1\xca\x04\xa4RXopu\xea\x84\x17\x1b\x85\xa0z\x90X\xc8uwLq&amp;$\xae\xce\x1d'</t>
  </si>
  <si>
    <t>b'\x8a\xa8Z\xdc\x9af\xf1\x17\xde\x7f\xceg`\xce&amp;\x9b\x95[r\xb8\xdaJ\x02\xb5\x05\xae2Z{\xb14\x16'</t>
  </si>
  <si>
    <t>b'Q\x065(\xfe\xd3\xd1}\x8e$\xd6t\xc0\xe7\xa6\xe0\x8d\x98\x8b\xb2\xb3\xf3r\xdc\x9b\x0f\x9a\x86\xf79\x07\xec'</t>
  </si>
  <si>
    <t>b'r\x8d\x81\xd74\xa8B\x053\x14\x1a}t\xbd\x9fz\x9a\xc6a\x81*\x8a\x14\xfdJ\xd8\xe1\xb9\x90\n\x86\x92'</t>
  </si>
  <si>
    <t>b'\x82\x025e=\xec\xfc\xec\x9a\xa1\xb7&gt;7F\xae\x7fr\x1f~%k*t\xaa\x81\xcbYt\xf7\x15\xc6,'</t>
  </si>
  <si>
    <t>b'G\xd9\xce!\xe0\xcc\x8f\xf5\xbd\xe9\xc6\xf3\xeb&amp;~_j \xc9LV&gt;\xa2\xf9\xef\x00K\x08\x90\xc3\x93.'</t>
  </si>
  <si>
    <t>b'\xed4r(\xce%\x18r\xf9\xdbI\x84W\x1a\x10\xb2{\xeb\x7f\xfc;\xb7E\xf2\x9f\xdb\xb6h\x1b\xde\xf2\xce'</t>
  </si>
  <si>
    <t>b'\xa80\xd2%\xba\x16L\t\xee N\xc0\x9c\xa2^\xf7\x91\x03\xc5\x14O\x85\xdc\x7fN\x8f0\xa1\xfc\x1aLL'</t>
  </si>
  <si>
    <t>b'\xdd]l\xc1@RJ\x00\x1b\x80\xe4\x1f{S\x15\xf2\x196\xff(C\x10[\xd9\x11.2\xde\x02FM\xa4'</t>
  </si>
  <si>
    <t>b"\xc5D\xa9\xa5\x05I\x04f\x8c&gt;\xd6\xb4\x97v\x8d\xf9&gt;'\x15O6\x13\x07\x9c\xf5\x97\xd32:ho\xd8"</t>
  </si>
  <si>
    <t>b'P\xae\xca&gt;\xba\x87\xe7,\xd0A\xe8\x08"R\x8f\xc7\xd9\xca\x16\x0b\xee\x86P\xec~\x1aG\xd15\t\xcc\x02'</t>
  </si>
  <si>
    <t>b'\xfeu&gt;\xd9y\xad\xd4\xd2\x89\xb9\xa0\x19\xb1\x81\xba\x13k\x86\x83\x07\xb1\x98\xe4&lt;z\xa5\xc9\xb7\xeezq\xf4'</t>
  </si>
  <si>
    <t>b'"-i\x08\x82\xe7c\x10R6K\xca\x03p\xe1\xce\x08\xe5\xc2\xd3\xabaL\xddv\xab\xed\x1d%\x90\xa4\x16'</t>
  </si>
  <si>
    <t>b'$v\x8c\x7f\xbc\xa5\x89\x96\x8d\x99\x00{5\xc6\xa7\x1f*\xafO#@\x19\xf6\xd9\xaa\r\x0b\xb6p\x00x\x8f'</t>
  </si>
  <si>
    <t>b'\xff\x90\x07z\xb5\xfe\xa4M\xa7o\xba*\xdbtg\xd1\xad\x1bl\x15\x83\xa3\rg\xaa\xbaQ[|z\x07\xac'</t>
  </si>
  <si>
    <t>b'\xd7m\xfb\xfb\xe1\xbd\xe1\x13\x1dc4\xd9\xf1N\xac\xce\xf6\xa9&gt;\xb6\xc7\x92\x0e\xe5(&gt;\xc3\\\xe8\xf1Gn'</t>
  </si>
  <si>
    <t>b'H\x8a\xd8\xd5\x8dE\xcd\xb3\x99\x8e\xea\xb2t\xcd\x9d\xd6\x04\xd1;d\xae;\xf4A\xcb-\xbd\x0c\xe5\x95\xe4\xa4'</t>
  </si>
  <si>
    <t>b'\x13"k)e!\x17g\xbe\xca#g7\x1e\xf1\xfb\xce\x8fC}\xc5\x97W\xfb\xb8X\x7f$W\xfc\xde\x14'</t>
  </si>
  <si>
    <t>b'\xd8)\x8fEQ\x81Z\xd4\xd0\x9a\x9da\x06O\xdd\x87\xf1y\x0e\x9a\xe1\xbd*\xac9p\xc0|r\xb8\xb5O'</t>
  </si>
  <si>
    <t>b'\\\x9b|\x14L\x8d\x1d\xb7\x15\xef\x08\xc5D\xd2\xa5.\xaen1\xcaO.\xcb!s*\x98U\xfa\xd7WV'</t>
  </si>
  <si>
    <t>b'\xdb\xeb\x98\xc8\xc4\x97f\xab\xe6x\x9a\xd8\xceH\x8c^\xbf\xc9i\xb8j/\xfd\x05\x147h\xc5\xd0\xa4\x90\r'</t>
  </si>
  <si>
    <t>b'k\x08\xc7\xaeeU2\xdaY\x92\xb3\xbc\x124\xe4\x04I\xa4\xd6\xfa2\x85\xee\xe0\xe6g\xa3\x91\x92\xe7\xaf)'</t>
  </si>
  <si>
    <t>b'\x8b\xbe\x8b|D\xce\xf2\xcd\x99e8s\x8d#H\xcf1\\\x94x\xc1\xcc\xa5\xe0H\x11\x04%wQ\x1bo'</t>
  </si>
  <si>
    <t>b"\xc4G\xcf\xa3\xe0\xc2\xbco\xa6')&lt;\x98+&lt;\x16'\xb2\xc8\xfe\x8ab\xf1\xad\xb1\x1e\x96\xa7H\x05\xcb\xfd"</t>
  </si>
  <si>
    <t>b"\xaa[\xe6\xfa\xdcm\x04'\xf6\xf2\x93\xfb;=\xa7\x9b\x08r\x11Q%\xf4\xab\x83x\xb5\x17\x00\x86\xa4\xfe\x84"</t>
  </si>
  <si>
    <t>b'\xfa\xb9\xc5\x8a~\xcc\xfd\xbd/h\x08\xff\xc6!\x07I\xf7\xe5\x02\xbd\xb6-}]\x00V%{\xed\xfb//'</t>
  </si>
  <si>
    <t>b'\xc46(\xa17\xf5\xf356\xdb\xe2\xba\xd3\x82\x8cU\x10\xed\xb5\x03l\xc3/v\xb91\xcafqJ\xcdf'</t>
  </si>
  <si>
    <t>b'\xb0\xae\xf7\xc2@\x9b\x02U\xb9\xac\x82\xfe(\xado\x16\xc5\xcb\xd3\xfb\x8d\xfdd\x8a\x11\r\xb2\x85\x14\x8fU\x99'</t>
  </si>
  <si>
    <t>b'\x98\xcd\xdfS\xde9F\xd33\xeb\xa0\xbfRZ\xc2r\xf5\xc9X\x1a\xd5:F\xd6PV\x14\xfe\x04\x15\xc3R'</t>
  </si>
  <si>
    <t>b'EY\xe6z\xb0\xc0o\xce\x94W\x98aIh\xd8}\x93+\xd8\xdd|\xfa\xce\x0f0\xc71\x81\x90\xe0ao'</t>
  </si>
  <si>
    <t>b'\xee@\xc7\x9c5\xa36\xfeA\xb6\x80\xe2\xb4\xb8bA\x86\x9c\xc5\xea\xba\x91h\xa8\xce\xaeF\xf2\x89\xb9\x1f\xe9'</t>
  </si>
  <si>
    <t>b'\xee\x18\xff\x0c\x81\x92\x87C\xd5\xb3v\xc4\x1a\xb2\xa8\xc8\x8b\xf2\xbc\xcb\xd4\xba7t\x1d\x86\xb8W\xd6\x9d\x15p'</t>
  </si>
  <si>
    <t>b'\x17\x88N\x93\x8d\xa0yw\xce8\xfd\xcdz\n\x02"2\x98T\xb6\x13\x03\xce9\xb0\xd0#\xabX\x19a\x93'</t>
  </si>
  <si>
    <t>b'\xac\x19\xb95\xa6\xef\x16\xad\xb2%j\xffY\x8e\x91\x17\xd4\x99\nhRl\xcd-C\xdd \xfc4\x90{s'</t>
  </si>
  <si>
    <t>b'Z\xc9\x8aH\xc3}\xfd"\xf1\xf6\xfe)\xdf\xfe\x8e\xff\x06\x13v\x14\xea\xfd\x1f_}\x1c\xc8^\xfb\xd2\xe8\x11'</t>
  </si>
  <si>
    <t>b'\x12\xec\xe0\x0e\xf8|\x1bU\x01W\xb8\xeb\x91{\xa3\xcbd\x1a\x00\xba/\x9f\xb7\xa9r)\xc7\x82E%P\xb4'</t>
  </si>
  <si>
    <t>b'{\x9dg\xb9\xd4\x03\x15Z\x02\xec\xab^\x8c\xd3F\xae\xf3\x95\xdf\x9a\xe3C\x02&gt;\xa2(\xbf}3iD\x14'</t>
  </si>
  <si>
    <t>b"\xf0)[\xf7\xea\xe3`\xe5M\xd4\xdaE\xe2|Q)\xd6\xc8\x0e2\x8b'wp\x9a\x83&amp;*\xe1\xbc\x82e"</t>
  </si>
  <si>
    <t>b'\x97\xc3\xc6\x88+\xb2P\xb5qC4\xfa\xdbCy\xf6DF\xbfB\x8a\xf5\xee\xc5S~\x16!\xb1&lt;\x19^'</t>
  </si>
  <si>
    <t>b'\xe9\xd3B\x0ev\x05&lt;\x1e\x05V)\x84^\xc6p\xf5t\x7fF\x05\x88\x16\xc3:s\x8f\xa9\xba\x8cb\xa2\r'</t>
  </si>
  <si>
    <t>b'\xf0\xd3\xcbN\xbf1\x17\x19?\xbe\x91%\x91LLE\xff\xa64\x9a\xbc\x98d6Y\xec\x0cjRV\xcb\xeb'</t>
  </si>
  <si>
    <t>878xx</t>
  </si>
  <si>
    <t>b'\xf0\xb3V\xb1\xa2&lt;\xfbk\xaa\x1d^/N\xee\xb2\xe9\x17&lt;\xaeF\xd9\xebc{.k\x1d\x95s!\xa1L'</t>
  </si>
  <si>
    <t>b'\x96\x8c\xad\xa9\x7fv}\xa2\x97\xd3\xe3\xf8\x05\x8fN\x80\xae\xed\xa8xp\xa9-\xf2Ut\xd5\x93a\x94\xa7\xb5'</t>
  </si>
  <si>
    <t>b'\xe6\x0e\x97q\x9f\xf1\xe7GEShhZ2\x84&lt;\n\x7f\xca.4L\xf5\x1d\xc8Al\xf9A4\x10\xdd'</t>
  </si>
  <si>
    <t>b"\x83\xc3X\xdc\x1aU\xef|Wm~d'\x87\x8a\x9e\x90\xbf9\x11\x16\xb0*o\xf7.\x847\x0e\xcdH\xff"</t>
  </si>
  <si>
    <t>b'\xda\xb5\xde\xc7\rRfd\x00\x95\x94\xcc\xb3L\xbaT6x\xc8\xcb\xa0\x83\x1d\xac\x95WF\xf7]\xaa\x022'</t>
  </si>
  <si>
    <t>b'E5\xac\xae\xd4\xec\x85\x14\x16J\xbf\xc2\xaa\xe1\xa1\x9er\x8e\xd8\xfc556w^U\xcf!\xe6\xea\x8fV'</t>
  </si>
  <si>
    <t>b"\x841+6\x9e'\x1f\xd1\xffj\xbd\xab\x1e\xad\xc3'J1\x8f|y\x18\xb5g\xee\rs\xae\xd1\xfc4\x82"</t>
  </si>
  <si>
    <t>b'\xf8\x1cl\xd2yrt\xd3\xd1"\xbf[C.^4F\rL\t\xee\x9f\x8a\xcd%n\n}}\rL/'</t>
  </si>
  <si>
    <t>b'\xf7\x1a\x160G\xb1\xd7\xebn7\xe8\xbd\xa5!x@#*M\x06\x98\x13V\xa9w\xb5Q\x89\x17\xaaQ\xe6'</t>
  </si>
  <si>
    <t>b'\x05G\xb4\xb0\xafL\x8b\xf7\x90\x8c\xcf\xbae\x1a\xde\x8c\xe4\xd8\x05\x01\xa1\xbe=\x86\x17W\xf29\xd5)?\x8b'</t>
  </si>
  <si>
    <t>b'&lt;\xdf\xcf\x05\xbd\x86\xd3\xec8\x91NDy\xc2\xde6\xa3[\xebo\xc0\xaf\r\xcf+\xf9o\x03\xd8\xa8\xa2\xa3'</t>
  </si>
  <si>
    <t>b'\xccU\x94\x0f\xfb\xce\x0bc\xd6q\x88\xf9\xd7\x04\\f\xcd\xfd\xde\xa1\xbe\xde!\xc9\xcf\x14\xb4r\x02\x8f\xc6\x19'</t>
  </si>
  <si>
    <t>b'\xfc\xa1@9\x97U\xefE\x7f\xb1\x8f\xb4V\xe5\x08\xd90\x0c\x9b\xc7\x9c\xdbR\\\xaa\xdaR\x0bL!\xa4\x14'</t>
  </si>
  <si>
    <t>b"M(\x1d\xca\x99\xfc\x9a\xb2\x96\xa1\x1e\x92A\x05.\xac\xd7.0\xd5\xb4hsd\x15\xd7'\x8f\x02\xee&gt;\x87"</t>
  </si>
  <si>
    <t>b'\xb4\x84\xd4\x82\xd4\xf8P\xb2\xe1\x83\xb8?0|\x01o\x03\xa2\xdb`\x88\x90\xaat\x91\xf8\xe6XIa}\xd3'</t>
  </si>
  <si>
    <t>b'\xdd\x15\xeb\xc6\xe1\xaa\xaeP&amp;\xb0\x0bX\x1e*\x04Y\xc2\x87\xa3;%\xae\x81\x80\xd1\xfa\xe1\xe6\xc3`5\x1a'</t>
  </si>
  <si>
    <t>b'\xa3x\xdb\xbf\x82\x96\x1bX\xe9\xe3\xbb\xf0X\x9a\x14\xf33\xfdi\xf3\xc4\x7f\x99\x14\xd1\x10$j\x1d\r\xd0/'</t>
  </si>
  <si>
    <t>b'O\xff\xf1\x13\xef?\x93o\xff\x9b\xe5Q3\xd3\x12\x16\x91\x90e\xa4\x86\xc3\xb1\xcb%=\x84\xc8\xf9\xe6\xe8\x8e'</t>
  </si>
  <si>
    <t>b"\x96\x1d\xc67\xbe\xe2\xbb)\xfb6\x83\xf1\xb8\xafC'\xa6\xca\xc1\xf4\xcb\x88\xe5\x05l\xd8^%Fv\x99q"</t>
  </si>
  <si>
    <t>b'a?\x8e\x8cQj\td?\xb6H\xc5\x13\xf6\x11\x1d\x85Ea\xd7\x03\xb0W"\x0bJ\xa7x==@\x86'</t>
  </si>
  <si>
    <t>b'\x07\xbdo\x13\xfcj\x946\xf9\x1fv\xe8i0\xad\xb1k\xcf_\xfe\x19\\\x1cu\xfe\xc8;c\xb5V\x86\xab'</t>
  </si>
  <si>
    <t>b'\xa0\x99\xf8\x15\xfby\x0b\x96\x0f\x19{0\xe9;V\x82\x93WE\xca\xb1\xef.\xe1\x04\x92\x93\xf5\xa3+\x13D'</t>
  </si>
  <si>
    <t>b'\xbb\xae z\x1dw\x1e\x9f\xeb\x80HTx\xc5\x7f\x86\xc18\x94\xfc\x03\xf3\x94\x97&gt;\x8b\x1a\xf7\xc1\x93\xfc '</t>
  </si>
  <si>
    <t>b'p.\xa6\x1f\xe0T\x17\xad\xc7\xb5\xf1(\xc9\x97\x89\xb9H\x8d&gt;\x9f\xdc1\x92\xfd\x94\xcd\x9dE\xb7\xc5y\x9a'</t>
  </si>
  <si>
    <t>b'\x8b\xc4R"\x1f{`W\xf3\x82\x98\xcf$E\x83\xb4\xdb\xa1\x81\xc2U]\x81\xe1\x1f\xa3]\x92\x8c\x05[\xb0'</t>
  </si>
  <si>
    <t>b'\xca\x95\xfd\xb5\xeb\xef\x8a01/I\xd4e\x96\xf5O(\x8c\xfd;m\xb5i\xcb\xb8\x1b\x01G\xf7|K\x81'</t>
  </si>
  <si>
    <t>b'\x9c\x11\xd6\x07\xcc~\xa2l\xbeZ\x9e\x8f6\xefM(\x14E\xc8\xdfB\x80\x07q\x81\x10LB\xce\xa5\x10!'</t>
  </si>
  <si>
    <t>b'\xe5\xe5%\xe33\xd1o7h\x81\x8c\xe1\xaa&lt;G\xb1\x81\xd6\x85jP\x82\x97\x9c\xa9\xb3\x86)+jS\xf6'</t>
  </si>
  <si>
    <t>b"a\x89\xa8\xfe\xde\x1f\xbc]\x9aa^\xb4b(:\xa2\xf3\xc3#'\x86\x02\x1c\xf6\x8c\xb0\xa2\xed\xf51\xbb\xa4"</t>
  </si>
  <si>
    <t>b'd"\x9c\x8a\x01&amp;\xb7R\xa6hD0\xff\xbe`R\x9b;Xt\x8b(\x85\x087\xee\x08{g\x95\xce\t'</t>
  </si>
  <si>
    <t>b'\x0e4\x9a\xe9,h\xb6C\x0fV\xa3H\\\xe4I\x93\xa8\xb5\x98\xb7\xe1\xb5\xf1\x99\xfa\xf7\xa8W\xd2\x13O\xbd'</t>
  </si>
  <si>
    <t>b'\x0e\xaaFc\x1e\xf6\xc82\xd8&lt;V\xe7F\xfb?\xe13\x8a\xc0\xa3\xe5Jc\xd4\x84T+\xd5\x04\x07\xb0\xea'</t>
  </si>
  <si>
    <t>b'\xa5\x00]Z\xaa\xce%\xbbN\x98_0\xda8\xdc\x81Olu#\x98\x9b\x9a+\xa18\xe0\xeaD"\xcd\xe2'</t>
  </si>
  <si>
    <t>b'\x00\xe3\x9d$]\xc0\\{m\x14\xfd\xed\xd3\xb9\xd8\x17\\\x82q\x1a]\x8c\xcf/\x11ho\x1d\x03\x89&gt;\xc3'</t>
  </si>
  <si>
    <t>b'\x1ek\xf7D\r\xdf\x98\xe5\n\x1cv\x9a\xaaa\xf1\xec\xef*\xaf\xa2\x9f*{+Y`-\xf8\x04\xddR\x1c'</t>
  </si>
  <si>
    <t>b'\x1a\x1e\xa4\xb8\xfd\xbd\xf4n\x00n\xbeHO9\x96.D\xc0\xf6\x96\x025Lk\xce\xac\xbb#\xf5\x03\x9aP'</t>
  </si>
  <si>
    <t>b'\x0b\x85\x17\xb4H\xb1/b\xa4{"\xcex\xfb\xe5g&lt;\xe9\x1c\xd7#\xb1vd=\x1e\x95I\x8dx\x8c"'</t>
  </si>
  <si>
    <t>b'\x1e\xb3:\x00\xd6\'`\x8e\x8e\x0e"\xe0D\xef\xfd\xdbW#\xf8\xb3:HH^nva\x96\xe9\x1d\x0f\xd0'</t>
  </si>
  <si>
    <t>b'|\xdfZotR\x88\x81\xd3\xa5\xca\xd9\x04\xb2\\\xc6\x06n\xadVi\x0b\xe2\x1e\xd9\x8aZD\xb2\x01\xfe4'</t>
  </si>
  <si>
    <t>b'\x99d\xbf\xde\x12\x8b\x940\xb2\xd3\xb4\xa64\xd7&gt;\x86\xad^;\xe2\xf8*\xdc,1\x97\xca\xf7\xc2\xbe\xb0\x16'</t>
  </si>
  <si>
    <t>b'\xbf\xe4\x9d\x04\x1e\xf0Z\x8c4\xda\xd7;H\x89\xf7\x0f\xeawI\xc8\xe8Q\xb0\xfe7\xad\xc2\xa2\xcb\xb4\xc1\xd3'</t>
  </si>
  <si>
    <t>b"m=JO\xd0@\x0c*'=\x13\xae\xf2\xe6*\xb1\xc9\xa5\x86!\xb9z?\xa2\xee\xad\x8a\xd6\x11\xbbC\xa6"</t>
  </si>
  <si>
    <t>b'\xd76J\xd1\xa7\x0c\x00\xef\x18-5\xb4\xcc\x12|\xd0\xeao\x8dK\xf5\x86\xdby\x82\xde\x83\x0cF\x91\xa3 '</t>
  </si>
  <si>
    <t>b'\xa4P\x1d\xfa\xedk\xa9\xdf\xd8D\xe4\xf7S\x81\x9c\x86\x13\x86\x90\x0ek~`\xd0\x1c"8g\xd8\xbeK\xb9'</t>
  </si>
  <si>
    <t>b'\x03\xa5\x0cGq\xe3\xe7a\xe3NI\x91yE&gt;\xc41=N\xc3\n\x7f\xd5)\x7f4B\xc2\xb7\x91?p'</t>
  </si>
  <si>
    <t>b'\x81w\xba\xd6\xbf\xa5\xbb\xdf\xf3&amp;\x15\xff\xcen\xca\xea\x1f~\xb2+~\xa3\xb1D\xb5\xd1\xeb\xf0\xba\xb2\xfa\x95'</t>
  </si>
  <si>
    <t>b"' \xf8\x99X\x18\x1f|\r\x13rHFo\xda\xda\x0e\xc7\x87\xcf\xefT\xa7\x15\xbc\xea?\x8d\x02\x9bF\xf0"</t>
  </si>
  <si>
    <t>b' \x87N\x9bJc\x9c+\xac\x85\xf4\xe4^\xd9g\xf24\xb04fL\t\x00\xce\x0f\x13\xc6!GW\x1c\x0b'</t>
  </si>
  <si>
    <t>b'Wb#\x84\xc6n\xa5\xfd/\xd1\x11\xbe\x9e\x11{P\xe0\xf91\x0el\x15\xe0\xb7\xde\xe2\x19f\xee\xeb\xa7P'</t>
  </si>
  <si>
    <t>b'\x92\x92\nG\xb3\xe4[\x91\xda\xe8d\x99\xee\xfd\x8f\xd0*\xf1\x05\x1f\x81y\xfbNph\xf2#\xdf\xb7c?'</t>
  </si>
  <si>
    <t>b'\x1erl|\xeb\xdbN\xa6\xfe\xe2\x8a\xe2\r\x9bq\x1b\xd8** u$\x870\xe9~\xff\xd1)\x05\xc1\x95'</t>
  </si>
  <si>
    <t>b"\xe8\xa5\x1c\xc7\xf9'{\xc6\xc5'v\xae\x95\xe4$\xca\xcd\xeb\xdd pH\xda\xc9\xb7mI5J\xe6\xe3+"</t>
  </si>
  <si>
    <t>b'h\x82\x19\x1c\x81\xf1\xe3U\xcd\x9b\xdc-e\x04z\x8fxC\xed\xe8\x8a\x96;YLVC\xa9\xd1\xb8n\x90'</t>
  </si>
  <si>
    <t>b'\xa3q\x08\xd8c\x82\xa2f\xb90\x84\x8f\xa1\xeaY\xcf\xfc\x99\x89\xe1~\xa0\xba(\xef\x08\x92ip;\x90\xb2'</t>
  </si>
  <si>
    <t>b"}\xd0\xf9\xee\xd8\xf8OiX\xd0\xd0n\x16\x82\x05\x8d\xa3'\xdd!\xe2\x91;&amp;\x1cP\xb9\xb3\xab\xd1F\xe8"</t>
  </si>
  <si>
    <t>b'\xc5\x1cSZX\xcdt\x0e\xb2\x06\xc3g7\xc2\xa1\xedZg-\x0bJ\xe6\x13\xfd\n\xe7\xaaJ\xbaC\xc7q'</t>
  </si>
  <si>
    <t>b'\x08&lt;3(\x95\xd0)\x14!\x02\x08\x1d\x9b\x88C\xcbk\x8d\x93[.a\xa8i\xa4\t\xd4\x97h\x87\x96\x13'</t>
  </si>
  <si>
    <t>b'`%Vx\xbb\xc3\\\x97\xa9x\xb8\x03^\xf5\xc3\x87\xf5\xb1\xfa?Zr\x97\x99r\x08\x0b\x8d\xc0\xae\r\xe6'</t>
  </si>
  <si>
    <t>b'i\x03\x81\x14\x1b\xb2\xeb\x81\xea\xd9\x19rv\xcd\x89\xfb1\x02\xff|\xed[\xdeF8\xb40X\xff\xa9$\xa3'</t>
  </si>
  <si>
    <t>b'.\xfc\x94\xb0Y\xda\xea\xde\xd2\xe5\xa2h\xd7\x8dK\xbc\x0c"\xde\xa5\xe7j\xb7\n\x07\xe4\x9c\xe8K\x18\x98\xc7'</t>
  </si>
  <si>
    <t>b'Y=2\x11\x18\x9fi\xe0b\x97\xc9e^&amp;\xaax\xd2\x0c\xc7\xd4n\x11\xba\xc0\xceB\x83"-\xd9\x94H'</t>
  </si>
  <si>
    <t>b']\xd0\xb8e%\x9aP\\\xb2ab\x11pM)-\x86\xdf\xde\xca&gt;\x10K\xa9TeA\xbd\x0e\xcchn'</t>
  </si>
  <si>
    <t>b'\xfa\xf2@IE\xf6.\xc3\x02^\x89*mq]\x912\x1d\xcfR$X(\xea\x12\xb5\x86\xb4\x8b\xa0\xe6\x8c'</t>
  </si>
  <si>
    <t>b'1\xb4\x1f\xa5\x0e\xe6\xb24\xc94\x0e\xf9\xfe\xf6\xb4\xce\x97m\x02\xc4\x1b}\x89\xa0E-\xdeB\xef\xacg\xb4'</t>
  </si>
  <si>
    <t>b'\x83\x9a\xe3B?O\xe9\x85kI\xc23\xc0\xef\xcd\xdf\xf2e\xc6o\xafp\xa0\x0bf\xd2\xd7D\xbe%\xc9S'</t>
  </si>
  <si>
    <t>b'&lt;U7J\xbcj\x82e=\xcb\x19~\x80d\x96N\xca[9\xc3i\x04o\xb5\x99\xc6\xca\xc9\xcc\xf1\x0b\xff'</t>
  </si>
  <si>
    <t>b'\x98\xda[\x98e\xb2&lt;\xb7\xad\x19e\x98\xaf\xa4u\xfe\xb4\x90&gt;\x19\xb6O\xdb\x03@\xef\n\xc1\x9ed\xaf\xca'</t>
  </si>
  <si>
    <t>b'\x86I\x05\x81\x01l;\xe0Z\xb8\x98\x16\xa3\xf3\xabm"w\xe57\x83\xcd?/\xcd\xb4@&gt;\xda\x87\x04c'</t>
  </si>
  <si>
    <t>b'a\xba\\9\xfd\x00HT \x99\xd9 \xbbt0\x91q\xe4\xd3o\xe4\xdb\x8f\x08\xa1\x9c\xd6d=\xbe\xf6\xa0'</t>
  </si>
  <si>
    <t>b'Z\xed\xe8\xb7\x0c\xb9X\xbf&lt;\xa8\x95\xfe\xa0.\x87y\x81\xd5\xd7\xb4\xfe1)O8\x89w\x8cU\xd5\x12\x01'</t>
  </si>
  <si>
    <t>b'\xf7o\x11\xfb\xbc"FQ\xcd\x90\x80HKb|\xd2\xac\x16\xb6\xd4q\xe9\xd3\x97\xe2\x8c\xec\\\x92O\xc2\xc6'</t>
  </si>
  <si>
    <t>b'\x1e\x9aW\xac\xf2$\x8c\xc4\xb9\xcd\xed\r\xfb\xea6t\xbe\xaa\xb7\xaa\x07M9\x97R\x8a\xe0\xfd\xe3\x963b'</t>
  </si>
  <si>
    <t>b'.\x83\xb4\xe3\xb6+o\x9b\xfd\xfe~Q\xfa\x0f&amp;%\xf6\xb6;B_\xb9\x9e\xb0\xdf\xcb\xe3\x01.\xd4\xcd\xe5'</t>
  </si>
  <si>
    <t>b'\xee\x8b\x04\x80\x01\xa1\xad\xbf|\xe3t\xcf\x10\x9ac\x99-yv\xc8\x89\xc0\x9a\t%\x08&lt;0\\.\xf2\x86'</t>
  </si>
  <si>
    <t>b'\x87\x94\x7f\x7f\xd2z\x10\x15\x1c\xc7\xf3\xd2\x1e\xd6\xb6*\xc0\xd4\x84!\xd1\xcb\xadO\xa1\x0e\t\xa5m\xb6\xfc\xde'</t>
  </si>
  <si>
    <t>b'\xa5l;6\xca\x05\xb9ycn\xcf\xd4\xb9I\x0fmG\x02\xa1H]\xfb\tT\xd8\xe2\xcfY\x8c\xb1\xd1\x19'</t>
  </si>
  <si>
    <t>b'\xd3\xe5EEW\x12\xad1,\xb3\xe3\x1b\x8e\xca\x13z\x0b\xe6E\xefO\x04`4\xbf3\xaft\rM\x9b\xe2'</t>
  </si>
  <si>
    <t>b't\x9b0\x82\x00\x1f\xf5?\xf4u\x84\xe2?\xc4\xa3+\xe1\xc1\xaf.?\x19\x8dz4\xc2v\xa0\xf3\x13\x135'</t>
  </si>
  <si>
    <t>b'\x84\xd5L\x13&gt;N\xe6(\xc3K\xb8\x92\x84\x01\x84#\rQj\xd3\xdcI\xb6zo#\n\xe6=;&gt;&amp;'</t>
  </si>
  <si>
    <t>b'\x03\xadn\x8dWcfx\xba\x043K\xe9\x03\x86\xe4*\x8f\xc7%@\xc4\x9a)\x12\x10oWm\xfd\xb8g'</t>
  </si>
  <si>
    <t>b'\xcd\x9f!\xddpTF\x90$\xf2\x13\x04P\x8ej\xb3\xd3B\x0c\xb7\x14\xbd\x1f-\xda\xb3\xe2*\x9e_\xa1\x07'</t>
  </si>
  <si>
    <t>b'2\x04\xa3\x11`\xd8/\xdf,\x8c\x87\x81B\x96\xb3f_T\x9cU\x98\xf2k!XV\xe1\x7f"\x98\x81]'</t>
  </si>
  <si>
    <t>b'\xbbl\xac\xf2\xfe\xfa\xa5%}\r!4\x8b\xc3a\xcfX\x9c\x02\xa5\xa6\xc3Un`\xb9\xe2|%\xd4\xfdI'</t>
  </si>
  <si>
    <t>b'2\x7fE\xcd\xf9$\x13\x1c\xed\xcb\xf6\x1b\xe7\x9c\xebL \xf7\xbc\x0c\xa3\xf9I\xaaP-\xee\x01\xa6\xa8\x05\xf3'</t>
  </si>
  <si>
    <t>b'(\xd4\xd4\xaa\xae\x83\xed\xea\xd4\xfc\xa8\x0e\xb0\xf8\xbaU\xd9\x86&amp;\xf3\xb0 AA[\xd8\xd0\xb6 \x9bV\xa6'</t>
  </si>
  <si>
    <t>b'iq\x0fA\xe4\xc0\x85\xd9\xcd\x1b\xc7\x179G,M\xfa\xc5o\xb4\x19\xf3\x18g\xde\xf1\x01\xa1\xa4\x12z+'</t>
  </si>
  <si>
    <t>b'_j\xc2\xb4\x89i\xca\xb4,7\xdf\x8bg5\xbf{\x81\xc8\x1b_\x97\x9e\xc3\xad.$g?\xb3\x8e#\xd1'</t>
  </si>
  <si>
    <t>b'\xda(\xcf\xa8\r \xf7T\x12G\xc7:%\x8c`\xb3N\x0b\x8a\xed\xbd8\xea\x97\x0c\xaf\xc7\x94\xff\x8aw*'</t>
  </si>
  <si>
    <t>b'\xeb\xfb\xe5I\xee\x81\x93FR\xf8\xdeo\xe1b\xe5,\xc2(?\xb10\x08\x9f\xff\xa7\xd4\xfa\xdf\x9e\xf2\x17\xa6'</t>
  </si>
  <si>
    <t>b'\xedIoZ\xf4\xe7v\xc0Q\xa9 \xf9\x83\x12\xdd#\xd8\xaf\xfb\x7f\x8a\x80E\x03\x14\xc1gI\xde\xdd\xe6S'</t>
  </si>
  <si>
    <t>b'\x8bv0\x89\x0b\xfae\x7f\xd7\xca\x07\xdcGB\x9e\xb5~&lt;\xce\xa5\xc6wG\xed\r\x9b\xc2\x0b,\x02\x8e\x97'</t>
  </si>
  <si>
    <t>b'\xe2\xd7\xddgz(^{|OI+\xc9"\x8fN\x8e1\x85\xae9\xa0U\x11,B\xbe\t\xa3}\x82.'</t>
  </si>
  <si>
    <t>b'\x03\xcd\x1d\xbf\xb3\x1c}\x8a\xdf\xdd\x86]S\xeem\xf6n\xb8\x02\x8b\xcd;\x96\x10\xb4\xf5A\x9e\xfd\xf8l\x81'</t>
  </si>
  <si>
    <t>b'\x1d%\x9f\x9a\x98\xf1\x1cx\x05\xf1\xd2q\xd3h\xbb-v!\x7fk\x15\x81J\x92\xc8hPou\xec/\xb9'</t>
  </si>
  <si>
    <t>b"\x85(\x14\xec\xc5\xe2\xd7\x02\xf0\x93I\xcd/\x15\xf0\x99\xa5f&lt;l\x92\xa7\xcb\xdeO\xefb\r\x08'\xe0\xb0"</t>
  </si>
  <si>
    <t>b'\x18X\x9d\xca\xa4\x88\xa2(\xd5\xb7\xc9[\xb7\x15us\xde\xe7\x8c\xf9\x87@\xb9\xe7I\xca\xd3zG\xc1K\xa4'</t>
  </si>
  <si>
    <t>b'|\xec\xcdY\x91Z\x18\xea\xfdo\x0f\xf7\x15\x95\x9e\xfaTL\xff\xa8\xe4\xc9\x8b%8w\xfc\x08\\2\xd5\x8f'</t>
  </si>
  <si>
    <t>b'\xbbNGBUJ\xf21\xacS\x8a|rE\x7f\\\nY#\x98\xfbTaL\\`Ca\x0c\xa8g%'</t>
  </si>
  <si>
    <t>b'V\xd6\x18\xc7\x1e\xcf\xf4\xe0\x18j\x0b\xc6b~ZH\xfb3\xa4G\xb8\xcc\xbe\x95b\xcbi\xacnI\xbf\xfb'</t>
  </si>
  <si>
    <t>b'\xc5\'v\x9ey\xc5Z"\xbfxV\x8ch\x9b\xc5\x17\xec\t\x9e4\xfe/\xa1\x13\xe7-\xf6\x1e3\xe2\x17\xfd'</t>
  </si>
  <si>
    <t>b'\x9aC\xc81\xac\xb2\x8e\x94e\xe5\xbc\xad\xc8\xca\xb4I\xcf\x88\x08\x93\xb3\xbe\xca\xb7\rX\x9b\x0c\xd7/\xd5*'</t>
  </si>
  <si>
    <t>b'\x18-\x91\xdb\xad\xff\xa9Et\xbd.\x96f\xf9\xf06\x9c\xd5\xc8@\xcd\xd1\x98\x9f\xd8c\x14o\x14,\xa3\xb3'</t>
  </si>
  <si>
    <t>b"\xfa\x9c#\x84/\x86\x912\x1b\xedk&gt;y{\xf59\xe6_F\xb9\xc8'\x84o\xe3\xd1\xa7\xcb\x90\x80\x98z"</t>
  </si>
  <si>
    <t>b')\xa76\xae!\x0f\r7\xd3\xc4Ky\xfaa\r\x95\xf5\x95\xfdn\x10\x17\x05\xf6\xca\xb4\x0f0\x16\xe0f%'</t>
  </si>
  <si>
    <t>b'\x07@\xc2\x7fyh\xee\xe2\xc4\xf8q+\x03\x12Aw\xf7\xc0#\xe7Y\xab\xaa\xeak\xbe\xd0@k\xce\x13F'</t>
  </si>
  <si>
    <t>b'Jc\xe1\x1bn\x02\x0b{S\xd8\xbb\xd3x\x92\x9b\x00\xfeZGC\xbc\x04~\x88DW\xe1\xea\xdf\x9c\x8e\xe0'</t>
  </si>
  <si>
    <t>b"\x11\xda\xf6\x16y\x13P%'\x0e~\x8b\xb7\x15\xae\xaav%J\xe9\x9f\x9f\xb5\xe7B#\xbb\xf4\x87\x11\x8e)"</t>
  </si>
  <si>
    <t>b"\xe8S\xfc/\x98R\xb5\xa1\x92\xaa=Xr\xde\xc2\xcf0\xa07gm\x93\x19'4k\x1b\x81\xc9\xfe\xa6\x8b"</t>
  </si>
  <si>
    <t>b'\x90\xc14\xedq\x04\xa9J\x9c,QAI\xde\xab\xdb\x19\xa7\x04\x8c\x9eZ\xeb\x8b\x11~+\xda&amp;\xb5\x18\xdc'</t>
  </si>
  <si>
    <t>b"\xb97A\xb1\x81\x15\xf8\xac*\xa3\xa4\xf8\n\xdd\x15s\xd6h'2\x9e\xc5\x03&amp;\x91\xc4n\x88\x05en]"</t>
  </si>
  <si>
    <t>b'/n7&gt;.\x86\xb5\xc8\xab=\xa0]\xfdVI*\x82+os;\x84\xa0\xb7\x00$\xe1\xd3*\x98&amp;\xc1'</t>
  </si>
  <si>
    <t>b'\x87o\xcd\r\xb030\xbb\x05\xe8C\x97n\xf5\x03`\xdd\xe8\xdc\xce\x01o2\x16\xacO\x98\xfb\xc2\xc8XL'</t>
  </si>
  <si>
    <t>b'\xf4\xe5\x17\xb9&amp;\x13{\x05)\xec@\xb5P\x8cX\xf0"\x86\x0cv\xfdR\xfc}\x02\xc4o\xe3\x7f\xad\xa0\xa3'</t>
  </si>
  <si>
    <t>b'\xcbm\x946t\\\xd4\xc0\x10H\x9f\xfe\xf3\xc6 \x88\t)\x11\xc3z\x9da\xf7\xb1&amp;\x7f\xa4wz-r'</t>
  </si>
  <si>
    <t>b'b&gt;\xe4\xdej\x7f\x97.\xfa\xdb\x8d\xb6\xa14-\xacp\x1f\xf2\x99\x93\xe9_\xf6W_\x13\x93\x94&gt;\xd7='</t>
  </si>
  <si>
    <t>b'`\x06\xe1\xe7\xebx\xe6\x9d\xa8+\n\x98\x9b`\x83\xae\x10\x8c\xcf!\xe7\xef\xdaz\\\xe7\xff\xcd\xd8\xc5S\x9a'</t>
  </si>
  <si>
    <t>b'\xd9\xb2\x087\\\xb8\x04\x9d\\\xf1v\xc5\x05\xf4\xa4Q\x99=Z\xfa\x84\xd0C\x11\xe4({\x04u\x9e\xd4"'</t>
  </si>
  <si>
    <t>b"\xe8\xd1\xa6\xe4\xf0ZSHeSb\x1a\xfcG\xc8\x83\x07\xa6\xf2!\xd4G@\xd1r\n'\x8a\xc3\xa4\xc9\xa0"</t>
  </si>
  <si>
    <t>b'\x08\x97\x86Q\xe5\xb2\x99\xbbZ\x04k]cd^\x1f\x10=\xbbB\xf6\x8e\x12\x92\xec\x18\x12D\x8f]\x0b!'</t>
  </si>
  <si>
    <t>b'\xbd1\x02\x7f\xc5\xcb\xb4\x1d\x19\x1c\x91\x8c\x80\xf1B\xa6\xa8R\x13j\xa2R\xe0\x19^\xe1y=Q\xf6\x87?'</t>
  </si>
  <si>
    <t>b'\xc4#\xf8\xcc\x8e\xad\x02\xdcQ)ch\x7f2\xab\xcd\xcc\xf2\xc1\x1d\xb2\xd8\x81\xa0X\xc2\xf8\xec6J&gt;\x06'</t>
  </si>
  <si>
    <t>b'j\xb4H\x03\xc0)5\xd8A\xa8L$v\xb0\x0b\x838,\xcet\xb0\x1a!\x88\x8d\x0b\x8c\x07\x94\xd4\x02Y'</t>
  </si>
  <si>
    <t>b'\xf2\n\xf9\xd8\xe3\x02nA\xa1!\xf7\xeb\x99~\x03\xc9W\x83\t\xaa\x98\x82\x12\x0c\x0e\x01\xc3\x1d2\x8d&lt;\xb3'</t>
  </si>
  <si>
    <t>b'\r\xdd\x97\xeb\x18\x98\xbc\\\xd4#\xac\x85\xea\xc7\xb3[\xd4+Gn\xd0\xf6\x01\x9c\xf03#\x04.\xcej\xdc'</t>
  </si>
  <si>
    <t>b"\x8f\xc8\xab\x95\xfeD\xabQ\xfb\xba\x13\x1c_\xc6\x99.Yl'\xd2\xb4\x19\xb0\x96\xd7\xf9\x95\xbc\x8b\x90\xf2\xa2"</t>
  </si>
  <si>
    <t>b'0\x7f\xca\x02\xccu\xf3F\x05\xc5|\xdf2\xc6\xfb\x1dK\xf1\x11&gt;/\x08Y(\xe9\x18\x9c\x9b\x8d\x08\xcaq'</t>
  </si>
  <si>
    <t>b'\x90\x8d9n\x05@\xc4\xe7\xcc\x0b\x08\x16\x13\x82\xc98&amp;_\xc5y\xf6\x08P\xdd\x9a\xfeh4r\x88\x1d\x18'</t>
  </si>
  <si>
    <t>b'\xb7w\xf0\xacY=\xa2(9\xd0\xec\x91)[\xb4\xdf \x08\xaas+\x7f\xde\xce\xffp\xadE\xcaE\x1b0'</t>
  </si>
  <si>
    <t>b'[\x06?7\x91\xa2\xe3\x1ea\xb51\xe4\x86\xcf\xba\x08a\x96\x1ap\xdb\xb5-8\xb7\xf1\x00VF`\xb8\xe6'</t>
  </si>
  <si>
    <t>b'\xd2O\xb6\xf7!\xa4B\x17\xd9@\xb6*\x00&gt;g\xb1\x8d|\xb7\x88\xc7\n/\xaac\xaa\xfca\xfb\xbc\xcf\xb6'</t>
  </si>
  <si>
    <t>b'W\xeaF\xf4D\x80?\x8f\x1c&amp;V\xd7\x86H\xda\x0f\xa9\x17O L\x99\xf06\x96\x82\x1a;&gt;*zx'</t>
  </si>
  <si>
    <t>b'M\x81bz\x8bi3\xd5\xe5=h\xf6\xce2\x07:H_\x83\x1fl\x85\x9a\xd1\xa11\x9cD8o1\t'</t>
  </si>
  <si>
    <t>b'\x88\rN\x83\xc4\xe9\xcbW\xde4\xaaF\xa2\xb4\xd0\x96\x85:ks\xd8\xc9\xb22\x91\x13\xd22\xb0\x08\x9a\x15'</t>
  </si>
  <si>
    <t>b"\xd4'\x0f6\xa3\x1dIUA\\\xc0\x0eB\xca\x964\x199\x02Y\xa35\xd6\x17\xcc`\x93-`a8\x8c"</t>
  </si>
  <si>
    <t>b'\xc7\xf0\x0c\xb9\xfc\xb5\x89\xd3\x0f\xfeD:\xa9\x88ot4\xac\xec\xc3\xec\x02\x84\xc1\x99\nD\x19\x89\xb9&amp;\xbc'</t>
  </si>
  <si>
    <t>b'\x13N\xc0D\x91p\x96B\r\x90\xd5&gt;H\xbc6c&amp;\xea-\xacH\xf9{\xfdUj\x01\x14\x99\xe67\xf0'</t>
  </si>
  <si>
    <t>b'-&lt;:\x0f\x19\xa5\xba\x03\xb7\xa6\xee\xcf\x8a\x8e\x1a\xee\x10\x1d#\xc9bcQm30g\xe3\xa6}\xff\xaa'</t>
  </si>
  <si>
    <t>b'E\xbf\x06\x1f_P\xf7rq(\x89y\xe8[\x96\x9a\x8c\x82\x99\xdc\x0f\xda\x9d\x9f\xa9[(\xb6K\xb8\xc0\x9e'</t>
  </si>
  <si>
    <t>b'g\x89\xc8\xa2\xb2\x82[\x19\xfd\xc2\xa1CML\xe2\x89,\xee@\xd1\x92\xf4+\xee`\x93=3\x11\xc3H\xc9'</t>
  </si>
  <si>
    <t>b'M\x00\x01\x99\xb9\x04\x9a:\xfa\xe6\x04y\xc6\x99\xd2\xeb\x95\x95,\x84\x94\xdaFD-\xcbqK\xdf\t\xbe\x92'</t>
  </si>
  <si>
    <t>b"\xe9j\x04Q\x93\xe5\xcdu2\xca\xb5\xfc`3\xd9\xd5\x0cLZ\xa8w\x0f\x0e}\x83ic&amp;\x97\xf8y'"</t>
  </si>
  <si>
    <t>b'R\x87\xcd\xe0V\x98Z\xc8\xa4\xaf\x13\xa6\xabj@1\xb1\x15C\xc9u\xe9\x18\x07l\xd3\x1d\xec\xa7\xf1[-'</t>
  </si>
  <si>
    <t>b'y "P\x89H3\x98U\x94\xd7e04.\xc4u\x84?\x12I\xae\xba\xbf\x95\xbe\xaeT\x90?\xda\x8a'</t>
  </si>
  <si>
    <t>b'/k3\xdc\r\x9f\xb04\r\x15\xe6@\\\x83b\xc8ZY\tZ\x01\xa7\xc0\x95j\xcdh\\/x_\x81'</t>
  </si>
  <si>
    <t>b'\xe7\xac\xf9\xb0\xe8\xe7iB5"$\xde\x11\r\xf5\x1cwc\xa4\x0cGr\x91\xde0C\x00\xa5\xfe\x97x\x8f'</t>
  </si>
  <si>
    <t>b'\x8a\xd7\x1a\x019\x89\xcc\xb5\xa7\xff\xbe*\x87\xe8\xcb\xcd\xd1\xc8\x08\x0f\xed=;\x1dt\xa8\x0f|C\x9c!\xf9'</t>
  </si>
  <si>
    <t>b'i\xa3\xa1\x00.\xd1\xb2\xbe\xb7~\x1e\xd0\xce\x8f,\xdbL1\xcd@\x0e\x9f\x1av\x07Q\xdf\xd7+ws\xb5'</t>
  </si>
  <si>
    <t>b'!\xab\x1e\xbb)\xa7\xe2\xeb\x88\xdf\x12\xc2\xba!\xf3t\xa5\x9c\x96\xd6(.W\x04J\xb1\xa9\xa5le\xb1\xef'</t>
  </si>
  <si>
    <t>b'\xf0\xd8\x9d\x1d\x8dc,\x10/x\x90\x91\xc9\xfe\xe3\xb5sy\n\x89;\xaf\xea\x12\xa679\xd4\xdc=\xda\xc3'</t>
  </si>
  <si>
    <t>b"`y\xddTxV~\x84\x80k-\xbf\x7fQ'w\x01~\xdc\xf96\x0bk$\xa8\xee&gt;$\xabx\xf4\xea"</t>
  </si>
  <si>
    <t>b'P\\\xc6\x16\xdfZ\x8a/7\xd2P\x9b\x15v_\x80\x95w9\x1e\x97\xe8\xbb\x9a\xa5c\xb7\xdf\xb2\x1aPp'</t>
  </si>
  <si>
    <t>b'Y\x84r^g\xe9U\x9deI\xd5yq\x01\xf8\xe5\xbf\xb7\xeeG;\x94(O9\xa0\xca\x87[\x0c\x0f}'</t>
  </si>
  <si>
    <t>b'Z7\xb7\xd4k\x06\xef\xaae\xdfo\x17\x12}\xfe\xdb\xf0V\x13\xc0\xa5\x12\x81\x04\xab\nx\x94\xe3\x9a\xcd('</t>
  </si>
  <si>
    <t>b'\xc9=\r\r\xf2\x90\xab\x0bWM~ih\xf3x\xc6c\xfe\xb6&amp;\x1d\xacaV\xad\x85\xb8\x0e\xb0.\x02\xcb'</t>
  </si>
  <si>
    <t>b"FFdXv'y\x07/\xb2\x08\x15~\xa7\xbe\xdeI[gPV\xf9\xfblH\xc5\x02\x12\x94\x93\xfc\xb2"</t>
  </si>
  <si>
    <t>b"\xab\x15\xec':\xa76\xa5?\xa7l\xed'\xee\xc2\x9a\x7f\xabY\xbd\xfciM\x97\x16F\xa7\xb38\x95\xf5X"</t>
  </si>
  <si>
    <t>b'o\xff\xd0\xa0~\xd4\xe8\x08\x1f\x0e\x0b\x96p:\xac\xb1\xd0CnT\xc6\x94\x0e\xd1x,\x9b\xb0bV\xaa$'</t>
  </si>
  <si>
    <t>b'\x91\xf5\xe0\x81&amp;r=)U8\xf7H\x05F\t=\xaeX\xe00\xfan\xa4\xf5\xcf\xd6\x85\x98\x8a\xbeqM'</t>
  </si>
  <si>
    <t>b'Q=\xd7h\x06\xf1\x8e\x85\x83s\xcb\xd3\xe9}\xad\xdc+t\xf3\x16\x18\xc18US\xf2$\x89\xc9\xafSJ'</t>
  </si>
  <si>
    <t>b'\xd6H\xdd\xde\xa7\x98\x0e\x00q\x15^4BL PFt\xde\x81\xb1d\xb5{\x8b\xb9Q\x1a\t:g\xb8'</t>
  </si>
  <si>
    <t>b'Z\x7f\xbb\xefj\xd5\xf50+\xd5\xf3\xf3zB\xd9\x82l\x03l\x19\xc5\x9b[~U\x94\xff\xf1\x8d\x05+\xdd'</t>
  </si>
  <si>
    <t>b'\x982J\xc9\xdaz\xc9eh{&amp;\x00\x81o\x9a\x89\x8b\x0e\xf4]+\xa6\x19jS}\xcf\xc9\xb4\xfe\xe0\x86'</t>
  </si>
  <si>
    <t>b'\xa1\x8eN\x0f\xd1\x95\xe7w\xa5}\x91[\xbb\xf0\x0c\xe3y\xe3\x91UN\x16\xf4\x00\tDz\xf0\xbc\x83\x02\x8f'</t>
  </si>
  <si>
    <t>b'|\x9c\xeb\xaa\xd0\x9f\x03\xdd\x86 \x13\xc2\x1bf)\xb4\x01\xdac4\xa6\xea\x1d\x90=\xa8P\x19\xcfj\x9a\xa8'</t>
  </si>
  <si>
    <t>b'\x01\xaa\\ \xdf\xefc\xb3T\x8c\x86\xeb\xb1\xfff\x1f\xba\xebJ\xdb\t\x8e8\xb7\x08_\x12\xcc\xdb0\xe4\xea'</t>
  </si>
  <si>
    <t>b'\xb6C\x08\x0eLU\xd9\x91E\xb7\xa7\x88\xf9[\xef\xe8p#P]\xdf\xd3\xd5\x9dgVd}\x80\xbf\xcb\x0f'</t>
  </si>
  <si>
    <t>b'\xb8t\x92GS{\xc1[\xc0\xd0f\x14\x93G9\x05\\M\xedUgxy5\xed\x9e\x82^\xc7\x18\x04\x96'</t>
  </si>
  <si>
    <t>b'.\x0b.\xa6\xe0\xde\xb6\xe0\x12\xe97\xdc\xbd\xe1\xc7\x0f\x14\xffr\xea\x9cU)\xd2\xb7\xd2]\xe1\x0f\x01~\xcf'</t>
  </si>
  <si>
    <t>b"\x8b\xef'P\xa3N\xf4H\x19\xb0'\x90\tm\xfc&lt;T\xd1Dq\xeaF\xb9\x8dd\xc2b\xbe\xa2\xf0\xf5\xd7"</t>
  </si>
  <si>
    <t>b'{\xd9\xab\xc7\xef\x1a\x98v\xf3"\xe8\xdd\x8f\xab\r\xafw\xb3uB\x10\xd0T\xbb\xe1;\rt\x916W\xcd'</t>
  </si>
  <si>
    <t>b'\xca\xb3\x02\xf6\x0e \x1e\x13\xeb\x03Oi\xa2\x13\x84\x9d\xcd Cp\xb1u\x99\x10P\x92w\x1b\xd1\xc7\xbc\x89'</t>
  </si>
  <si>
    <t>b'X\x8e\xf2Z\x83W\xf4~V\x1e\x85\x12\xaa\xbe\xa3\xcb\x94\xe3;Xj\xf6\x89\x08\x8bo\x84\xcc\xb6\x8e&lt;\x98'</t>
  </si>
  <si>
    <t>b'\xf5\x95`\x10z;\xe8Q\xe8\x02\xc9d@[\xc5\r\x9f\x0f\xf8Qw\xcf\xfd\xed\xb8\x06\xa4\xc8\x88H\xe7s'</t>
  </si>
  <si>
    <t>b'?2\x0c$B\x15\xaa\\&lt;\xc9\xad\xcf$\x83\x9e\x9cLY*\xbb\xd4%M\xe1\x8f\x82\x8b\xff\xc7\xe1@\xd0'</t>
  </si>
  <si>
    <t>b'dK\xcf\xfeD\xd8j,\xd2\xba\x87\xbb\xc7bP\x84G\xc7s\xba`\x07\xceC\x80\xd3\xf0\xafu\xd5\xd0c'</t>
  </si>
  <si>
    <t>b'\xdf\xa8\xddL)\x15\xad77\x8d\x9e\xf6\xa2K."\x8c\x1e\x82\x13.\xb1\x81\xe5\xb9h\xae\xacp}\x8c\xee'</t>
  </si>
  <si>
    <t>b'\xf1\xaa\xcbm\x84e@j\xc4-\xed0\x08\x03\xb9\x96\x9f\x13\xb0|\xc3\x02\xdc\x84\xc7\x0bF9\x9d&lt;\xcb\t'</t>
  </si>
  <si>
    <t>b'G-\xf8\xb0ZPO,\xfdyV\xf0$\x92\xf5\x917\xdd\xe5\xb0\xfd\xfb\xe89\xfb\xe5\xd1\xbd\x0b\xacW\xe2'</t>
  </si>
  <si>
    <t>b'\x1b"\x93\x14\x8b\xbfS\xe7\xf4\xe28\xd2O\xf6\x99CV\xc1\xed\xd8\xd8\xfb\x08\xee\xebt\xfd\x18\xa3\xea\xa7\x86'</t>
  </si>
  <si>
    <t>b'Q\x1f\xb2\x02s\xb2!^\xe19HA\x90+\x00N\x1a\xae\xb7\xf9\x82\xde\x93\x90\x06\x82|W\x99\n\xa8\xad'</t>
  </si>
  <si>
    <t>b'Y\xb2\xb3\xd8&amp;\x18\xae@O\xa8\xd2\x92\xca\xc5\x113\x88\x05\xaf\xfd\x90\xa2\xc6\xf9\x93ST\xa6\xfd[O\xba'</t>
  </si>
  <si>
    <t>b'\x8dZ.H{4Q\x9a\x93v6\x1e\x8d\x84\xdfa\n~\x0b\x90\x1e\xffS\x8d\x075\xe4q\xa4\xe6n\t'</t>
  </si>
  <si>
    <t>b'\x9dV\xfb\x84\xbez\t\xf7\xb2\xf4\xd9\x96/\xe2\xb0\x93}\xe6\xabC\xb21\x04\xeb\xda\x97\xad\xa8\xf8\xdai\xe2'</t>
  </si>
  <si>
    <t>b'mKo\r\xd6s\x933&gt;Nk\xdd\n~ S!\xa45-\x8e\x0b\x80\xebh\x8e\xdcs=\x1es\xa1'</t>
  </si>
  <si>
    <t>b'rN\x87\x11\xcf\x0b\x86!N4\x04wKd\x10\xd0\x85z1\xc5W\x0f|\x980\xb6\xa3qU\x83\x08\x1f'</t>
  </si>
  <si>
    <t>b'`\xf5_\x1f\xcf\xb0.zG\x11\xdf-\xfe\xb2\xa8\xdf(~\xad[\xa26\xb7\x87\xffU\xcf\x91c\x95\xa5\x82'</t>
  </si>
  <si>
    <t>b'\x05\xb2\xdd\x07\xca\xee;N\xd0\x8c\xee\xd5\x03\xb9\x07\xb7I;\xbc\xd1a\xb6\x8d\xfda\xe4\x8b]\xf7dn5'</t>
  </si>
  <si>
    <t>b'\xd6\xdco\x8c\x86^4^\t\xdc?\xbdR\x99\x90ZQ~\r;L\xe7\xbd\xe3^e)s\xa3\nw&gt;'</t>
  </si>
  <si>
    <t>b'\xf70\xf3&lt;\xfaK\xc2(\x8fL\xc0\x822\x8f\xeb\xd3L\xf5\xf1^\x8b\x99#\xb3\xa2\x83\x90\xd9\x15K\xe6\xf7'</t>
  </si>
  <si>
    <t>b'q\n\x8b\xdc4"p?D\x857S\xcc\xe0\x81\xc1\x02[:\xa4\xf1!\xc9J\x92;\xc6\x12\xc0\x9fGK'</t>
  </si>
  <si>
    <t>b'v\x1e\xfb\x13\x15\xc77=\xdc\xaa`\xba\x87=N\xc6v\xf8R\x03CX\x92\xabu\xdd\xf6S\xec.g.'</t>
  </si>
  <si>
    <t>b'\xe6\xc3\x02_\x82\x14\xaeF&gt;L\xbc\xed\xa7\xef\x9e\xb2i\xa6\xf8\x8a\x88\xd1\xa6^{\x19\xa7j\x8cc\x06#'</t>
  </si>
  <si>
    <t>b"\x8a#\xed\x81wI$(&amp;\x8e\x04'\x8d\xf4\x97E\no\xf3\xb4\xe6]\xf9D\xf6&amp;\x8d\x84\xec\xbe\xb2\xae"</t>
  </si>
  <si>
    <t>b'\xe492{D4w-\xf4cR\x10*N\xa5\x92*\xe7\x19\xd1\xcbh\x13\x82\x86\xcf\xf8C\xf29\x87\x1c'</t>
  </si>
  <si>
    <t>b"\x97\xc8\xc1\xb07C\x94E\xf5|\xe5\x8d\x9e\xbd'\xfa\xa2\xf96\x10\x9d\x12I\x9b\xabt\x9a^\xe6 W\\"</t>
  </si>
  <si>
    <t>b'\xa8\xc7~^W\xe8&lt;F\xd3l\xff\xba\xae\x14+#M\xb5\xda\xc4\x16\xafy.\xf8y\x8er\xc4\xce\xea\xbd'</t>
  </si>
  <si>
    <t>b'\x1b\xaf#"8S4\xab\x94\xecU\xc8D&amp;\xf8\xba\xc8M\x08D\xe3YB~x\xa3B\xc3\xa16\xf0\xb8'</t>
  </si>
  <si>
    <t>b'\x81I2\xceL%a\x0c\x06\xbd\xbf0s\xb2Ov\t\xb4n~7\x14_\x87\xbe\x0ci\xe1\x0b\xe5S\x83'</t>
  </si>
  <si>
    <t>b'\x98\xbf.1\x8dvG\x9d\xa5~\xae\xbb\x92\x14{\xe75\x90"lK\xe2\xffnx\xa9\x9e\xa7E\xe1\xfeS'</t>
  </si>
  <si>
    <t>b'"\xab\x1bY\x95/u\xf9Q\xcb\xc9\xb1`\xc5\xde\xac\xf5\x03\xa5\xc8&gt;\xfd\xc8myM\xb0\x88\xc8-mZ'</t>
  </si>
  <si>
    <t>b'\xb0f\x99x\xae\xc2Y\x06\xb4{3p\x81#\x16\x9d|\x1d\xd9$\xa4\x05\x1b\xf4\xe3\xa7\x0b&lt;\xa4{\xab\xf3'</t>
  </si>
  <si>
    <t>b'\x8d4\xb6\r\xb9\xcb\xb5\x1d\xd8y\x8cc\xeam(Q\r\t\x031n\xc0\x8c[\xd2\xed\x81\x82\x11\x05C '</t>
  </si>
  <si>
    <t>b'p{\xed\x03\x12\\+\x04-\x9e\xec|\xd7q;$\xc6\xf9h\xce\xb2\xf9pk\xae1\xae*\xa7.\xda\xf9'</t>
  </si>
  <si>
    <t>b'\xe5d\x8c\x0b\xc5`,\xd1\xf08\x1aV\xe8\xe3hhs3Q+1\xcb\xdep\x13\xf1\xa8\xa2o\xb1\xcf\x93'</t>
  </si>
  <si>
    <t>b'\x08~\x93v\xed#E\x04i\x01v\xda\xcas:&amp;\x87wJO\r6qe\x85\x9c\x19m\x10t\x02\xa1'</t>
  </si>
  <si>
    <t>b'&lt;\x04\x8eXj\x93\xaa\xafhF\x03\x8d\xa6vD\xf3\x16\xb4\xf0\x8e\xe4\xdc\xb7$&lt;&lt;\\\xaf?\xbd=\xe6'</t>
  </si>
  <si>
    <t>b"&lt;\x1b\x8e\xd5\xdd[\xab\x83M\xacc\x11\xa8\x91\xa3\x0c\xb1\xb9'\x11\xe4\x1f\x12\x9d;\xf8\xef3\xd8-I%"</t>
  </si>
  <si>
    <t>b'\xd8J/\xa1\xa7\xd7\x9c\xf30/\x06:\\\xdc\x10\xa4|F\xf4c\xacQ\xb9\xdcL\x16\x9e\x84\x04\x7f\xe5\xbb'</t>
  </si>
  <si>
    <t>b'\xbeM\x84.(\xf7q\x1c\x87\x11\xa4\xa4\xd6\xd5\xe7\x82\x91\xb4\xfd\x11\x1b\x8e\xdb\xd4\xa0\xce\xfb!\xb8E\x9c\xfb'</t>
  </si>
  <si>
    <t>b'f\x8b\xe8Ld\x0e\xc8\xcd\xfd"\x826\xa7r\xf2@rvE \xb5\xd8\x94\xbb\xef\x90ge\x82f5\xd8'</t>
  </si>
  <si>
    <t>b"`\x90\xa9\xa4\x15\x9a\xf7\x00,W'\xd4\x12b\xa7\xab\xc7\xb1\x9b\x90\x99\xec\x9eCU\xe6Iw\xb1Z5\x80"</t>
  </si>
  <si>
    <t>b'\xd3\xf7\xf1\xa9\x81\xa1\xdcz\xffI\xa7\xbc\xd6}\xb4\x1b\x18s\xbao\xccR\x8a\xc5\xcd]VAu\xd3:?'</t>
  </si>
  <si>
    <t>b'@\x02w\x91\x06\x1a\x08\x12\x7fc\x9c\x86\xe7\xa9*\x95\xff\xe3.O\x13\xb6\x02\x02;a\xcby\x9c9\x15\xc8'</t>
  </si>
  <si>
    <t>b'\xe0o\x1c% \xa0\x1e\xa2\x168i\x83\xba\xe6\xa2\xdcY4\xf4\x97\x82\xceM\x8f\xfb2\x1d\x8f\xe5\xab#\x8e'</t>
  </si>
  <si>
    <t>b'\xdc\x82\xbf\xa9\xb8\x10\xe2F\xf9\xc1\x1d^4@\x03\xdd\x97/\xb1\xa2k\xd7\x89Aj\x0c[\xb1\xbf+\x8e\xcf'</t>
  </si>
  <si>
    <t>b'\xb4\xab7d|\xb3\x12\xa7|\xef*\xbe\xa1r$\xb7\xcf|\xc1S5\xe3*\x1e\xa5\xa7\x0b\xd3e!\xee\xba'</t>
  </si>
  <si>
    <t>b'\xbaR\x1bc7/\xbdY\xa5Q?\xf2\xdc\xd9\xbe\xfc9\xc1\xdb\x91\x10\xbbl\xc0\xa9\xa8Xc\xe5\x1c\xea\xae'</t>
  </si>
  <si>
    <t>b'Sw\xa3\x98\x07\x1el\xd2c\xe8\xb5\xb0)\xcc\xf4\xc0\xff\x9a\xcf0u!\x17\xfd\x03\xd0\x95&lt;@\xe0\xfb:'</t>
  </si>
  <si>
    <t>b'5\xb5\x11\xdc\xb7\x90&gt;\xc0\ri\xe5O\x01\xa9\x94#\x03\xab\x88\x81t\x1f \x8eV\x9e\xeej\x94\x0e\xa8W'</t>
  </si>
  <si>
    <t>b'\xea\x145\xc9\xf11\xce\x12\x10\xf7\xbb\x1e\x7f\x0f\t\x01m\x83!7\xaf\x8e\xe4!ds\x80\xa1\x9d\x90\xbd\xc6'</t>
  </si>
  <si>
    <t>b'\xdcZ\x00$\xf4&amp;6=SS\xb2\xf3\x861V\x91\x07\xe80\xd9.g\xda!J?\x84\x0c\x15}\xdb\x08'</t>
  </si>
  <si>
    <t>b'2;%\xfa\x84p\xc1\xdd\x81&amp;+]p}E\xb3\xd0\x19\xb7\x90f\xbf\x0e-\xf1\x0f\x9c\x1bc\x9d\xc8\xcf'</t>
  </si>
  <si>
    <t>b'\xc8pL\xd0CD\x18nN\xc7y+\x0c\x17\xbb\xb1\x99\xa2\xa8\xa4\xea\xab\xd7\x05b\xbf\x0c\x1e7\xb8\xa1\xcd'</t>
  </si>
  <si>
    <t>b'L\x04\xadUm\n\x9c\xfbS\xa11\xf6g\xc3\xba\xce\x08\xcb}\xe03"t\x81\xdc\x83c~\x8c\xf3\x07\xcc'</t>
  </si>
  <si>
    <t>b'\x99\xcc+\xb7\xfe\xc7QO\xcc\xff\xca\xc1 c\xdb\x02\x16\xb4\x91P&amp;\xba\xf5\xc0\x94\xaa\xe0:\x18\xe5\xd8\x1d'</t>
  </si>
  <si>
    <t>b",\x02X\xee\xf7\xb0\xa4\xba\x00\xa2\x0e\xf2\x15Ci\x8a[\x0b\xe5\x16\xaa\xe7\x12\xc6\xc7\x1f2\xc9'\x1e\xcaz"</t>
  </si>
  <si>
    <t>b'?q\xff\x87\x06\x0f\x04CJ\xcb\xe7\x9e\x1eZ0\n\xcd:&lt;jXL\xbct~\x9c\xb8_i\xdb;\x87'</t>
  </si>
  <si>
    <t>b'\x01\x80h\x1eR\xae/\xfe\xb2\x1d\x05S\xf2\x89\x97\xbb\xed\x05\x7f&gt;\x91\xcf\x93Iq\x16^\x82\x9f\xcb\xe6\x82'</t>
  </si>
  <si>
    <t>b'j\x81\xc9\x18\xf7\x06\x12|\x8c\xc7\x03\xdbb\xd3\xaf\xab\xfe\xe3\xb8`\xc0\x1a\xb1\x11\x01\x10Z-&gt;\xe1\xe6\xc5'</t>
  </si>
  <si>
    <t>b'i/Z[a\xb0\xa6\xd5\x1c\xb6T\x96L\xef\xb66;\xe6=D\x8d\xc8\xc0\xcb\xde\xfbi%\x07\x1cM\xeb'</t>
  </si>
  <si>
    <t>b'(\xc2\x80\xbbV\xado\xef\xc0\xdf\x85lj\x19\x03T}\x97\x1ck]a\xf0\xe0^)\x83\x8crPFR'</t>
  </si>
  <si>
    <t>b'/\x1b\xfd\x078\xb9\xb5\xb3\xdaX\x1e\xf2Iup\x82\x16\x86{\t\xbek\xfa\x17k/\xe4\x1d\\\xbb\x94\x1e'</t>
  </si>
  <si>
    <t>b"p:\xc4\xd0\xe0]\x98'\xb0\xd2\xc5\x01\x1d\x15\x81\x03\x10\xf8\xd4\xfb\xa6_=\x82\xd3\xd9\xd1&gt;\x06\xeapd"</t>
  </si>
  <si>
    <t>b"\xfe\x82\x02g\xd5\xad\xbb\x04H\x89\x1a\xb2'_\xc2O\xfc\xe2:R\x01\x13\xb5\x948Y\x98\xbb:\xe5*&lt;"</t>
  </si>
  <si>
    <t>b'\xc801@4\xddC\x87\xd5\xa95\x01\xaaE!&gt;\xfa\xa7\xe2\x97a\x11vbD3\x9c\xcd\xcaVT;'</t>
  </si>
  <si>
    <t>b'\xd7\xbe\xcd\x04\xaf\xb6\r\xd5;\xf7\x80\xf9\xd3\xb8I\xf1\xa2\xc3\xb5\xb3\xe9a\x0e+\xf6d\xd1l\x81\x98Ok'</t>
  </si>
  <si>
    <t>b"\xa8\xc4\xdc\xeb\x8a\xd04\xefs\xe7;G\xd7\xfa\x88\x81\x06\xad\x0f\x0bcp\x92\xad\x04s\x19:\x8f'Y\xa4"</t>
  </si>
  <si>
    <t>b"\xccoI\x0b\tc\x88XTR\xf2\xa3\xff/\xac\x9b\xb7Z\xd4'\xd4\t\xee\x01QL\x92\x12\xb6-L\x1d"</t>
  </si>
  <si>
    <t>b'\xd3B(m-\xf0\xa2\xeaY\x0en\x98&gt;{w\x08-\xc9r\xd6\x1e/\xf7\xa60\xe7\x0b\x87\x98N\xa3\x8d'</t>
  </si>
  <si>
    <t>b'"xK\x14^x\xd4&gt;\xfb\xcc\x96~\x97cQ\x9a\x95\xfb\xcd\xe1\xfb\x8bT\xday\x9a\xc0&lt;\xecQs\x82'</t>
  </si>
  <si>
    <t>b'\x0csR\xa5\x10\xff\xecfX\xabnl7DE\x95zO\x18RX\xf9`\xa7\x03\xe9\x8d\xe3\xf3\xb0|\x11'</t>
  </si>
  <si>
    <t>b'\xb6u-\xed\xad;\xef8a\xf9\x1el&gt;\xccZ=\xa8Ivc&gt;\x0c\x9d+\xfb\x0b\xd7\x8c\xe3\xfaD\x07'</t>
  </si>
  <si>
    <t>b'2pAZUV\\&lt;\x11G\x83\xa8\xfa\xd0\xa9+lZ\xac\xc77\xe6\xd8Ip\xd1\x8f4\x17\x9e\x98X'</t>
  </si>
  <si>
    <t>b'\xe0\x84\xd5{\x11\xb0xn\xd1CU\xe0\x11D\x82\xe0y\xcfT?o\xbc8\x9b\xf5\x1e\xd5a5o\x84L'</t>
  </si>
  <si>
    <t>b'\x82\xbd*\x0c\x1f\x89\x83q5#\xfd\xd4\xb3oA\xfd\x1er!\x83\xed\xff\xca\xd9Ak0\xd6\x83T@\xc8'</t>
  </si>
  <si>
    <t>b'\xd1\xcctP\xa4\xb8X\x87\x1c\x18B\xd7pb\x1d\x15\t\xe3\x90\x14@~G\x9d0s\x11)U\xc3\xba\xb9'</t>
  </si>
  <si>
    <t>b'\xb958\xf0\xa4\x9dRo\xedSm\xf0%`M\xc2\x16\xe0,Hq\xa2\xe1T\x17+/\x8a-&amp;`q'</t>
  </si>
  <si>
    <t>b'!\xd9R\xcf\xa8!KE\xbeDkl\x01M\xc3\x93\x89\r+\x01Uk\xfa\xddYev\x8a#\x8d1\x19'</t>
  </si>
  <si>
    <t>b'\xfc\xc5:D&amp;\xec\x06\xc1\x86\x91\xe0&amp;T\x82\xb2\xc8|\x06\x81\\\xa4n6v\x81\xf1\x83\x9cJv\xbf\xd5'</t>
  </si>
  <si>
    <t>b'!\x11\xd2\xb7\x97\x1f\xfc\x04\xa6\x1c\xa3\xe5\x0ftx]\x1d\x97\xbe!\x04\xd2\xf8\r\xea\x84\x8d\xf8\x9f\x8bC\xac'</t>
  </si>
  <si>
    <t>b'\x12\x19\x84n\x82lT\xad?H\xa0\xbb\x96N;\xa1\rS\xa6\xf7+\x85&amp;\xe8(\x9ck|&lt;\xe1\xba\x0b'</t>
  </si>
  <si>
    <t>b'\xccy5\xd2O\x8d+\x14M\x01\x83r\xc7\xdaq\xa38\xc6\\ \x16\x9bq1&gt;8\xe5N4\xedC\x83'</t>
  </si>
  <si>
    <t>b'3FVP&lt;\xe5\xb8\x96\xbe\xb8C\x9c\xc9V \xdb1\x9f\x85\xa3;?\xd5c\x9bF\xbe\xec\xdeAW|'</t>
  </si>
  <si>
    <t>b'd\x13\xff8\xccK\x11y8\x80\x88r\xa8r\x94\xc9:\xd2\xbd\x88D\xdc\xd33\xff0\xb1\xb8\xb7\xb3\xf3\x14'</t>
  </si>
  <si>
    <t>b"\xb3\xf0Mv\x14\xa6\x80\x8d\x8f\x8a\xa7wej\x18^r\x1dT\x83';\xbd\xf9\xd43R\n\xf9\x00\xf4\x17"</t>
  </si>
  <si>
    <t>b'$\xb9J\xd0\xbe\x13\xdd\x97\xab\xc5\xf1\xfa\xa4,9\x82\xe2\x92\x1e\xff\xbf\x89\xa3\xb6s\xbc\xbf\x1b~~5z'</t>
  </si>
  <si>
    <t>b'\x08\xa9D\x9f$\x07\xf3&gt;#\xce\xe2}U\x84\xe1&lt;s\x8b\xf7\xef.f\x82\xa5\x12\x87\xeb\x8a\x1c5\xa3\xf6'</t>
  </si>
  <si>
    <t>b'fO\xbe\xfd\xe7\xd3\x06|\xaaE\x15\x95;\x0fz\xb2F{\xe8\x90\x1eQ\x95\xdf?&gt;\xc4\xf0B\x07\\\xd5'</t>
  </si>
  <si>
    <t>b'\xe9\xd8@k\x9c\xe6\xca\xed\xe9\xa8e\x96\x95\xc8\xfc\x00?@\xc2\xe6\x87\xf5\xf2\xe3\xae\xf8Y\x8f\xa94\x82\xaa'</t>
  </si>
  <si>
    <t>b'F%\xe3\xe6\xec\xa7\xe7\x9fR\x1d\xaa\xf5k\xaf\xb9M\xf1\x1e\xd2\xd3\xa5\xe2\xf6\x80v\xec\xcc\xab\x8d~\xeb\x07'</t>
  </si>
  <si>
    <t>b'\xf8\x16a\xad\xac\xa1d886\xbf\xd56\x06\xddh\x04Ciy\x02\xb6a\x83\xc3y\xb5\xf0\xf0\xfe\x96\x01'</t>
  </si>
  <si>
    <t>b'oq`\xc4]\n\xa0\x87\x15\x7f\xf0\xf0\xd5\x85{\x01\xa6\xaf\x83gd\x9b\xb1\xee{\xd6\x82\xaf^\x87\xc7P'</t>
  </si>
  <si>
    <t>b'Q\xb8\xfd\x8b\x8b\n\xd1bg&gt;\n\xfa|\xab\x8d\xa3\xe9\xde\x11\xec\xc5\xad*i{`\xd5\xb6\xe8\x0f\x81G'</t>
  </si>
  <si>
    <t>b']\x96\xec\xdd\xb8\xb9&gt;Qy\xc4wj\t\xe3\xfd\xc4\x04v\x03a\t\x93\xbe\x8e\x82\xe5\x9b\xe9O\x1f \x87'</t>
  </si>
  <si>
    <t>b"\x893\x80]\xc0\xe2\xc9\xf6\x97/!\x16\xf8~\xf7\xa0e\xa2\r\xc4\xd6F\x829\x05\x94'\xdb)\x08\xdf\x83"</t>
  </si>
  <si>
    <t>b"\x16\xd0\x9e\xe2\x89N\xc6u\xbf\xe0'\x18\x89!\xd4]\xf7\x8cz\x0e&amp;\xaeu8O\xe8\xf1\x9cz\x92\xf3&amp;"</t>
  </si>
  <si>
    <t>b' \xe4\x8c\xf7\xe9\x12\xc7\xc3\x8d\xd5\xfb\xd9J8\x98\xe5H\x8dK\xab\xf5\xe0\x80\x06\x1d4\xae\xbdji\x9du'</t>
  </si>
  <si>
    <t>b'\xdb\xee\xe0;\x00N\x8e\xa5\xa9oB\xa7-kw+1\xbfB\xb4\xf8&gt;U\x07\x7f\xf5\x12\x87k\xb0\x89\x1e'</t>
  </si>
  <si>
    <t>b'z\xc0b\xf5\xf9\x833`\xa7\x02R\xdd:\x03I\xd5/\xf753\x87l\x1c\x8c\xdc\x87\x8a\xb9\x9d\xe9\xe9}'</t>
  </si>
  <si>
    <t>b'\xf839 ^#\xd0h\x83m\xd8\x0e]\xe2\xeb\x99"$\xbeF\x88;\xa9[AaB#\xd7XM\x99'</t>
  </si>
  <si>
    <t>b'\xd6\xe5\x1a\xa1\x91\x08@&gt;\n5H)\xceGE\x87\x13S\x8e\x15\xe1cq\xdd\xb9\xbc\xaek0\xe4\xb1\xb9'</t>
  </si>
  <si>
    <t>b'"\xe0\x14\r\x906\xd9U\xe1\xd1\xb5~\x1a"U\xd5\xd3W\x89\xa6\xc17&gt;\x9c\xf4\\\x03\xa6\x13\x8d\x92\xfc'</t>
  </si>
  <si>
    <t>b'"\xd4py{P\x14\xee\x12y,.\x9dNP.!\x10\x87\x95\xf4\xc8{1\xbd\x11G\xdb\xa3\xe8=\xf0'</t>
  </si>
  <si>
    <t>b'\xef@\xae\xca\xa6?:4\x00^\t\xbaJ\xc9[p\xef\x9f\xfa^\xe4\xf1\xba#?\\\x87\xfe\x9b\x99\xc9F'</t>
  </si>
  <si>
    <t>b'\xb1\x11?\xe9\x89@\x8c)\xc2\x9eU\xb3\xc3\x04\xf7\x1f\xd8\xfe\xa1\x01\xe7?\x86wp\xcc\x1d\x00\xf4Q4\xab'</t>
  </si>
  <si>
    <t>b'N\xe1\x9f\xde\xde\x15x\xe8\x06\x96.*\x99HIQ\x15\xfe\x8d\xba{\x01r\xb5k\x9acf\x86\x94\xe0\x82'</t>
  </si>
  <si>
    <t>b'OK\x1b\xf6/\x96?UT\xc7\xd9\xda\x8c\x0b_\x08d\xd9\x03\x87}x\xa1\xf6\xf0\xde\xa8\xbd\xa9J\xa2Z'</t>
  </si>
  <si>
    <t>b'\x03\x10\xcbB;-\x08\xaa\x8ak\x9e\xf7X\x93\xb9\xfe\x8bs\xd0\x1c\x05\xc85\xab\xce\xf5\xb2\xb6M9\x94\x13'</t>
  </si>
  <si>
    <t>b'\xa1}\xd0\xa6\xd1]\x8eA\xfbn5\xd5\x9fI@\x08\x0e\xcdV\xbc\xca\xe3&lt;T\xd2-yh\xfd\xdd\xdc\xdf'</t>
  </si>
  <si>
    <t>b'k\xbagJ\xcb51\x10{7\xc3N(\x07c~#c\xed\x81\xc8\xcc\x0eU=\x17\xef\xf5\x1d\x1f\x81\xc8'</t>
  </si>
  <si>
    <t>b'\x8a(\xc4O;N[o\x86\x84\x88\xc6\x0c\x02\xbe\xf9 \x0eB\x88\xbad\x01h\xa87\x93\x9b\xf9\x8f7\x94'</t>
  </si>
  <si>
    <t>b'\x93\xb9\xb0\x11\x83\xae\xa1\x05\xe3\x85\x9a#Mb/\xd8F\x7f\xa1\xbe\x8ag\xb1\xcd\xc9\xcb\x87i\xfc\xd8g-'</t>
  </si>
  <si>
    <t>b'\xe9\xfe"\xaa\x10{\xa4#\xedr\x1a\xab\xc3\xd2U-;W\x11\xd7i\x0c"G\x10\xe8\x8b}\x93|t5'</t>
  </si>
  <si>
    <t>b'@\x0c\xd3`\xbf\x1d\xac0\\\xea\xd0\x9a*\xbb\x81\x05\x87$G?\xc2\x9e|\xd1_\x06\xe78\xda\x9e\x01\xef'</t>
  </si>
  <si>
    <t>b'\x90\xf3\x96]\xdfx\xcb\xddc4\x01v\xd8u\xddW\xcc]\xcas\x95ck\xce[\xa1\x99\x08\x8b\xd7B\t'</t>
  </si>
  <si>
    <t>b' \xbdu6\xf7f\xd3\xfa\x9a/\x1b\xba\xf6S0\xe5JEc\xbd\xdc\x87\xe1\xdb\x1fv\x96\x8b3\xael\x8a'</t>
  </si>
  <si>
    <t>b'T\xfa\x85Ry\x98_\xa8\xe2\xf0\x9b\xaa6\xa8\x110\xf5\x8c\x08{\x9e=\x11\xcd#T|D\x01D\xff\x14'</t>
  </si>
  <si>
    <t>b'\xcav\x9f\x07\xa2\x8b\xcc&amp;i\xcb\x7f\xfe7F(\x1d\xcf\te\xb3\xe16\x18\x99\xdd\x81\x16`\x84T&amp;y'</t>
  </si>
  <si>
    <t>b'\x0f\x87\x80\x19=T\x8e\x88g\x8f\xa7\xbe\xc9\xf2,\xf7G\x17B\x1b\xafmHg\x1d\xb4\xfb\x1e\xcc\xe9C\x1f'</t>
  </si>
  <si>
    <t>b'8\x81\xc4\xd3&lt;c\x07\x01-K\xeaHj\x07B\x1a\xc0\x00\x86.;l\x9b+P\x01v4Ch;\x81'</t>
  </si>
  <si>
    <t>b'S\xbb\xc0rY\r_A\xe6\x92\x06X\x81\x9e_\xd2\x10\xf5\xc7wa\xa8n\xbd\xa7\xef\xa8\x8c/0C\xc6'</t>
  </si>
  <si>
    <t>b'&lt;\x88\xfc\xc7g\xbe\x19U\xf7\xc3\xfb\x89\x12\xe8S\x1f\x17\xdaNj \xd3\xbaA\xd4\x13;v\xcf\xed\xdd['</t>
  </si>
  <si>
    <t>b'\xd7P\x185\x15\x17\xe6\xac\xcdnu\x07\x96h \xcdk\xfa\xe1^\x9as&gt;\xd8Qb\xf4t\x97K\xb1\x92'</t>
  </si>
  <si>
    <t>b'v-E\xfdu\x01\x98\x8c\xb93Fz\x06&amp;\xde\xbf\xe9\xe0g\\Sy\x0cq\xad\x1f[N\xbcaw\xc4'</t>
  </si>
  <si>
    <t>b'Q\xac+|(\xd0\xfcf_\xa9\xb4\xe4\xfc:\xa0\xe4|F!\xff\xd55\xa1L\xb1\xb2\xae\x03\xb6jUP'</t>
  </si>
  <si>
    <t>b'\xa2\xb8e6l\x83-\x97\xf7d\xe9\x9b\x8d\xe9\xdb\x1a\x9f\xcc\x14\xdb\x81s%\xe5\xaa\xf1\xdf\x1c\xaa6\x9dj'</t>
  </si>
  <si>
    <t>b'\xde\xfd\\\xa6\xec%x\\o\xc7z5pt{\xf9`\xbbo\x03\x9c.\xa4\x9b\xca\x13\xb7\xaa|1\xe9\x05'</t>
  </si>
  <si>
    <t>b'\x1b_N\\\xfb"\x86\xc3\xd7\xca2\xdc_\xca\x0e\xd9)\'\xa5#\xb7O\xa2p\xad\x1d\x00\xc1\xa2N|`'</t>
  </si>
  <si>
    <t>b'\xad\xe5dF\x1dj\xcf\xe6dBx\xcfc\x1e\xb59\xd7\xeb\xc8!3\x9bis\xc6l&gt;]\xeb\xdbO\r'</t>
  </si>
  <si>
    <t>b'\xe4\x1b\xa7\xc1y\x10\x17\x1a\xf3\x970\x89j\xb4\x85\x7f\xf2\x7f\x9d\x14H#\x99(x"\x1f\xcd\xfa\x08\xb0+'</t>
  </si>
  <si>
    <t>b'b\xaa\x9b\x93\x1c\xa56\xdd\xea\xc7\xfb\x02X\xad\x17\xb7\x1ac \xfdS\xa2\xa1aB\xbeS\x8f#I\xaa\x17'</t>
  </si>
  <si>
    <t>b'&amp;B\xbf\x10s\xe4C\xbf\xefTF\x17\x98\xcd\x944\xf9g\x10\t\xf8\x05f&lt;\x14\xa2zn\xe5\xb3\xbe\xec'</t>
  </si>
  <si>
    <t>b'A\xd9\xca\x1ar\x95Q\xd2R\xe2\x888\n\x032OQ\xf1\x1d\xed\r\x04\xf9\x81\xb9l\xfe@\xde,\xfdm'</t>
  </si>
  <si>
    <t>b'\xda6d\xeb\xdb\r\x0f}\xb8\x87\xed9R1b\xe3\xbcp?\x95\xc3P\xbc\x943\xf0\x17~\x83\xff\xf2M'</t>
  </si>
  <si>
    <t>b'`\xa7\xd6\xf8S\xe7\xb1 `\xed)t[C=Q\x93\xb9v\xcd\x9e \xff\x82\x9d\x01\xe5\x1b\x8c\xfdzH'</t>
  </si>
  <si>
    <t>b'\xab\x06\x92h4\xaa\xb6\xa4\xba\xb5\xc9AL\x87\x8e\xa9\xe7e\xf4QM\xf9\xdei\xdc\xf1\x9d\xba\xa3\x1f\xc1,'</t>
  </si>
  <si>
    <t>b'\xf6\x98ql\x00{\xd3\xbf\xa7\xea\xd8\xab6\xdd\x97\xe7\xba\xea\xdc\x19K\xf1\xfc\x8f\xaa\x88\xf22\xc2\xee\xc4\x9d'</t>
  </si>
  <si>
    <t>b'\xc6\xaf\xae\x1d\xeeCG\x05P\x16\x13\xce\xb9\xbd\x805\x19\xdc\xe4\t\x9f\xca\x99/q\xd1\xaa\xfd\xde\x1bY!'</t>
  </si>
  <si>
    <t>b'K\x93F\td\x0f\xf1\xbe\x83\xcd\x8cy\x90\x8d\xb7u\xa3\xdeYq\x10\xd8:\xa7\x82u#I\xcb\x93R\xda'</t>
  </si>
  <si>
    <t>b'\xea\xd0g\xda\xb9\x18ZJV\x98s\xd7\xec\xe5(\x8c\xf1\xa6\xc8\x9f\xe1\xa7d\x1aG\xe1\x8e\xb3\xb1\x9d\x82|'</t>
  </si>
  <si>
    <t>b'\x17\xd8f\xa8i=z\x90\xf0-\xdbfH#\xdeP7&amp;\xb2h\xda"ej6\xc1X\xd0w\x8b5\xc4'</t>
  </si>
  <si>
    <t>b'\xcd\xac\x0bd\xc234\xa64\xc4g/\x81\x84\xd3n%\xd7\xc4\xdf\x1ad\xbf\x0cU\xfb\xf53BJ\\-'</t>
  </si>
  <si>
    <t>b'\x9c\xcc?\xe8\xe6\x11\x1d\xf2j\xb4i\xfdj\x88\x00\x8di\x12(\xa3\xdeH\x14/\xc5,q\xb00\xa3\xd8\x1b'</t>
  </si>
  <si>
    <t>b'&gt;\xbbJz\x06\xef\x17f\x0b\xfb\xa1\x8a^\x1c\xae\xd2(\xfb\x9d\x8b\xa8\x15$!\xd8\x103\xd0\xf9\xef\x18\xd9'</t>
  </si>
  <si>
    <t>b'\x9dR\x05\x19\x13T\xde\x95{\xcbo\x04\x18L\xe5v[\xcb\xf1I\xe4p\xa1m\x04\xc6[\xcc)\xe1\x9a\xaa'</t>
  </si>
  <si>
    <t>b'\xec\x16\xb7\xba3\nu\xe8\xc8XRk\x10\xf9b=\xb4\xa6\x95k(\x06\xe3t\x8e6j8\x7f\xb7\xd5\x88'</t>
  </si>
  <si>
    <t>b'#\xe2M\xff\xf6`\xaby\x85T\xe4\xb3\x008$\x06` \x97\xf0\x91\xc5\x02n[\xc5\x9c\x8cs8q\xec'</t>
  </si>
  <si>
    <t>b'9\xf6g\x8e\xaaW{\r\x01m\xa4\xe2\xd9\xf7\x13\xca\x97o\x84\x8d\x98P\xcf\x9e2\x0bE\x93\xa0\x83\xe1P'</t>
  </si>
  <si>
    <t>b'\x06\xc5\x1c\xfd\xb8\x7f\x9a\xaf\x96\x9e\x8b\xe6E\xacv\x1e6\x06\xc7\x91\xdb\xca&gt;[\x86\xd5\x1f)A\xb1\xec2'</t>
  </si>
  <si>
    <t>b"\x1b\xc3\xf6\x85'\x0f\xccG\xf1\xdfU\x93\xf4\xea&gt;\x8d\x1d\xca\x8eR\r\x1c\xe5\xdd&lt;B\x9eJ\x19\x1f\n\x87"</t>
  </si>
  <si>
    <t>b'\x97\xdb\xedY\x15W\xab\x03\xb8G\xccR\xff\xf5\x94\xa6\xb8\xf9\xfag\t\xa4\xad:\x13S&lt;T~\xc0L*'</t>
  </si>
  <si>
    <t>b'\x1f\x98{\x14z\xcc\xca\x00\x85\xee$\xb19X+/\xf9\xb5b\x81\xfd\x10DZ\x90\xd6p\\}\x85\x849'</t>
  </si>
  <si>
    <t>b'\xf0l\x83\xa9p\xdc\xb8\x18\x99\xe7\xc9\xfc\x8f\xec\xa5\xe9%=\x7fG\x7f\xa2@\xd3g\x9d\xa7=\xaf4\x7f\xab'</t>
  </si>
  <si>
    <t>b'\x179\x1f\xaf\r\xe4JQ{\xda\xeb\x02\xa1\x9c&lt;U\xea\xe8\xd7\xbcL\x7f\x1e\x83e\xfa\x18\x7f/\xb1W\xfb'</t>
  </si>
  <si>
    <t>b'/u\xca\xb6\xfan\x86\xf6S\xf24\xea\xb2\x92\x13@\xd4\xa5\xdb\x83\x8a\xe0\xc2\xfdWb@\xab\xf4\xc1\xfc\x1d'</t>
  </si>
  <si>
    <t>b'\x9c\xd5\xd4\xc62\xe5\xac\xff\x84v\xa6d\xf9\xca\x11\xe1\x87\xe8\x82\x84\xcd4\x0e\x0f\xc0\xff\xad\x9f\xc5\x13"Y'</t>
  </si>
  <si>
    <t>b'\x0bNcN\x81=\xff\xb7\xc3\xe5\xd6A\x1a\x9f&gt;\x8d\xdd\x1e\xa9\xee#\xe0\x86\xd9\xfd\xad\x11$\x97\xb9\xd0D'</t>
  </si>
  <si>
    <t>b'\xc9:\x82\x1d\x9a\xd4pi&amp;\xba3\xb5\x12a\xc8Y\xf6\xa9\xa0\x89\xeb%h\xed\xe090ob\xe3\xe3V'</t>
  </si>
  <si>
    <t>b'p7X}\x1b\xfc\xa4q2\x9a\xbe\xf0?\xab\x9e~\xd5L\xa6\xfcM\xe8\xc8\x95\xd6\x85\xe8\x01\xea\x18\x19F'</t>
  </si>
  <si>
    <t>b'\x97g\xdf\xf0\x89\xab\xa0\x987\xa6\xba\xdf\xf9c\xf5NN9\x9c\x93y\xeb\xb0\x12g\x17\x1bFxa\x0f\xa6'</t>
  </si>
  <si>
    <t>b'\xad\x8cQQ\x02\x9b\xc0\xac\xe8\x960\xee\xa1\x81" \xac\xc0kK\xcf\xd4j\xaf\xe2\x1c2q\xefJ\xe0\x8b'</t>
  </si>
  <si>
    <t>b'J\xb5\xb9J{\x0f\xb9\xd2\xd5\x06\x84z\x8d)eZ\xaa\xf0\xfd\x9f\x98\xff\xc3\xce!\xa7\x8d\xdf8F\x98\xbb'</t>
  </si>
  <si>
    <t>b'\xab\x8f\x04_\xb0\xf1\xa7\xad\xe4\xbb\xc6\n9\x9a\xf4\x9d\xac\xda\xb37\xcaI0Jz\xdaJs3\xc1\x9e\xa8'</t>
  </si>
  <si>
    <t>b'?K\xa5\n\xb2\xe08d\xbe\xd0\x83:\x95\xa1\xdap\xec\xe5\xdc9\x15\x95\xab\xba\x87T\x84c@\xe0\xb4G'</t>
  </si>
  <si>
    <t>b'\r\xc0:@P\x85\\\xbdC\xd3\xba\xa4\xc1\xdb\xfdf\x07p\x9f\xb9ej\xa4MN~\x0e\xc1\xe6\xf0-!'</t>
  </si>
  <si>
    <t>b'`\x10\xc5\xdb\x86;\xb9\xdfc\x14[\xbbnLH\xe8\xce\x08\x1fNM\xb7\xf18Gr\xac\xc3\x93\xb7\xd1\xcd'</t>
  </si>
  <si>
    <t>b'-\xa3\xe6\xef\x84\x8a$G\x01\xd1\x8a\xe9\xd5\xf3O\xc8g\x10\x95\x1e&amp;\x9b\xde\x98+\xfb\xc3*&amp;d\xfd\x1f'</t>
  </si>
  <si>
    <t>b'\x0b\x86\x81.=?\xc6\xff#rg\xe2\xb9Z\xfcJ\xe3R\xa1\x17\xa2\x16\xfb\x10_\xf6z\xe2\xcaS\xb0\xa0'</t>
  </si>
  <si>
    <t>b'\xc3\xc4\x90C\xad\xb8\xb3\xab\xd2\xcd\xf1\nH\xbds\xd2l\xe4\xc60\x97Q8\xa6\x81or\xa1|\xb1\xa26'</t>
  </si>
  <si>
    <t>b'\x86\x0e\xcaR\x05F|\xacxB\xb4\xf6\xd2[\xa2\xce\xef\xf9pqP\xe5\x95\xf2\xaa=\x97\x02\xfb\xec|\x9d'</t>
  </si>
  <si>
    <t>b'\xe5\xf9\xe8\xd6\x15*G\xb01\x05\x03\xechy\x182\x12\x04\x1c\x19\x02}\x14\\\x10\xb3\x88^\x9b\x94{\x93'</t>
  </si>
  <si>
    <t>b"Pi\x16]\x07T\x167\xb3r&lt;\x99m'\xcb\x87\x05R\xdb\x99\xbdC\xc9\xf7\xb8\xa1[\xe7u\x1e^'"</t>
  </si>
  <si>
    <t>b'=G4\xb56\xba0PM,\xf4_\x7f~D_`B\x1e\x87;\xf1Zd\x12\x05R\xf9.\x14G '</t>
  </si>
  <si>
    <t>b'5\xdbb\x14\xd5j\xed\x1dp\xb0\xc9^\xfe?\x86\xf3U\x8f\xa3\xc9M\x15\xd9\x06\x1d\xa5\xefX\xcd\xd4ry'</t>
  </si>
  <si>
    <t>b'd\xee}\xc9\x15\x15S\xe1\xfb\xed\x94\xa1\x08\x85\xc1yB&gt;\xda\x88Qx=\x00Db\xe7W\xcb\x19KG'</t>
  </si>
  <si>
    <t>b'\xf8\x9a\x03\xff\xe0(\x92\xc4\x86\x1e9\xb1\xf2\x8c\x05\xc9\x0f\xc5\xfeU\xad\x10\xbeU\x94\x00\xbdhC\x05J\xb4'</t>
  </si>
  <si>
    <t>b'\xf2\x03DY\x88]\x18i\xe1$\xa5Z\x1a\xde\xf5\x9f\x17\x8f@\x889\xfa\xa3h\x90\xdd\x9c\r\xc8\x9d-w'</t>
  </si>
  <si>
    <t>b'\xd2\xfaG\xe7|-\xeb\xd76n\xdfB\x87\x03*\xb4\xbd\x12\xba\xdd\x94(1\xaf\x97\xa5M\x87B\xf9\xfbj'</t>
  </si>
  <si>
    <t>b'\x88\x99k\xac\xa5u=$\xefj\x8f\xf4p\xf4\x17\x88\x87N0\x88&gt;W\\\x03m\xa3\xffx\xf0\xa4\xc6n'</t>
  </si>
  <si>
    <t>b'\x8dc\xdbXe\x05\xecIk\xcb\xdfN\x18\xe5h\xb6I\x84\xf5\xff&gt;\x1cz\x03\x8b&gt;:\x83\xb4\xff\x9e\x9a'</t>
  </si>
  <si>
    <t>b'\xa8\xcd\xed\xbf\x95\xae\xfdT8\xe4\x86+`\xbf$9\x15\x11m\xce[\xf6\xfa\xf0A\x91z\xf3\xe2#\xea)'</t>
  </si>
  <si>
    <t>b'3e\xf7kZS1I\xf0I\xc8\xe4\xcexm\xffU\xe8\x89\x1e\xa3au\xdf\xfd)k\xf5\xfa\xbe\x98\xe5'</t>
  </si>
  <si>
    <t>b"\x98\x0c\xa0\xd3\x9cm'\xf4\xc1z\xcc_\x17sK\xc4\x13.\xe0\xfb\xa1\x1b\xc0\x140\x12\xc0\x8b\x06A\xee\x88"</t>
  </si>
  <si>
    <t>b'\xdb\xf1\xf2b\xd4\x91\x8d\x12l\x86\xda.Va7\x9d\x8c\xcd32n\xe0\x0b\x05\xeb{\x1f\xac\x92\xd5\xad\x81'</t>
  </si>
  <si>
    <t>b'\xc0CX)\xc4\xad\xf6@e.U\xa6{]D\xe1\x8d\xd8\x9d\xa8\xc8\xfbw\xccZIT\x9f\xa8-\x02]'</t>
  </si>
  <si>
    <t>b"\x99U\xc6h\xd3t0\x1d*0[\x08'uA\x08N\x0c\x14\x99\x88\x01\xec\xaf\xf8%\xc5\xa1\xbf\x9f\xda\x8e"</t>
  </si>
  <si>
    <t>b'\xafg\xe0\xce\x19U\xa2\xe0\xa3\xfcs\xe7Y\xe6\x93n\x86\xbd?Cw\xcf\xc7\xf3:\xa0F\x00C!\xa6F'</t>
  </si>
  <si>
    <t>b'm\x19\xc6\xd4\xd5\x11\xb7\x02\x88\xc6\x0fy\xd2}m\x86\x127I=\xd3\xbf"\x1c\x07\x81\xd1N\x07V\x97R'</t>
  </si>
  <si>
    <t>b"\xfd4N`\xbf\x1e\xaa\x0c'ry\xaa\xe4R\xc8r\xae&amp;\xc9\x98\x85Y`\xb2\x14\xae&amp;\x8aIe/\xb8"</t>
  </si>
  <si>
    <t>b'\x08D\xf6U\xda]\x11\xb1\xda\xd3\x12\x0c;\x8d\xb8^M#\\p*\nH\x89\x86\x11\xc4\xd7\x82q\xf5\xd2'</t>
  </si>
  <si>
    <t>b'\xd0\x8c\x91f\x8a\nc\xdc\xe9x\x08w\xc7zF\x1a\x93\xf9\xb1I\xc8\x18t-})\x91\x1f\xf2w\xea\xe9'</t>
  </si>
  <si>
    <t>b'\xa7\xc1\xb5\xdf\x83\xe4!\xe5\\0\x9e4\xe7\x004\x94X\xf9D{\xc5v\xe6b\x88\x08\x0eX\x86\xb4i\xf5'</t>
  </si>
  <si>
    <t>b'\xdf@\xc7\xe8\x88\xac\x9ea3\x8eN\x1e\xc5\x08\xe9\x03\x0e \x16tr\xda\xdb\x8a\xd3\x08)\xd8\x87~fI'</t>
  </si>
  <si>
    <t>b'\xd3w7\x14eTy\xf4\xb2\xd8\xc6t(a\x03\x93^8\x06Z\xe7\x0e1\x89\n/\xde\xf4\x169\xa1\t'</t>
  </si>
  <si>
    <t>b"\x9av\x8e\xb3\xe8\x07e\x89\xa6\xbb'\xf8N\xd7\x17\xbaj\x07\xb2\x94\x91qp\xde6\xd4\xfe\x1c\xf6\x02\x93a"</t>
  </si>
  <si>
    <t>b'\xbbJ\xd3\x01[\x80pXpd\n\x9a\x9b)\xb0\x14Y\xe1\x06\xeb\xd1Z\xc2\xe7\x1a\x10\x12\x15^\n\x16e'</t>
  </si>
  <si>
    <t>b"\xa7\x0f\xf3\xc6\xd4P\xc7d$'\x17\xc9{\x06~ \x99!\x9cB\xe0Y\xc66n\xbc\x85.1a'~"</t>
  </si>
  <si>
    <t>b'\x7f\x01\xbb\x94}\xc2\xde\xb7\x1b\x1e\x99Y\xca\xbdX\x80\x94U@\x1e\xa6\xf0\x0f\x05\xcdS\xfc\x0c\x05vQ\x05'</t>
  </si>
  <si>
    <t>b'U\xd5\xd8jZ2\xc05\xcaN\x95\xa5\xd0{\xc1\xad\x8c\xa4\x9dK\xd4}KJ\xab\xae%\xed\xfd\xe5\x7f\xb9'</t>
  </si>
  <si>
    <t>b'\xbai\xba7\x19\xa9l]\x97\xfdi8{/\xf4\xca\xf8\xac\x89*\xe8H\xfc\xdev\x0e\xe6\x0eX\xd1\x0fn'</t>
  </si>
  <si>
    <t>b'\xbd\xb48dE\x9a\xf4@&amp;S\xe9\xe0x\x86q5\x06\xaf\x8a\x17\xc1^\\E\xf8~"y=K[\x00'</t>
  </si>
  <si>
    <t>b'\xd0\xfa\xc1S\xe5\xb3\xb5\x11\xe6j\x80\xf9H\x94\xd7\x94D\xdf\x85\xbc\x96\xec\xda\xc5\xf7s}\x8d\xcf\xb3\x04\xd7'</t>
  </si>
  <si>
    <t>b'\xc91\xcb]\x92\xcb\xb4;6J\xcd\xa7&amp;\xad\xd2\xeb\xe1\xb9d\xfe\x1dj\xb3\xafR\x07\x1e_\xb8\x12\xdeC'</t>
  </si>
  <si>
    <t>b'\x8f\x1a)Gn\x12\xeb&amp;\x92\x18\xbe\x96)&lt;W\x08\xb0\x19\xb2\xcf&lt;\x01\x91\x89y\xa1}S\x7fgN\xfc'</t>
  </si>
  <si>
    <t>b"\xa1\x1f-\xe8\xd6\x93?\xc8\x19\xc9'\x9e&amp;\xbeVl\xfa\xef\xbe\x81\xa6R\x8741N\x9b\xd1\x81\x92\xf1C"</t>
  </si>
  <si>
    <t>b'6\xc3|\xfb\x02W4/\xb4$\x1d\xdc\xbcT):\xd1]\x89\x90\x10\x96\x82M\x84\xbb\xf2\x99\xef\x14\n\xb6'</t>
  </si>
  <si>
    <t>b"\xfe!\xd3=l\x04xt'\xd2\xe5\xa4\xeb\xbaq\x12\xef`;S\x8f\xe0\x7fv3\xef\x85L\xde\xd1\xea\xc7"</t>
  </si>
  <si>
    <t>b'\xb9\x81\xfa\x80fv\xee\x06=\n\xa3\xaa\xb5\xcb\x1f\x0c\x81\x0b\x974\x8f\xf8x\xad\x8c\xf6\xdc\x92x\xd9\x7f\xa7'</t>
  </si>
  <si>
    <t>b'Q\x17w\xf7\xe2_&amp;\xb2E\x843\x10\n\xdd\x9f\x8fk3\xeb\xbfH~\x03,\x9e_\xad;4t\x7fF'</t>
  </si>
  <si>
    <t>b'{\xe8\xd3h\xcd\x8fD\xb6\x88L\x8c\x9a\xe8@&lt;\x19\x0f\x90\xbc\xe6K\xdc\x18\xd9\xa4\xf0T0*\xe2\x8c\x1a'</t>
  </si>
  <si>
    <t>b'\x85\xff[\x8a\xcc\xcfVT\\\x17A&lt;&amp;@\x04G^~uy\x0c\xc0v-\xe9\xa4\xe8T;\x15\xdf\x14'</t>
  </si>
  <si>
    <t>b'\xe4\x02\xc5\x95^\xe0\xcb\xf4\xa6\n\xe8,\x8b\xf9\xfa\xd7$\x17)\xe2\n\xf3W\xd2m9\xb9\xf0\xc1\xd0\x9b\xe8'</t>
  </si>
  <si>
    <t>b'\x14\x84\x90I\x85\x87\x98\x94\xb1\xf5\x9c\xc8Y\xa3\x10\xa1\x9c\xc2\xcd\x1c\xe8(\xe7^\xb5\xda\xdc\xa6\x17{*\x87'</t>
  </si>
  <si>
    <t>b'\x90\xe9"\x89n\x05\xc8\xbd\x8f\x9a\x16\xf5\xde\xfe\xf0\xd8\xaa`\xde&amp;\xbd\x12\xeeJ\xfd\x1an\x173\x04\xff\x11'</t>
  </si>
  <si>
    <t>b'\xb58m\x12:,7\x8c\x1f\xc6-\xdc\xda[\xf7\x9a\xb6\xac\x8b\xb4\xe4T\xa6\xb9\xe3\x8er]CL\x8dG'</t>
  </si>
  <si>
    <t>b'T\xe2\x07\xfb(\xc4\xfe\xe1,\xce#[\xac\xeb\xc8\x8c\xd8\xc9\xaaE \xff\x81\\+\x9a\x05}\xc0\xc5H\xea'</t>
  </si>
  <si>
    <t>b'y\xb5\xd2\x03\xb0W(\x81g\x12\xdc \xd8\xce\xde\x85\xf9\x01\xb20\xde\xf5\xf7\xfc0&gt;C\xc7\xf9\x98/\xb7'</t>
  </si>
  <si>
    <t>b'\xd2/\x0fP\xc2F\xe8Pz$\x9b@\x1b\x80\x96\n\xf5\xcb\x83\xd0\xda\x8bS\xd5\xff\xaa\xe1\x8d\x84\x19\xb7\xe4'</t>
  </si>
  <si>
    <t>b'"\xf9\x88w\xa0\x150L! \xd3\xbf0\x8c\x14\x8aKq7y\xe8\x0e\t\xfc\x8f\xda\xe0\xb0\xce\xda\x9eg'</t>
  </si>
  <si>
    <t>b'\x11\xc1\xba\xbf\xe1\x9e\x8e\x02B\x00\x17G\xa1\xa5"}\'\x9d\xfe\x8f0\x07\xc6?0\x0b\x1b\xbd=\x80\x81\x01'</t>
  </si>
  <si>
    <t>b'\xccdo\x05|z\xac&lt;\x97HH0M\x85\xd8#\x04\x81\x07p&lt;{\x81\x06\xffk\xd6\n\xb1\xf3/\xc0'</t>
  </si>
  <si>
    <t>b"\xeb\x99\xac\xb0_\xad\xe1of\x0es\x968#\xb5\xcf\xa3\xfd,'7.?\xb8:A\x8ciZ\xc8\x0f@"</t>
  </si>
  <si>
    <t>b'\xb5\xb0O\xb6\xe3\xc7\x1bQ\xcd\xc1zZgW\xe9G\x9eR\x1e\xd3\xb7\xdc~g\x86,\xe271\nm\x9c'</t>
  </si>
  <si>
    <t>b'\x17\x97L\x97M\x04\xfd\xe8\xb9\xd6\x7f\xb2\xc9w(t\\\xdd\xad\xabT\t\xd3\xba\x1d\xd2\xf8(\xce\x87)\xac'</t>
  </si>
  <si>
    <t>b'o\x89(\t\x81\r\x95\x10\x9b\x9b\x0eW\xf4\x1e\xe6\x00\xb9\x03`\xc7\x92\xbf&gt;\xf4#n\x0eU\xf9R\xed\x14'</t>
  </si>
  <si>
    <t>b"y\xf0\x01\x80\x16\xa7\x91\x1e\x1d\xb6\x91\x87\xfaCy\x1f\x87X'K\xd8\x03\xab\xe3\xd3\xf9\xc5b\xd4e\x0b\xdf"</t>
  </si>
  <si>
    <t>b'\xaf1\x96\xcc\xd8\x8f\xdd\xbd\xa7\xe7\xe4\x88\x82\xd8\x03d\x92\x01;WS\x16\x05|v\x86\xe8\x15\xab\xf4\xd1}'</t>
  </si>
  <si>
    <t>b'N\x07S&amp;\xad\x00\xbc)\xe6n\xfb\xb7\\\xa6\xf0 \xdf.\x1cC\xeb{\x9b\xb9\xd9\x9f\xa6\xa1\xa8\xe1\x86\xec'</t>
  </si>
  <si>
    <t>b'\x8e\xbc\xad\xec\x1bUU0\xcf\x00\x90\xa0{\xb2t\x1fz\xf8\xbd[\x13E\xd6\xe2\x1c\xadW\xf6\xcb\xdf\xad\x05'</t>
  </si>
  <si>
    <t>b'\x05!d\x1f\x06I\xca\x05\xf7\x87b\xd3\x15QhfR\xabY7{\xfa\xb8\x07vUnh\xbf"\xa7\x12'</t>
  </si>
  <si>
    <t>b'\xc2\xa9"R\xb5\xf96\xf7N\x0b\xa8\xc5\\\xe8\xc0\x84)\x03\xacD\x8co\xd2\xd9\xa1\x06+G\x84g\xa3.'</t>
  </si>
  <si>
    <t>b'a\xcf\x97\xd3 \x00~_\xacv\x1e\xc3n$\x1f\xa5\xe4j\xe6\x08\x06\xf0\xe3\xe2sx\x12\x89c\xe4\xbd\xa4'</t>
  </si>
  <si>
    <t>b'p\x0c\xca\xfaq\xa0\xb1\xc9\xd3!\xf9\x18\xdei,G\x89B\xdc\xee&lt;j%\x87\xa1\xa7\xe7`5\xd2\xdf\xbd'</t>
  </si>
  <si>
    <t>b'\xcd\x97\xb3`\xb6/\xe3\xfe\xe1[\x1e\xad.\x9e\x86/\xef\x89\xb9\x02\xdc\xf0.\x16qy/m\x9b\x8d\x96\xf5'</t>
  </si>
  <si>
    <t>b'=Y\xfan\x0e\x9b{L\x81\x837)-\xf3`\xb5\xf5\xa5\xfd}N$\x92\x1e\x98\xf5\x0bS\x8e\xe2\x89\x10'</t>
  </si>
  <si>
    <t>b'\xc7r\xed\x1b\xe1\xb9XQ\xccCk&gt;\x86E\xa6r\t\xc8_\t\r+C\xd6\xa4s\xf7\xc1"\x9eX|'</t>
  </si>
  <si>
    <t>b"\x01G\xa1\xab\x08\xd9-\xadR\xc5\xdfx\xf53\xb0-\x0cl\xd2\xe6\x82x\xfdwCd\xf5'\xe4gJ\xa0"</t>
  </si>
  <si>
    <t>b'\xe6\x14h\\\xb4c\x80\x15n\xc1\xf5\xc8\xe6.\x12\xa5\xe4\xa8&gt;\x1c;\x9d2\xc1\xba"\x94fP6z\xc0'</t>
  </si>
  <si>
    <t>b'\xb2\xa7\xbd\xceJ\xa8\xbaK\x1d7\xaffaQ\x1cB!=\xa4\xf1U\x08\xe3\x9a\x97j\x0fQ\x83\xaa\x90\xe9'</t>
  </si>
  <si>
    <t>b'+cYEv\x11\xfetY\xd8\xa1\x9d&amp;\xba\xc1 \xf8\xe42\xb6\x08\xaf\xa5\t\x06S\x1c$lH\xaa|'</t>
  </si>
  <si>
    <t>b'\x07u\x9cO\xb5\x1fe(\x05j\xf96\x7fo\xc7\x9f\xaa\xda\x18\x0f%\xb1\x8fgW\xb8(sikc\x1f'</t>
  </si>
  <si>
    <t>b'\xcd\x92\xad\x10]h9\x86\xfb(\xcc\xf0z\x97\xd2w\x9by\x99\xff\xec\x9bd\x84\xd5\xe5\x87e\x13\xd2\xdel'</t>
  </si>
  <si>
    <t>b'\xfc\x85\xca\x82\x83\xe1\xcd\x03\x1d\xbb$2Sv\xc8*\xb8\xb7\xb4\x9cI\xe5\xee]\x01\x00/\xb3\xe4W\xe4\x95'</t>
  </si>
  <si>
    <t>b'\xd8!\xe2\xa2vZ\x88\xb3\x18\xc3\xfe\xb6q\xf9\xd32\x85-\t2\x0c\xec8\x97\x9c\xb1\xdduQ\x8c\xa2\xd3'</t>
  </si>
  <si>
    <t>b"\xba\x12\xab\xa9\xa1\xbeLB\xad\xbd\xfd\x94\x01\xc3\x99\xb9'_8\xeb\x07]\r\xaaQ,K\x83\xfc_\xb5\xb4"</t>
  </si>
  <si>
    <t>b'U?\\\xf5\x11\xb1\xade\x9d\xdd7./\x83Qc\xddt\x02\xd0L\xe2_6P\x08*\x1c$v\xeb\x1b'</t>
  </si>
  <si>
    <t>b'YI\xc7\xf9C\xbd\x97\xb3e\xb8\xa1\x02M\x9f-i\x8f\xf4\xaa\xce\tc\x07yhn.\x88MW\xa4\x8a'</t>
  </si>
  <si>
    <t>b'e\x0eZ\x0f!\xcdA\x10\xb3\x9c/\xc3\xba \xf3\xbc\x8aowyV\x95\xf2\xda]\xcc3\r\tq\xaf\x19'</t>
  </si>
  <si>
    <t>b'\xe1\x19S\xd0\xe0\xf0!$\xd0u\x12\xf8\x8a\x12\xce\xcc\x04\x91X\xec\xa1\x02Rt\x8aY\xe8\x8c\xecTd\x1f'</t>
  </si>
  <si>
    <t>b'\x0eI\xa0\x96\xeep\xc3O\xa0[\xcf\xaedOEPC\xffz\xac\x15\xf9\xb2"8R\xed5\xda\tD\xa0'</t>
  </si>
  <si>
    <t>b"\x9d\xd0\x10\xdb.{\x97\xf9N2!\xb1\x9a\xe6ix\xd2\xd6VF\xcd\x1a'(\x88\xe9V\x10\x81\xcb\x14z"</t>
  </si>
  <si>
    <t>b'4j\xcb\xb0n\xab\xf4\xd5&lt;g\xdb\xea\xed\x15\xa3\x80\xf2\xb0\xfb\xb3\\\x1e\x8d\xde\xc7G\x83Q\xe1l\xa5\x89'</t>
  </si>
  <si>
    <t>b'\xe0&amp;\x987\x9fJ+\xd5W\xb5\x92\xfe\xcd\x83\xc3\x98g\t\xcc\xaeC\xbf\xae\x98I\xa7\x00\xf0\xca\x9a\x15\xc5'</t>
  </si>
  <si>
    <t>b'dF\xfe\xbf\x89e\x04s\xbcM\xde\x0f(S$\x14\x14L\xf9\x05\x9b\x98\xf3\xf2/\xa5\xb0s\xafR\xf9\xd7'</t>
  </si>
  <si>
    <t>b'\xd8\xedR\x9fb\x16\x15\xf1y/\xd5\x1a\xb5\xe7B0\x98-\x9dX\x8c\xc7\xd5\x98\xfc\x08K\xfd\xae\xd4&amp;t'</t>
  </si>
  <si>
    <t>b'U\xdb\x0e\xa7;\x1fe\x01\xf1\xe2&gt;\x0c\x8b\xda\xb0\xf3N\\\xa8\xe9\xe1i\xaf{\x1a0KV\x014\xa0['</t>
  </si>
  <si>
    <t>b'3B\xa5\x83\x9auQR\x80\xc7\xc3\xf0\x18\xb3\t\xb06YxY~\xa6$Q\xe2A\xe0M\xec\xe9o\\'</t>
  </si>
  <si>
    <t>b'\xbb\x84\r\xb0m\x84\xfd\x0c\xa8rH\x85D\xa0\xe9\r\xa6\xab\xe4T\xfc\x05\x03\x7f:pF\x00)\x0b\xef\x98'</t>
  </si>
  <si>
    <t>b'I\x7f\xb2%\x1dd\xc1C\xb1\x1aZ\xf0\xd0\xdc\xc1R=\x0b\x99\x1af4\xff\xbb\xb5@\xacD&gt;\xb5\xf79'</t>
  </si>
  <si>
    <t>b'.\xdb\x91\xa8\xf1\x05\x97\xd1\x96\xc8`\x159v;\xb6\x0c\xfb\x8d\x86\xb9\x0e\xa6w\xa0\x82\xac@\xba\x86AI'</t>
  </si>
  <si>
    <t>b'`,`YG\x89\x88\x9b\xafG\xef\x8f\xe9\xf4JKa\xd5\xa3&gt;V5\x19\x9eHp0p\xe1N9d'</t>
  </si>
  <si>
    <t>b']\x81\x1e\xbane\x9avYH|\x9eV\x9d\x8a\x12C\xa4]\xdcd\xb5\x1e]\x04\x12\x0e\xa3\xd3\xdd\xf3#'</t>
  </si>
  <si>
    <t>b'\xc5O\xa9\xbd\xcb\xe2\x8c\xdd"\x83&amp;\xb1y\xf1\x8e\xae\xfd\x08\x1d5qi3\xfe\x8a\x82n\x03\xbc\x8f\xa9\x84'</t>
  </si>
  <si>
    <t>b'\xc0\xf7\x91B9h\xf0\xdc\x14\xaa(\x95)^\n\x99\xa3\n\xc1yG\x85n\xc5\xd4\r7\xcf\x8c,}\xb1'</t>
  </si>
  <si>
    <t>b'~N\x80G_\x8fGR\xedD\xe5\xdc\xe3\xbe\xc3\x156\xab(PP\x14O\xc3\xb5\x8e\xa7\x9e\xe4\xf4\xed\xee'</t>
  </si>
  <si>
    <t>b"\x93'\x8c\x19\xb2\xc8^\x10u\xf2_{m]`m~\xb6\x9e\xb2zdP\x7f4\x12\xff\xcd\xea7\x8e\xcc"</t>
  </si>
  <si>
    <t>b'\x19E\xaf\x1b\xac?\x1a\xbe\xd4oX\xdc\x1f\xbd\x91\xdc0\x02Y\xc6"l\xa0\xbb\xf2\x9f\xbdQ\x00\xc9\xb8\xf5'</t>
  </si>
  <si>
    <t>b'\xdc\xb9\x02\xacT\x17\xc6\x8a\xc2=\xce\xe9\x05\x89\x7f\xd2=8\x8eA \x9asq\xfd\xdf\xc4\xdc\x92\xe16\xe4'</t>
  </si>
  <si>
    <t>b'q\xa7\x8d\x85\xa6\xda\x02;o#\x12i\x89\x85t\x16L\xe1]\x99c\x87\x01MD\x13\xac\xe0\x85\xd8\x88\xee'</t>
  </si>
  <si>
    <t>b'T\x9dD&lt;W\xf7\xc5\x83\x8c\xcc\x10*! \xc5m\x94\xfc\xa8r\xf0\xd0:\x8c\x16\x87\x19\x03_a\x98c'</t>
  </si>
  <si>
    <t>b'\x8e\xc8\x0c\xc2\x11&amp;#\xd8\x96\xb5l\xe5J\x9c1\xc1L2=\xaa\x8b\x0b\x8ah\xd6\xf6A\x17E29\xd4'</t>
  </si>
  <si>
    <t>b'\x82\xc4\xe8\xfbs7`\x82~-.\x91X\x1eB\xb2\xac\x14\xf9\x00\xba\xa2\x94\xdd\x8d\xd7\xf3\xcbn\x92[\x1e'</t>
  </si>
  <si>
    <t>b'\x866\xf0\xbc\xa7\x8a&gt;\xb6\xac\x01\x10\xfc\xca\xaa\x11!]\xd0\x1b\xd2\xd2\x04gZU\xffP\x1f\xdc\x05\x8a\xae'</t>
  </si>
  <si>
    <t>b'\xd4\xdd\x8aP\xfd\x08,u\xa3\xe1\x9a\xfa\xdf\xbf3y]!\xc1\xd3\x17\x16\x90\x8e\x8e-\xae\xba\x9e0\x96\x9a'</t>
  </si>
  <si>
    <t>b'\x00-z\x073;\xfeq\xed_4\x05\xc3\x87j\xde\xbb\x1a^\xddZ\x05\x80\xa6P\x0b\xb1\x0e!\xccV\xc6'</t>
  </si>
  <si>
    <t>b'\x8c\xa0 \x9cmjW\xda\xa8=\xe55\xe9\x161\xdaU\xc3\xacZ"\xd0\xce(\xc3\xac\x94J^\xe9\xcep'</t>
  </si>
  <si>
    <t>b'\xbf\xfd`\x89\xb6j\xf8\xb5\x06\xae\xb8\xf42x\xe8u\xe2\xeb\x01\xd7\x1f\x8e\\\xf4m\x9b%\x05BQ^)'</t>
  </si>
  <si>
    <t>b'\x1d\xa59s\xd3;c\xe8/%\x82\xdbD]\x00\xb6v\x8f`Q\x00p\xf4\xdd:\x87\xa5\xaa\xb1L\xe3\x0b'</t>
  </si>
  <si>
    <t>b'M\x98\xd5W\xd1\xe4\x1c\x82H\x8a8\xf7\xb1\xa8\xd6\x84\xfcB\xa7|&lt;\x0b\x0c\x1a\xafQ\x93\x1b@\x1eLm'</t>
  </si>
  <si>
    <t>b'\\\xa7\xdct\xe6lz\\gG\xefj\xd5\xc7y\rK\xf6\xdd\xc5\x96\xee\x8bz\x9eP\x06\xc2\x8b!\xda\x96'</t>
  </si>
  <si>
    <t>b'\xf4\x9f\xab\x81f\r@A\x01RP^+@u\x93W\xa1I\x8a\xc3O\xa4H\x10^\xd0br\xb7\xaa\x97'</t>
  </si>
  <si>
    <t>b']\xeaSe2\x9b\x84\x81/@Qb\x94\x82`\xdb\xe5\r\xd9\xfbR\xfa\xa7\xaenC\x96o\x00D=A'</t>
  </si>
  <si>
    <t>b'\x11\xe7\xf8;\xc1\x96\xdd\x8b\x15d\x81&amp;\xda]\x96\xe9a\xffry9\xf6\\\x83\xe2\xce\xe7\x83\xa1\x8a\xdf{'</t>
  </si>
  <si>
    <t>b'A\x93\xd1tZ5\xefZ\xd9\xbad\x83Z\xae\xb5@g\xe63Ma\x88\xa1\xc0\xc3\xdc\xda\x8f\xa3&lt;\xf4\xdd'</t>
  </si>
  <si>
    <t>b'\x1cdf\x9f\xe5D!\x99\x9cP\xad&lt;\x85\x9f_\x95\x17\xd0\x10,\xef\xcb\xa2\xde\xfc\xad\xcf\xfb\x0eN\xd9+'</t>
  </si>
  <si>
    <t>b'\xa7\nER\xd9C$\xae\xe4G:\xfep\x01b\xc4d\xfc\x0bD\x90$\xc0\xc0\xcb\xf9NR\xd4M\xaak'</t>
  </si>
  <si>
    <t>b'\xa8\xc1\t\x8d^\x9d\xf4\xb9\xbc-\x8f`I\xe8\xd2\xee\xf6\xf1\x0c=cFK8\x9f\x04\xcaD\xa1m\x16\x8e'</t>
  </si>
  <si>
    <t>b'k\xcf\x0b\x8a\xab2Hl\x1f`[V\x15Y\x84G\x90\x8c\xe3HcM\x86\xbdq\x95\x89Y\xa7i\xc2\x88'</t>
  </si>
  <si>
    <t>b"\x99\xc4\xa9c]\xc2S\xf1\xe6\xff6\x0eV\x97\x12e}\x80\x07R}]\x1d\x84\xeft\xe82\xc0'\xc7\xe7"</t>
  </si>
  <si>
    <t>b'\xa8\xe9\x80\xaeQ\xb3\xe0j\xad\xe9=\xe7\x90\xf1a\xa0\x1c\xdf\x00\x1e\x11\x90y\xab}\x1a\xf2\x0e\xf5\xe7fn'</t>
  </si>
  <si>
    <t>b'\xcc"ifJ_X\x0bV\xe4\xadm\x85\xbab\x9fR\xe0\x08T\x92\xdc\xcdi\xa1\x83\xf4\xc8\xfd\xb5\x93\x87'</t>
  </si>
  <si>
    <t>b'\xe4\x12\xe6\x12k\x0f]\x12\x190|G\xef\x9cC\xf3r`\x92\xcc\xd3Z3\xffUr\xf3\xc4\xed]Wq'</t>
  </si>
  <si>
    <t>b'\xc3\x1a\xf1h\x17c\xdc\n\xd6\xf0[^A\x8e\x87D\xfbi\xbb\\\xb8N\xd4\xe5I,"i\x0b\xd0\xcd\x14'</t>
  </si>
  <si>
    <t>b'\x01\x1f\x9f\xaf\n\x0b\xf2\\\x92\xdd\xeb\xb1#,\xfc\x85\\\xcb&lt;\xd9\x80\xb7\xdc\x9eG\x93\x83\xc8\xb7\xcb\x89\xb4'</t>
  </si>
  <si>
    <t>b'\x13\xae=H\xb2\xcd\xf7h\x8b\x9a\xfe\xb1es\x825\x1d\xb9\x92&amp;\xedy\x05\xdc\xd6\xc9\xe6\tK\xaa\xce\x8b'</t>
  </si>
  <si>
    <t>b'\xfd\x91\xcf\xa6[\t4\xc3\x11\xb6\xc2\xb5%\xfb\x1d\xe0a\xf7K\xb9y\xd8\xccm+\xbd5$\x96\xf5S]'</t>
  </si>
  <si>
    <t>b'a\x0b\xdf?\xb3\\\xd9\x18nY%\xb5\xc1~\xb7&gt;\xc2\x1e\x1d5IJ\xcc$\xec\x19\x87\xcb6`\x89\xff'</t>
  </si>
  <si>
    <t>b"s-\xd7\x97\xf2$\xec\x8a\x0b\xe4\xa0?k\x17#NT\xb8\xfe\xb8'\x91\x94\xc5_z\xd8\xe7\xb3\xb8\x88\x1e"</t>
  </si>
  <si>
    <t>b'\xdc-\xb6(q\x9cSZV\x19K\xa2\xd10\xb3\xda\x02~\xb0\x05\xf4\x95\xea)\x1e!\x06w\x10o\xee\xdc'</t>
  </si>
  <si>
    <t>b'\x8e\xea\xa0}\x01\x9f\x18]\xb6Ow\xde\x1d30=\xfa\xe0\x14\xe4\xf1\xb0\xc8&lt;=)\x07\xb8\x80\t\x9d\x9b'</t>
  </si>
  <si>
    <t>b'#!y!\xb0\xcc\x80\xf3f{5\xf1\xd07;\x9azNq 6q\xdf\x07\x8e\xaf\x9b\xff\x19\x85\xec\xd2'</t>
  </si>
  <si>
    <t>b'!\xc2\x9c\x01@:A\xdcX\xddh\x1c\xf2\x17\x95eGX\xdb\xd9j\xc4\xc1D@\xb1\x86\xc9\x82\x1d\xff\xbc'</t>
  </si>
  <si>
    <t>b'\xb9/5PY\x1d@T\x88\xb9\xe4!\xa4\xbaoC\xaf7\xc61\xcb\xccN\x0b\x0b5\x8c\xf1V\xce\x94\xd1'</t>
  </si>
  <si>
    <t>b'M\xd2mx\xc5\x11A\x8bn\xd9\xcd\x97\xc2p\xb8\xbaU*\xb6\x99\x95\xba\x10f\xa7\xb76\xba\x92\xfa\x81}'</t>
  </si>
  <si>
    <t>b'\n\x92\xfb\xc7{\xc3Y{\xa0N\x13\xe8\x0b\xbd%R)#\x88H|\x9aW\x12\x87%5\xbb\xf8`x\xd7'</t>
  </si>
  <si>
    <t>b'\n\xa8\x0f\xab\x1b?\xaa]\xbcp\x10\xdd\x17\xd0l\xb1\x82\xfb4\x0b \xbb\x0f\xb8f\xa0\xaa\xfa\xe4\xf3~%'</t>
  </si>
  <si>
    <t>b'C\xe6\x9d\x96\xa5L\x9b$&lt;~\xads6d\xebq\x1ae\r\xb6W,\xaf\xfd\xfc\xc8g\x11R\x15\x0cA'</t>
  </si>
  <si>
    <t>b'x\xffUw?\x90\xc4t\x1c\xb1\x03\x96\x91\xad\x89\xa5}5Wd\xce\xe8\x80\x91\tS\xd0eR\x80p\xc4'</t>
  </si>
  <si>
    <t>b'\xa0\xe3B\xfa\xb6\xf8\x0f\xd2;c)\r\x0c\xfd\x9e\rmR/M\xa7\xbf\x90k\x1c(\x97\x82x\x92\x89w'</t>
  </si>
  <si>
    <t>b"q\xeb\xb2\xaf\xc0\x191/\x06\xbarN\xfa\xbd\xd6\x06n\xa6\x89\xd6Jk?\xa9\x93\x8f\xa0'S\x9as\xa8"</t>
  </si>
  <si>
    <t>b'\xfa\xd7c\xc4\xb5&gt;\x14A\xfa\x8a\xe8U\xc5\xb8D\xcb\xdf\x80\xccR\xf4\xda8k\x8b\xb5\x80Q]\xc6\xe4\xb9'</t>
  </si>
  <si>
    <t>b'\x9dw\xdc\xbd\xb00\xe7\xe5\xa9\xb9\xf6\xfakr\xc1\x82_]\x9e\x02\xa9\xdd\xd53\xe3\xd7\x9d\xd7\xf0n\x8d\xde'</t>
  </si>
  <si>
    <t>b'y\xe1\xd7\x03\x05\x160^\x9f\x96\xba\x82;\xa7\xfe \xca\x9a\xd2\x91\x00\x0f\x80"\xb3\x86\x19\x98\xe7\x1b\x7f\x99'</t>
  </si>
  <si>
    <t>b'\x03\x06\\\xcdd.\xbcc&amp;q\xd5\xeb\xff\xcb4\xf1"\xd0**\x18d"\x1a_\xb3xg&lt;Y\xa9\x17'</t>
  </si>
  <si>
    <t>b'Q\xb9[\xf7\x94\xf3f0\xb1}\xda\x1coV\x83\x1c\xe60\xf7\x1c\x0c\xf9x,\x1fB\x88\x9b\xfcd\x8e\x10'</t>
  </si>
  <si>
    <t>b'\x9d\xb9dL\x08M\x07\xbc\xabJ^m\x9a6\xb4.,D\x1c\x9c\x00\x19\xe9c|&amp;\xb8\xceT[\x87\r'</t>
  </si>
  <si>
    <t>b'\xd5\xed\xf30$\x06\x84\x81\x9d\x94=\xab9~\x82\xf4\x9f\xef\x97\x08J\x12W\x01&amp;\xec\xd1\xeaoK\x84h'</t>
  </si>
  <si>
    <t>b'Tn\xbf\xa7\x94\xe3\xd7\xca-\x0b\x1c\x11e9?:\xf8p7\x93\xbffY\x0e`\x8b\xb7\xc3\xaf\xc9-\x8a'</t>
  </si>
  <si>
    <t>b'\x9b\xa3\x14\xb8E;\xe7#\xa6\x8a;+\xb6x\xa6\x83R\xcf[\x8e\xd7I|\xf2\xa1\xb6\xabas\xbd\xd8U'</t>
  </si>
  <si>
    <t>b'\xd7\xd2P\x93|\xef\t9{\t\xd7;\xd5\xed5\xb7}\xa5\x10v\x86k@\xe6I\x84\xb1\xadof\xba\xb2'</t>
  </si>
  <si>
    <t>b'F\xe6\xf9\x9du\x16n\x1b\x13,\xddI;H(\x8e\x01\xbe\xbfq&gt;\xe5iZ\t\xde\xc5\xd4\x04\xd7\x81\xa4'</t>
  </si>
  <si>
    <t>b'\x91Xf:0\xe8\x1d\xc2MJ|X\xcdt\x140\x1f\x83jb\xdb\x89\xe7\x85*e\x99q\t\xc8\xdfP'</t>
  </si>
  <si>
    <t>b'\xe05\xa7\xb5\x16\xa4Y\\~T\xd1\xa8[\xaf\x82Og3\xb1\x18d\xb1\xb6\x84xY,\xcd\xb7h7\x8b'</t>
  </si>
  <si>
    <t>b'7\x94`%7y$(\xdb\xdc\x90-\xd4x\xdeU\xd7\xe6\xe6\xe4U\xad\x9esx]\x12\xb8\x04\xbd\xab\xe8'</t>
  </si>
  <si>
    <t>b'\x8e\xb5.\xeb6i\x00\xd0\xf6\x10\xb3\x9d\xf7\x9f\xa0P\x11\xaf)\xb5\xd0\xb4`.\x1fho\xb2\xb5\x8d\xa1&amp;'</t>
  </si>
  <si>
    <t>b'6\xae~\xe5\x1f3\xad\x03[b\xe8\x83tS\xcd\xea-*W\x89\xb0u5\x05\xbb\xad4&amp;\xfc\x86\nx'</t>
  </si>
  <si>
    <t>b'1\x90\xa0m\x03\x7fg\x92n\xe75\xb6\x96UT\x94O*\xd0&lt;\xf5[\x15\xce?\xc9o;\xc9\xe8\x9fu'</t>
  </si>
  <si>
    <t>b'\x0ck\xe9\xe9\xfeC4\xd8:QeZ\x89\x83FX\xd6]!\x97\\\xbck\x8d\x12_QbT\x8a:\xd3'</t>
  </si>
  <si>
    <t>b'3\xfa\xe5\xe1\x1a\x9aRt\xb6\x055=\xc9V\x1a\x0cb\xbf\xa5D\x89\x9aG\xa5\x96\xaa\x1e\xa1\xb7\x8c\xf1\x06'</t>
  </si>
  <si>
    <t>b'\xbd\xb6k\xc8\xc0\xb8\xf1\x0e\x15\x85\xbf\x04.\xb9cv\x1e\xc0\x8cW\x97\x1e\x83)\x18\xe1m\x8fO\x8a\x14f'</t>
  </si>
  <si>
    <t>b'T1F(\xaa\xd5xS:\xa6{c\xb8\x8c\xc4\xb1-\xb5Hpt\xa3\xfa\x04\xf1p\xcf\xf8\xe3\xf6\xb9r'</t>
  </si>
  <si>
    <t>b'\x1f\xef\x82)\x1e\x02%\n\x1b~7\xd1\x8e\xaa\x96\x0c8zm\xfd\x1a\xa2 \x8b(#lC\x17&lt;4\x9e'</t>
  </si>
  <si>
    <t>b'&gt;\xcc\xfc\x1c/\xaa\x1f\xd3\xe7\xc2~\x06\xec~\x9a:\xf3\xa9\xa6+l\xa7`\x1f\xc6Q\x15\x89*\xb8\xf8\xfa'</t>
  </si>
  <si>
    <t>b'\x16\xfc\xcaA\xc6:)NF\x19\xfe\x1ba\x9f\xac\xc2\xe3vP\xee{\xa1S\xa6\x17\x88\xdb\xd2\x1a\xd9,\xa4'</t>
  </si>
  <si>
    <t>b"\xd2\x1e\xbd\xd7E&amp;\xa4\xed\xab\xb75\xad\xea\x0b\x17\xa6o\x0ce\x83J\x9f\xa9\x02)\xf0\xa4\x96\xb3\xf6\x1f'"</t>
  </si>
  <si>
    <t>b'\xdc\xd2e$\x1b\x86\xc0]\t\xe3qa\xda\xf4\x98\xc9\x06G\xa0\xb4\xb1\xdc-\x1b\xd0@\x03\x00{\xc6\xae\x8c'</t>
  </si>
  <si>
    <t>b'ztr\xba\xe84\x86\x8cL\xd5)\xee\xf3\xb96_K\x88\xf6\xe4\xb3\xc6,\xce\xda\xb5\x00\x15\xccg\xfcN'</t>
  </si>
  <si>
    <t>b'\\\xaf\xa1\xc9\xd0\xa6\xef)i\x1e\x90\x82\x94\xd4|\x04\xc1\xc5\xf9-\xe3\t\x85\xbe\xc6\x83\xfat5&amp;\x93L'</t>
  </si>
  <si>
    <t>b'\xf5\xd9\xde\x9c\xad&amp;\x00`\xf0\xe8K\xd0\xe9q\xcdR\xc5\xb4\xb8\xac\n\xe1\xfe\x96"J\xca\x1bV\xfc\xab\x94'</t>
  </si>
  <si>
    <t>b'k\x04\xf2q\x00\xce\x91}\xcd\x8c\xce\x00j\x8b\xde\xa9n|By\xf24G\xc7b5Y\rK\x92kj'</t>
  </si>
  <si>
    <t>b'W\xf2w\xa6\xd6\xc7k\x97\xc3\xbba\x80\x08=\xec\x0bIh\xa0+\x8eG\x1a\xae;\x97+\xccR&amp;\xe17'</t>
  </si>
  <si>
    <t>b'3{\xa0\xdeJ\x84&amp;TV\x00\x13\xa0\xb13\xa3Y\xef~\xb5ag\x19\x87\xf9P\xb3rG\x85\xcb\xb1\xca'</t>
  </si>
  <si>
    <t>b'$\xf217\xae\xfd\x8e\x0c\xd4\xfe\x1e\xe6\n\xcb]\xca\xef\x80?\xfa\xb2\xcbzC\x93\xb5\xf4=5\rs\xc3'</t>
  </si>
  <si>
    <t>b'\x1c\x08\xce\xe4 \x01\xf1\x1a;\ts\xc1\xed\xd1\xf1\xe5\xff\x89\x98\xa5\xe8\xe8k\x0b\x00\x8f\xa9\x99\xa6Y\xc4\x19'</t>
  </si>
  <si>
    <t>b'\xa9D\x95N\xfe\xd9\xea\xcb\x0b\xca\xd6\xe3\xd8~Z\xaf\x0cR\x10\x95zN\x1aHN\x83\x05\xb9\x08L\xf1\xf5'</t>
  </si>
  <si>
    <t>b'\xdf\xa0\xee\xd1\x9c\xdd];\x8bX\xc3\x9a\xe8\xf0\x1d\x8f\xfb\x1eq&gt;\xe0\xc1\xd8\x8c\x1c\xa9\xf5\xccBB\x1d\x12'</t>
  </si>
  <si>
    <t>b'TU \x82\x97\x9f\xef7v\xd9P\xe7\xf3-S\xce\x14\xd0\xe4\xb6\x0b\x0f\xfcJ(\x1f\xcc\xe0\x1e\x1c\x9e\xa5'</t>
  </si>
  <si>
    <t>b'\x83\xe4n\x93\xa1Zt\x8d\xd9S\x9d\xec\xde\xff\xb7\xbe\xb7\x1bD!;\xe5\x03\x14\xec\xe1x\xe1\xb9\xff\x1dL'</t>
  </si>
  <si>
    <t>b"6]'\xa1m\xd1\x88\x03\xfeM\x02\x95\xd6x.:\xbd\xedk\xa4\x16\xf99\x8byB\x1e`\x90\xb6\x8c\x84"</t>
  </si>
  <si>
    <t>b'\xe6\xab\xe4T\xb7\xafa+\x1b\xf3dD\xd4\x97:\xe7\x19\xb3\xf6\x9b}\x92\x08\xf6\x88\x8f 8\x1c\x1c+S'</t>
  </si>
  <si>
    <t>b'\xba\xb7\x0e\xfa\r8\x84\x04\xc2\xa1\xd8\xef&amp;\xe1\xf7*\xdf+\xe3&gt;\xd9u6\x1aW\xd8a\xa1\x92\x84\xc9z'</t>
  </si>
  <si>
    <t>b'\x99\x8a\xf3\xe3z\x1c\x7f\xe6G\x84=e\xa6\xda\xac\xbb\x1c\xb0Lp\xa2\x16LQ\x9b\x16\x06\x0f0\x9d\xb3\xf3'</t>
  </si>
  <si>
    <t>b"-=\x0e\xf3Qw\xbc\xe2\x81\xd54\xe5\xa1\x94\xfb\xfc\x8d\x03\xcd/)]n\x1e}\xb2\xa0\x8b'\x85h\x11"</t>
  </si>
  <si>
    <t>b'\xe4\x1e6\xd4w\x1d\xbf\xbd\x0e\xe8\xea\xba\xdb,\xd72I\x8b\x15\x99\x8c\x0f&amp;o\xef\xc3[c\xf58F\xc4'</t>
  </si>
  <si>
    <t>b'\xf9\x19\x119\x04\x03\xb3J1l\xdd\xdf\x85-SN\x93PO\x00\x9d\x93]\x88Z\xdcAQ\xfbR\x82\xb4'</t>
  </si>
  <si>
    <t>b'\x96$\xa92\xeb\xf5YZ\x06\x8c\x11\x00\xa8{cK\xfe\xffX\xae\x1f\x9dk\x1f\x07\x81\x14m\xe2g\xb3\x18'</t>
  </si>
  <si>
    <t>b'\xaa\xab^\xd0\xa3M\xb0\xec\xe1\x0b\xe4\xcdbj\xc2O\xcf\x8f\x8a_J\xdds\xa8\x11,\x93\x85\x8b\x9b\xff\x0b'</t>
  </si>
  <si>
    <t>b"\xfd\xca^\xdc'\x8bbDx\xbd\xc03\xd8\xe0\x9c%\x01a \x0b\x08|\x0b\xa9\xe7\x04\xeb\xa8\xd1\x07\x81\x97"</t>
  </si>
  <si>
    <t>b'\xeb\xcf\x86\xca#\x9c\x87vV\xc4\x1aP\x1e.\x90\xed\xf3\xd3\xeb\xb0\xbb\x07\xcbH(Q)\xbe\xed$\xb7s'</t>
  </si>
  <si>
    <t>b'\xba\x13\x19\xde\xa7\x96\x90\xa9\xe48\xeb\xdb\xa0\xe5J\x07C\xf4.`l\x07\x9f\xf6\x9c\x99\x91\x1f:\xc9S\xe1'</t>
  </si>
  <si>
    <t>b'\xa6\x9e?\r\xd5x\x02\xdb\x15e\x91\x87\x0bqJ\x90\x04M\xca}\xc2\xc6 \x84\x18\x13\xcdt\xd7\xa9_\xc3'</t>
  </si>
  <si>
    <t>b'\xc1*\xcb\x19z\x00q\x7f\xb5*\xa4\x93\xeeoj\xbdw.\x13q\x1b\xfb\xc5\x9f,\x177\xdc\x00\x08\xa1d'</t>
  </si>
  <si>
    <t>b'\xc1\x90\xe3\\\xae\x00!\xfc\x18\x0f^\xaa\x8a\xc8\xaa\x88\t\x1a\xc1\xfe\xd4\x91\xe2t\x7f\xad\xc95\xea\xc5\x86\xdc'</t>
  </si>
  <si>
    <t>b'Ll3\rd\xb8\x9d\xbc``:\xca\xde\x04\xd1\x7f /\x11B\xd5&amp;LS\x1b"\xb3[[\x0c\xfb0'</t>
  </si>
  <si>
    <t>b'\x13lC\x9d9\x14\x86\xf8\xc76\x1d\x97f^\x1d\x91\x92\x10D)m\x85\xc2\xec\x14\xe5\xdb\x7f\x95\x81\x9fS'</t>
  </si>
  <si>
    <t>b'Y\xa5\xac\xb6\x01\xdb\x85\xf9~}\xcb\xd5I\xf6\x97\x19H\x87V\xdd\xfb\xf6\xdd\xff\x9f\xd2\x01\xd3\xd0\x9fS\x81'</t>
  </si>
  <si>
    <t>b'0\xb0\xc8\x8b\x82\x83x\xbf\xa0{N\xf8\xfc\xde\xc9\xf8i\xef\x8f0\x8a\x9b\xa9\xa7\x02\xfbz1_\x17\xbd\x90'</t>
  </si>
  <si>
    <t>b'\x14P\xea\xc0E\x11\x11\xe5z\x8e{\xd4\xdd\xb2\xb0|\xa1\xc0\xbe\xcb\xf0Wo\n\xce\xc8\xc5vy\x81l\x0c'</t>
  </si>
  <si>
    <t>b'o\x85\xf3\xa0\x13g\r\x8b\xe7z\xb4\xb6.\x126n\x07\xe5\xc8\xe5\xe2\xedw`q\x1c\x98m\x16t\xd5K'</t>
  </si>
  <si>
    <t>b'4N=cq2\x81\xc9\xa3!\x9ak\xb7\x81\x93\xe7\xf3F\x08n\xb1\x7f\xee*\x81\xaf\xa1\x9e\x98\x10\xf8f'</t>
  </si>
  <si>
    <t>b'V\xa4G1X(c^\xe58\x98\xef0N\x03\x02\xd9m\x86\xc4\xf4\x1f52\xf8T\xaa\x14FQ\xcdn'</t>
  </si>
  <si>
    <t>b'CMt\xa7S@\x9c\xe6M\xa6v|S)T\x06\xf2\x11\xc3\x99\xa6.\xd2A\xf7\x98;\xba\x0cW\xfd\x9a'</t>
  </si>
  <si>
    <t>b'\r\x91Lr\xef\xd6\xca\x9b\x07"@\xf1\x84\xfd\x9d\x8a\x02y\xa9\xa6\x9d\'\xabl\xb97\xfd\xaf\xdd1\xbd\x03'</t>
  </si>
  <si>
    <t>b'\xa3\x88\xe4\xc7c\xaeg\x9cW1&lt; \x00T\xe6\xbd\x1b\x94~\xb2l+%\xfcc\x15\x11*\xfa`l_'</t>
  </si>
  <si>
    <t>b'#\xd6"-\xfb\xa9\xb8\x12\xa5\xa9}\xd0\xc1\x86\xdc\x8e\xdf\\\xcf\xa7\xbb\xdd\x9e\xe2\xbc\xa0\x8b\x11\xba\x18X\x0b'</t>
  </si>
  <si>
    <t>b'\xe2\x8bq\xcb\x05JF&lt;\xc6\xa2\xfd#K\xd5\xc6\xf3k\xeb\x9ar\xa9\x0c,\x02 \xd0x\x10/\xf3m\x10'</t>
  </si>
  <si>
    <t>b'p\xdf\xc8\x08\xba\xa9\x89\xa4e\x8d\xd1g\\#\x14\xa6\x1e\x1c\xd2\xdb\xb9\x847\xbc\x8c\x84\xb3\x18n\xf9\xad)'</t>
  </si>
  <si>
    <t>b'\xaa\x17\xa7\x18\x90P=\x1c\xc9\xb8\xab\xdc\xbef\xf0\xa61\x8e\xb7O\xf3x\tomjj\x14\xa8\xa4&amp;\xe6'</t>
  </si>
  <si>
    <t>b'E\xdc\xfc\x1by\xda\xf8\x84\xda\x99\x99x\xf84-\xe3\x9aK\x98N{\xfc\xd4\xe8\x10\xd2ZPpfQ\xe5'</t>
  </si>
  <si>
    <t>b'j\xa9\xf5w~\x00\xa2V*\xeb\x7f7V}`\x96\xaf\x08"\xe5\xf5\xdc_\xd1#\n\xe64\xaf\xe2\xad\x93'</t>
  </si>
  <si>
    <t>b'\xb1\x91\\\xd4J3\xd3\x87M\x8a\xda\x06kr\x82B\x00\xd1\x93\xb8m\xb3\x12;^(=\xcd\xbb\x07\xa6E'</t>
  </si>
  <si>
    <t>b'\xc3\xfa6\x13#\x12.\x0eQo\x05\x83\xf2\xc65\xc3\xe5lC\x1ap~s\x1cZJ\xf6R\xef\x10\x7f\x98'</t>
  </si>
  <si>
    <t>b'\xf2:\xden]\xa0\x13)\x1f\x83\x9e\xf1i\x8b\x81\xf23\x90\xb23j\x91\xea\xef\xa2\x91\xd7\xc3\x0c\x90\x9d\x8d'</t>
  </si>
  <si>
    <t>b'\xc5V\xfd.a\x84~\x9f4\x08\xe1\x844\x9e\xfb\x7f~"\x12-\xf5P\xef\x81\xf9\x06\xea\x8c\x9b\xf6\xb8#'</t>
  </si>
  <si>
    <t>b"?\x1f\x86\x1c\x01\x12\x077'a\x17\xea\x01\xc3)J\x0f\xd1\x99s\xb0DG\x98\xfb\xb2\x12mtgU\x16"</t>
  </si>
  <si>
    <t>b'\x84\x02\x1c\xe3I#I\x92\xf5\xfa\xfamY\x8dW\xc90\xd6=T\x88X\xbbH\r\xbc\x92\xc5\x82\xe7KG'</t>
  </si>
  <si>
    <t>b'td\x8c\xf8\xc8`\\\x14\xa4\x83\x9c\xa6\r\xa0\xc5J4&amp;b\xf2\xab\xae,\x1ck\xcf`\x8e\x82S\x1c1'</t>
  </si>
  <si>
    <t>b'k\x19\xfa.\x892\x1a\xea\xf7\xb4r\xf4$f)\xa7u\x15\xc8\xc0\x8a\xb9\xe5\xb6\x82$0MD\x13\xb2\xf1'</t>
  </si>
  <si>
    <t>b'$\xc4Vm\xfe\xe1:7\xb7\xf8\x96\x98\xce\xa2\xc5O\x91*\xd5ZZp\x11\x19Q\xa28p\xe5\t\x1d\x8e'</t>
  </si>
  <si>
    <t>b'Vj\x8e\r^\xe5\x1f\xb99\x1e;\xef\x04X\x1dc\x11\x82\xc7\xf9\x80LV\xd6\x88T*L\x91\x97\n\x1f'</t>
  </si>
  <si>
    <t>b'{EiC0,\xf26\xb5\r#\x86\xd3\xc4y3\xd3\x8f\x18*YFq\x9aKX*E\x94\x8cK\xb0'</t>
  </si>
  <si>
    <t>b').\x00\x96c6\x9aS\xd8u\xc5\xe4\xa5\x9e\xca\xd2(sE.\xea\xf4\xa7\xfe\xd2y\xf0%`\xd2\xc3\xe3'</t>
  </si>
  <si>
    <t>b'\xfb\xde\x98\x1f\xa9\x01\xfb\xac\x83\x15\x91\xb5\x14&gt;o&amp;\xd0M=\x96\x14\x0c*\xc9\x83,\x19\xc3\xa1\x82\xbc\x9e'</t>
  </si>
  <si>
    <t>b'\xe9\x8f\xba%\xdc)H\xed\xe0\xb2w\x90Cg\x1e\xdb&lt;\xaah\x91\xb36\xcb\xd5G\xcfjc\xb8\xbd\x04-'</t>
  </si>
  <si>
    <t>b'\xef6}\xd4P\x0c\x92\xe0\x9d\xfc\xd1\x87o\x148,jc=\xb0T\x00\x02\xc2D\xa8L0\x1a\xd2\xef\xaf'</t>
  </si>
  <si>
    <t>b"T\xca\xde*\xea'p\xf0\x00.n\xa7\x96\x9e\xbe\t9\x9c\x9b\xa8\xfe\x05\xccE\x9c\x05\x8fROL\xd4\xdf"</t>
  </si>
  <si>
    <t>b'\xab\xee\xfe\x86[\x8b\xb6\xf8\x0f\x0eAxT!\xbb;\xb1\x9c\x07\xe3\xd3\xa5\xce\x8e\x8a3\xdbpa\xc5VX'</t>
  </si>
  <si>
    <t>b'l&gt;\x19\x8b\xca\x0eQ\xe7\xb7f0\xdbx\xd0\xac\xcf|\x80\xeew\n\x99\x1e9\x8f\x0e\x93\x99\xe0Bi\x0f'</t>
  </si>
  <si>
    <t>b'\x01$\x8a8\xda\xc56\xc7\x90\xf2\x01\x00c\x8a\x17I\xc29\xf4\x10\x04\xa3U\xeb\xaak\xa8\xed\x8f\xbd|\x1f'</t>
  </si>
  <si>
    <t>b'\x89\xc9\xe9i\xae\x01\xb8F%\x17\x99\x92\xee\xe6\xf4\xb6\x85_z3N\xeeH\xfd~\x9f\xd5+L\xc7\x8a\xe8'</t>
  </si>
  <si>
    <t>b'&amp;\xda\x12\xb8\xb0Y9\x9e*\xf8\\\x99\x90\x9a[\xfd\xfa\xa2j&gt;\xa2\x9f\xce\x05\xa7\xb2`\x0f\xbe\x15\x1c;'</t>
  </si>
  <si>
    <t>b'\xe4\x0b\xf6?\xb3\xcb\nklo\xeb\xc2w&lt;\x89Q\xea\xf8\xda\x1a\xb8`J\xd5\xb5\xffo\x0c\x13A\xae\xef'</t>
  </si>
  <si>
    <t>b'\x1d\xef\x0efGJ\xea\x00\xb7\xc1\xfb\xd7!_\xc6\x05g\x9e)\x80\x19\x956\xd9\xb8B\xfeV8\x1c\xe5Q'</t>
  </si>
  <si>
    <t>b'B\xfd\xd9\xca\xddI\xa1o\xe5s\x0b\xc9.E\x82\r\x9b\x94\xfeXVvK\x15@K\x9e\xddNh\xaa!'</t>
  </si>
  <si>
    <t>b'\xd4\x81\xec\x15\x0b\x0e\x81\xb9\x90\xce\xea\xcat\xe2\x02x" \x8c\xad-A\x07\x1b@\xffz^\xbf\x96\xe6\x07'</t>
  </si>
  <si>
    <t>b'\xac\xf4\xbf!\x17A\xd3x\x93\x0b2\xbdU\x08\x94}lIe\x1e\xfd\xa6\xa3\xd3\x98\x0e=\x80\xf8\x10\xc8\x10'</t>
  </si>
  <si>
    <t>b'\xd83\x9d*\xb9\xde\xe3\xde\xb3e\xb8\x834\x86\x07=\xbf?r\xea\x97\x8b\xf7\xcdpj\x87\xa9\x1f(|m'</t>
  </si>
  <si>
    <t>b'\x0c\xfb\x19\x8f\xe3\x8f\xd0\xfa\xf84Z\xe5\xbe\xf5h\xa0[\xae\xe5\xe4\xd2\x88\x0f\xc9\x07K\xbc\xdf!,\xeb\xb9'</t>
  </si>
  <si>
    <t>b'\xa0\x83\xa6\xfa\x9f\xaa\xb0\x89\x94\xccLo\x05\xcb\x95\xd5\xa3\xc2\xa9\x13\xad\xb5\x94\x04JqR/3\xf6Q\xdb'</t>
  </si>
  <si>
    <t>b'\xe8\xd24v\x91\xa2\xd0\xe0\xd1j\x7f//!f\xc4\x13\x81-\x05&gt;\xea\xe26]n\xf1\xd5{\xb8\xb2\xc9'</t>
  </si>
  <si>
    <t>b'\x96#b\xc4\x0e=yK\x93\xd5\xc6N\xa0\xbd\xa0\x90l\xe7tn\xf4\xc0\xbf\xba\x00m\xea\xb7w\xec\x1fd'</t>
  </si>
  <si>
    <t>b"G\x05OnC\xc3;rFu\xa2\xa3U'\xbc\xc6\x89v\xb0go-\xd3y\xed2d\xc3\xda\xf4\x95L"</t>
  </si>
  <si>
    <t>b"\xa8LEws\xcf\xba\xab\xc0\xc8\xe9\xda\xc9\xf6\xed\xcbP ~'\x85\\&lt;\xe3\xb4\x0c)\xd7\x84\x9f\xf4\xa6"</t>
  </si>
  <si>
    <t>b'\xbc\xe5\x0f\xb8a\xac4\x84\xdb\x14\xdb\xcf\xf3l\xd2\x01\x0e\x92"\xb1\x93\x01\x15y\xeb-j\'\x8a\xf6\xec\x12'</t>
  </si>
  <si>
    <t>b'?\xd8+3\x93\x96\xf8\x02r\x00{\xbeOUf\xd3\n\xff\xd8\xd7\x93sLe_P\xbe\xd2\x19\xec\xba\xff'</t>
  </si>
  <si>
    <t>b'\x0f\xdf0\xcb\t\xe2(\x11\xa4\x89\xa7\xe27;\xa2\x80oeJ\x1e:\xfa@\xce\xb0\x1d4\x16\xc5x\xf9\x1c'</t>
  </si>
  <si>
    <t>b"q-8\xde\xac\xbb\xd4\x81Z\x0cD\xc7\x87\x8a\x81\xdd@5s\x9dZ(!\x95`'\xe1\x0f\xaf\xfc\xdfm"</t>
  </si>
  <si>
    <t>b'\x84\xbaQ\xee\xb4\x92\xa1\x94d\x002 \x19\x0f`\x9f\xda#\x87uQ\xbed\xa9_.\x0b\xed=/\xaa3'</t>
  </si>
  <si>
    <t>b"\x00'O*-Z\xc2\xd3x\n\xcb!\xb9z\x9bd9iM!@J[\xe4\xe7qb\xe5\xd5\xd31L"</t>
  </si>
  <si>
    <t>b'\x88%\xe8\xd3\xb7S((\xb3\xe6]\xccW*\xdbX\x18H\xa9\x1d=z\xcej\x82*]\t\x84\xec\xbd\xf3'</t>
  </si>
  <si>
    <t>b'\xc8\xa1\xb1\xe2\x02Z\x7f\x84&gt;\x92F\xbe\x83!\xb0\x02}\xd3\xed\xc5#s\xfd,\xe5\x87g\x89Is\x91\xe8'</t>
  </si>
  <si>
    <t>b"\x81\xbfs\xd5\xd9\x80\x9ds\x1d\x05\x1aE0\xd8\xe4\x1ew\xc0]X\x0b\xa01Q\xff'\x1b\x95\xea5\xc9W"</t>
  </si>
  <si>
    <t>b'\x8c\xbd\xff:\xce\x9d\x18:\xec\x82\xb9\xfc\xe6\x10\x9c\x8a\xe2\x95Q\xf6\x8a\xaeg\xedNG\xd9\x1a\x7f\xe1[\x0c'</t>
  </si>
  <si>
    <t>b'\xf4\xfd4\x07"k\\\xe9\xabyy%\x086\x15\xe7N\xda\xd3\xcd\xdb\xf1=\xa4\xb6a\xc7\xf50\x1dj8'</t>
  </si>
  <si>
    <t>b'h]\xe8\xc7\xde\xc1\nf\xe6\x99Z%\xc4\xee\xaaI\xefx\x9f0\x89\x07"\xd5\x0e \x0f\xeb\x90\xa8\x1e\xf1'</t>
  </si>
  <si>
    <t>b'&gt;\xb3\x1b\xf2\x06\xa6\xb6\xec\xf2\x90\x8c\xe1dO\xd4\xde\xea\x07S\xc7\xac\x0f\xf1L\xccD\xd4\n\xfc\x1di\x1c'</t>
  </si>
  <si>
    <t>b'~\xef\xf4\xb4\xfb\xbe\xf1\xb6\xbb\xfc\x8el+\xbb\x17\xc5\x85\xa3k9-\x84\x1b\xdd\xf36m\x83v\xdb\x04\xab'</t>
  </si>
  <si>
    <t>b'\x0b\x88\x82\x90\xb7\x13\xf44\xea\x12\xaa\x8b]\xb7\x82\xda=/\x9a~`xwT\x12r\x9bC\x95#;!'</t>
  </si>
  <si>
    <t>b'\xb6L\xc0&lt;&gt;\x84\x89\x80\xfa\xa8\xb7\x81\xd1\x81\xc7V\xfa\x8d{T\xc5\xba\x81Y4(\x04\xf9\xb4\x89\x1f\xc2'</t>
  </si>
  <si>
    <t>b"\xcf\xba\xdd\xfb\x84&amp;X\xd5Z\xa2\x9d\xb0\xdaD\xd1\xc7O\xba\xa6\xcd\x82'\x9fGU\xfdJY\xafQ\x9c\x84"</t>
  </si>
  <si>
    <t>b'\x98\xe6\xc3\xe32\xae\t\xed_\x7f\xee\xdb\\{\xf1\x92.$\xfb\xc5r1\xd2/[9f1O\xa3"\xd3'</t>
  </si>
  <si>
    <t>b'\x10\xd5B\xaau\xa3|\xbc\x14p\xba\xe1\xdb\xae\x18rU\xbc!GP\xa14\xf0\xf4\x8b\x0cT~h\x82\xc9'</t>
  </si>
  <si>
    <t>b'{q\xbb}\xb7p\x10\xee\x9f\xe7p7\xf2\xd7\xd1\xa0\xa9\xe0\xef\x13\x02\xe5mrZ\x056V\xa8\x13\x82-'</t>
  </si>
  <si>
    <t>b'0\xe6\xfc\xed\x1fgXk\xbd\xaf\xf18\x92g\x9aQ\xb0) \x8f"\x05\xe2\x1d\x0f\x8ev\xfb\x05(\xc6\x1d'</t>
  </si>
  <si>
    <t>b'R(GN\x9bEU*\xbc]\x1b\x9c\xff\xeb\xd5R`\\\xc7\x99\x9b\xf5\x02\xef\t5\xe7\x84\xe1\xb1x\n'</t>
  </si>
  <si>
    <t>b'\x82\xf1\xf5\xa1\xea\xf5,\x8b[\xa0\x93Q\xaa\xd9v\xd2\x14\x1c8\xb9\xc8[\x00\xf0BM#\xcf\xd3\xc5\xd1\xa9'</t>
  </si>
  <si>
    <t>b'\xef}C+C\xc0\xa1\x95\x024\xe4\xa6\xf8L$vai\x1c8\xe9e\x0f\xbf0\xa4\x90a\xde\x02\xea\x98'</t>
  </si>
  <si>
    <t>b'\x9fbI\xd8\x14\x91\xcf#\xa0T\x18\xf1\xa3O\x7f\x00\x8b\x83j\xb9c\xb6\x90{tm}\xe0)\x9dp\xf4'</t>
  </si>
  <si>
    <t>b'1\x9c&amp;\xda\xe6\x9b\xb1\x8a\xb2p\xb4\x18\xdb\x87\x1d)6$\x14\xac\xde\xd2o\xbaq\xddm\xa6\xb3\x14xE'</t>
  </si>
  <si>
    <t>b'\rkf\xda\' \x05\xd1^5v\x00\xfb"Z\t\x1cfl\tAaKB\x15;tr\xf92\x84}'</t>
  </si>
  <si>
    <t>b'\x94\x01\x0c{\x96P\xad.\xb9x\x1c\xb6\x9cX\x89\xf3/\xa8\x9b\x1e\xbe\xcc\xebq\xf2\x84Cj\xdaS\xfb\xbf'</t>
  </si>
  <si>
    <t>b'=\xdb:\x0f|\xa5\xd7\xd1n\x17\x02\xcc\xda\xac&gt;Hc\xad?\xb4\x16\x03T\x88G\xd9\xa3\xfe\xd7\x10\xfb\xb5'</t>
  </si>
  <si>
    <t>b'\x14\xec\xc8\x17\x85JP\x11t}\x030\xc5\x13\x02E\xd8\xee\x8b\xbeB\xe0\x16\xf19\xb6C12M\xb9\xf0'</t>
  </si>
  <si>
    <t>b'\x96\xd0\xd1\xa8H\xf5\x9ak\xe8\xe5\xa6\xebh\x02\xcd\x84MX\xb0=`+\\\x17O\xe8\xea\xda\xdb\x8f\xd5g'</t>
  </si>
  <si>
    <t>b'\x01g\x19?\xaa\xee\x95K\x07\xdc\x19\xad\xdcd\xcd\xce\x9f\x0fn~|\xbeB\x85\x88=\xa4^\xa2\xa9\xae\x9b'</t>
  </si>
  <si>
    <t>b"L7\x14\x12GrGB\xce\r\xcaq!\xd0\xa7\x06\\\xb8\x1e\x1dO\x14'i|\x95\xafO\x89\xd9\x1a%"</t>
  </si>
  <si>
    <t>b'7\xb8k\xddYh\x99\xa2\xe6\xc8\xff0\x8c\xff\xe4jt\x92BN\xfe\x85\x8b\x83a\xbf\x0e\xeei\xd1\xea\xc9'</t>
  </si>
  <si>
    <t>b'\x039\xf1\xe08\xda\\@r\xf3Y\xac~\xa5\x17\r\xd2B\x0b6\xef\xa0\x86\x8f\x08f`&lt;u\x8b\x91\xe1'</t>
  </si>
  <si>
    <t>b'\xf0\xe6\xf3\xf4\nh\xd8\xedR\xfd5"a\xb1\xad\xe3\xbb\xcd\xda+\x98\x84)\x97:\xcf\xf3\xa1Q\xc3&gt;\x0c'</t>
  </si>
  <si>
    <t>b'l&gt;\x938\xd5\x9b\xd1\xb7\xabz\x1a\xd1\xf0\x0bI\x19Y\x0c\x88\\cch\xeb4\x82\xeb\xbc,\x12\x95y'</t>
  </si>
  <si>
    <t>b'\xd3U\xa5\x93\x8dI\xae\x9bgO\xeaX\xde\xd5\x99\x0bQ$\xe2J\x0f\x035\r\x1a%\x16\x91\x88\xfb\x9e\x82'</t>
  </si>
  <si>
    <t>b'\xce*n\x99r\xb5G\xbf\x85\xa7O\xfa\xdb\xf9\x86\xb0C\xc2Y\xfet\xb9\xb6\xecw,\x18\xb7\x0cT\r]'</t>
  </si>
  <si>
    <t>b'\xa7\x13\x17D&gt;\x84\x0c}\na \xa5\xef\xde\x19\x8dj.k\x92\xf5\x84G\xf7\x94\xf2"\x9ah\xcb\xad('</t>
  </si>
  <si>
    <t>b'f\tn\xb9\x87\xbbc\xdb\x84\xc3\xda\x93C\x97[&lt;\x93\xdf|X\xc9\xc7\xff\x91Ye\x8dq\xd2\xa6!\xe7'</t>
  </si>
  <si>
    <t>b'\xc5\x98\xa69=C\x1c|\xb49\xcf\xc6\xb7\x9c\xc4\xb1_\x1b\xb0m,\xa9\xca9\xf2\xc2\x02\xba&gt;i\xee\x9f'</t>
  </si>
  <si>
    <t>b"\xbf\xb8J\xf0z&lt;\xa7\x86\xd9`\xee2\x07\xfe\xa5\xf1w\x8b'%\x83m\xee\xc91h\x96\xf3(\x84\x14H"</t>
  </si>
  <si>
    <t>b'\x86\xdf\x05\xd7a"\xa3t\x8f\xd5c\x86]c\x81\xbdn\xdb}R\x07;\x94\xfc\xbf\xb0\xef\x1f \xbb~\x9c'</t>
  </si>
  <si>
    <t>b'n\xc0%\xdaE\xa2\x17\x14P\xb5\xe8\xae\xe7I\xb7\x9e\x9b\x03O\\\xf1g\xf3\x865\xcb\xda\xba\x9d\xea6\xd8'</t>
  </si>
  <si>
    <t>b'\xd3j\xb4\xd7A\x0b\xbfC\xf1\xa4\xd2\xfb%%&gt;|\x06\xfcc\x9d:i\x0eI\x05\x8fqD\x87\xce/*'</t>
  </si>
  <si>
    <t>b'\xf9`\xa2\xa6\xe4\xbd\xa8\xf4\xa4\xf5\xc2E\xef h?ud\xccT9\x13\xde\xd8\xd2\xfd\xfa;\xdbn7\xd9'</t>
  </si>
  <si>
    <t>b'\xd3\x89\xc8*\x866\xde8\xb2\xcf_\xe9\xc4\x0f\xf5\x9c~\xb5\xdej\x18\x00X\xd5\xdd\xc2\x9f|\xb1_/\xad'</t>
  </si>
  <si>
    <t>b'C*\xb1\x18\x10T\xe8\xe5\x07\xaa\xf3^\xd4\xe2y\x13O_v\xda\xbd-\x05Lq?\x8c\x91\x11\x11\x9d%'</t>
  </si>
  <si>
    <t>b']\xfd\xbfF\xaf\xbc\x169n&lt;\xd5z\x81+$h\xab\xaa\xceX\x9bpA7\xc5Xf\x9b\xc1\xc3\x95\xbe'</t>
  </si>
  <si>
    <t>b'G\xe6\x90\xf4\xe4\x81\xa8\xef\x9b\xf1\x81\xc7G8a\x1b\xe7\xf4\xabOy\xf9\xa9\xf6o.q&gt;\xc3\x07fB'</t>
  </si>
  <si>
    <t>b'\x83\xf2\\\xe3\x9a3\x05O\xce\xad\x11\xddzgF\xe3\x12\x07\x08\x12S\x94\x80]\x8cB/\x8au\x99n\xa6'</t>
  </si>
  <si>
    <t>b'\x02\xf4\xf5\xbe\xef\x9a\xf4\x9e\xee[\x80\x87\xb0?\xec}\x01N\x9b\x82\x05\x8a|A\xe7\x1b{\xcf\x7f\x01\x0c\xa1'</t>
  </si>
  <si>
    <t>b'\xa5\xb2eR\x1aL\xca\xc2A\xe5s\xbe\xcf\x822\xa2\x19*\x06\x0e\xbca\x153\xf0T\xe3\xb5\xe8b\x99\xe4'</t>
  </si>
  <si>
    <t>b'\x81k\xc4}A\xe70\xc0\xbeY\x1dgk\xe2\x05\xc0(#\x9bu\x8f\xe0c\x1f\xb3\xa9\x91\xdb\x9a\x01\x04B'</t>
  </si>
  <si>
    <t>b'=\x9e^\xf7\xf0\xdb\t\xc3\xa0\xb3gV\xfep1\xcde\x9c\xe81&amp;x\xdc\xdb\xf5l\xfd\xb7&gt;\x1b2\x06'</t>
  </si>
  <si>
    <t>b'\xa0\x0f\xdf`4\xbc\\ yJ\xea\xd9\xb9\xd0\x059c|f\xaf\xfa\xbag\xc0\x07K\xa2U\xf4\x9b\xae\xee'</t>
  </si>
  <si>
    <t>b'\xdaL\xce/\x02[\xed\x00~\xac\x82\xfa\x1f\xcdI:\xc0\x98\x94c\x81\xf2\x98\x040&amp;\x17V\xb6\xb5\x8b\x1c'</t>
  </si>
  <si>
    <t>b'ccUP\x0c\xf1\xda2f\xaac#\xca\t\xa5\x88\xa2]H\x83\xdb\xa8\xb3\xd2\x95ZP\xbc\x10\xb5Y\x7f'</t>
  </si>
  <si>
    <t>b'\xc3N\xf9\x7f\xd4\x0c1\xa0~\x989I\x16G#\xafLE\xfd)\xcce"\xad6\x97\x97}\xd1Ia\xc8'</t>
  </si>
  <si>
    <t>b'\xe0\xf1\x88\xb3\xc1\xa27\xdd\xa2\xd8\xb1\xf7\xd11\x88\x8b\x9fD\x08\x92&gt;\x8a\x9c\xe4\xc8\xa6$\xc9b\xdb\xb0`'</t>
  </si>
  <si>
    <t>b'V\xf9\xd4\xdac\xdb\xc0\xa4\xff\xe2\xbbR\xbf\x1f\xccEV\xf4\x99\xd3\xdd\xdd\xadny\xd8\xd1\xd5\xfb[\x94a'</t>
  </si>
  <si>
    <t>b"\x11\xd5\t\xd1\x06,&lt;qen\x13D\xf6b'\xd7\x96_\xbaH\xd7\nc\xae\xac#q\xe5\x0c@&lt;\x95"</t>
  </si>
  <si>
    <t>b'\xb2\xe2}\xeb\xb5\x17\x90M\x16\x06#\x82\x039\xbc\x1d\x9c,\xdd\xdc\x1f\xb1\xde\xe5\x81j(8WQ\xed\x87'</t>
  </si>
  <si>
    <t>b'A=\xfd\xb4\x89\xcaj\xb6\xfa{1\xc1\xb0\xebh\x97\xe0\xbe\x8cb[\xbc\x86T}\\\xe5\xa5\xa47\xc6\xca'</t>
  </si>
  <si>
    <t>b'\x8e\x03\x945\xee\x8d~\x1a1}\xbe5\xf2\x95\xbf\xbf\x0c\xca\xa8\xb1\xdf\xac\xe17e\xfe\x0e\xa4\xd0\xba\xaer'</t>
  </si>
  <si>
    <t>b"\xd9Z,F\x8b\x9b\xc4~\xa8t\xd6\xf4\xd7\xdaWj\xe2En(\xb8\xc8\x0f\xfcT\xcf?\x93N\xfc'\xa9"</t>
  </si>
  <si>
    <t>b'\xc1Ph\x89\x9e\x02\xca\x18n!\xbev\x18\xd5n\x0e\xef\xd3\x17\x0c\x05e@\xdd\xa4\x07\xa7?\x8e\x90\xd9\x84'</t>
  </si>
  <si>
    <t>b"\xddD`s}\xcc)\xf5\xc22'}\x1a%H\xc4O\xda8\xd1\xfa\xb1V\xc9\xc8\xbeV56od\x83"</t>
  </si>
  <si>
    <t>b'\x98&lt;\xedd\x94\xcb\xfb\xf6\x1e\xbd\xc6\x87Cn\x95\xb0\x93\xd6N\x87\xc5\xdd\xc04\xc0k\xdd\xc8\x8aF\xbf\x07'</t>
  </si>
  <si>
    <t>b"\xbdo\x0c\x15\xf3\xdc\xbc\xbc\x19\x98\x8f'Q\x06\xee\xef]p\x10V\x03F\x8b\xcc0\xa3\x8e\t\x85$lF"</t>
  </si>
  <si>
    <t>b"\x0b\xfd\xc6\xef\x05\xfc'\xd9\x8e\xce]y\xaf\xa7#)\\g\x19\xcf\x91.\xfb\xca\xaf;]\xb5M\xdaJ\x98"</t>
  </si>
  <si>
    <t>b'\xbfH\xfb\xe1J\xa7\x00\x82;R=\x88\xd4\x02\x1a\x87\\%\xb1\xab\t\x12u)\r#F\xaa\xef3\xce\x8c'</t>
  </si>
  <si>
    <t>b'\x14.\x85\xd0\x85\xe3v\xbe\xdb5\x04\xc62\x87\x16r\n\\7G\xfb\xb4\x10\xbf`\xb6\x18\x86\xfb\xaa\x9dP'</t>
  </si>
  <si>
    <t>b'\xe4r\xfc\x1d\x15\x085\x84\xa0c\x8c82\xca\xe1\xc0C\xf7Kpk\xffQX\xc8\x1eMr\r\xbf{\x11'</t>
  </si>
  <si>
    <t>b'!\xd8&amp;\xc7c\x0f\x15\xe8=\xcf\xec\x0b\x81\x1a\xae\xf4\xce\xbd\xe7\xfd\x9d\x14\x80p\x06\x8f-\xd6\x92\x1doc'</t>
  </si>
  <si>
    <t>b'VT\x88\x10\x0f\xeb\xdbu\x89K#\x8b\xa14"E&amp;\xab\xcav\x1d\x7f\xa1\xed\x12g\xac\xfbN\t\x1dQ'</t>
  </si>
  <si>
    <t>b"\x0f\x87:$\x89&lt;\xbb\xd0\x94\xa8\r\xde9\xb7\xc2}M\x16h\xc0\x16\xde\x18{\xf5\\\xc5'\x9a!\x1cU"</t>
  </si>
  <si>
    <t>b'\x1fcw\x9f\xec\xe3\xb0\x17\xc5\xb5\xba\x8c\xcc\xad\xe7\x10\x1aO\xbf;\xfa\xb2\xa3\x10\x12\xca\xfdg\x06\xbdPM'</t>
  </si>
  <si>
    <t>b'\xbe@\xdd;\xb8\xcd\x0c\xb4\x17\xfa\xb2\xf8\x11\xf9\x9a\xcb\x94&gt;\xbeO\x82\x1f\xd6\x1d\xf3&amp;CR\xd6\xb6yk'</t>
  </si>
  <si>
    <t>b'\x9e(\x8bg\x98\xf4\xb73\xdc*I\x05\xaa\xc9.\xb6(\\\x12y\xfeo\x10@d\x1fE\x02\x8dv\x05\xa9'</t>
  </si>
  <si>
    <t>b'+\x19ZZx\xdcO\xe2ARF\x82\xb1\xae\x0e#f0\x8c\xcbH\xcf\xbfQ\xc0\x03K\x08c\x10\xf6\xc8'</t>
  </si>
  <si>
    <t>b'\x9e\x96O\xf3\x9f2\xb4\xa5\xc9\x04\x049\xc6\xf1\xd4\x0f\x98\xcbu{\x07\x8a\x96\xd1\x88\xe0l\x80!\xf5E\xdd'</t>
  </si>
  <si>
    <t>b'\xebT\x95%\x95\x1c\xe9!f\x9c\xe2,\xd5o&lt;n\xd02@\xdd\x81\x1e\x02\xef\xef:&amp;\xc2\xaf\x1e\n&gt;'</t>
  </si>
  <si>
    <t>b'\xfd1\x96F\x16\x10z5\x12\xa0HN\x8e\xa4\xc39\x88\x82\xb5\xbdw\xce\xf4\xe9T\x03\xa9\xf8\r\xe1\x1f\x16'</t>
  </si>
  <si>
    <t>b'+\x11\x8c\x87\xf1\xfaN\n\xb9%vt\xf3\x88\xccl\xd1i\xa5\x8d\xb8!\x15\xd2\xa2Z\xb2h\x04[\xa3\xa9'</t>
  </si>
  <si>
    <t>b'\xc5\xd8\x9aT\x87\xb0\xe8}z\x83\xf9\x9a\xd1\xf2\xb9\x03-\x08\xef\xf7;T\x84\x0b\xf3!\x02[EM\x8c\xa4'</t>
  </si>
  <si>
    <t>b's\x1f\r5\xb7\xdb\x949\xcda\xce6\x1d\x96\xf0\x1a\xc6\xe5\xbe#\x94mj)z8\xd8\xff\xd2\x14\xecD'</t>
  </si>
  <si>
    <t>b'\xda\xbe\xbd\x13\x99r\x8a\xcc\xea\xfe\x95_\x8f\x8c\x08*\x1d\x1b\xbe\xd7\xdd\xd8\xef$\xd9\x97\x14\r\xd5\xf8\xc5\xff'</t>
  </si>
  <si>
    <t>b'\x8fL\xbc#\xe3\x01FB\xda\xe4}\xd3)b\xdb\xf7X\xaf\x01Nh\xd2&gt;\x95\xe2\xbe/\x85}\xaf\x8b\xe4'</t>
  </si>
  <si>
    <t>b'\xae\x0bP\xcbq\x05\xddNG\xb3\x99aDd\x1c\xfc\x94}\x1c#\x9eQSd}\x1b\x08s\xd4#\x03\xb8'</t>
  </si>
  <si>
    <t>b'\xc4\xc6\xb2c\xb7X=z\xb5\x02\xacz\xdb\xea9&amp;7\xaf\xbb\xd0\x8a\x9e\x17\xdb\x95ZB\x03\xbe\x0fH\x00'</t>
  </si>
  <si>
    <t>b'\xcb\x06=\xb7t\x04\xfb\x9d1$\x0e\xff9\xca~\x0c\xec\x8c\x05\x15\xd3\xd3\xecxp:\xe1z\xdd\xd8\\\x07'</t>
  </si>
  <si>
    <t>b'h\\\x88\xb3\x1c\xed\xb8\x9e\xba\xc0=l@2F\xbd\xb5\xe7\x96I\x14\xf4\xe4\x93Y:\x18\xf9E\x15\xeb\x00'</t>
  </si>
  <si>
    <t>b'\x81\x7f\xd8fk\xd6i\xa5\xb6_5\xb6\x80\xfc\xb7\xce\xbd\x9b\x9a0\xc4\x8d9o\xfd\xc9\xce\\9D\x0e$'</t>
  </si>
  <si>
    <t>b'\xf5\x9d"\xd4\xa5\x0f\x0bn\xcb\xef\xcfFi7\xdd\x97V\xef\xa2\xa6,\x1b\x80\x87\x05u)\x1c\xf6QJX'</t>
  </si>
  <si>
    <t>b'\x11\x86\x14\x80o8t@/N\xb2\x00\xdc\xae(\xbd\xa4\xde\xf4g\xf6C\xd97D\x94\xd9\xae\x87\xb5\xc1\xcb'</t>
  </si>
  <si>
    <t>b'}\xeb\xce\x11\xa4\xd1\xe6\xaa!\x05\xd2\x13W\x00\x92G5\x9d\xab\xe8\xd6Z\xc7\xaa\xa4\xe2\xb5\x08_\xc8\xf8\\'</t>
  </si>
  <si>
    <t>b'\x08@^\x16\xcf\x9aC|\xa1\x04\x82\x9b^R2\xcby\xed\xd7\x08\xbf\xbb`\xd5\x11\x930\xbdX"\x9b\xf0'</t>
  </si>
  <si>
    <t>b'\x05&amp;\x7f\xa3\x19\xbb`\xa3K\xf1s\x08\xd1\x98S\x9c\x8d\x0e\x84\xddft\xb7\xe7.\x07JM\x89\xaaBX'</t>
  </si>
  <si>
    <t>b'\xb2\xb3\xd5\xd2\xc0^L\xbf(\xdf\x11g\xfc@\xc4a\xa4\xbc\xe2n\x99b\x06\x1bC\xc7\xd7\xae\t\x15\xe7\x19'</t>
  </si>
  <si>
    <t>b'&gt;\x8c\xc1\x95p\xa9\xe7\xff0\xb6\xe3\xfa\x13\x9eO\x8eO\xe4\xc8\x1c\x97[qE!.\x9e"\xdc\xf4\xce\xdf'</t>
  </si>
  <si>
    <t>b'_K6rg\xb5!,\xf9\xf6{\xaa5\xbbMo\x03\xf8\x81I\xe86@\xae\x07\x02\xb2c\rV\x9a\xee'</t>
  </si>
  <si>
    <t>b'\xfb\xaes"2\xfb&lt;\x91_\x8a8\xa5Q\xef\xc6i\xfc\xc5\xb1,*\xc4w\xb5\x15U\xa3\xe6\xbc\x0c\r|'</t>
  </si>
  <si>
    <t>b'\x11##@H\xea0)0\x1c\xe7\xc63n\xd05\x0c\x1c\xed\x06C;\xc5h\xd7\xf3\xf7\x86-e\\\xa9'</t>
  </si>
  <si>
    <t>b'\xed\xe0"\xdcaN\xa4Z\x0b\xed\x13\xe6V\x8e\xbe\x84@\xd7\x07\x82\x8e\x1a\xd8\x97g\x90\xbc\x98\x1d\xfb\xbb\xc5'</t>
  </si>
  <si>
    <t>b'\x82L\xe3{\x7f\xe2*7cy\xbc\t\x90\xc4\xaa\x14-4M\x08\xe0\xf7|0,-\x1d\x8b6E\xf0\xf3'</t>
  </si>
  <si>
    <t>b'\xcf\x92\xa99[K\xa2\xe1\xf42^\xfb\x17|\x16\x1b\xd4Mp\xe2\x83\xd8l]\xa7?Y\x08\xf1ZB\xab'</t>
  </si>
  <si>
    <t>b'\xff\xb4%\xfb&gt;\x939I\xde\xf9\x88&amp;\xad\xf7L\xd2\xb8\xc0\xfb\x82Uc\x9fH\xe3\x07y\xd4.\x8e\xf4-'</t>
  </si>
  <si>
    <t>b'\xf08\xde\x10Y\xfb\x1e\xa0\xca\xf2=\x8b\xdemph\xfb\xb4A8\x93 _\x98\xa2W\x12\x1a\xf8NR\x8b'</t>
  </si>
  <si>
    <t>b'\xcdSZd\xbb\xc2p\x12Q\xc8=\xaaG{;\xbaM\xb1&amp;\xf9\xfe\xa7j\xb5\x85\x00\xe6\xd2\xe6\xe8\xd8R'</t>
  </si>
  <si>
    <t>b'\xb2\t$L\xe8\x1d\x85\x12\x81\xa0\x83\xcc\x04\xbd\x89\x17\xaa\xfa&gt;\x82m\xf4\xd4\xac\x1d\xf9\xab\x8a\x8f\xfc\xba}'</t>
  </si>
  <si>
    <t>b'\xd4\xea~n\xb2\xfd/\x84&gt;\xd4\xa9|M\xfe\xb1wJH\xd3*\xe4\x80\x88\xac\xdd\x93\xc2\xa29\xe3\xaf\x00'</t>
  </si>
  <si>
    <t>b'\xd79\xb4\x99\x1f\xc6R\x1cV\xa0\xa3\xb6\xcc\x13\xa0\xe8\xc5\xfb\x19Sz\xbd\x84\xef\x9d\xadT\x16\t\x8b\xc0\xd6'</t>
  </si>
  <si>
    <t>b'\xe7)\x9dB\xa9D8\x00\x19\x08\x98Qm\xc6\xd3I\x8eG\xac:Hv\x02W\xfc7\x1f\x1f\xd4\x17\x19:'</t>
  </si>
  <si>
    <t>b'\x1e\xa8\xa4\xfa\xd5\xf4\xc9+\xca\x8b\xf0\xe4\xf5St\xd1\xa5\xd7\xd5\x05\xc3&lt;\x13\xa1\x1b\xdc\x9b\xd6bT&lt;\xd6'</t>
  </si>
  <si>
    <t>b'I^\xc4U\xe7M&gt;\xea\xad\xd9S!g\x1be\xe0\xe5\xc3\x8e\xe8pt]G\x1f\r\xe4\t\x06H\x99_'</t>
  </si>
  <si>
    <t>b'\xd9\xd8G\x89\x1f\x04\xe6j&gt;\x9b\x04Cs\xb1\xac\x12$R\xe8iq\x1bOn\xb4\xd6\t\xd8\xa3#(\x1d'</t>
  </si>
  <si>
    <t>b'\xaa\xe5\xec\xebx\x80\x15\xb8$\xadG\xcaf\xbbr\xc3\x08 \xf8\x04,\xb8\x86gA\xd1|\xee`j\xe9\xab'</t>
  </si>
  <si>
    <t>b'Hl\xe1\xa6\xe8\xe0\x83\x1e\x06\x88&gt;\x8aL\xc3/&gt;;2\xc9q\x9a\x19\xda\xb5\x0b\x00a\xfb:\x0f\xe1\xad'</t>
  </si>
  <si>
    <t>b'TO\xach\xa1\xb8\x7f:\x03\x89\x12\x8a\x10\xde\x1f\xca_\xbaF\x07gaS\xfd\xaa\x1b\xc8SD\xfe\xa3h'</t>
  </si>
  <si>
    <t>b"\x89X]\xce\xd7'&amp;\xdd\xdd4H6\xa5S\xc6\x91\x9dN\xec\x87?\xe8\x97g\xd8\xf1\xf3k\xbe\xf9\x04\x91"</t>
  </si>
  <si>
    <t>b"7Q\xa3\xa2\x7f\xf3\xe6J\x01\x85\xbd'\xda\xce\xf8\xeby\xa1\xb9\xf7\xd7\xa5S[\x7fw6T\xf6\xdf\x0b\x1b"</t>
  </si>
  <si>
    <t>b' \x8f\xf7\x93\x1d!W\x9c\x86\xcaxU\xc7\x08\xc3\x9c\xedL\x8e\x96\xca\xbfvb\xc1\xf9\xdb,\xf37\xe9F'</t>
  </si>
  <si>
    <t>b'\xd9\xec\t\x01/\xb2\x158\xec|\x8b6\xfd\x05BR\xfe\x92+U\x9d\x13\xc5\xd9\x1dG\xebJ\x1c\xb3\xdb\xac'</t>
  </si>
  <si>
    <t>b'0g@OZ\xe5\x85\x9b\xee\xdc\x0fL[\x80\x8e{g\x15%ukf\x90\x01\xa0\xb7,Ae\x05\x01\xbd'</t>
  </si>
  <si>
    <t>b"&amp;\xb6\xb5\xa8\xbe\xa6Z\xca\n\xbc\xa8Y\xc1x^8'N\x87C\x10\n%\xbd\xb3N\x9b\xfb\xdb\x8e\x0eg"</t>
  </si>
  <si>
    <t>b'\xf1\xe9\xbd\\T\xff\xcdQ"\xbc`\xe4\xc8\x9a\xf4Sl\x80\xd9,\xe3\xa7\xa4\xff\xcf`\x87\xfa\xc2kO\xe7'</t>
  </si>
  <si>
    <t>b'\x98J\xae(\xd2\x8f.\x834\xa9n\x83\x05\x1c%\\\xf9\xf6\x10\x02\xa7V\xc0@\xc6\xe6\xb2U\xffrq\xfb'</t>
  </si>
  <si>
    <t>b"\x0e\x1e\x19\xcf\xb5\xe7\xbe\x9f'P\xaa\xd34@\xaa\xc6\x15\x8eIlac\x10M\x0b1\xeb\xc9D\x94rK"</t>
  </si>
  <si>
    <t>b'\x18\xf4N.\x04X\xc3\x94\x9b\xaab\xfd\xaa(*\xe6\x8f]yo\xb8\xb3HIs\xb3]\xae\xc1\x9f\xebI'</t>
  </si>
  <si>
    <t>b"\xd1G\xf8\x16\xb5\x98z.\x02\xc7\xcc\xf1\xe4\xfa\x93\xe3'\xc5\xd4 \x84\xeb\xdc\xa9E\xecn2\xd5\x0f7O"</t>
  </si>
  <si>
    <t>b'7yW\x03W6"Z\'\xa8\x14e\x9b\x0eX\x9cH\xe6\x89\xf2\x8b\xd0d\x89Z\xcb\xf6\x10?\x05\xa6\x90'</t>
  </si>
  <si>
    <t>b"[\x94\x8b\xbb\xb1'\xf4J\x90\x182WD\n~\xe4\xfa\x1aq\xac\xd1\n\x99\x1b\xd1\x8b\xc9\xcf\xf8\xba\x014"</t>
  </si>
  <si>
    <t>b'\xbe\xba\xfa)\xd0\x15\xf7T&amp;\x04_\xf1[\xd9\xd6r\xed\\\x8d\x0c\n&gt;\xb2\x88\xddV!\x07g\xd8M\x8d'</t>
  </si>
  <si>
    <t>b'\xaf`!\xf6\x99\xc1\x19I\xbd\xe0\xc1\xfa\xe1\xc1\x80C&lt;\xedv\xa8n0\xe9M\xb8\xe9!K4\xe2\xf4i'</t>
  </si>
  <si>
    <t>b'1\xd4\x90\x1cs\xb4~\xa5\x89\xc3b\x01\xffI\x99\x92X\xd5\x95&lt;\xd7\xa8\x07\x11\x86\xf7\xc99&amp;YZ3'</t>
  </si>
  <si>
    <t>b'\xf0\xf40\xe6\xe0-\x81\xbc\x9a\xa5\xdeC\x99;#Vk\x0e\r\xd4*cCVA\xaa\xecu\x97\xfb\x9e\xcc'</t>
  </si>
  <si>
    <t>b' \xc5p%N\xe2#\xb3\xbczY\xae\x9f\xfcW\xb8+\x98}7\n\xab\xd5\xf2\x8e-\xee\\\xa6\xe1K\x83'</t>
  </si>
  <si>
    <t>b'\x8a\xc0]\x10\xd9\xec\x97a\xda\xd5\x98\xb2\xf8-\x8a\xc6\x06tB\xa4jT\x02\x03\x11\xa3\x85=\xdcB\x14\xe6'</t>
  </si>
  <si>
    <t>b'y\xe6\x8eUuMM\xc0\xc0-\x0b\xa5\xcd\xa2_\x89\xe5\xf4\x88)=\x03\xb9\r\xa7r&lt;vP\xc2\x03\x0b'</t>
  </si>
  <si>
    <t>b'\xf8\xbdVb\xb9\xaa\xda\xc9I\x18\xb9\x06\x9c\x83\xf7\xe3\xf5\xf8\xc2}L\x08\xf4S\xbb\x9d\x17?L\x99\x97\xd2'</t>
  </si>
  <si>
    <t>b'\x89\xf3^\x0b\xed\x7f\x92\x82c&amp;b\xdbJ\xd2V\xbdn,\xba \x06\x0c\x8c\t\xa5\x0f$vBR\x03b'</t>
  </si>
  <si>
    <t>b'\xf6$\xe5\\\xcf\x85[\xd1\x9d\xee\xbe\xf0\x1e\x8a\xcf\xb7\x1c2\xb9E\xdby\x9c&gt;zz\xa1v\xfa%\xcby'</t>
  </si>
  <si>
    <t>b'\xa51X\xd7\xcd\xd0\xd67C\x84\x02]C\xb6\xb5K*\x81o\xcb\xa9Wp\xe5\xf6p\xedM_qS\xee'</t>
  </si>
  <si>
    <t>b'\x9a\x9e\x13\xf8\xfd\xaa\xa1\xadU\xec\x9c\xf6\xe7\x9ac\xce)\xe6q\xd1\xd2mY9Q\xec]\x13\xe1\xcar\xf7'</t>
  </si>
  <si>
    <t>b'0\x9cL\x8b\xb3+\xd1G\x10\xe8\xf9\xfary7\xbf\xd2\xfe\x1e\x9c\x02\x1c\x04\xde?\xc9z\xfc\xea\xb0\xb3X'</t>
  </si>
  <si>
    <t>b'\xcad\n\xac\xe5\xef\x00t\xa9K&lt;58\xebr\xcc\xb9s\x96n\x06p\x80\x84\x12\xcb\x84N\xb9P\xe3\x97'</t>
  </si>
  <si>
    <t>b'\xdb4H,\x1f\xe4\x92\xb7\xac\xdc\x18RyE\xb4\x80\x99\xbe\xf9\xbf\xc9`,\xad\xbf\xeb\x13\x97rG\x96\x8e'</t>
  </si>
  <si>
    <t>b'u\x99#\xab\x1d\xc4\x8abu\xfc\r\xfeb\xe0\x14P\xbc\xae\x8a\x8e\xd0\xb8\x92\xdb\xa22\x05\xe8\x93F\x88\x8c'</t>
  </si>
  <si>
    <t>b'\x02\x9c\xb3)VT\xddz\xb1\xf4\xb8*\xe5\xe3\x8dwh\xd6\xf6\x0f!\xfc1\xa1\xb1iLY\x17\x01\xff\xcc'</t>
  </si>
  <si>
    <t>b'\xef&amp;\xfd\x86E&gt;"y!\x8f\xe5\xd4B\xe0\x1a$IJy\x0b\xef\xd0\xb6U\x0f\'\x05\x8d\xa8\xa9\x9fG'</t>
  </si>
  <si>
    <t>b'\x91\xf9\x18\xf7.$\x0e\xa8\xec\xa6\x05\xdeB\xa8\xe7\xd7&gt;\x8f\x17N\xdd\x1b\x05&lt;j\x9d_&gt;\x07\xfc\xb7]'</t>
  </si>
  <si>
    <t>b"\xc1\x11\xa0\x00\xeb\xe2\x17]\xf2\x14Q?\xd2\x98b\x1c$9\x00\x18K\xab\xe2\x1b'R\xa3;\xa7\xd2uQ"</t>
  </si>
  <si>
    <t>b'1Q\xd2\xa1\xe9u\x83)\xd2/\xc3\xfe\x83\xf1\xe8\x0f\x98\xb5\xf2d\xeb\x8c\\\xaf\x1e\x9f\xfb\xe4\xa0\x8dR\xa0'</t>
  </si>
  <si>
    <t>b'C?\xe9\xb3fH\xa4\xa2\x17\xedV\xd5\xae\x85\xe8P\x1br\x9d\x85\xads\xe8\xbd\x0bN\xf93\x06\xd8[\x91'</t>
  </si>
  <si>
    <t>b'\xd6x\x14faQ\xef\x87mrM\x19\x06l\xa97\xbb\xd3\xe8\x07\xe8\xa7\xc9\xd7QD\xf3G\xce\xea5j'</t>
  </si>
  <si>
    <t>b'\x88\x8dN=o(\xb2\x8f@G_\xdd_\x9bl\x1f\xf2N\x1cU#~\xb7\xcb\xa0\x14R\xa89W\x15P'</t>
  </si>
  <si>
    <t>b'y\xa2\xd0\xf7\xbas\x91\xe9\xc0\xe6\x00\xdc\xdf\x0f6M\x0c\x95_5W5J\x19\xf8\x1d\x80\xfb%l\xb0\xbb'</t>
  </si>
  <si>
    <t>b"\x88\xa1\xf1.\xdb\x9c\x0c\xb2K\xbe'\xa0\x9c\x14\xfa\\\xefxDJ\xb3\xbdN\x07/:\xfc\xe3a\xb6\xe1c"</t>
  </si>
  <si>
    <t>b"-d\x8f\x8b\xe1\xa7^\x94\xb5\x8dh\xd0\xb8\xe3N\x1c\xf3'\x94\xb4\xac\xb6/\xc3\xf5\xae9\x1fI\xaf%\xc1"</t>
  </si>
  <si>
    <t>b'\xe60\r\x80\x8a\x97K\xc1\xf7\xa8\xa9\xbe\\\x87\xa4\xe1V\x07\x9bJ\xff\xa8`:\x03Lh\xb8*\x14o\xd9'</t>
  </si>
  <si>
    <t>b'U\x9c\xb9\xc6\xf8b^8\xe4\xc1\xe9wdk\x13\x87\xde\xf4v\x93\x93\x9b\x97C2\xe1\x86\xed\xfa\xa1\xe4\xb1'</t>
  </si>
  <si>
    <t>b'U\r\xee\xb8xA2\xb7\xa2\xbe\xef.m5\xe8\x01\x10I\x93\x90\x18\xc8\x1b\xe6\xed\x9b:\x84Z\x1cG\xc7'</t>
  </si>
  <si>
    <t>b"A.\xfb\xbc\x0f/\r\xf5\x908\xfd\xe8\x02\xb4:'\r\x9e6\x8cA\x1e9z\xb5\xef\xd6\xf1\x10\x81\x10\x1c"</t>
  </si>
  <si>
    <t>b'\xf3\n\x820S.)\xf2\x10-pB\x9e+\x91\xd8oYNL\x80\x85\xceZ\xd7\xb82\xca\x0c\xc8\x9c\x16'</t>
  </si>
  <si>
    <t>b'\\ \x08,T\xeb\xb0\xaa_\xfa\xafT\xe4\xec[oy.R\xaaSk\x83\xe5|\xb8\xde\xb0k\xae~\x86'</t>
  </si>
  <si>
    <t>b'(\xf4V\x83\xf9\xe7\xb1*SH\x17\x98eW"\x91H{\x02+\tib\xaf/w\x90\xf3k\xac:\xd1'</t>
  </si>
  <si>
    <t>b'2\t\x82\xd02\x8e\x92\xf4/\xbd\x08\xd9\xe2\xfa\x8c\xe7\xbc\xd4\xc0\x7f\xc9\xb6/\xff\xf1\xc3\xe6\xe6s\x18\xfbr'</t>
  </si>
  <si>
    <t>b"\x0e\x8ep\x9a&lt;\xd41l\x9a\x1e\xd6U\xf50Z\xf57|K,\xe2\x85\xdfu2\n'\xdf.\xdc\xdf\xeb"</t>
  </si>
  <si>
    <t>b'\xb0S\x1e\xa0 \xe2\xe4M@\x9d\xe2\xbb\xeez\x0b"2\x07\x9b\x1bq\xac\'\xf7{[\x81(\xe1\x91\xac\xed'</t>
  </si>
  <si>
    <t>b'Z\x1d\x1aL\x86\xba\x84\x87L*@\x84\xc6Q\xbd\xf4\xa7\xd4\x83\xbda\x00\xd7\xe1\xf6\x07\x97\x9dv\xee\xccP'</t>
  </si>
  <si>
    <t>b'a\xe2\xcd\xdf\x8fX\xa3\x15\xf5N#\x01\x11\xb3s\xa83\x98\xb4\x11\x9c\x9eO\xa3\xc1y\x87\x9c\x15\xf8\x1e$'</t>
  </si>
  <si>
    <t>b'\xff\x9fp\xe8"-g\xcew\'\x9a\xbe\'\x1a\xee\x90\\\x95\xe1\x9b\xc4\x91\x88_E\x83\xbd\xb8\x1dx\x92r'</t>
  </si>
  <si>
    <t>b'\xe2@UxT\xf1\xf7\xc7R\xf1p,\xcc\x8d\x14u\x84\xe2\x07X\x9f"k7}\xca\xcc\x89|\x938\x90'</t>
  </si>
  <si>
    <t>b'\xa2e\x8a\x87%k\xcbcR\xae6\x1a\x93\x0f@\x1c\xde\x04\xc7\xaf\xb3\x8f^PF\xa6\x9a\xae\xdaB6T'</t>
  </si>
  <si>
    <t>b"\xaaZ\x023\xc4\xa6\x8a\xaeI\x1c\xcf\xc4\xd2\xbb,\xbf\x187'\xd8\xc9\xf5\x82\x8dU\xb1E\x18\x8e9\xee_"</t>
  </si>
  <si>
    <t>b'\xa3H2\x86\xe8\x15?C\xc5\xd1.\x14\x05d\xe4\x91\xf1\xc5\xe6C\x8c\xd1\xec\xf3e\xb0\xd5\xce\xf2\xe6\xa2\x1e'</t>
  </si>
  <si>
    <t>b'\x10\xd5F2\xb1\xa8\x08\xbe\xbc\x0bw"\x1b\x1a\xd70\x89\x1a\t\x172\xecx\xcfv\x0bY i\x13#\xe7'</t>
  </si>
  <si>
    <t>b'\x06\xd0\xdc6I\xd6zye\xc7\x95\x99\xdd\xa4\xad2\xf069\xa4\x9ac\xe9]\x03\xd5\t\xac\r\x83e\x95'</t>
  </si>
  <si>
    <t>b'\x87\x01L\xfbnK !\x83l\xdb\x8b\x95\x0e\xb7q\xab\xde\xd9\xf4\x11\xb3a#\x89\xd0\xab\xeb\xf0b\xf2\r'</t>
  </si>
  <si>
    <t>b'A\x1d7zjR\xf9\x01.j\x7f\xf3o\xda\x96\x9b\x15\xacb\x7fA\xd7B X\x8bt\xa3\x1bB\xc1\xe1'</t>
  </si>
  <si>
    <t>b'&amp;\x12\xec\xef\x9c4\x8fYu(\xc7\xd0\xb2\x87\x14\x8f\xdeV\xbb\xe5d\xedE\xbc^\xe8\xad}\xd7\x0c\xf2\x9b'</t>
  </si>
  <si>
    <t>b'\x08B:\xe3\x83\xa8\x12\xbe\xad\x98r\x8b%\t\xcb7o\x81\xa99\xe7g?\xa9(d\xebe\x0e\x14\xe2`'</t>
  </si>
  <si>
    <t>b'\xa7\xba\xc0\x10\x0f\x1c\xdeN\xc9\xe5MstiM7\xda\x14\xdf\x14\x1bAt\x13\x12\xf6\xd4b\x99W?c'</t>
  </si>
  <si>
    <t>b'\xf7\xb8\xe9\xaa\xa8u\x1c\x1d\x97x\xb9\x14\xa5\xed&lt;\x80 \xe2L|b\x19\x98\xd4\xcb\xa1\xc6YS"\xab\xeb'</t>
  </si>
  <si>
    <t>b"6$I\xf0&amp;\x85Y\xe6\x1d\xf2`\x11\xcc'\x0b\x89\xee\x86ny\xfc}{\xd1\xf5\xb0\xebi[\x13\xbe\x90"</t>
  </si>
  <si>
    <t>b'\xa1DN7\x7f\x9b\xe4~\xc6\x0bI\xf1yn\xf6\xccl\x01\n\x84\x04t\x87\x10\xedF\xa9\xab\xed\x08\xb4e'</t>
  </si>
  <si>
    <t>b'6\xa8\x92\xc1\x07c\xdbJ|D\x91\x8e\x89\xf7\x03&lt;\xdc\xc5j?1\'B\xa1\xd1\xbd\xf2\x14\xfc~"\xfb'</t>
  </si>
  <si>
    <t>b'\x02\x9a\x92]\x16\xec\xef\x94/cPH\x88?!\x92u\x8d{\xf8\xa8\xf5\x9bl\x061\xfe\xf5V\x98=\x9f'</t>
  </si>
  <si>
    <t>b"\xe0\xed\xe5\x968\x8f'\xab\xde\x96H\xba\x1d\x9bVJ\x86\x03\xad/\x13\xa8\x95\x1dn'0\xd7w\xb4k@"</t>
  </si>
  <si>
    <t>b'\xc9\x993@\x1c\x1a\x14\n\x8cYh\xbb\xd7\xfe\xcf\xa4&gt;\x9a\x896u7z\xdd\xd6\xbf(*\xa9\x9a{0'</t>
  </si>
  <si>
    <t>b'\x99\xba\xe2\xc5\x19i\xd0m\xc8\xca^t\x15x\x01\x8d[5\xeb\x03\x81g\xd3-|\x034\x18|.\xbd\x14'</t>
  </si>
  <si>
    <t>b'U_L\xe6:h\xff\x88=\x1a\xa0a\xee\x9a\x8b\xf9\t\xf3\x15\x82\x1a\x7f\x86\x95\xb4\x80\xc02O\xfd\x07M'</t>
  </si>
  <si>
    <t>b'\x08\xd2v{?\x0e\x06S\xeb\x9e\xd7K\xab\xc1K&lt;"\xe76\xd1\xa2F\x9f\x18\xe1\xca$\x07I\xea\x8c\xe7'</t>
  </si>
  <si>
    <t>b'Oq\x1f\xc0\x13R\xd4o\x7f*\x7f\x15\xea\x1a;\xfb\xca\xda\x93X\x14\xd7C\xae\xfci\xce\xdaE\xc1Xv'</t>
  </si>
  <si>
    <t>b"\x80\xcb\xa1\xbcTN\xce\xf0\xa5\xe6Pe\xe3\x97\xe5A\x82\xa2\x1e\x9d\x98\x00'^\x07\xfe\x90\x18\x18\x01\xcaZ"</t>
  </si>
  <si>
    <t>b'\xaf\xc9\xe0\x9e_\xec\xa7\x92~\xbdZ\xf1\x02LZ#\xf5\xf3D\xbe5\xe88\xab\xa5\xb4\xa4G\xdf\xf8F\x84'</t>
  </si>
  <si>
    <t>b'\xae\x1bi\x14\xaf\xb4T\xa5Q\xa5\x9f\xbaw\x94(\xc3\x1f\x87:\xcfqz\x1fk5\xfd\x13\xdb\xfb\xa0\xb9\xd3'</t>
  </si>
  <si>
    <t>b'-\xd5\x92\x16\x94AA\xb69NS\xdf\x95\xbd\x02n\x10 \xb9K\xd4\xa0\x17\x05V\xc4\x91\x87\xe7\x18j\xb9'</t>
  </si>
  <si>
    <t>b"'\x80\xc4\xb8\xc0\xd7X\xad}\xc8&lt;\xc67\xa2\x81\x84\xfc\xd7h\xcd9\xee\x8a\x88\x8bU\x01\xc4\xa3\x19B\xa4"</t>
  </si>
  <si>
    <t>b'\xc7\xad\x81\xc3GGON\xed.s\xcb\xcd\x9e\x0f\x00$q\xe7p;J&gt;\xa8\xb0\xae\x11(\\`\xac\xec'</t>
  </si>
  <si>
    <t>b'\xcb\x8f4}]\x1f\xfcf\x18\t\xad\x86%\x0e\x8c\xe9\xda\xf3h\xfd\x00#\xba\x05 ^t\xef\xee\x8a"\x89'</t>
  </si>
  <si>
    <t>b'\xa4\x19\xa0\n\x1cO3\xe6\x15\xa7:\xc0\x8a\xa8=\x9f\x08\xd2\x94\xb9\x96\xff\xb4\xf2I\xc1\x03\x1el\xbe\x1e|'</t>
  </si>
  <si>
    <t>b'viM\xce\xee\xe6\x044\x01Q2f\xe5X\x94\xaa5x8$\xca\xc0m\xbe\x12$\xdbL$#L\x0f'</t>
  </si>
  <si>
    <t>b'\xf2\xe2\x97z\xc5\xe4\xa1\x07-_\x1e\xb1\xc0\xb3\xdb\x0e\xdd\xe6wY\x14\x16~\x86\xdd\x11\x96\xea\xeb\xcc\x9f\n'</t>
  </si>
  <si>
    <t>b"\x10\x86\x057U*\x0e\xf9%\xca\x8dY\rA\xee\xee\x97\xd9\xcc\xc4\xdf\x03\x15[\xe0\n\x94\xf0\x84'\xee\x9d"</t>
  </si>
  <si>
    <t>b"\xd7\x9bT\xfd%\xf4`\r\x17\xb3\x12&lt;\xb2\x84\x7f\t\x98\x0c\x9f\xf6'\x8c74\x8b\xab\xae\x92L\xb4k\x7f"</t>
  </si>
  <si>
    <t>b'\xe5\xf7\x94\x7f\xf4E:\xcb\xbe\x06\xc2\xf8K\x01eN/O\xab[\x82\x81\xf2\xe0\xf9\x0e\xcd#\x11\x8fJ&amp;'</t>
  </si>
  <si>
    <t>b'Ey\x8d\xd2$\xf7V\xa1\xf2Z\xe4\x8bg)X\xda\xf1\xff\x9f\xec\xf2\xdb\xebc\x18\x88t\xc3T\xf5\xf0\x8e'</t>
  </si>
  <si>
    <t>b'\xf0\nK\x9f\x8d"\xf8\x9e\xdc\xcc$}IS\xf9X\x0b\x85@\xbd8\x0b\x91D\x05c\x1c\xf2\x85\xe3\xee\x90'</t>
  </si>
  <si>
    <t>b'\x02\x19N\xea\xfa"\xe9\xc36,H\xf20T\xfe\xaf1xq\x14\xb6\xe5\x1a2\x8f\xa0q\x1b\xee\x9c1\x1c'</t>
  </si>
  <si>
    <t>b'Z\xbep\xdaL\xcdr*k\x87\xe7Q8|ix\x87\xeb\xed\xee\xc1\x8d\xbci\xb3n\xfb:\x1f\xfd\x0f\xf6'</t>
  </si>
  <si>
    <t>b'\x1c%\xfa\x0cZa\xd2#(\x14\xb3\xb4\x816x\x9fZ\xae\x94\xf5\xbf\xec.l\x19\xfby\x18JU\x95\xcf'</t>
  </si>
  <si>
    <t>b'\x9e\xb5\x0eo@\xc2\xa1\x10&amp;b\xeax\x0b\x8f\xd2\xdc\xfd\x8cd\xb3W&amp;\xee\xb9=\xbb\x91\xf9\x95\xb0\xb2\x98'</t>
  </si>
  <si>
    <t>b'\x12\x0c\x9bq}{\xceZ\x9f\x8b\xb0G/\xc9\xb5\xb5Z\xce\xecO\xd0\xd3\x02\xf72\x03,!\xab\x90\xbcI'</t>
  </si>
  <si>
    <t>b'\xe7\xca`g\x12\xb7d\xaa\xb7"\xfdg\xe4\x1d\xab\xac\x89\xf0\x9a\xf6\x9d\xb7 \xb6KJ[-\x99\x02g\xca'</t>
  </si>
  <si>
    <t>b'\x18\x95\xc9\x8f\x92\x84\x81(\xa3\xb3\xff\x87\xb0\xb9N\xbdo\xbd\xeeX\xa6^\xf6\xfdD\x9aS\xc1f\xf5)\xaa'</t>
  </si>
  <si>
    <t>b"\xc8\xa7\xcb.`!B\x92'\xec\xe74\xfd\x94d\t\xeb\xcf8\x8eo\x0e\x86\x85\x845\xa7\x01'\x16\x17\xa8"</t>
  </si>
  <si>
    <t>b'w\x9d\x9cF\xbd\xd4\xd3\xbe\x99R\xbe\xef\x89_\xc0q\xa5\x90\xc4\x08\xde\x0e\xe0\xec\xc8\xd2$\x98~`\xa41'</t>
  </si>
  <si>
    <t>b'U\x08E\x10\xce\xbc\xdf\x12\x1a\x83zM\xeb\x19T\x8a~XV\x0e\xbe\xe8Qa\x94\x04\xe9oJ\x96\xcb\xb3'</t>
  </si>
  <si>
    <t>b'\x80\x1d\xdb-n\xa8\xcb)q\xa4\x84\x17\xd6\xa7\xaf\x85\x96\xf9|\x9d\x15\xfd$g\x1a\xf6\xea4)\xda\xcb\xdf'</t>
  </si>
  <si>
    <t>b'e!`\xa9\x8c\xebA}\xfbu\xed\xc4\x15E\xc9\xc4\x1d\x85y\x13B\x08|\xddnV\x91\xeb\xf7\xb5\xce\x99'</t>
  </si>
  <si>
    <t>b'\xf1r\x18|\x817^71\xa1\x80`3\x90\xa0[\x86\x8f\x7f\xe3\x86 \xaeq\x03\x9e\xe6_\xba\xfe\xbaf'</t>
  </si>
  <si>
    <t>b'!\xa1\xd90\xc2R\xdf\x10%\x8f\x1d|L2\xfe\x98d\'\xda\x14A\xfc\x19\xaf";C\xb1z\xb1o\xc7'</t>
  </si>
  <si>
    <t>b'Y\xb7\xff\xd4T\x1d6\x9e\xb2\xcb\xc8(\xd9Y\xd5\xf0\xc1\xa0\xdc5{\x8eAEc\xa9\xd1aD]\xb2\x81'</t>
  </si>
  <si>
    <t>b'U"=\x98\x8d\xd8\x1f\x06\\5i\x06\x8f\x05)S0\xc7\x00\xea\xbc*3k\xd3\x8f}1\xe5\xd9#\x90'</t>
  </si>
  <si>
    <t>b'\x8b?\xfaN}_\xe5Z\xf8\x88?\xf5\xa0Y|0\n\x19t\xcc\x9d\r\x9b\xe0\xfakw\x80Z\x0b\x18\xf4'</t>
  </si>
  <si>
    <t>b'\xc0\xd2~\xb2Ga\xcaK|\xafq\xa0\xdc\x8f0@]\xb5\xedZ\xe6\xce~\xd9\xe8\xe6_\x81\x04\xa0o\x86'</t>
  </si>
  <si>
    <t>b'\xc8.&lt;\xa0\xbe\x99J\x92\xf4\xe5K\xe4*\x96\xa8h\xc4\xc0\x81\xd0yR\xf0\x91\xe5\xb5\xc9\xab\x16^\x0f\xb8'</t>
  </si>
  <si>
    <t>b'\xda\x1b\xbc\xab\xea\x9a\xa1\xf60\xdb\xde\x19\xb2\r\x8d f\x93\xde\x97\xf0\xd8\x94\xb0\xefV\xe9!$J\xdf\xdc'</t>
  </si>
  <si>
    <t>b'\xa7\xa6V\xf7 =R\x14p\xe7\xd5\xdc\xb28\x90\xad8g\xd1\x16\xcd1\xaa\x9b\xb0\xa8\x97\x1a:8\x8c\xa5'</t>
  </si>
  <si>
    <t>b'aYD\xdcL\xce\x8e-Ht\xd4\xb6\xb3\xaa\x1b)\xa2V\x91\xb7f\xfc\xca\xe3\x0f\xba\xc0\xb6\xdeF\xffj'</t>
  </si>
  <si>
    <t>b'\xef\x90\xcb\xa1{\xa1aP\xa6%\x83\x91\x98\xa4\x04\x030\x80/;~\x96\x9e\x84L\x85\xaa\xc4\xa5\x91\x9c{'</t>
  </si>
  <si>
    <t>b'\xf8\xb0\x17\x15\xe2\xce\xa1\x18Yg\x19J\xee\xfas\xf2\xcf\xa1W\xc4\x05\x86?\x86C\x9d\xb54\x08\x14\x0c\x89'</t>
  </si>
  <si>
    <t>b'O\xd7\xbe\xba\x1f\xba\xca\rMb\x13s\x949\xf1\xbc\xa7\x1a\x14\xf08\xbf\xa6\xc4\xe4H\x1c\xa3o\xfc\xa4b'</t>
  </si>
  <si>
    <t>b'(\xbfy\x11\xf2 \x8byI\xbc\xcb\xb2\xefW\x80\xa8j\x8d\xad\xd7\x9cTb\x84^;\x14\x90 \x16\xd9\xae'</t>
  </si>
  <si>
    <t>b'e\xbc\x8e\xc0\xf6\xb1\xc5\x96\xce=!]\x86\xc6d*.\xf8:\xd9\xaa\x81\xf2\x01S\x9e0\x07\xd4\x93p\x97'</t>
  </si>
  <si>
    <t>b'\x151z\x12\xb3r\xc7\xeb\xcc\xb7\x9c-\xf4\xce\xa4\x87\xf8;\xe2\xbc]J\xb1Xn\x1beW\x9f.M\xfb'</t>
  </si>
  <si>
    <t>b'm\xb9\x1b9R\xc6s\xb3\xc5\xf5h\xe9;\xaa_\r\x0b\xf9b\x80\x8e\x8e\x1cmt!\xb7\xf9]\x1f\xd2D'</t>
  </si>
  <si>
    <t>b'\xbd\x9bA2V=\xc8}\x87\x11\xb3\xd5.\xe2\xe8S{\x15\xf6hc\xbe-q\x9f\xae\xd3Bq\xe4Zs'</t>
  </si>
  <si>
    <t>b'\x1fg\x1e\xec*j\xd6:\x1a2\xbc{\x8e\x10\xd9\xbb{\x1ce&gt;\xab\xd1C\xe8\x9fP5\xbe\xa3\xb9\xb2V'</t>
  </si>
  <si>
    <t>b'\x94\xc2\x0b\xfa\xdb\xf1YpD\x9f\x9c\xd5\xf4\xecH\xf1g\x93;\x02W$\n8\x97\xa0\xba\x92%\xa3"\x04'</t>
  </si>
  <si>
    <t>b'\xfa\x15\xed\xc9\x8fG\x15\xa3\x81\xa5k1b\x8bB]1\xb0t6\xac\xcf\xf9v\xbf\x18&lt;\xaf\x91rg\x99'</t>
  </si>
  <si>
    <t>b'\x04\xd6=@+P\\U\xe4\xc1\xc3\xcb\x03\xa2"\xc7\x18{\xa0\x92\xce\x15\xa7t\x8a\xf1K\x96{\x80\xa7\x0b'</t>
  </si>
  <si>
    <t>b'\xa6\x90\x02\xd1\x9c\xafr\xcb\xc6\x07%\xaf\xfd\x99\xe4V\x13|]\x89\xed\xa6\xe6\x05\xd7\r\xd7\xa9j\xc2\xf0w'</t>
  </si>
  <si>
    <t>b"\xc0b\xa5\xd5{\xc5|\xe1'X\xf5)\x8d\xbf\x13lL0\x89S\xd5\xab\xe2\x1b\x03\x86W\xda\x03\xb4\xda\x9a"</t>
  </si>
  <si>
    <t>b'\xc8\xdc\xcc:\xe8;\\:\xd6\xc9\x18K&amp;\xcf\xb4\x94\x1f\xcf\x025\x8e\xf6\x12?\xeb\xd9&lt;\x89H\xacI]'</t>
  </si>
  <si>
    <t>b'\x7f+\x7fo\x17(\x82N\x9d\x03\xb4?F@4$\xba\xeb /\x1cC\xccW\xee\xa4\xc8\xf9\xc3\x0e\xa1e'</t>
  </si>
  <si>
    <t>b'\xc0\x1c,\x1f\x89B\xf8a\\\xff\xca\xcc\xaex\xe0\xc5\xc7\xb2\x0f-%\\5k@\xed\xf2\xa9\xa7\x95\xdc\x11'</t>
  </si>
  <si>
    <t>b"\xa8Y\x98|\x972\x90UY\x84\xc8\xf7\x83\xac\x06\xad9\xc5'\x9d\xcf\xa8n\xca\xc5\x85\x04\x9e\xd7\xe8_\xf5"</t>
  </si>
  <si>
    <t>b'\xeb%\x14?kO\x87\x08\\\x0b#\x90v\xf2\x1d.\xf2\x7fF\x08gq~\xda\xc4O\xac)\x01\xd2:+'</t>
  </si>
  <si>
    <t>b'\x9c\x82\x9f\xf5\x06\xc7\x08(\x01\x83P\x8f\x89\x1e\xd9\x99\xbeO\xa0\x08\x8dE\xfdCIx\xceqKJ*N'</t>
  </si>
  <si>
    <t>b'\xc2N&gt;sPiX\x85"\xe9\x0c\x039h`\xc7vs:U\xb1\xc7\xe7\xee\x84\x84\xdc\xdeol4\xa5'</t>
  </si>
  <si>
    <t>b'up\xf4\xd3V\x07\x01\x07ok\x9f6\x02\xd7a\xd8\x1a\xa9`\xb3\xbc\xd86j\x0b\x13\x07.\x083\xa3['</t>
  </si>
  <si>
    <t>b'\xe0\xf2\x11\x883S*\xc8\x1bD\x8c\x86\x91i\xd60\x99+\x93\xa7\xa8\xb1O\xd1\xad\x99\xa3m\xa7\xb4\x0c\xb1'</t>
  </si>
  <si>
    <t>b'\xcb?\x95B\rrr\\\x91\xba\xf8\xb4\xe4\xca\x1b\x06\xfbV7\xb5t\xa8\xaa\xd9\xce\xcf\x91\xe4x\x0cj\xb1'</t>
  </si>
  <si>
    <t>b'k\xa8\xd2\xbc\xbf\x81#\x0b\xb3b\xae\x86,\xfe\xc4v\x99\r8\xbfW\x11X\xb5)\x06{hX\xdc\xecm'</t>
  </si>
  <si>
    <t>b'\xb6whH\x84EY\xfb}\xccQv7{i\xd3\xca\x8f\x0ct\rR\x10\xd3\xb1\xc4\x96\xf1\xb7\x9e\xbaa'</t>
  </si>
  <si>
    <t>b'\x03\xa9\r\x91\xb3(\xeaZ\xf7\xd9U\xf8\x15\xe3C\x1e\xcf:\xe5\x96\xbf\x15\xb3S\x9f\x0b\x84\xa6Aw\x8d\xa0'</t>
  </si>
  <si>
    <t>b'\x8a\x8c\x8d\xa8 e\xa2\xa3\xf5\xea\xd9\xf6u\x92\xc0o\x01\x1b\x03ty(\x8a^I\x0c\x90\x80\xbd\xc4\xad`'</t>
  </si>
  <si>
    <t>b'\xd1\xb1^D\xbd\xd5\xab;\x8d\xfe\x82\x19\x0c\xdaJ\x124&lt;\x8eYv\xd8[U\x10\xd7\xaa\xa3\x05\xc9\x02\xa9'</t>
  </si>
  <si>
    <t>b'\x14qU^n\xce\x87\xfe\xee\xfe)\tZ\xc5\x8b\xcdmL]:\xd9\x1b^\xe1\x91\x1f\x88+\xf8f\x93\x11'</t>
  </si>
  <si>
    <t>b't\x06T\xea\x82\xb9\x17\xcfI\xfb\xcd\x9ai\xea#\xde\xc5\xaexZ\x04\xfb\xe6\xad2\x01\xaf\xb6$\x96\xf7\x80'</t>
  </si>
  <si>
    <t>b'\xbbh \xd4\x0eg\x9ct&lt;\x06\x9e\x8f+0\xc1|\xd9&lt;h\x9a\xb3Y@Gn~\xb4\xd8":\x89C'</t>
  </si>
  <si>
    <t>b'\\\xabS\x99O^\x98\xd4&lt;\x9cS+\xfdvb\xd1"n\xc83Y?\x17D\x1ec\xbf\x133\x88\xabY'</t>
  </si>
  <si>
    <t>b'\xd3\xf0\xaad\xbd\xec\xb8\x04\x81\t\xcf&lt;\x1a\xdbo\x8b&gt;\xcbCo~\xaa\x8f3[\x9b\xb5~Z\x10\x0fY'</t>
  </si>
  <si>
    <t>b'\x0e&gt;\x94\x1a\\\xcc\xb8]3\x03/\x8b\xa6N\x14\xe7\x16\x8c\xa9\xef\xf9fq\xce\xf7\xfc\x19.c[\xbfE'</t>
  </si>
  <si>
    <t>b'\x85\x06\x13\xf3\xf9.\x96\xa1\x95\xefU\xdeg\xd3\xf8\x12\x05A?\xe0\x19\x95\x9b\xb7\x07\x9a\x9a\x0f\xcb\x92\xa6\x06'</t>
  </si>
  <si>
    <t>b'U\xf1\xe3\xa9n`\x000\xbb\xdb\x11\xce\xe1(\xf0\x8bP\xfb\x85\x06i\x120\xa3\x9c\xafB\x16\x91\x97|\x02'</t>
  </si>
  <si>
    <t>b'\x15\x9cx\xf3\xc0`\xa8\x96\x82}O\xd90nh\xbb0\x1c\xfc\xd55KJyM8\x8e\x03\xef\xd4\x8f\x9c'</t>
  </si>
  <si>
    <t>b'#\xf1\x14\xcb~\x16\xba\x81\x9b7X\xbf\x1595\xdd\xfb\xe9\x13-\x11\x05#\xf4&gt;\xea\x98\xa3\x9f\xf6w\xc7'</t>
  </si>
  <si>
    <t>b'\xd0\x80\xa0\xb0\x06\ru\xd3\x91y\xb9f\xdd7\\.\xd2\xef8\xcd\x94E\x93\xd9%\xc4^J\x96~F\x97'</t>
  </si>
  <si>
    <t>b'\x9f\xf8Ac\x9b%\xedr\x82\xc5w\xa8\xc6Tb\x1e\xadx\x10^g\xb8\x1a\x839?\xb2I\x07\x15K\xb2'</t>
  </si>
  <si>
    <t>b',\xad\x7f&amp;\xd8i\x99M\xd8}\x16\x83\x8a\x8e\xad\x888\xc2\x11X \xb1\x0b/\xcf\xad\x0e\xda\xbfX\x15 '</t>
  </si>
  <si>
    <t>b'\x08\xb2 L\x95\x14\xa4\x9b\x93\x1c\x1b\xa8s\xf8\xe8v\x89h\xad\xbc\x9b"r\x05\xbd\x05\xa2\xb7\xdd\xfc\xde\x11'</t>
  </si>
  <si>
    <t>b'(-b\xc7\xd3N\xb4[V\xadN\x87,ZQ\x00\xc5\x91\x04\xdd"Jq\x9f\x02\x9f]\xc4\x87q\x8a\t'</t>
  </si>
  <si>
    <t>b')\xd7\x1cRe\xcc\x9e\xe0bI\xb1\x93\x98C\xdd\x8bO\x08\xef7\x98af\r\x8f\x0b5\nR\xfb\x0e\x17'</t>
  </si>
  <si>
    <t>b'\x7f\xb6k\xd9d\xeb\xea\x8b\x14\x9ai\xa7\rtvc\xa8#\x05\xba&lt;\xc8\x1c\xf1%/3\x8dO\n\x9a\x14'</t>
  </si>
  <si>
    <t>b'op\xf0\xe3\xb3z\xa2\xb6\xbc\xc5\x81\x81\x84\x11\xce&amp;\x8f\xb68\xce\xd3\xb5,\xa3\xd5\xe7\xe9\xe8\xbfv\x83P'</t>
  </si>
  <si>
    <t>b'@R\xc0\x87\x9f&lt;\x14\x8cy\xe6_\x11\t\\\x9f\t\x05\xf8\x071\\\x93\x02\xa6e\x94\xabu\xbfY\xf8%'</t>
  </si>
  <si>
    <t>b'\xce\x1a\xe2@\xa4\xc6\xe9&gt;\xe6&lt;\xff\xd1\xe4\xf1N\xfb\xa7J\x19\xb4&lt;|\xae\xa4\xb3\x03\x9bO\xb7\xc7\xb3\xb2'</t>
  </si>
  <si>
    <t>b'\xcdR1p\x80G\xd5\xba\xe7a\xe3\x9e\xc6\xf6\xadVk\xcb6\x82\xe8\xe9\x85B\x91M\xba\xc3\x8f\x8c\xa2\xca'</t>
  </si>
  <si>
    <t>b'&amp;\xd6\x05W\x9d@\xbfA\x8b\xa8\xce2\xb7b%\xd5\x1e\xbb\xbc\xa6\x1b\t\x80\x0c5*#}\xb5\t\xc7\x9c'</t>
  </si>
  <si>
    <t>b'.\x08\xa0c\xe8\xc6\x1bb\x996*E4\x80\x8bU\xf4\xbe\x8f}\x88\xd6bA\xa8~&amp;\xce\x14\xf7\x8e\x11'</t>
  </si>
  <si>
    <t>b'\xae\xe0\xcb\xa1\x10\xcf\x9c\x15\xae\xde\xcc\xcay\xdd\x1bK\x84W\xd1W\xff\xe1~\x9e\xbf\x166\x02\xa1+g\xcb'</t>
  </si>
  <si>
    <t>b"\x9a'z\xc9\xf7J\xbb\xcf8\x03\xc8\x1c\xff\xf7{\xd1\xa9y\xaf\x99[\x80L\xb6\xba\xa1\x1b'\x96u$3"</t>
  </si>
  <si>
    <t>b'\x0f\xc9#c\x94\xa0o~\xfb&lt;e\xc2\x82\\\xf1U+N\x80\xbe\t\x81\\f\xb7\xb7\x03\xe3%\x9c\x9d\x9e'</t>
  </si>
  <si>
    <t>b'\xbd\x8f\x8d\xfe\x1b\xa2\x1b\x00\xbe\xdaSs\xc09\x8c[\xcb\xfd|\x8c\xd2\x1b\xe9\xec\xef\xfb^\x8d\x12X\xcb\xb5'</t>
  </si>
  <si>
    <t>b'a\t,\xab\xc1P~\xd7\xec\xef\xdb\x89\x81v\x1ax\x7fzu~\xd9\xe7o\x90m\x99\x8f\xb0-\xa2\xa1S'</t>
  </si>
  <si>
    <t>b'o\xf7\x98\xe9\xa3\xbe\xde\xa8\x054\xf2\xd8K|\xfa\x905B\xbf=\xc0\x87\xe4\xf7\x12\x88G\x96)\xe8]\xda'</t>
  </si>
  <si>
    <t>b"\x06\xd7\xcfg\xf3\x14\xa7[\xb0c\xed\xbb\xbc\xf4Ny\xf0\xae\x03\x88\x1e\xf7\xfa\xcc\x03'q\x8em\xf7:a"</t>
  </si>
  <si>
    <t>b'/Z\x80\x8a\x1c\xc0\xa6WSN\xcf\xa6\x121\xc8\xb2\\\x13\x02s\rG\xea\x0e\x02\x11a\xe3\xac\xd7m,'</t>
  </si>
  <si>
    <t>b'\xb7\xa6\x04RF\t\x1f\xbc\x16n\x83\xeb\x0e\xe32iMe\x9cp\x0b\x87&gt;R\t\x1e\x0bvn~%\xda'</t>
  </si>
  <si>
    <t>b'w%4\xaf`\xb1\xea\x8f\x91\x91+%gP\x17]A\xcb\x99j\x8b\x0f\xf41!\xd9~\x7f\xfc\\K^'</t>
  </si>
  <si>
    <t>b'\r@\xa0R\x07H\x81\x0b^\x86\x9dc\x07A\xefw\xc8\xb7\x94\x19\x87.\xf9\x86\xd6x\xb1\x10a\xda5\xfd'</t>
  </si>
  <si>
    <t>b'/(9&lt;\x89\x11\x80W\xd1o\x1bn&amp;\xc1\xdd\x07\xf1\x9d\xa07\xd9T\xba\x027pu\xea\xed\xbe\xc7\xaa'</t>
  </si>
  <si>
    <t>b'\x87\xe7\xab\xc6X\xc7\xad\xe9\xa0W\x0f\xe8\xda\x00Y\xcb\xc7\xcdH\xd4\x9b\xba\xeb\xe7\xe02\xd6\x98\x0ci\xe2o'</t>
  </si>
  <si>
    <t>b't\xe2\xea\xd1\xda\xe07\x13\x18O\xb6\xa7n7.\xd0\xdc\xd4}\x8a\xf5\xe6\x18\x87r\xe8\x89\xa0\xf4\xf3\xf2\x8d'</t>
  </si>
  <si>
    <t>b'&gt;2\xd7\xaf\x07\\:.\xc5\xe2I(W\xf3\xb7_\xe7\xef\xc6k\xb2\x19\xa3+\xae\x06\xa8\xffJI\x95\xb2'</t>
  </si>
  <si>
    <t>b'\x04\xe4=l\x88\xbb{-\xb1\xcfZ\x8b\xcb\x9a\xe4}g\x1d+"\x050k\xeb\xa9\xee\xe29\x1f/\xb6&gt;'</t>
  </si>
  <si>
    <t>b'`+\x99\xc1G\xce\x81\xd3\x9a\xb3\x97Kc[)\xaa9}\x17\xd3@d\xdd\xee\x99}\xed%\x00\x8eJ\xea'</t>
  </si>
  <si>
    <t>b'j\xc6\x0f_\x81\xa0\xff\x9b\x03g}o\x18f\x1bs\xb0V\xb5t-\x1a\x19\xc0\xbe\xb4m\t\x0c\x9di\xa0'</t>
  </si>
  <si>
    <t>b'\xea\x18S\x99\xe4v\xcf\xb2\xed\xe8\x9bsqC\xae5\xdd !\xe1\xe4\xa9\xfc\x86\x8d\xe00\xef\xa6\xb90\x12'</t>
  </si>
  <si>
    <t>b'\x08M\x8a\xae=\x8b\xd5q\xca\xff\xc7\xfa-F\xf6\xcf\x7f\x95\xb39Q\x95\xc5\x18\xb5\xf9Hu\xa5~\xeec'</t>
  </si>
  <si>
    <t>b'n\x11\x18\xe8`\x90\xf3\xeeV|&lt;\x1f\x8eI\xb0\x1b\x011\x8a\xf3\xfc\xd2-\xc0\x86?\xf8~U\xd8\xb3\x81'</t>
  </si>
  <si>
    <t>b'\x0b\x80\x16\xeep\xe6\x115\x83!\xf7\xe1c\xdfM\x99\xeb\xda\xfe\x82\x8e\x82\xbf\xe7\x1b\x04=\x00/\x8c\xf4\xb5'</t>
  </si>
  <si>
    <t>b'\xd5\xcczj\x92(\xae$\xbd:YR\xa2\x9e.\xa8=\xe4nd$T0\xc8\xfa\xe1x8;$\x85Z'</t>
  </si>
  <si>
    <t>b'\xcc\r];\x17\xa5\xe0\xe6\x99\xbf:\xe3\x86\xc8+8,3_O[\x9e\xf4\xee3\x91TS\x83\x90\xecz'</t>
  </si>
  <si>
    <t>b'\x16\x03-\x8b65\xabba\xd1E\xee\xc0\x8b\x08Os\xec"\xe6\x06\xa4\xa3\xfd\x0e\x16\xb5\\\xe96Uh'</t>
  </si>
  <si>
    <t>b'"\xd41&lt;\xf4\x19t\x9d\x0e\xf1\x98\xd8\xe9\xa3\xeb\xdc\xb6\xf8\x05\x19\xc9G\xa7\xe3&amp;\xbc^\xc0\x18"\x9em'</t>
  </si>
  <si>
    <t>b"*\xc6\xa2\x8f\xeb$\xdb}=\xf3\x98C55f\xe2\x06\xb3\x86\xde\xa1\xbdp:\xa5'\xb3g\xeebv\xc6"</t>
  </si>
  <si>
    <t>b'\x14\xc14Pm\xbc\x91\xc8B\xad]c\xff\xa7:\x13\x11r?\xd5\x9f\xfe\xde\xaa\xeb\xe1\xa7\xef\x9cG\x8cw'</t>
  </si>
  <si>
    <t>b'\xf7j\x98\xe2\xb5\x90]\x9a\x9fcJ\x15gb&amp;4&lt;2 .\xb1s\x0e\xa6\xe3;\x8e4\xb1\xea#K'</t>
  </si>
  <si>
    <t>b'\xbb\xa5\xe0\x8111i\xc3\x02\x1c\x1b\r\x9f\x81FbH\xba\xe1c\xeb\x91.\xb62X,\xc4\x81\x7f\xc6\x86'</t>
  </si>
  <si>
    <t>b'\xa45]\xb7\xc0\xe622\xc9\x99\xd34\x04\xd0\x94\xea\x99*\x98\xee\x04\xd9\xbb\x9c\xd4\x1c+\xac\xc9\x97\xf8\xdd'</t>
  </si>
  <si>
    <t>b'Hk\x90O\x9f\x1f\xf8\xa5&amp;\x16\xedM\xa9\xfc\xaa\xa8\xf2Hy\xe5\xec\xec\xed\x9a\xec\x1c:\x8d\xcb\xaaF9'</t>
  </si>
  <si>
    <t>b'u\xdf\xc7\xed}\xba\xbc\xfeQ\xf5(=\xb4\x97q\xfe\x19\xdes,\xee\x95\xcd\x9e\xc6\xc9#(\xdb?\x193'</t>
  </si>
  <si>
    <t>b'T\xa6\xd9+\xe5\x1d\x94\xe9y\x158\xb5\xcd\xab\xae\xee\x9a\xe82\xe9\x17m\xd1i\xaf\x8aH\x1ewZ\xa3g'</t>
  </si>
  <si>
    <t>b'\xbe\xf9=\x80\xb7\n\xe2H\x18l\xb3\x83&lt;\xe0\x87wO\x0f**\xfc\xdf\xdd\xbc\x8f\x9e&amp;?\x890d:'</t>
  </si>
  <si>
    <t>b'\xf6\xa4\xc6&gt;I^\xe8s\xdb\x15R\xb0=\xe8ryR\xe30GA\xb9\x97z\x16\xec\x83e\x9f\xcf\xaaA'</t>
  </si>
  <si>
    <t>b'#v\xea\x82\xddxFN\x15\x01\xb3\xdc\xaa\xdd\x02\x96\xc0\xa6?\xf6\xd4\xc0&lt;\xae\x88\x01o\x9a\n\x88l\xcf'</t>
  </si>
  <si>
    <t>b"\xca&gt;\xe6\xc9\xd5\xde\xeeL\x83,\xfa\xc3\xb3'P2\x0c\x02\x80\xaf\x96\x0cG\r\xe5\xb0\x069.Io\xa6"</t>
  </si>
  <si>
    <t>b'`\xf2\xb7b\xa9\tE\x9c\xbe\xaf\xd7$\x9e\x94N\xe3uM]7\x1e\xe0\x96?\x8f\x9f\xa3\xcb\x9cj\xec\xbb'</t>
  </si>
  <si>
    <t>b"\x8a'%\xca\n\xe6g\xf8\xff\xd6kj\x85/\xee\x81\x86\xa5\xe59Ea\xfb0B\x1a,\x8e\x97f&lt;\xff"</t>
  </si>
  <si>
    <t>b'\x91|\xe9\xeff\x1f\x9d\x7f\x8a\xd4v\xaaS\xa7\xb5\x00P\x1d\xf4\xe0I\xfe\x0b\xa8\xc1(\x98\xd73\x9f\xcd\x81'</t>
  </si>
  <si>
    <t>b'\x16o\x18p3\x9f\x91Jj\n\x000\xaf\x08W\x1fU!\x03\x10\xfd\xa7\xe6\x8eE\x04$p\xe8\xf22\x11'</t>
  </si>
  <si>
    <t>b'\x95\xfb\xa1\xbd\x1c=\xed!5*\x8d)\x9a\x98\xee\xc51g&lt;\xd7S\xe4\xad\x0f\xe1-Vt\xe5M\x81\xdf'</t>
  </si>
  <si>
    <t>b'X\x8aiqT\x12T\xf1\xbf\x0eqv\xff\x1d\xf4\x16\xfa,?""\xe2\x06\xc3%\xbf\xe6\xd4;\x8b\x9d\xfc'</t>
  </si>
  <si>
    <t>b'/\x8f)\xde\xb4\xcc\x80\xed\xbe\x8c\xb8\xeb\xa9@\x83\x93\x10&gt;\x92\xa6\xb8!\\\xfa\x7f \xd5,\x7f\x98\xd4='</t>
  </si>
  <si>
    <t>b'\x8b\x7f\x1b\xe1*\xc1e\xa6\xd6\xff`~\x1ae\xa5$7]\xff\xc5\xb1\xb5\xad\xcf\x04\xf7\xa2\xe8\xf2%\xee\xf4'</t>
  </si>
  <si>
    <t>b"b:\\\xfb\xa2\x94t50\x97\xdf\xa9'\x98+\n\xb7N\xaf\xa1\xd0\x11\xf85\xf1\x92)\xa9\xa3\xba\xf1\x15"</t>
  </si>
  <si>
    <t>b'\x93I\x8fR\xddK\xba/}\t\xe0\xd2\x1e\xd8\xe4\x8aC\xb5\xf5\x9c\x9a\x04!v\x06G\x19S\xb2\xb6\x14\xa3'</t>
  </si>
  <si>
    <t>b'\xbf\xa4\xac\x95\xcc\xbf\x9fP\x8d:R\xef\x8a\xa8&lt;:qzytX\xd2\xe5K\xf8X\xf2\x93 \x88#S'</t>
  </si>
  <si>
    <t>b'\xa7\x87I\\\\\x1c\xf7/\xeea\xc1EH=H\xab\xf0\xbd?\xe4\xce\xa22j1V\xbb\x98\x918&gt;\xde'</t>
  </si>
  <si>
    <t>b'\xc3&lt;1\rwpR&amp;R[\xdc\xce \x11\x8a\xe4\x86D\xbe\xd4\x9bL\xc6\xaf\x91\xda\xcc\xd7\xedz\xc0k'</t>
  </si>
  <si>
    <t>b'c\x0cv\xf0\xacW\xaa\x98\xc6\x02\xccN$\xe0\rU\xd3a\xa7\xf4;x\xf0k\x18\n\x91\xd8k8q\xd2'</t>
  </si>
  <si>
    <t>b'\x00\x1f\xb2\x98{\xea\xc70\x88\xac&lt;z\x81\x15\x89j\x04g\x9d\xfa\x17\xc3@\x08E8\xd1$J\xe0\xa5\xd0'</t>
  </si>
  <si>
    <t>b'\xc4\x9f\x05\xd4\xe5\xd0\xd6t\xf51\x1d\x1a%\xe3\xcc^\xa62\x05\x13s\x9b\xe5\xf6\x81)E\x9a,\xe7e\xcb'</t>
  </si>
  <si>
    <t>b'w\xea\x88\xf6\x16\xa58\xf6\x13\xf5\x16\x97\x83\xe9t\xc3\xe5LV~YT5{N|\xb0\xc0\xb8\xe9c\xdf'</t>
  </si>
  <si>
    <t>b'\x89\x92\x0e(\xd8n\xc0\x80\x8d\xdf\xdf~\xfe\x90\x1c\x82\xe7\xb1\xb6\xad\xb2]\x13\xd1s!\x0f\x9d\xbd\xa9=\x00'</t>
  </si>
  <si>
    <t>b"\x99&lt;\xbf\xb9P\xbfR\x17@\xe6\x1e\xa8\xc5`\xa8\x1c': \x9b\xa3\xeav\x9axY\xbe\xd43cmO"</t>
  </si>
  <si>
    <t>b'\xaf,[c\xec\xec\xcaQ\x1b\x93!\xb9\x1e\xc9N\x186D\x0f\x00\r\x0b/sQ\xde]\xf4\xfc\xc5\xfa\xfe'</t>
  </si>
  <si>
    <t>b'\x86-`\xccF\xe5\xcdR\x8a\xd0\x11?^\x17Fk\x17\xd9\xfc\xbe+\x83\xc5\xc2\xcd6\xc2\x1e?\x12\x8aQ'</t>
  </si>
  <si>
    <t>b'`\xcd\x19b\xca\x9c\x19\x9b\x8e\xdf\xc1i\xe1\x1e\xc2\x97C\x19\xda\xf0\xc1\xf1t6\xb2\xeb\xff+M\xde\x89\xf5'</t>
  </si>
  <si>
    <t>b'\x86\xf9\xa5a\x99\x03\x14\xe8\xcc\x82,}&lt;\xab\xb3kW\xd2\xd8\x86\xa2c\x1e\xf18D\xff\x98\x05\xbe\x81\x94'</t>
  </si>
  <si>
    <t>b'\xf6\xa7\xdc\xbcvK\x1a*$\xe1`\xf1Nz|\xc3\xc7`~\x0e\xc2\x9a{\n4@k\x81\xfb\x12\xda\xba'</t>
  </si>
  <si>
    <t>b'(\xd8qk\x13\xee\xe5\xef\x83\x06{\xed~2\x98\xb2\xc7\xfc7\xd0\x0f#\x16\x88\x85&amp;j\x95\xd9\x9f\xd2\xaa'</t>
  </si>
  <si>
    <t>b'\xdbh)\nb\xbf\x86\xaa\xf6\x87\xf9V\x06TiB\xbcx\xeb{\xea\xa2i\x1dZaH\x85\xc7@X\xfa'</t>
  </si>
  <si>
    <t>b'_!\x05-n\xe3I\x14\xdf\xdd\xda\xca\xe7\xe7\xb4\xef\xd7\x91\x1b\xa5"\xb2\x9a\x99\xc2r\xf8x~\x87\xaa"'</t>
  </si>
  <si>
    <t>b'\xb1\xdf&lt;j\x97mM\xbfN\xcb(\xe7\xe7\xa5\xce\xfeZ\xb3a\xb5UY\x8fd\x08\x98\x04\xd5\xbb\xe1\x9b\x95'</t>
  </si>
  <si>
    <t>b'\xfa_A\xb9P\xbd\xa0\x15\xbe\xd4{\xef`nb\xeeJ\xcf\xdd\xe8&gt;\xf5\xb5bxd\xe3v\x07\xec$\xd6'</t>
  </si>
  <si>
    <t>b'\x02O\xc61\xedl\x19&gt;\x7f\x9b\xc3\xf3\x16\xf4\xb7\xa2\x8e\xf0\x0e\xd6\xc2a=\x14\x82\t\xaf:O\x08!j'</t>
  </si>
  <si>
    <t>b'\x02\x0c\xcb\x98\x83\x0b\xa9\x80U}\xb7Bw\xefA`\xff\xadF\x9e\x1b\xd3\x10\xfe\xb9\x1d`\xa9\xd6xRS'</t>
  </si>
  <si>
    <t>b'\xa8Q\xba\xd4U$B\x91_:\x8e+&lt;\x0c\xc1\x1d\xf9\xb7wemp\xda\x08\xe4\x0f\xa6\x06\xec+;F'</t>
  </si>
  <si>
    <t>b'\xd0\x17\xf9\xd7S\x85\x12\xb0\xa3\x88\xa7\xf4\x96X\xa7K\xf8w\x9d\xd72\x0ec\xad\x9a\xf1\\(\xdc\xa8Q\x9c'</t>
  </si>
  <si>
    <t>b"m\xc2V\x14}{\x80\x9dI\xa0\xad\xc4\x17\xe2Ac6'\x12k\xb4W\x10?&amp;~\x0c\xef\x9a\xf0\xe6\xa3"</t>
  </si>
  <si>
    <t>b'\xa5\xeb\xd3\x9fh$\xfa(\xad\xa5\x8ca\xa5\xd3\\\x8c\xf0\x8c]XS\xaf\xd4\xafV\x17\x8e\xbe\xf1;~`'</t>
  </si>
  <si>
    <t>b'\x8e\xd8+\xf4\xa5\xbd\x07\xef \x91H|\xf6\xa1\xa2\xb1o)\x91,\xf8\xba\x8c#\x83\x90v\xcf?\x0e\x10+'</t>
  </si>
  <si>
    <t>b'\xc2\xa3\x94\xd8\x8flS\xfbJ\xa8\x91\x11\x88x\xec\xbbw\x8a{7lP\xd8\xbb+\xdf\xd5`0\xb2\x83\xb3'</t>
  </si>
  <si>
    <t>b'\xe6\x99JL\x96\x11T%{\x03\xf79\xf9\xd1\x1d2\x9a\xab\xfc\xed\x84\xfc\xa2\xde\xaa\x91\xfa:\xb9\x92\xcd\x8b'</t>
  </si>
  <si>
    <t>b'\t%;m\xff\xa4\xbd\xa6\xad\xd5\xc9\xee\x02\xcbo\xbb\x1a\xad\xd4\x14\x826\x88\xe8\xc3\xeb2K\xa7\x9cq\xde'</t>
  </si>
  <si>
    <t>b'LK^_A$\xc1\x99\xdc\x1e\xc4\xad0\xbd\xe5}\xb1r}p/\xb3\x84\xbf\xae_\x16\x03\xd1\xcd\x1d&lt;'</t>
  </si>
  <si>
    <t>b'2M#\x17\x84\xa2a\x99\xc6\xc6\n\x9b\xf8\xde\x8c\x0cA\xdf\xc0\x1c\xfe\xf9,\xb4\x95\xaa\xf1\xf2\xec\xcd\xc1\xf4'</t>
  </si>
  <si>
    <t>b']hq\xe4?T\xde;\xca=\xe6/{|\x94\x89\xc30\xc2LB\xfe\xec\x9c\x05\x95V!\xca\xc17\x8d'</t>
  </si>
  <si>
    <t>b'\x03m\xce/\xc5\x99\x12\xbd\xd9?\xbb\xab^\x8c\xbd\x0cP\xe2g\x0f\xb7]\x1f\xc7\x08\xb5npQ(\xc7\x05'</t>
  </si>
  <si>
    <t>b'\xe1\xb5\x00\xdc\x03\x98\xd0\xab\x89%\x8b\x95 \xf7l-\xef\xee,\x04\x85\xa1=\xbf\t\xfc\xfe\xad\x89\xac.\x0c'</t>
  </si>
  <si>
    <t>b'\xbb\x07A\xed\xb9\xc6\xe1 \xaclk\xd2\xc4\x87\xbf\xb1\xcb0)N\xda7\xbc%z\xbb\xd2W\x05\xbbJ\xc0'</t>
  </si>
  <si>
    <t>b'6(\t\xdb\x8f\x969\xc9\xb0\xe4\xe5\xa1n+Q\x1890\x10\x8bf"\x0eM\xa0$\xb1\xa7\x19\xf2T|'</t>
  </si>
  <si>
    <t>b'^l\x0bH\x1fG\xd9\x98\xbb\xc5\\\xa3&lt;V\xbd\xfc\xc0x\xa0\x1cg{Z\xdd-`\xb9\xb6\xd4b\x86\x05'</t>
  </si>
  <si>
    <t>b'"Q~\xb1?\xad\x83P\x8fg\xa1\x84\xbd5\x16\x06\xdcF\x0c\x9a\x9eW\x8fkz\x1dn\xb6\xd1\xeb\x15\xf0'</t>
  </si>
  <si>
    <t>b'|\x16\xec\xcc\xf3\xe1\x9c(|:\xac-\xf2Z5\xee\xa6\xa1=\x7fk\xc8\xfb\x0c,\xf0,b\xa8\x96\xeb\xdb'</t>
  </si>
  <si>
    <t>b'\xef\x13\xdd\x8a\xa3G\x93Y`C\xeb\xdf\x82\xf2\x18\xed\xa1P#\x00\xb7vt\xdb\xa4JN&amp;\x81\xc23\xf0'</t>
  </si>
  <si>
    <t>b'\xf8\xc1\xc5\x94\xc3^\xd3)\x17\xa3\x9a&gt;\xb3l\x84V\xfbV\x9c\xe4wQ\xa6\xa4\xce\x81qh0.@\x19'</t>
  </si>
  <si>
    <t>b'!tA\xc7s$\x06\xc5\xd7|\xa3\xe4\x17j\xe6\xabC\xdc\x15\x03_\x17\xfa\xbd\xb0\x8bF\x9ft\xdd\xdb('</t>
  </si>
  <si>
    <t>b'(\x9c\xf7"\xa0\xdf\xb8m1\xc3\x07\xc9\xcb\xd2\xa0)\x8f)\xb90\x11\xd6\xc1\xa0\x18\xbb4\x0bN\t\xbd\x9a'</t>
  </si>
  <si>
    <t>b'\x90\x8d\xdb\xe7D\xf6\xe2\x0eza\x8f7c\x85\x19\xae/\x92\xe3\xc8\xad\x16(PbZ\x84"\\\xf4\xb49'</t>
  </si>
  <si>
    <t>b'\xa5\xcc\x11_\xc9 ^\xa2\\y\xf1\xd8g\r\xd9$o-.u0\x1e\xc34\xc5\x88@\xb7\xa0&lt;\x85\xa7'</t>
  </si>
  <si>
    <t>b'J\x11b\xe5\xc4m\xfc\xdf{=\xe6\x7f\xdd\xc3b\x92\xbcWz\x1aY0g\xa6\x02\xe1\xcb\xd7\x08\x17Z\xd1'</t>
  </si>
  <si>
    <t>b'\xc2\xf5\xe3E\xb5\xf9\xf3\xbc\xf4\xbf\xda\x9d\xe9\xa3\xe2&lt;\xcf\xef\xc12\xb6B\xa0\xe67u\xbc\xcc\\\x8e\xc0S'</t>
  </si>
  <si>
    <t>b'\xa8\xd7\xc6W\x15\xden\xfc\x96)(\x94\xcd\xab\t\xb9\xa1P\xa8\xcbr\xdf\xe0\x11n\xb4\xc5.g\xe5\x85='</t>
  </si>
  <si>
    <t>b'\x1aDW\x1e\xed^\xf2\x8c\x92\x9b7\x10Z\x9b]y\xcc\xf1\xf2\xa7\xde\xb3\x9c\xfa\xa7R7\x1a\xaa\t\xaf\x01'</t>
  </si>
  <si>
    <t>b'\xb0X\xf5\xe4\xd1\xbd\x1e\xcf\x13\xab\xacY\xfbC\xa6\x15\x99\x1c\xe3(\xee\x19\x9c7\xce\xe7\x81\x88\xdc_@\x8f'</t>
  </si>
  <si>
    <t>b"\x85\xef\x08eLN8\xca\\\xcf\x98)\xc8\xccx\xdd\xf2[\x00'c\xb23\xe5J\xa0\x8a\x15\xb1\x8e9e"</t>
  </si>
  <si>
    <t>b"\x0fo\r\x9d|t%'\x9b\x15C;m\x9b\xa0\xcbK\r\x03\xe2\xe0\xf9-\xf7\xe038\xbdK=(F"</t>
  </si>
  <si>
    <t>b'\xbb\x90/O2\x8d\x1f&lt;T;G\xe8|c\x80&lt;^R`\xbcYHL\xe2\x96N\xf1\x8a\xb8y\xd0\xe2'</t>
  </si>
  <si>
    <t>b'\xfaD\xbb\xdb6\xee\x81_\x00)F?\xdc\x97\xfds\x0b\x18\x99\x1a\xc7\x7f\\\x8d\xa3\x9b\xce\xf3\xa9\xac\x1dR'</t>
  </si>
  <si>
    <t>b'\x8bR\xf4\xd5\x17\xact\x08\xed\xb8\x8b\x8e\x98o\xfa4\x90w\xe8\x9dt\xa6\x10\xe7h\xec\xce\x00\x91\x0bx\x12'</t>
  </si>
  <si>
    <t>b'\xae\x01\xce/\xeeAJh\x10\x8e\x17\xc2x\xado:\xfb\xb6\x97\x1cm\xfc\\\xc2\xaa\x98\x0eS\xda\x82gd'</t>
  </si>
  <si>
    <t>b'\xb9\xab\xfcN\x19\x96\xc3*H\xc6\xdd\x86\xf1\xe6Q\x91$-\xd2U[&gt;\xc4 \xb4n\xca\xa6\x1e\x96\xfc\x0f'</t>
  </si>
  <si>
    <t>b'\xee\xc2&amp;\xf5k\xfe\x08/\x83\xcd\x88\xb6\x0b\x89j\x128\xba=`}\xdd\nu|)\x0b\x18O\x01-\x19'</t>
  </si>
  <si>
    <t>b'\xf1\x1f\tc\x8f\xbav\n\xc4\\\xf2hbhp\xfa\x87h\x14\xed;\xdd\xb5\tO\xd4\xf7\xfa\xa12,\x1f'</t>
  </si>
  <si>
    <t>b'\xb9:y\xb9J\xb7\xa9\xfb\x7f\xe0\xbc4\xd4\x05\x84\x0fg&gt;{\x130|+\xb7CK\x9d\xf0~\r\x1d\x9c'</t>
  </si>
  <si>
    <t>b'&amp;\xfaRg\x8e[\xca\x8fFX\x80C\xe3h\x18Coe\xd9,lR/\x1f\x9b8\\\xebB\x00ug'</t>
  </si>
  <si>
    <t>b"\xcfA\x81'\x92\xbat\xc0\x84\xaf*\x92u\xe2Q\xa0w\x85\xf75~\xdba\xa8\x155\xffG\xb4\xdb\xc8\x99"</t>
  </si>
  <si>
    <t>b'M\xc8f\x03\xc6\xbe\xb8nk\xa7\xaesM\xb6\xe5\x80\x9f\xeer\x0bn+0R\xc0}\xeaL\xed\xd7&lt;\xa5'</t>
  </si>
  <si>
    <t>b'\xed@\xddG\xec\xe5\xfc;D\xd7!\xd9\xe2\xb4\x90\x07[\rH\xb8\x89&amp;\xac\x9d\nE\xac\xf7\xf7\xa5c\xe8'</t>
  </si>
  <si>
    <t>b'\x11\xe21\xa9UR\x8d\xed\xbe\xe9\x8a5}a)\xaf\xb5\xf1\x86\xc8\xe3\xdc\xcd_\xa6\xdf_\xdc`\xd3\x8c9'</t>
  </si>
  <si>
    <t>b'\xb2\x8a\x8a\xb3\xbar\x98\x85v\xb5^\x93\x88B\xe4]\xa4E/\x91\x9b~nX+\x9c\x97f\xb2*G6'</t>
  </si>
  <si>
    <t>b'\xba:a\xa0\x19u\xde*\xa5\x03\t\x14\xc4\x02\x05\xcb\xfe\x8f\xe2\x0c\xdb\xb1z\xbe\xc4m\xc13\x86\x99\xf57'</t>
  </si>
  <si>
    <t>b'\x14&lt;\xec&amp;\xba@\xa7\xd8\xc35\\\xb7\n\x0b\xa8d\x95\x95~h\xc8\x1a\xdd\xafiU\xea\xff\x9a\xcb8e'</t>
  </si>
  <si>
    <t>b'\xd2&gt;A\xe1\xc9\x9aq\xf9\xdc\xb7\x88\\y\x07\x16\xbc\xaa$Die\x86\xf2;\xed\xf9\x93\x07G\xd3G\x85'</t>
  </si>
  <si>
    <t>b':\xa49\xfc\x97F#\'\xdb\xde\x8ef\xb5\x93\x12"\x96\xa8\xc8H\xd2\xce\xf4\x8d\xcd\xaf8\x14\xc9\x06^4'</t>
  </si>
  <si>
    <t>b'\x18d\x04\xad\xfb\xce\x0e\x03\x07J\xe7\xf2^6Z\x00\x15\xca\xe7\xd1\xf2\x15^w\xba\x89\xd6\xf7\xef\xfd\x0cq'</t>
  </si>
  <si>
    <t>b'y\x9f\xee\xdc\xc7F\xd1l\xefg\xb1x\xa7I\xad\xc1\xb6\x03D+\x99 "\xcdehG\xa5\xb5*\'\x1e'</t>
  </si>
  <si>
    <t>b'D\x9f\xfa/\xa8\xa58\x97u\x18\x13A"\x8b\x04\xc27\x9b,Q\xa4\x91\xdf\xb9\x90(\xfa\xa6\xf0\xe3q\xc9'</t>
  </si>
  <si>
    <t>b'\x84U\x99\xed\xe4q\xdb\xe4\xe1Y\xd6\x90\x15?\xb4\xddL\xa9\xf4\x86\x94G\x99\xf9H\x8d\xde\xa2\xbd\x97xM'</t>
  </si>
  <si>
    <t>b'\xe1~\xdc\x99-\xb3#P\xb0\xef\xa8\xf6\xb4\xa1\x98V\xc6\xb7\xff\x8fzSa\xef\x95\xc5\xd5\x01\xb6\x80\x14\x05'</t>
  </si>
  <si>
    <t>b'\xdcg\xc9\x8d]m\x96\x16\xee\x9f\x1d\xbay\x11\x99\xcc`\xc9\xfc\xe9sg\x82o\xf6\x94\na\xc2\xfe\x9c-'</t>
  </si>
  <si>
    <t>b'{D\xdc\xe9U7\xddyU\xa9]:\xe9\xbf~\xef)\xd2\xedT]\x87~\xbc$\x1a\xc5G\xfc1\x12\x94'</t>
  </si>
  <si>
    <t>b'kq_\r\xdaZ\xbe[|\xebM\x1a\x00\x1ea\xb3\x03\x89\xd9!\xecI2B \x8e&gt;\xcf\x95\xfc\xf2\x98'</t>
  </si>
  <si>
    <t>b'\xc8M\x8d\xb1l\x8a\xe9.\x06"o\x19\xb8Q0$\'\xb9\xac\xfb\xf5\xa5\xcc\x15\xeaI\xbd\xdd\xd7(u%'</t>
  </si>
  <si>
    <t>b'\x85i\x0fm\x8d\x15\xbc\xea\xb0@\x17iY\x7f\x8ed\x12\x8d\x03\xf3\x84\xd2&gt;}\x9d\xec\x1e\x08-\xe9\xf3 '</t>
  </si>
  <si>
    <t>b'\xa8F\xc1\x08\x9cF\xc1\xe0\xa6\r?u\x14\x17\xb5\xb7\x8a\xee\xd5Rl\xb7\x8bw\xf9\xe5\xfe\xbe!$\x05_'</t>
  </si>
  <si>
    <t>b"q\xf3\xbf\x82\x9fK\x0e\xd9\xbf\xc7\xa5#n=\x0f\n$p?\xa2jH\xbd'\x88\xbe\xef&gt;\xa1=)5"</t>
  </si>
  <si>
    <t>b'!A\xc5\xf7i\xf7\x0bu1\xc2p;nJ\x03\x1f\x90\x82^\xe8\xaa\xdd\x9dw\x9e6A#\xa8N\xfe\x07'</t>
  </si>
  <si>
    <t>b'\x11O\xe1L7Za\xfc\xf1\xb4,\x8c\x97E\x94\xe2%5\x13S\x9bR\tMoyRL\x0e\xefi('</t>
  </si>
  <si>
    <t>b'\xec\xf9\xfe\x1f{2*\xe1TWw^\x1a\xc6\xa2x~ 9\xbf\xc7~\x15\x93\xc96\xb4\xb2\xa6\xe2\x8a\xa4'</t>
  </si>
  <si>
    <t>b'x\xe6\xf1_0&lt;\xa6\xc9+\xb8\x18i\xf5\x01\x06\xcfO\xbb\xf5\xf9\xfcp2,7\xb0.\x10\x907\xec\x16'</t>
  </si>
  <si>
    <t>b'%\xacg\xba\x90\xd5\xcb\xffE\xfaA\xa92=\x94Q;F0\xc3\x8eR\xb6\xc1\xa9F\xe3\xc4,$\xc5z'</t>
  </si>
  <si>
    <t>b'\xa4\xaf\x02\xe6\\\xa1\x9e\x93\x18\x85^\x1f\x9a\xb1\xb6\xbd\xfe\xc0\x15\xc8\x08K\xa3\xa7\xeec\x0f\x8aCd\xc0\xf2'</t>
  </si>
  <si>
    <t>b'$\xad\xfd)x\xd9\xb79i\x0cP\xe6\x18\x84\x14}\x1c\xf5\xac]\x87\xeb\x82\x12\x18\xc3\xe2\xfc\xab\xbc40'</t>
  </si>
  <si>
    <t>b'\xcd\xee\xe8\xb4\x0c\xfd\x80\x1f\xb37\xcf\xc0\x18q\x1eE\xc7+j^s2\x0ep\xe1\x02\x8bcO\x95;k'</t>
  </si>
  <si>
    <t>b'\xb5\xee\t\xe2\xbc\xcfQ\x11!\x8a\x8cV}\xbc\xdc~\xce!\x87\xbc\xb4j\x1d\x89\xa7g\x0e\x95TO \xd0'</t>
  </si>
  <si>
    <t>b'\x8a\x84\x8bl\xf2\x1cJO6/\xd5\x1d\x19Z\xa8o\x8f\xc4\xe7tE#\x88\xb2\x14\x17\x11\xc4\x1d)\x9cA'</t>
  </si>
  <si>
    <t>b'(\x06j\xe2]\xca\xda4Ph\x96\xcf\xd7o\xc48\xda\x7f^\xcf\xfb7c\x8c_6t\xf6\x94\x95\x13\xe2'</t>
  </si>
  <si>
    <t>b'pc\xd5\x114\x88s\x19w\x12\x87\xf8\x81\x9e\x90\xd5ZQVp\xdc7&gt;\xd0\xc2\xdb\xb6\x82_\xe8\xb4F'</t>
  </si>
  <si>
    <t>b'\xedj\x1a\xd4Vv\x0f\x0bk\x074\xfa%\x01cM\xc4\x0605\x0cv\xa1\xde\x08\xde\xddpim\xaa\xf0'</t>
  </si>
  <si>
    <t>b'|\x88\xe0\x8eR\xf66\x98\xee3\x94\x8fN.R\xfbko\x1f/\xb2\x1a\x89\xa9\x1f\xbejn\x8ae\xd9\xe2'</t>
  </si>
  <si>
    <t>b'\xc3j/\xff\xcb~\xc7\xff\x8d\x19\xf15\x82Y\xb3\xe8\xe8u6\xa5\xe2\xb9\xa6\xff\xad/\xa4\xc4\xd9\xacV)'</t>
  </si>
  <si>
    <t>b"\x9a\x81\x87!\x91\xd2\xf1\x98\xdc09\xa4bWHu\xfdc\xb9\xb8i'?c\xab9C9\xef\xf9\xe2\x94"</t>
  </si>
  <si>
    <t>b'g\x94u\xc8\x9c\xe3#\\#\xf01\xc4\xdf\x15V\xaa\xa9\x0cEA\xc0\x07\x1e(\x19\xa2\x1b\xec\n\xd5\xd1 '</t>
  </si>
  <si>
    <t>b'\x894\xd1]\xcf\xe7Y5\x12\xfb\xd9M\xddab\xde\xb6\x02\t\x12kw\x0eD1D\x06\xda\x87}\xa4&amp;'</t>
  </si>
  <si>
    <t>b"\x1bQ\xd3\x02P\xd1\x11'/Gw\x97\x04\x95\x82u3lk\xd7G\xda\xec\xff ef\xbc\xb7\xf2\xfa\xb5"</t>
  </si>
  <si>
    <t>b'\xb1$9\x9b\xe5\xd7\xa9\xb1\xe92P\xd7R\x95\xb9\xdcF\x99#\xa6\xe5\xa81\x12\x125\xe4\xff\xb6\xbb}\xf5'</t>
  </si>
  <si>
    <t>b'bC\xe5\x0eC\x9bX=\xf3\xaa\x1dF\x11\\v\xae;6\xa5c[Y\x8b\x1e\x98\xed\xfea4i\x81\xf8'</t>
  </si>
  <si>
    <t>b'\xa7\xa9\xb8\xd6t\xe7\x8a\x84\x9d\xdd\xd7D\xee\xf1\xd9\x8a\rz\xbe\xc1Ib\x1f\xbd\xad\xf6\x96\x9ds\xf7\x1dc'</t>
  </si>
  <si>
    <t>b'\xa6\x99%\xc9\x86`G\x84u\x00\xdf\x14\x15!I\xc3}\xef\xcb|x\x13:\xe1\r*\xc2\x07\xf3\x89\xe8"'</t>
  </si>
  <si>
    <t>b'\x81\x10\xe4\xcdY\x00\xfd\x8e\xaf\xb7q\xb6\xd0eEt9p\x93\x07\xe0&gt;\xdc8\x1d\x03\xcb1\xeb\xd5\xec\xeb'</t>
  </si>
  <si>
    <t>b'\x92\x1d\xab\xf4`"\x9b\x91\x16\xc6\xeb\x04\x89\xad\xfe\xdc\x88\xfd\xda\x15\x86{\xef_\xc4\xa1\x89\x1c\xfb\xa2\x85\xaa'</t>
  </si>
  <si>
    <t>b'?\x17,\xb5\xe0&gt;O\xe3\xb2\xf7\xbame\x98[$\x81\xc7\xb5\x8c\x0e\x93A \xbe\x98\xd1Q\x00\xbc\xbc\xf9'</t>
  </si>
  <si>
    <t>b'b\xee\x9f\x84pq\xb6\xfaP$\x99\x93\x85\x87\xda~\xa4i\xa8\x0b8\x8f\xda!\xfd\xd4A\x8auV\xfb\xd5'</t>
  </si>
  <si>
    <t>b'\x13\xce\x0ctAF\x8a\x00Zp\xdf\xc2H\x1a\xd3\x1e5\xd3q\xd5W\xfa\x9b\x89\xdb\x08\xaaN\xbc\xb1\xf6D'</t>
  </si>
  <si>
    <t>b'\x8c\x9a\xce\xbb&gt;\xff\xe3A8wE\x81D\tW\xc9n\x94Y\x82"i\xd4&gt;\xd8m9\xb8\x90\xff\x1d\xef'</t>
  </si>
  <si>
    <t>b'\xdeR\xef\x80\x86\x0b\x87g\xc5\xf78\x80\xec2U(Zx\x02\xdbM\xcf\r\xaf\x7f~m\xea,V{I'</t>
  </si>
  <si>
    <t>b'\xfc\xcb\xac\x11\xc8\xf6\xa2\xe2\xbd\x9a\xa5\xc5+\xear\xb7-3h\xc8\x9a\xcef\xd8\x02lr\\\x10\x9d\xe78'</t>
  </si>
  <si>
    <t>b'$W\xc6\xcf\xe0\xa6\xa9\x11\xe5\xfb6\xfc\x87\xc0\xf3\r\xf9eo\x9f\x12+P\\\x9b}q-\xef%\x1c\t'</t>
  </si>
  <si>
    <t>b'\xec\xce-\xca\x90\xc3\xf4\x95\xaf\xfc\xf4\xf3\n\x16U\x94\x94\xac:\xb7-\xd3\x84\x9c\x05c\xa7\xa1K\xdf}\\'</t>
  </si>
  <si>
    <t>b'\xe7\xbf\x99\x83\xc1\x806^k.Y\xef\xa1\xb5\xf4l\x910\xedB\xc88\xd5;wV\xd3\x83\x96\xb2\x02\x9a'</t>
  </si>
  <si>
    <t>b'B\xfb\x9b\x8aX\x90b\x9b\xe3m\xe8\x86\x96g_\x8aS\x16\x16N\x97PAs\x16h\xc03=\xec\x89\x07'</t>
  </si>
  <si>
    <t>b'\x9b\x9a\xd1gi\xf8H{\xc9\x99\xad-\xf3BE\x86\xafZ\x1d\x83x\xa7#\xa6e\xc5\x1f&gt;\x83\xe5^\xf9'</t>
  </si>
  <si>
    <t>b'rJay3Da\xc3\xde\xc30w\x87\xef\x81\x95\x18\xda_\xc0){&amp;\x19\xc3\xf1H{\xba\xa6\x87\x87'</t>
  </si>
  <si>
    <t>b'*J[\x9e\xcfgK\xa5\xcd\xda&lt;\xdf@\xd8\x03\xd6\xde\xca\xa1\xf6\xa3\xb1t\x17\xd7L\x9d\xee\xd8\xb4aR'</t>
  </si>
  <si>
    <t>b'\x0e"\x11\xa8[\x88l\x8e\xe4\xa6\x0c\x9c\xd7i\xe1\x8bEYg\x1f\x14\x05\xd5\x84\xd2\x9f\x96\x0b\x19-h\x19'</t>
  </si>
  <si>
    <t>b"\xdf\x87d\x9e2\xc12\xbf\xec\xcc\xf0\x84\x06|o\x9a\xb5'\xb0\x82\xb4\xf0\xd3b\xf6U%\xf1^\xa5\xba\xab"</t>
  </si>
  <si>
    <t>b'Li\xf2\x9di\xddP\xaf\x80\x1c;\x9d\xfc\r\x9a\x1e\xa9T\xf2\xcd\xb2F\xc9\x15\x087\x13\xc6!\xffQ\xee'</t>
  </si>
  <si>
    <t>b"\xf3\xbf\xde}\xda\x1aU\x02&gt;\x83F\xce\xfd\x05\x96L\x9bG'9CH\xa2\xc6\xe2\xeeY5\xe22\xe4\xc7"</t>
  </si>
  <si>
    <t>b'|\xa9\xb8\xa1D\xa2\xc2\x8e1\xb1[+w2*\x0fBk\xdc~S\x90\x12A\xd6&lt;\x8c@\xe84\xe2\\'</t>
  </si>
  <si>
    <t>b'\x1co\xb7\\\x0eQ\x02\x7flh\x1dE\xa1w\xd82/\xe1"6"G\t%F\xd5\x1f/\x01F\xbeL'</t>
  </si>
  <si>
    <t>b'\xc6I\xf84\xc6\x93\xb9\xafu\xfb\xc34\xd8\xf6\x9eH\xb8\x16\xf9\xa9V\xc3N\xcd\xd7\xb6e\x99TAd\x17'</t>
  </si>
  <si>
    <t>b'7\xfb\xfe\x96\xbag\xfceiv\xa1yp\xe5\xacyo\xdeo\xaat\xa5\x19j\x0e\xf4aI\xb0\x1d\xfc$'</t>
  </si>
  <si>
    <t>b'\xa3\xb9\x17K7\xa5F\xcbO\xaaA!$\xe3\xe4q\x07\xc0j\xcc\xbc\x00\xc4\xed\xa2\xd3\xcf\xbe T\x8a\xf4'</t>
  </si>
  <si>
    <t>b'\xa5\xa0\xb7\xbe\x9b\xf8\xa6\x01/\xea\x02\\\xc7 ~{*\xec3\xfc#\xc8\xb8\x1a\x1d\x80z\xdej\x8cd\x14'</t>
  </si>
  <si>
    <t>b'd\xed=$\x16\xbb\xa6\xd4;\xa5{\xb2\x1b^\xb5T\xb1s\xe9\x90\xa0\x1aI\xdb\x1drKl\xb9\xa5\xdf\xa3'</t>
  </si>
  <si>
    <t>b'\xfb\xf2\x1c\x06\xdf\xe3\xc0i\xee\xcc"M&gt;\x12X|\x8c\xf0\xf7~7W|hz\xcb\x13A\xc4\x86@\xd0'</t>
  </si>
  <si>
    <t>b'\xb0\x8fcq\xbd7\xc1\x92\x8b\x7f\xd6I\x9b\x19\xc6\x14\xc4\xd9\x19\xa5\xac\xdd\x1d\xbf\xc9\x81&gt;\xf7\x90\xce4j'</t>
  </si>
  <si>
    <t>b'i\x1d\x82\xf6\xfdLH&amp;\xe2`jR#y \x87\xfc\xf1 \x12\xcc\xdcVt\xb0\xf0\xbc*\xd0YG.'</t>
  </si>
  <si>
    <t>b",-\xb3\xad'\xe6\xbd~\xb3/\xd79Yc\xe2\x9f\xf2\x11:x\xa7\xb9\xf1\x0b\xac\x8b\xd25O\tz/"</t>
  </si>
  <si>
    <t>b'x\x97|,\xa8\x9d?\xb7\xc6\xff\xfa\x14[\xaae\xff(t\x9e0-Bx\xbf\x1b\xd7g\xf4WV\xad\x04'</t>
  </si>
  <si>
    <t>b'G\tJI\x86l/mg\x05\xc8\xf5)\xa5\xc5\x15\xafDW\xaf[K\x06\xc2F&gt;p^Z\xa8-\x87'</t>
  </si>
  <si>
    <t>b'\x91\x9e\xa4\xa7\x0f\x11\xd4=K\xed\xd41\x1cg#a\xde\xae\xca\xe9\x11\xfc\xc8\x12\x12tH\xf3\xbcG#\x1e'</t>
  </si>
  <si>
    <t>b'C\xc1\xbf\xe3M\x7f\xd9\x8c@-|8\xbai3`\x10J\x0b\xd7\xbdJ\xa8\xf5\x13"\xff\x89\xec4;:'</t>
  </si>
  <si>
    <t>b'\xba\xeb\xa4\x1c\x13\x7f4\x84\xb8+\x07\xb4\xfd\xa10\xe2\xe0\xbe\x9b\xc2D\xf6\xa06SM-\xee:\xb9l\xec'</t>
  </si>
  <si>
    <t>b'o\xfd\xff\x1d\xbd\xc9]\xc2\xc6\xdeS\x07l\xcb\xd4^\x91[\x88\xce2\xf7Nvq\x9cx\x84\xd6\xac\xcc\xc4'</t>
  </si>
  <si>
    <t>b"\x1bP\x93VV'\x9c\xe8\x9aQ\xcaaI\x0cC\x88\x9d%\x07V\xca\xd4E)y2\xeba\x11\xd0\x94\x04"</t>
  </si>
  <si>
    <t>b'N\xc9\x06\x97J\x85\xad\x11\xf4\xa9%\xc2UXh\xc4\x14\xfd#\xcd\xf3\xeb\xdd\x9b_\x8f\xa24\ns\xc7\xe7'</t>
  </si>
  <si>
    <t>b'\xc9\x8b\xb8\xd0\xa5p\xb9\x1cu6\xef\xf3h\x91\xd9J\x19[=\xd7\x00z\xa8yr\x95=\x7f\xee-\x969'</t>
  </si>
  <si>
    <t>b':\xd509\xec\x06\x98^\xfa\xae\xa0\xbc\xdd\xf4\xb8qdO\xack\xc3\x83\xa3\xb4\xfb}\x95!Ng \x03'</t>
  </si>
  <si>
    <t>b'\xa5\xf1\xfc\xc2sm\xb5\xcd\xbe\xcfO\x1c\xa8\xb9@\x13\xdd\xab!\xc4&amp;\xc8!\x8c\x18\r\x9b~\\\xa7\x04\r'</t>
  </si>
  <si>
    <t>b'w\xa5\x91\xc3\xf0\x84Y\xbc!\xcc\xdc\xd4d\xa3\xe0\x9a\xf2U\x03\xb8D\x19,\x05o\xd7\x91C\n\x80@\xc7'</t>
  </si>
  <si>
    <t>b'\xc6\x858\xdfB\xdf3\xab"E9\x17\xbbI4v\x08\x9d\xe0F\x08z\x8a\x04\xad2\xd5\xa8y\x1ca,'</t>
  </si>
  <si>
    <t>b'\x7f\x1b\xc9\xb6S2\xed\x88s\x1c_\xabE\xb0\\\xffbQ\x1au\xb9\xf0S\xe0we[\xb0\xde;\x08#'</t>
  </si>
  <si>
    <t>b'\x89\xb3\x9d\xedj\xfb@\x0e\x1a\xfe\xefX\x95\xc3\xf6s.\xac\xb0QR_\xf1\x85K(-\xa1\x16\x15\xcd\x86'</t>
  </si>
  <si>
    <t>b'\xce\x18\xd0\x1cHZ\xc6\xea\xa0\x19/\xfdT\xba\x19\x803~M\xf8F\xd7\xc8\xe5[D\xfcb\xd9\xb3\x91\xfe'</t>
  </si>
  <si>
    <t>b'\x97\xd6\xe0\xd1\xd5\x83\x9c;\xc6sV\xd9\x87\xa1\x80c\xae\xb2\x87\xe1\xfe\x8e\xb4\x8e\x80\xd64"OIf\x03'</t>
  </si>
  <si>
    <t>b'c\x1f\x86\xa0\x047\xb6$\x9fN\x0c\x06\xa6\xac\xbdm\x1d\xae\xa1\xe9`\xaa\xb5O\xa4l\xe9\xa6h\xf2\x94\xe5'</t>
  </si>
  <si>
    <t>b'\xa7\x05\x11\x8f\x12\x92\x9b\xfa\xd6Y\x94\xae\xa5%\x99&lt;\xef\xa1\xaf7\x01\xb1\x1e\x11\x90\xde\x8c\x95]\xd8\x06\x8a'</t>
  </si>
  <si>
    <t>b'\x17]"\x9d\xa4A\xa7\xbf\x10\x9a\x07\x9el\x7f&amp;\xf8\xbf\xa1z\x8du\x8e&amp;\xa5\x01\x9f\xc6O\x18I}\x06'</t>
  </si>
  <si>
    <t>b';\xfa\x98s,&gt;\x9c\xdai\x85z\xfe\x13\x06\xa1z\x9bf\xcc\xffq\xefX\x85\xd7\xbb%\xc1\xd0RP\xbb'</t>
  </si>
  <si>
    <t>b"L\xb7\xd7\x1f\xaau\x93B\xda4\xcb2f\x97\\\xd9\xab1pZ'\x80r5F\xf0\x02\xb6\xbaH\xbf6"</t>
  </si>
  <si>
    <t>b'\xfc=\xce\xff\x17\xf3\x91\x81\x7fa\x93e\xa1\xa6\xe587l}\xd3P\x91\xe5P\xa96B\x92\x10\x1cC\xaa'</t>
  </si>
  <si>
    <t>b'\xeej\xc9;\'\xe2\xbb\x14\x0f\xec],\x8a\xbc\xc2\x0e\x07\x98\x83\xa8\x0f\xe0\xf3\xd4\xb4"\xe7\xa8\xfc\x96\x1aH'</t>
  </si>
  <si>
    <t>b'\xbeT\x0e\x12\xba\xe3\xee\xb7G\xf5\xb6*lad\xd3\xc9\xedI\xa2\x03\xa1\xba8\xdb\x89\tY\xf4 \xca\x87'</t>
  </si>
  <si>
    <t>b",\xc8\x9bA\x94T'\xc8\x1f\x14\xae\x83\xfa\x1aC\xb6\xda\xbd4\xa3[\xf5\xcex\xe9\xbaC\xf0\xa2\x13\x96\xba"</t>
  </si>
  <si>
    <t>b'tw\xd6P\xad\xf9\xa5\xcf\xfad8e;Iz\xf2Bf\xees\xa1\x9f\x9b\xf7\xec-19&gt;\xf8\x16o'</t>
  </si>
  <si>
    <t>b'\xadz\x84\xb8\xf8&gt;u\xa0\x83\xb2}\x12\x8d\x8e\x82\xe2I\xef\xc6\x95\xe9\xaa\xe7\xaa\x9a\xd1\x1cM\x9d\xc5\xe4\xb7'</t>
  </si>
  <si>
    <t>b'\xc2\xea\x18\x8c\xc2l\x9aU\xf8\xa1*\xe2\x83z\xe6S6g\xa2W.,vo;\xd6\xd9O\x8e\xc6F\x81'</t>
  </si>
  <si>
    <t>b"\xa0\xb3\xd7\xe1\xd4o\xce\x1bCu\x04\x07\xee\x9a\xdd\x16\x98\x19\xe5'zx2*\xeb3\x99@\xed'#t"</t>
  </si>
  <si>
    <t>b'd\xday\xaa)\x13\xe8\xa0\x9e\xa9\xe9x\x9cd\xc3\xed\xf1\xde\xaf\xf4\xd27\xea\xdb\xe5\xe8\xb9\x86\x0fTI\xa3'</t>
  </si>
  <si>
    <t>b"\\\xdb^\xf5\xf7\xdc\xc8\xac\x16\xfb\x0f\xae\x00\xe9\xccF\xd4\xc1\xab\xd5\x7f\x07\xaf\xcb\xec\xbe\xf5'\xe28Nm"</t>
  </si>
  <si>
    <t>b'\x89\xce.\xc9e\x1fsfGY\x033\x9c\x08\xbb\xb2\xfe\x9a\xc8+\xc4)d\xc6\x98\x9c\xf6U\xd2\xd2\x05\xe7'</t>
  </si>
  <si>
    <t>b'\xde\xa5\xb3\x8c\x92G\xba\xd6\xcf\xa1\x8f[v\xbbi\xc8g\x10\xfbk\xec0\xa9\xe3\x97\xe1\xdc\xcc\xd7\xe7\xd6h'</t>
  </si>
  <si>
    <t>b'=^*\xc2x\xd2t\xcf\x887u"\xb91\x95\x7f\t1.`\'\x1en\xa9\xe9\x1b@\xda\xc2\x1f\xedk'</t>
  </si>
  <si>
    <t>b'\xa4|\xf5\xf2\x92_\xad\x0c:\xf7\xba4\x9aXyk\xef(\xd6\x87\xad\x18&gt;:]d\xf3$\xb5J\xdf='</t>
  </si>
  <si>
    <t>b'cD\xda\xa9:\xa4\xc5$\xd5\xfa\nU\x7f\xf0\x95gr]\x03F8\x90\xef\xea\x10\xf6\xb8t\xb7\x7f\x8e^'</t>
  </si>
  <si>
    <t>b"\xdeQ\xc3x+\xa4Oz\r[\x83\x87\xbe}\xe0\x98\xf2\x05\xec\xb1&lt;\xb9\xd3jw\xd3\x86\xb5P\xa9'C"</t>
  </si>
  <si>
    <t>b'\xb7\x94\xd7\xb3\x90\xb6\xb0\r\xc5=\x1f\xc4\xe2Z\x9f\xe8\xe29c\x10\xff\xcc1\xdd6\r\xf2M\x1e\x8eNP'</t>
  </si>
  <si>
    <t>b'\x92\xeeA\xe1\x06\x10\xab\x16\x7f\xa4=XA\xcc\x84:.\x19\xcf\xa7$\x1cwd\xed\xd4+\xc0\xb7\x07\xb0\xc9'</t>
  </si>
  <si>
    <t>b'I\xc4\x1a7\xaa&gt;\x01rn\xc5b\xd2&gt;\xb1\xa5\xb1\x7f\xe6\xa2\xf8\x03\x82}\xe49\xbe\xdb\xb1lUZ\xa7'</t>
  </si>
  <si>
    <t>b'X\x91\xd8\x1ce\x9cE\x93\n\xa3\xafQ"\x16^\x17\xcf\xce\xe8\xd3\x9fR\x10\xcf\xe9k}\xb0\xb5\xef6\xf8'</t>
  </si>
  <si>
    <t>b'5\xc3\x7f\x03\x13^\x03;\xb1\xc1F\xd5\x01E+H\x1cV{)\xd4FM|\x80\xa7\xbe\x7f\xec\xd3\x02\x93'</t>
  </si>
  <si>
    <t>b'\xf4\x85\xa4\x11\x95\xb2\xe6\x94\xbc\xbb\x04\xebj\x8f\x8e\xed\x9c\xf0o\x1cD\xebm\xe99O\x1b\x85\x1c\xcd:m'</t>
  </si>
  <si>
    <t>b'\x1bR\xbap\x07\x14#\xf89\x99\x1e\xc8\xa6\xda2\xe9&gt;{_\xc3\xaf\xab\xef_7\xce\xd3|\x80\xd7\x07\x82'</t>
  </si>
  <si>
    <t>b'}\xc3|\xbd\x89\x13\xb3\xd5\xe4\xdf\x1b\x8e1\xef\x1a\xbe\xc6\xe0\xf3\xf6\xd8\xdf\xab\xd6\xc2\xf3j6M\x87\xd3\xae'</t>
  </si>
  <si>
    <t>b'|\x0f2\xcb\xaf\xbd\xfe\x94x%BW+\xe8$\xef\xb9\xcf\x12\x8f\xa0we\x07\x91\n\xd6T\xbd\xa1Q\xc3'</t>
  </si>
  <si>
    <t>b'\xa5\x06\xa2:\xfa\xfc:\xeaV\xa5q\xdb\x97\xda\x8e\xf0K,zk\xba\x85\xe9^5wx\x93\x9c\x1fDp'</t>
  </si>
  <si>
    <t>b'\xd9L\x00\xc1,#9\xa7@\xc5M\xcfN\x86N\xc6*\xcal\xee\x98Dj\x95d\x04/\xc4Qr\xf5\xeb'</t>
  </si>
  <si>
    <t>b'\ti\x1a\xc1\xf1#\xb8O\xeb\xbb\xb4\xb5\xa0c\x8a\xc5V\xe5\xae\xa2\x02\x87\xfe6\x8d`\xcfm\xbe\xe9\x8b|'</t>
  </si>
  <si>
    <t>b'\x82\x90\xd6\xe4\x9eR\x92L\xb8J\xd4\\\xbb\x11T\xa4\x8d\xd7\n\xc3\x9c\x9c\x1c\xdewq\x99\x1c\xc5\xb0\xc9\xcf'</t>
  </si>
  <si>
    <t>b'\x91\x95`p\x94\x86\xc8\x04\xe9T\x00\xc3\x0f!y\xc37\xeeQg\xa4\xb9n\x08\x82\x05&lt;\x85\x8d\x96\x87\x05'</t>
  </si>
  <si>
    <t>b'[\x06\xdd\x93\x92xI6\x88\x9d\xf0\x97y\xee\xbf#\xa9\x93\xe4\xac\x9f\xdf\xd2GVt\x9c\x83\x81[\xb3\xdd'</t>
  </si>
  <si>
    <t>b'\x05\xf3Jy\xf3\xc1\xd7\xa5j\x85\xf3\xc2&lt;\xb9.l\xc2\xba\xacq+\xf0\xae$\x91\xe3\xe4p\x03\xc6\x96\xa9'</t>
  </si>
  <si>
    <t>b'\xf9tD\x11H\xc8\xb4\xb0tQ\xc0\r\xd3\t\xd3\xda\xc4\xd0\xe8\xcc\xb2\x82\x194\xce\x16\x1e\x84e\xdaO\xe4'</t>
  </si>
  <si>
    <t>b'\x1e:\x8d\xac\xb6\x0b\x99\xe7\x89\xf9q]NR%\xa9\xcf\x17e\xdd\x8f\x06G4Y\xd6\x17\x18\xedo\x9a\x99'</t>
  </si>
  <si>
    <t>b'\xcc\xcc\xb4#W\xdf\n\xae\xa5\x04C3E\xcf\x8d\xb3ge\x07\xf4&lt;\xaa\xd4\xff\x1b:\xae\xe6\x9ez)W'</t>
  </si>
  <si>
    <t>b'C\xecA;\xe3:v\xd3y6\x99\xabYL!_\x05\x17d\x99&lt;jo\xf5l\xe7\xc6\xday\xdc\xd5\xdd'</t>
  </si>
  <si>
    <t>b'4\x9f\xe5&amp;\xfaMR2\xe2\x98Y\x1f\x91\x84\xe0\x15\x97#9\xa4\x16\xa8\xe5z&gt;\x80\xdb3e\xc8O\x84'</t>
  </si>
  <si>
    <t>b'\xef[C\x8b\\\x8f\xaa\\\xd4\xb4f\xee\xa0\xb7\xa0\xb4R\xd3\x89kU?b\x9a\xb0\xc0Z\xbe\x18G\xf2\xef'</t>
  </si>
  <si>
    <t>b'\x7f\xff)U\xab[\xda\xe8\xa4FW\xc8\xfe\xb5\x88\x1d\x1d\x1cL\xec\x9bl\x8b(\xf3!r/~\xffp\x1e'</t>
  </si>
  <si>
    <t>b'\xf0\xe9bN3b\xbat\x13\xf2..\xb9\xb5\xc6\xde\xfc^\x8a\x85Q\xe0/\xbaczq\xd2g\x18d&lt;'</t>
  </si>
  <si>
    <t>b'U\x03\xfe\x10T\xb4w\x81[N\xfd\x15\xc8\xc5\xb0\xd3\xeb\x96?3ZG\x0c\x98kep\x8a4qg2'</t>
  </si>
  <si>
    <t>b'\x9dF\x0csc\xe9\xeeP\xf6I?\xb5\xfe\x93\xed\x7fS\x81\xa4\x05\x03\xcdu\xfc\xc9\xae\x0cI\x07\xbaM\x1b'</t>
  </si>
  <si>
    <t>b'\x1a\xa3\xba\xa2\xfc/\x94\x86\x19\'\xb6\xc4\xae\x19H"\xe4\xcb\xfdBo\x80\xc0\x05\xa7\xa4\xdb\xa9\xe3\xbb\xbf\x80'</t>
  </si>
  <si>
    <t>b'C?\xcaU\x12\xd0=&amp;\xa7A\x9d\x8c[\xfa\xd7u\xed\x1f\x84x`B\x81,\xda\xeb\xae\x7fJC\x8d&amp;'</t>
  </si>
  <si>
    <t>b'\x0er\x0bAb\xf6Acm\xcf\xfc\x95e\x9dcvw\x00\x03\x1d\x11E\xfd\x96vi\x1cl:\xf0\xfc&lt;'</t>
  </si>
  <si>
    <t>b'Q\xb0\xab\x12\xc2\xf1G\xb44\xf0\xaf\xb1\x039\x0cJ\xebY\t|\xa3\x93%\xdd+\x99Z\xe0\xd0O\xeb\xac'</t>
  </si>
  <si>
    <t>b'\xcfT\xe2\x0c\xd4\xa6\x11\xd5m2\xc5&lt;\xb1\x16\x9e\xfb\x85\x13\xa5\x0e\xdb\x03G\xe9D\x07*y\x19#k\xc3'</t>
  </si>
  <si>
    <t>b'\x9c\x0cSA\xfcx\xfe\xca\xccI2\xd8\xab\xb2\xd5;\xca+\x8f\xd4!\x1f^74$;\xa8nd\xe6\x99'</t>
  </si>
  <si>
    <t>b'\xc1\xc9\xff\tq\x04#\x9b\xfc\xbb\x01\xaa\xc4\xfe7\x818iY`\xbe\x06\xad\xce\xf4\xa7\x1c*\xd9\xbflF'</t>
  </si>
  <si>
    <t>b'(\xe8\x9fC\xee;\x8f\xb4m:a\xa4Xn\xc2\x14o\xc3\xf6\xb3\x11^=\xf3=\x1a\xae\x15L\xc0X\xcb'</t>
  </si>
  <si>
    <t>b'\xb9\xba-\x15\x10\xc6\xefY\x94(|\x1fp&amp;\xae\xa3\x13\x82\xcd\xec\xaaCVa\xbd\xd6;\xc0\xd0\x9ey\xac'</t>
  </si>
  <si>
    <t>b'W\xb0\xe3\x1dcP\x96x\x066H\xf5`\x9b[\x9a\x95\xf4Z\t\xc0y~\xc8m\xff\xe5\x91f{:\x8b'</t>
  </si>
  <si>
    <t>b"\xb56I'\\\x05E\x9d\xf1P\xec|\xdf\x88\xf2\xa4\xd7\x8e\xeb\x89\xe6J\x8a\xef\xb8\x10!q\xc6w\xddR"</t>
  </si>
  <si>
    <t>b'\xa3\x1d\x93v\x84\x1d\xb0B\xe85R\r2\xab\xc2\x97B\xd5\xcc\x10\xeb\xac\\#\xe1\xe2*\xc0\x85\x8d\xadc'</t>
  </si>
  <si>
    <t>b'\xb8=\xefx\xa8Q3\x1e\x8e\xc7\x9f|@\x0f\x08\xe0\xd7A7\x8d\xed\xc1x\xeb:\x1c\xdf\xcc\x9b\x14i\x0c'</t>
  </si>
  <si>
    <t>b'\xdf&gt;\x99\x7f=\xa7\xd8o{\xa5U\xff\x0b\x1d\x8f\xfb\xd7\x1dH3\xbf \x98\x03\xf2u\xea\x15\xea\xac\x10W'</t>
  </si>
  <si>
    <t>b'\xcc\x84a\x97uc\x98\x01\xa9I\x8c\xe2\n\xeeO#\x97\xe3\x0c\xd1J\x02s\xe6y\xba\xc3\xf3K\xec\xa8\xa5'</t>
  </si>
  <si>
    <t>b'\xfb\xff\x84v\x1b\tu(v1\xc6\xd6\xed\xcdy\xef\x96\xbcx\\k38\xaaM\xeeyV`\\\x0c`'</t>
  </si>
  <si>
    <t>b'P\x1a\x9d\xd2\x98\xf9b;\xb2d\x1f\xfe\x94H3\xeff\x0b{\xb2_[\xab8\x9b\xab\x10\xc5\x8bj\x0cG'</t>
  </si>
  <si>
    <t>b'\xe6\xb2q\xa6i\x7f;\xbb\xaf\xce)1LH\x16\xb3#\x91\xa8E\xee\xfa\xc2\xa5&amp;\xfby\xd6\x99\x02\xf7\xbf'</t>
  </si>
  <si>
    <t>b'\r\xb8(@\x991\xc1\x8aQ\xa4\r\xc0\x84\x1c\xe4\xaay \xb3\xd4\xdbCet\x87:\xa3:&amp;I\xb8\x11'</t>
  </si>
  <si>
    <t>b'&gt;8\xd2j\xe7#\xb8\xaa\x05\xa5\xb6\x88\xb6\x1dV\x18\x9a\x05\xef\x98\x8e\xb16\x06\\.G\xa9N\xaf\x14\x08'</t>
  </si>
  <si>
    <t>b'\xd6@\xb9\xa5\xa9&amp;f\xa1h2\xbcv\xe1-~*R}\xbf\xb9\xa6R\x95\xab\n\xa1[\xdf@\xee\x03\x0c'</t>
  </si>
  <si>
    <t>b'\xd0,6\xeew1y\xaf\xbf6L,o\xbf\x0e5\xccO\xb5\x9d]\x01\xf7.[\x06\xe2\xf4[\xdf\xc6c'</t>
  </si>
  <si>
    <t>b'\xa5|p-\x89\x0b\x12\x87Y\x08\xff\x00\xc3\x8d_q\x13\xc8\xe9V\x989T\xae)\xa0\xc9\xdcv\xa0\x88\x9d'</t>
  </si>
  <si>
    <t>b'\xb5;(\xfd\xaah8\x8al.\x01\x14&lt;\xee)\x98\xfa\xfb\x19]C\xbb\x82D\x1e[$\xd90\xc9mr'</t>
  </si>
  <si>
    <t>b'\x9e\x16\x0c\\Q\xeafo]\x16\x8e\x83\xf0\x069\xe3\xac~dXbkd\xf7/\xfd\x00\x008\xbe!d'</t>
  </si>
  <si>
    <t>b'Q\xfe\xd0\xb7\xfe|\xff\xef&lt;\xde\xae\xd5o\xdax\x84U\xa2\x9f\x82\n\xef\x92^A\xafc\xe1\x0b\x88]\x8b'</t>
  </si>
  <si>
    <t>b'\xa6\xdf\x8c\xc7\x06\xb3\xefw\xfb\xddB\x04K\xe2\xfeu}\xe5Mf\x00A\xdd\xc1\xf8\xc0\xe3&lt;-6\xb3\x8f'</t>
  </si>
  <si>
    <t>b'\x9d\x84\x0e\xf8\xa9\xa0\x8a,\xec\xd4:M\xa5\x80R\xdeN\xd1}\xd4B\x0f\x83+\xaf\xa7\xf2\xfd\xdd\x1e\xbc\xe1'</t>
  </si>
  <si>
    <t>b'\xb6a\xcf\xa30\x05\x111\x12E\x06\xd0$\x1b\x11\xb47X\xab)\x9dd\x07\x1f\x86uo\\\x06\xf5\xe6V'</t>
  </si>
  <si>
    <t>b"F \x9e)\xe1Qn\x8e\xbbX\xcf\x1f\xcc\x84\xb2w\xfb\xff^\x8d\xc6\xdd\xce9\x91\xd6\xf7\x8e\x82'\x0e\xc6"</t>
  </si>
  <si>
    <t>b'D\x02\xb56\xa0.\xdb\xcc\xe4(\xa0\x90,\xaa\x95\xc1`/0\xf5\xf5\xbe\\l\xe7\xebH\x9e\x1d\xf0b9'</t>
  </si>
  <si>
    <t>b"\x01N\x1cz\x07)H\x17]\xd2U\xdf\x80\n\xf7\xf7=\xb2\x83C E\xef\x07\xaa\xa3'\x8f)c84"</t>
  </si>
  <si>
    <t>b'YY\x00H\x81\xa4\x0c\x03\n\xdc\xbaU\xfe{\xce\xb4\x04\xed\xda\x18k\x06_a\\\xcb\x14\xceE\x03GN'</t>
  </si>
  <si>
    <t>b'\xbd\x01\xf1\xa0_3\xe9\x0c\xf1\xa8\xa4\x95\x83\xd9:&gt;\xe0\x8a\xaf9\x82\x94\xcbp#\x91\xf5\x8d\xab\xa9\xb66'</t>
  </si>
  <si>
    <t>b'\xe1\xb1\x9c\xff\x84n\xbc\xf9N&amp;f\xd3\xa0\xaf\x9a\\.+\x08\xcbX1\xf2\t\xddF\xb7`\x99\xe9\x14\x92'</t>
  </si>
  <si>
    <t>b'\xd9E\xed\x96F\x1fD"\xe8\xc7\xb7\xd8\xe6c\xc1\x9f\x1dEX\x07\xcc\xd2cs\xc3.Q,\xd4\x80\xc1\xcc'</t>
  </si>
  <si>
    <t>b"\x9f?2G\xc4\x9fFZ'6\x9a\xe9\xdbk\xa3\x9dcM\xac\x89\xc7:9w\xdc\xae\xf6\xa8Qo&lt;\xc6"</t>
  </si>
  <si>
    <t>b'\x06\xa2U\xff1m\x94\x1f4\xedK\xd9\x1f\x98\xe1\x86\xbb{\xe6\xca\xeb6\xc3&gt;\x03i\xf88\x9b_\x89\x81'</t>
  </si>
  <si>
    <t>b'\x8c]D\n\xc3iR\xbf\x9c\xb5x\x98\x8bO\xf2\xe1\xb0}\x1cq\xbb;\xb7\xae\xd0u4\xb2*K\x19\xcb'</t>
  </si>
  <si>
    <t>b'\x13\xad\x8c\xf4\xbe\x8f\xc12\x85\xac\xd93XF\xef\xbd\xa5\x8cOD\xb4i\x12s#\xf5Y\x12\x8fO^H'</t>
  </si>
  <si>
    <t>b'\xd3\xf3\xd6\xa1\x16\x81K8\xf5\xb4\xa4b\'\xd2e\xcb\x162K\x11\x01\x91\x92\x12="K\x16\x1c1\xe66'</t>
  </si>
  <si>
    <t>b'\x13\x97\xd5\x7fh;\xc1\x9d\x7f0}\x7f&lt;\xb6\r\xd3\xfa]S+Fz\xcb\xb8\x1cI\xbc\\*JzV'</t>
  </si>
  <si>
    <t>b'\xd7\xbf\xfdP\xbf\xda\xe2 A\xb9\x9f\xbb\xe5\xa0I\xcd\x12\xc1\x7f\xa8k\x1fQ\xbe\xa2\xc8yl\xfeo\xedC'</t>
  </si>
  <si>
    <t>b"\xb4$\x98\xfeN\x83D\xadk:\x1de\x90'+\xf0l\xddTN$\xbb H\x11f\x19\x01\xa5fK\x8c"</t>
  </si>
  <si>
    <t>b'n_\x01\xc9\xcfl\x05c\xf6\x84W\xa9\x99 \xe9\x91\x03\x14\x85l\xb0\xc2d\x8e\x13\xe5.\x84_s\xab\xb5'</t>
  </si>
  <si>
    <t>b'\xbf\x94^9\xa9\x1aiH1\xc3\x1e\x00\xdf\x812\xe7!\xd2\x1d\xd8\x94\xa9\xfd\x13 \x05+B\xd8\x17\xfa\xe9'</t>
  </si>
  <si>
    <t>b'\xe5\xae\xf4\x91\x82b\xd5w\x8c\x91\xd3\x17\x0e\xc3\xaa\xca0\xf6\x9f\xa0\xc2^_\r=o\xee\x99xU\xff\x94'</t>
  </si>
  <si>
    <t>b'~\xd01\xdf\xf3\xa0"Z\xf1o\xaa~o\xe6T\xe8S\x92\xc4"\xb4\xff.N\x97Q\t\x03\x96\xba\x0f5'</t>
  </si>
  <si>
    <t>b'^\x96\xaf_~s)\x1c\xec\xe8y\x9d$\xe7\xf8\x04\xed\xfb\x85\x94\x9f\xcb\x9ech\x90\xc4\xf0[\xb1\x1e]'</t>
  </si>
  <si>
    <t>b'\x90rxB\xee7\xdd\xe5fv\x9c\x99\x8f\xfe\x01\x9f\x17K\x8f\xa0*$` \xe1p\x16\x82\xdf\x84VK'</t>
  </si>
  <si>
    <t>b"\xb9R\x1a4\x15\x85\xd2`Y\x04\x14yT\xe5\xcb@\xc2\x93_wa'[\xf9x\xfa\xe8}.\x0b C"</t>
  </si>
  <si>
    <t>b'\xa2\xafzO(5\xc86A\xc0\xf2tb\xac\x98\x08\t\xde\xce\x1b\xb8j\xe4d\xdcj2\xad\t\xd9x '</t>
  </si>
  <si>
    <t>b'\xdda\x8bd\xab\xe4\x95Z\xe5\xe2\xe1Vw\x94\xbc"\x9f\xce\xc1\xb9\x86\xea\xcee:\xfc\xc4\x7fm\xc5K\x94'</t>
  </si>
  <si>
    <t>b'\xdc\xce\x16!|\x075{\xd4\xcd\xe8~\xae\xc4\x01K\x8a\x18a\xbd\xc3\xcc"&amp;\xda\xfa\xa3\x06H\xb2\x19S'</t>
  </si>
  <si>
    <t>b'\x96O\x8b4\xfc2\x8f\x0c(\x15\x0f\xeaGU\xf4I\xda\xf6IlI\xf58w4,g\xaf\rI\x16\xd6'</t>
  </si>
  <si>
    <t>b':\xa6c4\xf1|\xe4u\xbe\xa9@\xbe\xd8\xc5\xcdc\xb9_\xc3\x9a{\xa3J\xf5\xf5!\xe0E\xb6e\xc8}'</t>
  </si>
  <si>
    <t>b'uy\x9a\xd5\xb2\x05\xbbV\xf1\x15\x9fl\x01\xdfsE\x14\xd4\xe1\xc1\x94\xea\xac93}\xcd\xfc9\xbc\xd9\xe0'</t>
  </si>
  <si>
    <t>b'?\x91I\x88\xce\xcd\x966\x0e\xe2\xb8Q\xa2\xef\x070\xbe\x00\xb3\xa8\xc1\x1d0e\x8d&lt;$\xac\xa7\xad\xd1\xd9'</t>
  </si>
  <si>
    <t>b'`\xe4\xe4\x9d\xe1\xb2\x16D\xc5\x8e\xb1K\xc4\x0c\xfd#p\xfd\xd1\xd5\x88\xab\xca\xc2\x0f\xe4\x91\xc4\x1a\xed\xe6d'</t>
  </si>
  <si>
    <t>b'\xd1\xb3x:s5VVK\x0b\xb8\xe2(\xfa\xfd\x0e$\x9c\xb7\x0b5\xe9\xc3\x17\x1f\xf6X\x90\x8a\xec\xbe\xed'</t>
  </si>
  <si>
    <t>b"\x02\xcb&amp;\x95 \xbf$\x861\xa7X\x85\x1f\xe6\xbf\xec#\xd6v'\xe3\xc8.5j\xacW\x82j\xd6\x1cF"</t>
  </si>
  <si>
    <t>b'G\xa6\x16\x8e\xd6A\xb4q\xad\xba\r\xee\xe0TB\xe1\xd9M\t&lt;\xe8&lt;\xd5\xf6&amp;\x81L\x93u\xebN\xb3'</t>
  </si>
  <si>
    <t>b'\x90\x8c.\xa5\x7f}\xc9\xe9Os\x9d\x8d\xa6\xddj)8%;`\xa4\xbbx,&lt;\x99\x16&gt;\x13\xe4&amp;\xe7'</t>
  </si>
  <si>
    <t>b'\x1a\x93\x90\x1f\x8enNkl\n\x1e\x9d\xab\x969\x1cf\x804\x1949\n^\xb3Lu\xdfN8h0'</t>
  </si>
  <si>
    <t>b'\xf9\xa7=6\xbaI\x9b\x11a\xfd\xb6Y\xb2 :\x8d\x88H\xa59f\xe3\xba\xc9L&gt;_\x88\xb4o\xf1\x01'</t>
  </si>
  <si>
    <t>b'Rh\\\xd9\xba(\xd9\x1e\xbd\x82%\x11\x9bo\n]\x9d\xb0\xf7\x9b\x12\x82\xfb\xfdcD\x03\xcaD\xe4\xe7@'</t>
  </si>
  <si>
    <t>b'\x8eN^b\xa4\xa8\xee,EA)V\xb8\x92\xff\x11\x9d#\xb6\xdax\x052\x01\x1a\x97\xb8\xf9^c0r'</t>
  </si>
  <si>
    <t>b'\xea\xcd\x92_2\xb8vW\xa7\x11\xa9\xfd\x00\xf5\xa1\x9a\xd5\xb5\xcc\xb8\x13y\x18+\xd05\x02\xc1\x87\t\x9e\xc6'</t>
  </si>
  <si>
    <t>b'\xfd\xc5^\xb9\xe2\xf7\xf9\x0e\x17\xeb15,\xc2T\xe5S\x15-\x1b\x03\x0ffk\x00\x07\x1b\xc6\xea\x9e/\x10'</t>
  </si>
  <si>
    <t>b'h\x17\x05T}sw\xe4\xd4o\x9eX?\x95\xb3)Ea\xf5+\xd5i-7\xb1f\xaes\xf2"\x94\xa9'</t>
  </si>
  <si>
    <t>b'J\xc7"\xe16(\x9a\xa5\xcb\xeeb)\xef\x12\xf4\xfe\x08\xf9\x91\xdf\xb2\x13.\xe0|G*;\xc4\x99\xb8\xdc'</t>
  </si>
  <si>
    <t>b'ya\xcb\x1b\xdct\x90"\xca{A\xa7\xf2\xe3\xc3\xa7n\xe6&gt;G\x95\xa0&amp;\x04pRXg\xc8\xe0\x98\xc3'</t>
  </si>
  <si>
    <t>b'\xc7\n\xe3\xc4\x978p}\xfev?/\xebY\x90\xed\xe0\xad\xae1\x10\xceO\x8e\x9c\xd5\xdeP\xd2\x15\xd2\x9a'</t>
  </si>
  <si>
    <t>b')\xe1\r\x90$\xfe)\x9d\xab\x14\n\x91Q\xf0\xdb\xa6&lt;F\x8d`7\x80\xfb\x9b!\xecy\x89\xab\xc7\x16\xc5'</t>
  </si>
  <si>
    <t>b'\x98"\x8ecmT\xd9\xe5\xe0v\x8cs\x1eX.pFV+B\xa9\x85\x12\'\n&lt;-\x1f\xaa\xa6\xc3\xed'</t>
  </si>
  <si>
    <t>b'\xe0\xb4\x9e&gt;\xdc!\xe6\xab;\x88\xdf\xd5\xf0\x13Jr/\xa9&gt;\xf9\xe9\xab1\x93\x07W\xc7\xf9\x1d\x04\xe8\x10'</t>
  </si>
  <si>
    <t>b'\xad$\xeb\xd8_\x85=\xc9\x8c?^\xc8\x14\x14PQb\x0bQT\xd4[\xb3\xb9\x9c\xc2M\r\r\xcd\x98\xc0'</t>
  </si>
  <si>
    <t>b'`N\x04d\x16\x12\r\xb3\xe1j\xb6\x086S\x9b \xae\xbbsO;\xd3\xa47!\xa0\x91\x90hqO$'</t>
  </si>
  <si>
    <t>b'\xe0A1\x8fS\xd4B\xb8\xeaE0\xe7\x10KZ\x18\xa1\x85#%\xac\xd25\xf4tE\xf7\x83\xd1j\x05\xd5'</t>
  </si>
  <si>
    <t>b'\xc2O\xc7\xc7\xdfq\x0eW8\xe2?\x01\xedkiE\x1d-xh\xb8\x06z\xf9y\x9f\x8e\x92B\xf9&gt;p'</t>
  </si>
  <si>
    <t>b'\xc5\xd8\x1d\xe5\xa9C\xd3\x94\xbd\x81\xb6,c\xb9\xc5:\x08&gt;Z`\x16\x95\x93\x9a\xd74\x1e\x98\x8e\xcfI\x97'</t>
  </si>
  <si>
    <t>b'\xbc\x84\x1a\xbb/\xf4\xf2\xa5q\xe2\xc2\xae=K(\x12\xaa\xdbt\x0c\xabA8(4\x1c\xe1Q&lt;\x8a*/'</t>
  </si>
  <si>
    <t>b'/\x0f!f\xe5\x9c\xbb\xbb\x05i\xb1y\xffM\x86\xde\x95\xaaa|\x18\xa6G+7{D\xa9\x84A\xc2\xb7'</t>
  </si>
  <si>
    <t>b'\xe0\x1e\x87\xcf\n\x17\x05\xadL15\x96\x93\xaf\xe7\x97\xc20\xbe\xe1\x9c^\x1b_\xa0\xd25\x14P?\xbd{'</t>
  </si>
  <si>
    <t>b'\xf3\x9f\xac|\xa2&gt;\x00\xd2\xe0:\xdes\xe6\xe2\xb07i\xe7\xb5\x0cvL\xd8]\x8a\x1c\ni\x80P)\xa5'</t>
  </si>
  <si>
    <t>b'D\x9a\xfc\r\xe0n\x10=T=X\x83S\xb1\xe7\x9a\xbdC\xd5\xfdd\xf1.\xe5\x15\xd1Xt^\xce\x93\xa7'</t>
  </si>
  <si>
    <t>b'LG\xc22\xea\x9f\xabK\xbd;\xcb4\x9b\x9a\x8f\xfc!`u\x12\xa58~\xb9H=}\xdf\xb0\x83\xaaQ'</t>
  </si>
  <si>
    <t>b'T)\xbc\x8e\x1f\xf4(\xd0\x9a.\xd4}\x9e\xc5\xce(\x10HF%g\xa7\xb2a0(/\xac\x8f\xbe\xc9k'</t>
  </si>
  <si>
    <t>b'\xc4\x98\xe8\xady&amp;\xba\x1bytf0V5\x1b\x18\xb1\xaam\xed\xc4#\xb7S\xbd\xfe/\x11B\x18\x03\xfd'</t>
  </si>
  <si>
    <t>b'\xb3]\x04\xc4B\x80}\xeb#Y\\_\xab\xda\x88\xdc\xa4\xc6C\x887\xd4\xc7\xf7\x02\x14\xb52\xa5\xadX\xb9'</t>
  </si>
  <si>
    <t>b'r\x17e\xe9\xb2\xd7hJD\x17\xaa\xb8\x90\xe0\xb5y\xde~\xf0\xc7\xb1\xee\xfa\xe3\x8dN:\x9b\xa2e"\xc8'</t>
  </si>
  <si>
    <t>b'\x1a^3$s\xab\xe0\xc7\xeb\x8cK\xdeT\x10\xaa\x8a\x82\x19\xbd\xca\x00\xf6,P\x18H\x97\xef 3\xc7\x84'</t>
  </si>
  <si>
    <t>b'z\x03\xca\xdb \xf8\xda\xa4\xb0f\xbdV8/a\xd8\xdb\x03\xfc|&gt;O\x94\xa5_\x04UK\xff&lt;\xf71'</t>
  </si>
  <si>
    <t>b'\xc1c\xb2,\xa8u\xaa\xfb\xcf6e(\xda\xec\xef\xc1\xfaB\x9c\xa8P\xd3\xb5;?\xe8\xcc\x8c\x03\xb1\xad\xae'</t>
  </si>
  <si>
    <t>b'\xcaX\xbbNC\xff\x90\xc2\x97\xf3\xc3\xc5\xa6\xb0\xf9\x17z8o\x96t&amp;8\xae\xa2\xe6\xb1@g\xa1G\x98'</t>
  </si>
  <si>
    <t>b'\x9d\xd2&gt;};\xd6@\x88b\xbbk\x84(\x9aTQ\xfa\x17\xc16\xcdzB\xe23G&gt;\xa2\xc9.\xe7\xdc'</t>
  </si>
  <si>
    <t>b'\x9f\xb7q=:R\xa0\x03\x94v\x1a\xe3\xec\xb6\xcfL\x1a\xbf\xdb\xb1|\x9b\xde\xf5\xef\xe8\xcbt\x10G\xfcU'</t>
  </si>
  <si>
    <t>b'\x94\x87\xaai\xa7m\x1b8x\xdb\xd2\x1eU\xbf\xf8w\xaep,l\xb9\xc35\xd2/\xd2\xc4\xb2&lt;&lt;\xbb\xaa'</t>
  </si>
  <si>
    <t>b'}pR#(\xc2{\x19a~\x1d\x9a$\x80\xd75^b\t\x18\x8b\x0e\x86\x88\xa5\xec&lt;c\xd4\x8e\x08\xa6'</t>
  </si>
  <si>
    <t>b'\xd8\xbcG\xed&lt;\tQ\xe8\xeeVk\xa2\x10o\xc6i\x01W\x82\xa7:\x7f\x04\x14h\xe9\r\x8eqs\xf8\x07'</t>
  </si>
  <si>
    <t>b'e\xb5\xd65\xba\xe7`\xd4\x13\x83\x12\x89\xb6Mz\x8c\x1bs\x9cd\xf9\xfa\xbb\xda\xbe\xaa\xf2r\x9a\xc7\xdbE'</t>
  </si>
  <si>
    <t>b'~\x0e(\x14n\xd2\x0c\xf0\xb8Z\xa0QQ\xa0\xb0B[\xe0\x83\xf9\xa2\xf5\xbf\x12H\x0c"\xca\xa2\xc8\xa15'</t>
  </si>
  <si>
    <t>b"'\x08\xbb\x08?I\xc4\xe5\xf0J\xafE\xa4\x98\xf7\xd5^0\xa8Y\x8cM\xcc\x04$}q\xa8\xfbi\xd4\x01"</t>
  </si>
  <si>
    <t>b'\xa1\x1e\xdc\x82\x12B\xe1\x9f\xaf*\xf5$e"\xdd2F\xbd:\xe0\x01\xa8mszJ+p\x17l\xec\x87'</t>
  </si>
  <si>
    <t>b"l\xb6\x17\xbc\x1d[\xd6\xedzv&amp;`q\x9e\x88\xf6\t\x1b@\x1b\xc6\x17\xc1\xf9Od\x1f\xeat[\x9b'"</t>
  </si>
  <si>
    <t>b'\x1daE\xdbb7E\xd9\xceu\x1c\xdd\x92\xff\x8cf\xf9\xa0H`\x03\x93\x0c\\\xb4\xd6\xbb\x13\xe2R |'</t>
  </si>
  <si>
    <t>b'E\xbe\xfa\xddC\xb6{\x04; \t]=rL\x9e\xdb\xa3\xa8\xdf\x18\xf3\x80\xe4\xc0\x9c8\x03\xcc\xd9G\xa1'</t>
  </si>
  <si>
    <t>b'\x99)\x85\x11\xf2\x7fChi\xbb\xf8J\x8a\xd8q\x83\xa9\x98\xe9".\xa4c\xe2E\n\xd7\xa3\xd9W\xe1\xb0'</t>
  </si>
  <si>
    <t>b'61\xc9\xf1\xb8\x1amYu\x83@e\xb6N\xac~\x10c\xe8\x93\x15\xe6\xfe\x12K\x9eAR\xb2\x88\x92\xfc'</t>
  </si>
  <si>
    <t>b'\xec_$\xdc\x8d|\x8f \x8a\xfbe\xc5\xeb"\x80`x\x8ba\xe1$\xe8\xa0\xa4\xb1\xb8\xe5\xafQ\xa4"\x0e'</t>
  </si>
  <si>
    <t>b'\x9ff\xafi\xf2(S=\x80-\xf5+?;\x88i\x03\xd1\x07\x13\x97\xf8\xc1o\xc5\xad\xde\xa1\xedS(\x18'</t>
  </si>
  <si>
    <t>b'\xcf\n\x9aA\xd5&amp;\r\xb6\xe7\xdb\x03\xe7q5\x90\x9b\x91A\xf9.A\xd2\x1c\x18\xda(A\x87\x00G\xfa\xc4'</t>
  </si>
  <si>
    <t>b'H}s\xf5\xa8\xbaF\x14\x16:\x9f%[\xf8\xb2\x9f]\xcd\x87\x1ck\x94\x19\xc2B\x10\xc33\x06\x0f\xd6 '</t>
  </si>
  <si>
    <t>b'\xe9\x1e\x11\x7f\xe5#O\x1f\xd4)\xf3b_\xb68\x030OB\xbf\x89l\xfb\xa0*\x8e\xe64#N\xdb\xd1'</t>
  </si>
  <si>
    <t>b'q\xc37\xf0&amp;2\xf0\xf7\x8eL\x1c\xfd\xf91\xcb\xf2\xa1\x1a\xf03\x90\xd8;0\x1d\xde\xeb\xd7\xb9\xc6\\~'</t>
  </si>
  <si>
    <t>b'Pw\xf9\x80\xe8\xbd+\x0b\xc6I\t\xa1\xa8\xdb\xaaf\x11\xb1\xa8\x031\x88\xd6\xf3&amp;;\x0c\x9a\xcc]\xe6\x13'</t>
  </si>
  <si>
    <t>b'\r\x8f4\xb8\xbc*\xb2h\x0et\x9c$\x83\xe64\xad\xad\x86\xe4\xfcMq\xe6@gk\xe9P\xe6~\xe7J'</t>
  </si>
  <si>
    <t>b'\xac#\x06&gt;\xabBE\xfdl\x8fps\xcf\x85\x0ewie\xaa\xe9\x98\xe1&lt;,3\xe0\xc2E:\xaf0\x00'</t>
  </si>
  <si>
    <t>b'C\xab\xd4`\xca&gt;?\xa6\xd1`\x0f\xb4O{)F \x99\xfc\xa6\xc3\xa2\xf8|oh0\x85\x1a\xdc\xbe;'</t>
  </si>
  <si>
    <t>b'\x81M\x10\x8e[\x11\x03X\xe5\x94\x02\xc2\x92[s\xea\x9ex\x863rj\xf9\xbc\x8ct\x92\xabx\x8cZI'</t>
  </si>
  <si>
    <t>b'J\xbd\x8dp6\xc7\xad\xceaA\xc5F\xad&lt;\xbc\n\xbb\x18\xe8(\xedzE\x01\xcb\x82\x08\xf6L\x9b\xbaj'</t>
  </si>
  <si>
    <t>b'\xda\xe4"\xd1\xed\x97F"\x15\xd0\x84~\xff\xeb\xbc/\x85\xcf~\xaa\xf78P\xd1\xee6\x98U\x1d\xc4\xee\x9f'</t>
  </si>
  <si>
    <t>b')\xcaj\xee\xc8\xd5~ \xf6W\xbe\x0b\xecR\x97\xae)`{]9\xb9k\xe1\x95\xe5\x08\n4{\xbfn'</t>
  </si>
  <si>
    <t>b'\x12\x07\xb9\xeba}S\x08\x90G\x8c2\xb3\xf8\xdbV7^\x0c\x94\x83!\xe31\xc8\xd3\xc4y\xd2]\xa6E'</t>
  </si>
  <si>
    <t>b'WO2\xa8g*hW^\x05\xbc\x1cQ\xaf\xde\x19x\x01\xa0XR\xcf\xe4\xefA@\xec\x84]\xfa\xf9\x11'</t>
  </si>
  <si>
    <t>b'\xea\xc5\xb3|\xfc\xf8n.vM\xac\xea\xc0\\\xc7_\xe5w ac\xb7\xe8\x7fx\xdd\xa3\xc9\x86\xd4\xfbq'</t>
  </si>
  <si>
    <t>b"G'\x8f\xfd\xc5\xe4%\xcd\xce7q\xe0\x8dbe5\x1c\x1c\x91u'S\x7f\xd2q\xd8ktX\xee\\\xf0"</t>
  </si>
  <si>
    <t>b'\xc4K\x03o\xb8&lt;]|\x89\xe9\xd8\x0c\x82&gt;1\x17X\xfdv\x92\x05o[\xb6S\xe0\x90\xdcV\xe5C\xaa'</t>
  </si>
  <si>
    <t>b'\x8f\xa9\x93;\xa8g\xfe\xfa}6\xce\xe9\xad\xae\x89lP\x06\xeb\xcb\xda\xd9\xffVl;\xa6\xc5\xe9\xd4?$'</t>
  </si>
  <si>
    <t>b'Mn?\\\xcd\x9b\x0c\xd1o\xb0&amp;\xc4Sw\xad\\\x84\xf9#g\xae8\xb4t#\xc8\x8d}\xf9\xff\xa7_'</t>
  </si>
  <si>
    <t>b'\xbf3%\x06\x83H^L\x9bJ~\xedem[\xfa\xb9"\xf5`\xc8\x8f\x04\xb5\x8e\xfb\x90\x90\xdc\x9a\x82{'</t>
  </si>
  <si>
    <t>b'Ba\x95O\xf6\xd8\xf4\xf5\xeb\xb6\x0e\x9e&amp;\xea\t\xdb\xab\xea\x1a\xc9\xf0v\xd5\xbc\x15v1\x7f\x06E|\x97'</t>
  </si>
  <si>
    <t>b'(?6V,h\xab\xaeu^\xe0\xaa\x89[\x8d\xbf\x1cOf\xba\xe3\xd7 dR)\xe9\xf4\x04\xe2\xb6\xd0'</t>
  </si>
  <si>
    <t>b"M\xdd\xed\x86\xa8l0\x8a\xb2\x8b7\xeaF\xa8}2\xc1'f\x0b.\x8a\xf62\xbe\xdf\xb3\x85\xf6`*\x08"</t>
  </si>
  <si>
    <t>b'\xb6\xe8\xb5\xf8n\xd4\xa0~\xc4\xed\xa6KEI\n_\x14\xddLf\x15\xe5)\x1aB\xbf\xfb\x00\xe49b\xb1'</t>
  </si>
  <si>
    <t>b']\x16Gg\xd27\x16J\xfdiO\xd2\xefg\x1b\x8e\xe1%\x03O\xdb\xd8\x93\xe8\xa5b~\x9e[\x85\xd3\xf3'</t>
  </si>
  <si>
    <t>b'\x89#\x96I\xaeZ\xdc\xea&gt;\xdd\xb6\xe0\xd7\xb7\xa8\x1a\x18V\x8f\xf7[\x8f\xbd\xf0\xa7Qdcq\x87\x82q'</t>
  </si>
  <si>
    <t>b'\xb8\x9b\n\xe4\xe6\xe2\x8d\x8d\x13\x8de\x19\xcd0k\xea\xd1G\xb5\xcc\x8e\x948\x8c:\xe3\x03\xa8\xbb\xe0\xedV'</t>
  </si>
  <si>
    <t>Persoal</t>
  </si>
  <si>
    <t>b'\xf9\xfc\xa0\xf7\xd6\xf4A\x95\xc0(~\xc5\xb1\x19|\xa5\xc1X60;\x18\xebE\xb9\x15)\x04?\x9f\x07y'</t>
  </si>
  <si>
    <t>b'\x0e\x7f@y\xe7V\xe7\xf0\xb5\xbc\xa8\x8f\xc1\x91\xdc\x1ce\xf4\xecT\xde\xe8*k\xfcQ\x0blR\xcb\xceQ'</t>
  </si>
  <si>
    <t>LC2LOAN</t>
  </si>
  <si>
    <t>b'=\x13)\xc0`S\xc0L\xa1\xbe\xee\x1ain\xa61\xaa\xce\xdfq.\xb6\x9a}Zc\xd8\x16WQ0\xef'</t>
  </si>
  <si>
    <t>b'K\xcb\x14\x0b\x19yk4#1\xb4/\xd7\x1a&lt;\xa3-\xeb\xba&amp;\xa5\xf7@\xe2i\xaa\xfeyC\x95g}'</t>
  </si>
  <si>
    <t>CREDIT CARD CONSOLIDATION/REFI</t>
  </si>
  <si>
    <t>b'\xae=\xec\x13\xcb\xbf4Xt?\xa7\xb6o\x0bF\xe2\x9d^\x88/\xc3\xe4\xae\x1cp\xed\xe5\xe1]\xff\xf6\n'</t>
  </si>
  <si>
    <t>b'j\xb1Es{\xbaB-\x82\x8a\xa6/\xbb\x91&lt;\x12&gt;H\xe2\x86^IJZ`\xc5\xfd\xbb^\xb7\x88\xb1'</t>
  </si>
  <si>
    <t>b"\x05\x9e\xa9Y\xffl\xa2\x92-'rVH\xf9\x99BW \x83\xa0\x06\x16\xa9\x87\xe6\xe4I\xc1f\r4\x93"</t>
  </si>
  <si>
    <t>b'1^\xde@\x8ar\x83\x00M\x8b\x95\xe6\x00\x83*WPE\xbf;\xc0kFwX\xd7\xe1\xc2\xfe`\x95\t'</t>
  </si>
  <si>
    <t>b'\xfc\xe2\x02lxv\xc4\xce0]2\xab\xe9P_\x8c\xb7\x10\x18.\xb3\x83\xb9&gt;\t\x0elYM9\x9c\xf1'</t>
  </si>
  <si>
    <t>b'\xfe\x0fT.\xe6\xa8\xa2\xf4\x0b\xefh\x85R\x96\x16\x01\xea|4\xeap\x07\t\n\xbf\xf4;\xb8\xbd\xa0\xf4\xf6'</t>
  </si>
  <si>
    <t>b'?_R\x16\x8a\xdflv\x97\x15\x08\xe0\xda\xe2\xa0\x8e, \x0c\x9b\x95B\xedxl\x0f\xe2\xdc\r"\xe3}'</t>
  </si>
  <si>
    <t>b'n\xb7\x01:0\xfcsC@\x909\x98t\xbalG2:2\xf1?\xcc\xae\x93\xb55g\x8c\xb5\x1c\xce&gt;'</t>
  </si>
  <si>
    <t>b'+`\x9b\x8f\x83\x8e.\x1b\xd9x\x02G\xbf\xd6d\xca,\xe30\x0e\x16Ac\xe7\xcb)\xf4\xe4\xa5Yd\xbb'</t>
  </si>
  <si>
    <t>b'U1\xa8YD\xc3\x10\x8bz\xc2saB`O\xc7[\xbbp3\x86\xddR\xb3\x19g\x19/\x89\x19\xb4\x96'</t>
  </si>
  <si>
    <t>floors</t>
  </si>
  <si>
    <t>b'\xd4\xdb\x9d\n\xe6\xf1\xe6\n#\x13\xb1\x89=\x15\xa6\xc7\xb9H\x1a\xf6g\xda\xb45\xec\xb4\xc9\xb4q\xafc\t'</t>
  </si>
  <si>
    <t>b'\t\xdb&lt;\xe0\xc7\xd0\x82\xf2\x19\x16\xb9\x1a,\xa5LP_\\\xfc\xe0Q\xba\x19\xb9\xc6W\x17J\r\xab\xdc\x99'</t>
  </si>
  <si>
    <t>b'$i\xcc\x1a:\\0\xfe\x01\xa7\xce\xfd\xb2t_\xc6\xb8\x94\xe8\xc2@h\xfd\xa2/\x91\x80*%M5{'</t>
  </si>
  <si>
    <t>b'\x85\x81\x9d\xb8p~\x8c\x9e\x0b\x08\xb9\xe8+&lt;\xb0\x7f\xe9\r\x15-\x81t\xf0\xe0\xb4\x95\xac\xaf8\xff-2'</t>
  </si>
  <si>
    <t>b'\x92F\xc7c\r4\xe4\x90}\x9aD\x8e\x8a?\xff\x9cE)\x06\xc83\x91$\xe7\x04\x92\x86\xc4P\xa1\xa0\x9a'</t>
  </si>
  <si>
    <t>b"\xa6h\x1b'\xe0E\xd7\xe8\xa7\xb1\x9c'R\xc38\x9aX\x02L\x83\xce\xb0\xebb\r\xa5\x18\xde\xf7.\xdb?"</t>
  </si>
  <si>
    <t xml:space="preserve">Engagement Ring </t>
  </si>
  <si>
    <t>b"JEOj4\x1f\xccy\x93\x7f'n^\xea1\x0e\x8c\x91\xfe\xc2\xd2\x94\xdaX\xed_\xf7^\xb5\xbb\x7fo"</t>
  </si>
  <si>
    <t>b'D`\xfc\x96\xea\xd1\x90|\x8b\x9f\x17\xad\xef\x1dr\xd1\xf3n\x02\xe76\x15\xefWq\xdeS\xd5)\xb30\x1d'</t>
  </si>
  <si>
    <t>b'\x9b\x0b\x83LX\xc5u\xa9^R\x02\xe3 \xc4\xff\x14\xe4"j\xe3\x9d{\xe5W\x08\x8b\xb2\x96h\xbeI\x8d'</t>
  </si>
  <si>
    <t>b'\xf2\xc6V$\x92\xce\x0bj\xe0\xcc!\xb6\x97O\xcdC\x80B\xfd\xf6:r\xfe\xa2\r\xb9\x99U\xe6\x17\x11\x9b'</t>
  </si>
  <si>
    <t>b'F\xc1\x8e\xa7\xf7\xcc\x0ci\xfe\t\x94-:\x9f\xfc\x0eR\x1eoT+vfH\x93\xf0M\xf2Y\xa4\x93_'</t>
  </si>
  <si>
    <t>b'\x1bd\x1a\xb1!\xb3\xfc\xb3_L\xa1\x9c=_\x01\xda\xc0\t\x1f\x0f|\x0e\x8d\x84\x96D^\x9f2,\xa6\xb7'</t>
  </si>
  <si>
    <t>b'"\xb6\xd2*?\xe8\x08\xc2\xd9\xb1~\r\xf4\xfdYXSq\x00\xe8\x91\xcfP\xe2)\xb6L\x1dF\xa7\xc8\xac'</t>
  </si>
  <si>
    <t>b'\xaa\xd5\x16)\xb8\xd0Y\x1feT\xed\x8b\x82\xe8\x05|\x94\x07}\xa7I5\x91\x83\xec@\xe5\xe6\xb6\x9b\x95\xee'</t>
  </si>
  <si>
    <t>b"&gt;\xc5\xec\xe5\xdb\x87Q4\xe4\xf9\x86\x1d\xbb\xbf\xa5\xff\x9d\x83\x88\xce\\e\xa22'\x8daG\xb8=5o"</t>
  </si>
  <si>
    <t>b'\x7fr?\xa5\xb3:\xf4\xd2`A\xab\xa1t\x0c\xba\xe8\x86o\xde\xd9\xc6\xf1\xc3\x08P&lt;\x9a\x13\xb4\xecd\xd9'</t>
  </si>
  <si>
    <t>b'\x0c\xe9\xbb\x8a\xd3\xcd\x99\x04\xde\xea\xba\xc5\xec\x1f\x03?F\xc4\x02\xb9\x94\xad\xd4{\x1aF\xa1E\xd1\x96\nr'</t>
  </si>
  <si>
    <t>b'\xc6\xc7\xd5\x99A\x14\xd01j\x85\x1dc\xf7C\xcf\xf0\xc9M\x19R\xa8\xd5\xd4A\x05\xa7\xddQ#\xdaB\x80'</t>
  </si>
  <si>
    <t>b'u\xc4\x95\xba\xdf\x08\xd4\xbcs=\x068\x05GDvsL\x94gwU\xdc\xed7\xd0\xbfv.\xaab\xf6'</t>
  </si>
  <si>
    <t>b'AY\xed7\x0b\xc37\x98dJ\xe2\xa8\x00"v{\xadv\xb1\'\xfe9\xad\xcb\x85\x08\x87\xfcZ\xad7p'</t>
  </si>
  <si>
    <t>b'X\xecd\xba\xe4eek\xc8\xe5?\x1d\xc1\t\xaa\xe8\x85\x8f~z\x95@ \xba\xf9\x89\xb0\t\xd4o\xfc7'</t>
  </si>
  <si>
    <t>b'\xde[\xa7\xaf\x84Z \x9b-#\xa2B\xe6\xf4\x94\x9dya\x05\xfeR_\xae\rb\x84@\x9e\xb6e\xc1o'</t>
  </si>
  <si>
    <t>b':2opA\xd4\xcdW\x8b{\xbc\xd6\xe2\xdb\x9d`\xbb\xe5?5\x88\x99\xd5\x95;\x9c\xf2a\xad\xfe\xcc\xfb'</t>
  </si>
  <si>
    <t>b"\xe1]_\x02\x02\xea\xee.{\x14j0\xcf\xbfp\x8d'N2\xaam\x81\x8cPt\x13ct\xcd[\xab\xc3"</t>
  </si>
  <si>
    <t>b'\xc4L\xb6HOY\x90\xbb\x83co\xe6\xb1\xfcLR*\x12\xcd\xd6!\xb4\xb7\xce\x97&amp;\xb7\xf6\xc1\x0c\x8c)'</t>
  </si>
  <si>
    <t>b'\x02\xa2\nQ\x0e\xc1\xb2\xb7%\xadt\x05e\n\xae\xc8\x06\xe9\xad\xc4i\xb2n\x12N\xf6\xf2\x84\x957\x90\x87'</t>
  </si>
  <si>
    <t>b'\xc9\xf6\xb1\xb2\xf5x&lt;\xc7\x03@N\xf5P\xca\x91\x8d\x05&gt;YL5a4\xd5\xe8D\x81\xa8P\xebR\xeb'</t>
  </si>
  <si>
    <t>b'^\xa5\x8c\xc44\x0b\xb4\x1a\xf4\xc4ZQ\x08\xeb8N\x9b\xe0X\x06]\xe6&amp;\xeb\xc8\xbf\xfb\n\xf2\x9b\xf0\x80'</t>
  </si>
  <si>
    <t>Mine</t>
  </si>
  <si>
    <t>b'10l\x88\x08d\x8c\xc0L\x18\xe1\xdfO\x12\x9fM\x05\x04\xb1\x8d\xcc\xa7\xb91\xb4\x88\xdee\r\x95\xbd\x12'</t>
  </si>
  <si>
    <t>b"\x8f[\x9dA\xb7\xac\xe1Y\xfd\xbe\xa6\x17\xc9&amp;TrB\xd2iK\xfd\x85l'=\x1b\xeb\x8c\xe2/9\xab"</t>
  </si>
  <si>
    <t>b'q\xe5eO[-\x18^\xae\xe1\x96pb\x13n+\xd0\x92\x05\xbce\xab\x8e\x97r\x00\xa3\x14 \xb4\xf1\x82'</t>
  </si>
  <si>
    <t>b'\x13/\x85\xe8\xa32O\xee{0\xd16~\xaf\xef}^p7\x03w\x95\\\x93\xdc\x81\xbe\xc7\xf0\x1e{\xb8'</t>
  </si>
  <si>
    <t>Smoothieking</t>
  </si>
  <si>
    <t>b'\x19\xcc\x88;&gt;\x01]I\xe9\xe9\xf2\xd1R|qP\xb5\xd98f\x9a\x881\xe9\xfb\x0f3\xfaX\xd9T\x1a'</t>
  </si>
  <si>
    <t>b'd\x07J\xd4\x80\xb6\x15\xb2\xcf\x15X|\x10\xc6\x17,\xd9\x91\x987\xaa\xdfm\xd2\xa4\x80\x1a\x05*\\1\x97'</t>
  </si>
  <si>
    <t>b'#A\xf4\xba\x0f\x86z\x96\x9b\x01J\xd18\xdcT\xcc\x1f\xc9\xc7\x14\xca\x1b.\xefE\x86 \xd54\xfb\x15\x8b'</t>
  </si>
  <si>
    <t>b'l0+\xea\r\xd5\xea\x86/$U\xf4=\x1f4\xcb\x8f\xaf\x81\xa0\x8e\x8e\x95\x17qx\xa1\x86q\x13\xe61'</t>
  </si>
  <si>
    <t>b'\xda\x0e\xb0\x7fq^\xae!\xa1rY\xdc\xa1 Lc&gt;y\xce\xd1\x14\xe8\x80r\x8a\t&gt;J\xb5@^5'</t>
  </si>
  <si>
    <t>b'L\x85u\x93\x9f\xd1\xc8CU\xb0*\xa88\xdc\x14\x82\x0e\xfc6\xc4#\x17m\x08\x0eM\x95f\x16q\x99\xb9'</t>
  </si>
  <si>
    <t>b"\xcdZL\xf66\xdc:@\xb2o\xc5us\xf9Gl\x12\xe0C\xfc'+\xaeh\xbd\xf8\xcbvgM\x95\x8d"</t>
  </si>
  <si>
    <t>Combine bills</t>
  </si>
  <si>
    <t>b'\x91D\xb0\xcbr:k\x89f\x01\xfa\x7f\xa7\x81U\xbb^\xd9\x04u\x94.\n\xaeJV\x12\x9a\xf4\x17!\n'</t>
  </si>
  <si>
    <t>b'\xa3S\xc2\x83\n\xfdi\x9f\x8cW\x12DK\x19^\xc8\xad:\xa1\x89\xc9\xba\x0cJ\xd1\xf8\x86\x16\xf3\xe6K\x9b'</t>
  </si>
  <si>
    <t>b'\x99\xc68e\xb9\xd6G\xf5K]%r\xb5S\x1e\x91?\xd1&gt;\xd1\xc3\xf2J\xbe\xea\xf9T\xf2.\xec\xca\x89'</t>
  </si>
  <si>
    <t>b'#\xbd{\xce\xb6\x9b\x9c\xce\x8b\x10\xcdQ\x01:\xc3\x03\xff\xc1D\xd8\x89\xa3}\xfd\xaf\x81\x8c\xc6\x11\x0b\xb2c'</t>
  </si>
  <si>
    <t>b'E-\x9f\x8f\xa4\xa6\xc0(\x96\xfcJs"\x8ft\x1d\x15\xce\xfdV\x8d5\xb0\xfbSjbg\xd2\xdf\xdb\xf6'</t>
  </si>
  <si>
    <t>b'\x8a\xc2v\\\xdax%7\x1dN\xfc\xc39\xba\xa6p\x9a\x91\xf1`\xa1.\x90\xf6\x0e=B\xc0\x8ax\x1d\xaa'</t>
  </si>
  <si>
    <t>b'_\x91\xae\x00\xc0\xbe\x8d\x96\xbf\x87\x83d/\xd4} \x9f\xc2e\x19\x02\xaey\xf8\x8f&gt;\xa3\xba\xcf\xd1\xfd\xc7'</t>
  </si>
  <si>
    <t>b'\xf8U\x9c\xae\xdd\xf4\xb0i\xb9W\xd4\xd7\xbbz]:\xff\xa3C\x9e\x0f\x82\x9e;y1+\xae\xbb\xc8\xb9\xec'</t>
  </si>
  <si>
    <t>b'\x16\xef\x9f\xc2\xf3 Fg\x1c\x98lB\x8a&lt;\xb2\xf5!\xe7\x13\xf6d\xf8\xe1\xeb\xfdC\xf1\xaf\x1d%)v'</t>
  </si>
  <si>
    <t>b'\x7f\xf4\xf1`\x84\xc1\x95\xb7\x05\x98\x80\xa1\xb2I\xc5\xd0\xf9M\xc6~\xba\xd7\x967\x93]}h\xaa\xbf\x8a\x11'</t>
  </si>
  <si>
    <t>b'\xd4\n\x93\x0f\xee]S\x0bX5\xd7\x89\xb9M\x15i\x80B\xd3C`B\x10\xdc\xdc\xbc\x02\xbd^\x93\xfbA'</t>
  </si>
  <si>
    <t>b'\xa8\xf20J33V\xefS\xca\x1d\xa4_\x81\x9e\xec1\xebi&amp;\xfes^\t\x88\xe5&lt;k\xea\xb7X\x8f'</t>
  </si>
  <si>
    <t>b'l\xdcK0\x06\xb3)\x0c+k\x14&gt;\xe1\xec\x95\x8a\x88\xb3\xb8\xf0\xaae\xb3\t\x93\x10\xf9\x91\xf2\x06\xa9U'</t>
  </si>
  <si>
    <t>b'q\xe7\xb7@\x0b\xa9\xfe\x8eZ\xe0|s\xfa\xbc\xce\xd7$\xc1\\\xebK\xf0o\x82\x0f\x88\xb3\x907\xeck\xe8'</t>
  </si>
  <si>
    <t>b"\x9e=\xe0\xe5\x0c:'\x1f\x05\xec6\xd9\x1cY\xcd\xfe\xbd\x0b\xe2\xfe\xb1.\xb6\xd9\xf4\x94\xf4$\x1e\xb7\xad\xb8"</t>
  </si>
  <si>
    <t>b'\x94C\xe10\x84\xc6\x87^\x9f\xb9\xdfH\xdeD\xe9\xd6(\x9a\xf3B`\x8c\x93\xf9\xc8\x88\x97A\xd38\x05\x1e'</t>
  </si>
  <si>
    <t>b'\xcc\xe2UR\xed\xf4B\xe1\x85\xb5\x95\xcdH~\x1c\xf3\x81\xfe\x06\xcb$\xc5\x12D\xefJ%\x0cz\x18\xcc\xd3'</t>
  </si>
  <si>
    <t>b'\xe2?\x18gY\xc1@m(\xa66\xc4N\xf9\x9a\xc0\xd9\xab\xbf\xcc\x90\xe2\x18\xcd\x92Dw\x9bQ\x13Y\x0c'</t>
  </si>
  <si>
    <t>b"=\x15\x8b\xd7%\xaf(\x0e\x9d\x1cd6J\xd5\xec\x97ab\xbf\x8d\xc4\xea.'{m\x9cP\xae\x9aJ\xc6"</t>
  </si>
  <si>
    <t>debt conladation</t>
  </si>
  <si>
    <t>b'C\xa7~~g\xbd\x9e\xc9\xf4p\xc4M\x96\xb7\xd6\xc4\x8e-\xb4P\x0f\x1d\xb3\xb4K\x826\xe5\xbf[-&amp;'</t>
  </si>
  <si>
    <t>b'\xeb8.\n&lt;\xd1g&gt;w\r\xeeB\xd5\xb6\xa4N\xcd\xa27zRw\xed\xc9eZ\xba\xf0\xa0\xc4\xf0\xcc'</t>
  </si>
  <si>
    <t>b'\xb3:\x87u\x15\x18w\x81#\x17\xa4\xc2\x9a_\xe5"\x84\x1d\x0f\xa1\xaf\xd2\x14j\xc4C\xf3\xa9X\xad\x03\xc0'</t>
  </si>
  <si>
    <t>b'\x87\x05 \xa7\xae\x17f\xf3\xf1\x1cf\xef!2\xb3\x0f\x13\xcaR\xd9\x83\x92LH.iH \x95\x85\x99/'</t>
  </si>
  <si>
    <t>b'\xab\xa7+\xcb0=P\x91\x1b\xbd\x86r\x13t\xa7\x87\x11\xb2\xc4\x1adn\t\xe3\xbc\x1dK\xfb\xe7Y\xa5\xfd'</t>
  </si>
  <si>
    <t>b'\x1e\xf1\xe8A\xbcq\xca\x84\x12\x14\xe2\ni\xd2p\xa0I\xaf!\xdeTf\xfc\x0f8X\xeb\xaaK8dr'</t>
  </si>
  <si>
    <t>truck repair</t>
  </si>
  <si>
    <t>b'&gt;E\xe2\xd1\xe6\x9c\xed\xab\xd0\x9f\xf8\x0e\x8d\x9c\xa7_\xfej\xd0\x1d\xd5[k\x00&gt;\x13\xba|\xd1\x9c\xae\x81'</t>
  </si>
  <si>
    <t>b'g\x16 \x9a\xc0\xcc\xc6\xc3\x8em"\xbd\xd0\xa3-\xc0\xeag\'0\x17w\x8c\xb8F\xa1w$\xbe\x87\xf2\xdb'</t>
  </si>
  <si>
    <t>b'\xe3\xb3\x83\t\xd2\xbcG\x9d`\x19\x1bMd\xe7yB\xbe\xect\xdb \xfc\xcbd=PgAO\x98\xf7\xce'</t>
  </si>
  <si>
    <t>b'\x8eU\xd5~!\xdb\x88\xbb\x14\xddHBi\x0e\x8dM\xc6`\xf7\x00\xb4\x0b\xa7.\x91k\xd2\x88\xb1\xc7\x91y'</t>
  </si>
  <si>
    <t>b'\xe9\x9a"\x01\xac\x06\x13\xd8\xcdH\xdd\xb9\x1a@\x0eW\xa2x\x13\xc7E\xea\x8b!\x9f\x96\xfd\xc0\x08X\xd6\xba'</t>
  </si>
  <si>
    <t>b'h*\xeb\xc3\xca\x08\xdb\x17\xd0\xbe?\x06S\xf8DiF\xa6\xd6\xc5\\\xbd\xb8\x19 x\xe03O\x9c#\xd5'</t>
  </si>
  <si>
    <t>b'&gt;\x92\xdd9\r\x1d\xe2\xeb\xa9\x16q3\xf6E\x83\x01\xa2\xcbj\x16\xe7\xf5\x8bqM\xbb\xee\xc1:m\x82\xca'</t>
  </si>
  <si>
    <t>Aquarium</t>
  </si>
  <si>
    <t>b'\xbb\xc7i\xd5\xff\x02!\xe1\x1b\x9a\x13\xf9&lt;\x19\xf54\xca\xf3&lt;\xead+\x1a\xc0\x8b\xf6\xd2\x07\nJ\xed\xe0'</t>
  </si>
  <si>
    <t>b'\x80\x08V\xc5\xac\x96\xdb34\x01+&gt;\xdd\xdcB\xa2\x9b"\r\x17\x12Jg\xbd\xf2\xaf\xa5\xab\xd51\xa9]'</t>
  </si>
  <si>
    <t>b'\x15a(\x06y`z"\xf2\xb2\\\xab8\xdd\x04/3h\x9fZ\xc8\x06q\x11\x86]}\xeb\xe2/\xfe\xad'</t>
  </si>
  <si>
    <t>b'\xf4\xb6\xb6#\xb4o\xeb\x99\x0ew\xee"\xbf\xde\xa3\xe1\xac\xae\x19\xa3\x12(\x8d\xc0\x0f\x14&amp;\x84r\xc6(\xe7'</t>
  </si>
  <si>
    <t>b'\xdf\xdfOl&amp;\x82\x99yqO+(\xe5\xc8m~\xfa%\xda\x81\x06ZS|\n\xc2|\x9c\xcb\x88\xf3\x91'</t>
  </si>
  <si>
    <t>b'\xc7\xda\xcb\xa4\xa4\x83\x02\xf4#D\xf5\xea22H\x9c\xbb\xa1e0\xf9\xf8zG.A\\\xaa\xb9\xa5yH'</t>
  </si>
  <si>
    <t>b'\xf5u\xcd\x98\x90=s\xed\xdfdB&amp;\xedT\xb8v\xb8\xfbJ\x8a\xa5\xf4\x1bK\xf7\xc0\x19zm\x15(\xcb'</t>
  </si>
  <si>
    <t>b'\xdb\xe7\x15\x8d\x8e\xf9\x1d0)H\xf1\x9c\x93\xfd\x11\x96g\x7f\xed\xc7\xf7\xa1\x96\x0b1U!\xdb\xf9\xeb5\xf0'</t>
  </si>
  <si>
    <t>b'\x8c`\xe1\x8c\xc9.a\xb7\xacm,&gt;\xa91\x10\x9ap\xa9\\\x84\x02\xaa/`\xb9\x18\xcb\x98\xfb\x99Zu'</t>
  </si>
  <si>
    <t>b'r~\x7f\x9e\x8c\xe0\x90\xf3WG\xaa\x90]\x9f\xdf\x04\x7f\xdad\x16\xf8\xc9\x92\x85{\x7f\xec\x01\x94\xec\x18\x99'</t>
  </si>
  <si>
    <t>b'\x96\x82F34\xde\x85\x9c`\xba\xf9\x80\xcb\xb1\t\xef\x81BPZ"\xc2\xd9#\x94\x0b\xd6E\xcd,\xba\xea'</t>
  </si>
  <si>
    <t>b'\xde\xfaL\xa08\xa1\xb4A\x03a\xa25\xc4z\xaa\xb9J\xb5]\xb0H\xaaa^\xd0:\x90\x95i\xaes\x97'</t>
  </si>
  <si>
    <t>b'7\xf5\xb1I\x81\xfb\xc8\xc3O]\xae#:\x0f\xa6\xd7\xf3$\xfcY#\xccIVe1\x961\xc9\xa6#\xf0'</t>
  </si>
  <si>
    <t>b'\xd0\xbc\xf1\x10\xf6UN\xe6\x02\x0b@\xa8!\xf9\x10\x9c{\xc1\xba\xe0O\xd7\xa2\x87X#\xfdM\xd8U^m'</t>
  </si>
  <si>
    <t>b'c$\xd71\xc9\x9c\xc8J\x90\x977h\x97\x0f\xf5f\x1a/\xa0\xac\xe4I\x8c\xce\x8a_\x8fv\xcf/y]'</t>
  </si>
  <si>
    <t>b'l\xa1s\xbd?\xbf\tO\xc2p\x10\xa0\xa2z\x8b\xd4\x9a\x1b\xad\xbe\xc6h2\xfb\x9d\xbe\xb1m\xd7\xe0/C'</t>
  </si>
  <si>
    <t>b'\x06\x86\x068\xd4\xa8\x89]H\x16-\x8f\x15\x95D\x10\xe3G\x85\x11\xd5\xfd\xeb&amp;E\x1cCt\x14U\xab\xa1'</t>
  </si>
  <si>
    <t>b'r~g\xb78y\x89\x88P\xac"D\x1aO\x1eW"\rF\xa1\xa6\xb20z\x92{\x0f\x17N\x93\\/'</t>
  </si>
  <si>
    <t>b'"\xde\xb0C\x8d\xfe-:\x074g\x81\xbf\xcas\xd5\x07\xd8:\xfb\xcf\x17m\x16\xb3 \xa7\xf7*\x90\xd8\x9e'</t>
  </si>
  <si>
    <t>b'\x01\xad\xd1\xbf\xfb\x000J\x9a\xd6\xd9\xcd\xb9_\x8e\x0b\xa1\x1a\xe8\x9fw=\xf2\xa7N\xd7\xc2wuZQ\xeb'</t>
  </si>
  <si>
    <t>b'\xdb\x03nhq2\xa4&lt;I\xef,\x97\xb1\xfa #\x93 j\xeb\x1b\x13\x10r\xfc\x92\xee\x81"\x88A\xe4'</t>
  </si>
  <si>
    <t>Consolidate Previous Loan and Lower Pay</t>
  </si>
  <si>
    <t>b'\xb6zf\x15b\xf4_@;\x14I\x81x\xde\x8bNR\xbf*\xbe\xc1\x9c\x1fEk\xa8\xc0\xe7\x97\x1f\x06\x85'</t>
  </si>
  <si>
    <t>b"\xb5\xfafm\xc9O\xd9\x08F\x15\r\x8f\xee\x0e\xb9\xdeK\xc6\xac'&amp;!W\x14\x99b0\x83\xb6\x8c\xa6\xd8"</t>
  </si>
  <si>
    <t>Lower My Debt Faster</t>
  </si>
  <si>
    <t>b'\x04\x91\xf1\xa1\x18\xfe\xa7B{9\xbe#\x87\x9e\x1d\xef|\x96\x87*.\xe1\xff\\\xf2vv\xaf\x9b\x96\xbe6'</t>
  </si>
  <si>
    <t>b'\x9a|\x97h\x10\x068\xb1\xe8\x8f\x97\xce\xb5\x87t\xfb\xf7T]\x18b_\xc1\xa2\xa0fYiG\x16\x1e\x02'</t>
  </si>
  <si>
    <t>b"{=\x13\xcd+\xe3\x0fo\xe0\xe8'J\xd5h\xbc\x08\xc0Ya\xc6#\x9c\x99\x91(~\x10\xb5F_mG"</t>
  </si>
  <si>
    <t>b"\xaa\xf2'\xdc\xefs\xe7q\x1c?\xf7L\x0b\xa5\xfb\xc0\xe3\xbd\xce\xb6\x8c\xa9\x0b\xc3T4[\x93\x06)&amp;\x03"</t>
  </si>
  <si>
    <t>b'\x8f\xddE\x14in\x16\xb2\x8a\r\xcb\x95\xdanh\x196\xccP\xed?!6\xe1\xad\xb2\xa8\xcc?\x9e&gt;\xe1'</t>
  </si>
  <si>
    <t>b'\xa10\xa9\x96o\x86\xef\x06\r*p\xc0\xef&lt;\xce\x05\x91\xdf-\x8a\x85-\xce\xc2\xad\x1c\xfbhiaH\xdf'</t>
  </si>
  <si>
    <t>b'Zq\x7f\x9c\xe9iYi\x9e\xbd\xf6J$\xd8fV\x10x\xfe\x9d\xf6\xa2\x0fKQ}\xa5\x98|\xeeL\x91'</t>
  </si>
  <si>
    <t>b"$\xe3\x9c'z6\x92\xe6\x00\x87B\xad\x91\xbdh\xd5\xa9\xf1/\x9f\x96\x97\x7f7\xd7\x86%\x9a\xab(\x82D"</t>
  </si>
  <si>
    <t>b'2\xc8\\\x11;}\x8e\xff\xfd\x93@\xf3,8h\xb7\xfe\xe7\n\x0cu\\\x17\xa2\x12\xb2\xaf\xa7\xc9j\xbb\xe5'</t>
  </si>
  <si>
    <t>b"%l\xcec-\xc7\x99\xe76\xb7\xfa\x86G\xd4'\xa8\x80{\x15\xc4\xa4/5\xe5\xeb\x16e\x9a\xd3^U\x13"</t>
  </si>
  <si>
    <t>Credit debt consolidation loan</t>
  </si>
  <si>
    <t>b'+\xa9\xcf6\x9b\xbf-\xcb\xc1\x03\x1b|iSj`m\xd4\xf7\xe3c\xd4`\xef-#\x93\xb9\xe9jtW'</t>
  </si>
  <si>
    <t>b'\xb0i\xbe\xe2\x17\xaf\xb1\xc7\x8f\xcf)\x89\x04\x97c\x04e\x04\x1a&gt;\xa5R\x82%\xc5\xb9;\xcb!\xc88\xf4'</t>
  </si>
  <si>
    <t>b'Yk4h\x85\xec\xa0\x85\x81\xd1\x91\x17\xbaPf{\x9b\xbaW\x01\xf4-p\xde[\xe4\xae\x88A\xc3\xda\x8d'</t>
  </si>
  <si>
    <t>b'\x9a\x8e\x85`4\x85F}]\x98\x1d\xa3L}&gt;\xfa\x1f\xae\xcepI\xecl\xc8:Q&amp;U\x10P\xf2\x95'</t>
  </si>
  <si>
    <t>b'T7}H\xe9X\xfa\x15\xf9\xa5\x19D\xfc\x1d\xbe{\xebl\x17\x05\xdbHlJ\x00r\xaeVQ\xc7R\xb0'</t>
  </si>
  <si>
    <t>b'\xcb\x17\xe94\x95\xab\xdb@\xd2\xd2\x1a\xd5\x83\x82\xc9\xd2\xb4\xc6\xcf\x93\xf3n\xbaA\x84\xefY\xa1\x90\xe3\xdc\xb3'</t>
  </si>
  <si>
    <t>b'\xd2\x1a\xf0\xd0$y\xe6\x9c\x98\xd3\xb1\xae\xb9Ax\xffk\xf9\xee\xc2\x82\xc9\x8d\x1d\xdb\xa2/0/\x90K\x9c'</t>
  </si>
  <si>
    <t>b'C\xa3\xa2\xd1W\xf5\xf5DL&amp;\xc0\xa4P\r&lt;^^\xd7b\xbeU\xc5\x07\xd2\x00\xab\x802\xb2k]\xa0'</t>
  </si>
  <si>
    <t>b'\xc8l*2l\xbfj\x90\x84H\xa0\x90\xadvC\x81\xe8Cfs\x8a\x86X\xb5\xaf|\xef\x90\xc2\xc4\xa6\xf5'</t>
  </si>
  <si>
    <t>b'\xd0\xef\xa4\x9f\x8cy\xcf\x01J\x158KQ\xe8\xed\x87\x1cZr,p\x15\xc4\xd0\xfe\xd3\x03&lt;u\x88\x15\xdf'</t>
  </si>
  <si>
    <t>b'\xfal%\xb7\xe6\xb7\x01\xc7T\x8e*\xe5\xaa\x97\xd4\xff\xc9\x0b~\x16\xb9\xa5o$]\xabv\xea\xb30\xdfb'</t>
  </si>
  <si>
    <t>b'\xbcE.\x99=\xb7\x8d\x06p\xf10\xd1\xf88{\xd1\x89d\xd5h\x9659\xbc\xe5\x07D\xa7\x80hvg'</t>
  </si>
  <si>
    <t>b'cn\x8a1\x16\xdeF\xd4}6\xbb"\x13\x97g\xd1\x8c+V\x12\x1e\xe3h\x1d\xf7q\xa6{\xf2\xd2gD'</t>
  </si>
  <si>
    <t>b'\xc8\x11Q\xf1P"\xf4\x17\x82\xa4\xcb\x9cc^\xf6\xe9!\xf1\x15g\x1c\x07C\xab\t\x81\xd5\\#\xa4\xbc\x0c'</t>
  </si>
  <si>
    <t xml:space="preserve">Fresh Start to Invest </t>
  </si>
  <si>
    <t>b'\xb5\xc0\x86I\xcd\x9a\x01m\xe9\xdd\xd1B\xe6\xf7\xa2\xbaA\xc0H\xd3[HD \xe1\xf9\x92q\x15\xdcR\xca'</t>
  </si>
  <si>
    <t>b'\xe9{;\x9d\xb1l\xc0\x85%\xdcw\x89\x1d\xb3\xf9\x9c\x9f\r\xd78\x9cMY\r\x8a\xff\x90\x98\xb3\xd0\xd7\x14'</t>
  </si>
  <si>
    <t>b'\xbc\r\xcb"L\x95\x8e\xaf\xc5\xb3\xe1c\x08\xc3?\xb3\xbb_\x06\xba\xc0\x84W\xcb\xbc\x81+s`\x8c7\\'</t>
  </si>
  <si>
    <t>b'\xce\xcb\xb4\xe3\xefWk\x8f\x9a}\xb6\x05B\xc2fs\x92JQ\xc0\xa5\xcaN&gt;\xbd\t&lt;\x11\x1d}\xb89'</t>
  </si>
  <si>
    <t>b'\xb5\x13\x1a\xd1MGx\xed\xfe\xfe\x83\x0e\x9b\r\xdbt\x9f\xdd\x1f&lt;q"\xd1\xb0\x8f\x87\x1a\x89\'\xa1\xe2\xd4'</t>
  </si>
  <si>
    <t>b'\xb0R*]\xb9=\x11\xc9D&lt;(\xe2\x8d\xb5\xf7\x03\xd00\xf9&lt;)\xd6y0\x1a\x8d\x92\xb7oKy\xde'</t>
  </si>
  <si>
    <t>b'\xd9\xf8?LI\xa4\x18\xf2\x88s\xc7\x8a\x83Q\xd2\xe5\n\x06\x92\xf2I)GY\xa19\x8f\xfc,,F\xaa'</t>
  </si>
  <si>
    <t>b'\xf9\xc7\x15\xeb?W\xbf\xb5\xdal\xb9\xdc\x87\x98\r\xc8\xb2#A\xb3;s\x8c\rC\xc6\nQ`5}&lt;'</t>
  </si>
  <si>
    <t>b'\x9b\x9f\x83 \x0c\x04D\x91\xddZ\x84A$\xd5\x1dq8{\xe6O\x11\xae\xb9\xec\xb1\xc1\xe8\x88\x92R\xee\xc5'</t>
  </si>
  <si>
    <t>b'V~\xb0#\x16 T9Q\x0f\xf5\x02\xed\xba\xefa\xd5z\x8f;\xb2\xd5]c\x04\x89h\xc0\xfcR\x12\xb9'</t>
  </si>
  <si>
    <t>b'\x01\xaeU\xa4\xe1\x90+\x14\r\xed\xfcb\xc1M\xf8\xbd\xf1\xed\xdb\x90\xa5#\x84\x0be\xcc\x1d\xab\xc7\xee\xa7:'</t>
  </si>
  <si>
    <t>Get these cards paid off!</t>
  </si>
  <si>
    <t>b'\xc5$\xa90\x02\xfe\x0e\xa4,o\xdd\xc4n\xe6Y\xdc\xaehb\x8a\x86\xc3MX\x16\x8do/\xe5\xe1~\t'</t>
  </si>
  <si>
    <t>No More Debt</t>
  </si>
  <si>
    <t>b'~\xb3\xd1@x\x98\xd4\x92|\x0ep\xe5\x18\xdeo\xabN@\x11\x8c\xc2a\xae\x94?\x06\x84KG\r3\xe3'</t>
  </si>
  <si>
    <t>b'\xa7\xce\xd6\x1dyR\x7fCj^\xd1\xea\x8d0\xdaPD\xcf(\xab\xab\xc4=Y\xc9\x13\x19^\xa5\xd5@\xcc'</t>
  </si>
  <si>
    <t>b'\x139\xcfM\x94\x93\xa2\xf1\r\x96g\x17\xf6\xaa\x97\xfdO\xf8\x8eW7\x04\x18\\\xac\xfe`_f\xee\xb3J'</t>
  </si>
  <si>
    <t>b"\x15\x03\xd9\xe7\x00\xfd'\x07b\xa0\xc8\xe7N\xf1[m\xbd\xb5\xe3{\x9d\xf4\xe8\xa0N\xc2\x9cV\xa8\xb7\tk"</t>
  </si>
  <si>
    <t>b"\xf29 \xae\xb5\x9a\xa5c\x04\x99\xcf\xe6\xbd~8Y\xb8Ye.I\x90\xfc\xb6\x1e\x1dH\xa2\x01'\n\x07"</t>
  </si>
  <si>
    <t>b'\xf5\x1ek_Qf\x7f7\xeb\xc0\xb6\xe1_?K\xc5\x13\xd2i\x02Y\xae\xe9\xc8\x99u\x99\x89.\x13\x14\xa9'</t>
  </si>
  <si>
    <t>b'\x9dB\xa1\xb4\x1d_\xf7\xed\x17\xb12\xe4\xf2\xe6\x92m\xb9l=\xfa\x13\xd3\xca\xd4\x95{\xbc.\xee\x1c\x10-'</t>
  </si>
  <si>
    <t>b'\xf0\xc3\x00\xdc,\x93\x1f\xa0\xe5H\xfa\x16y\x08Y\x9c\x1c\x0c+)z\x14\xd5\xe0\xf0\xf8\x00\xc3\xcf\x82\xbb~'</t>
  </si>
  <si>
    <t>b'\xca\x15xx\xd8c\xc1\xa7*V\x8b\xc4v\x8aq\x9c\x1b\xd8\xdc\xa0{\xb8!T\xd0\xcf\x0b\x93\x95 \x03L'</t>
  </si>
  <si>
    <t>b"\xe5F\x7f\x16\xfdf\xe1\xeco^\x8d\xfc\x15\x97\xa6\xc7\x9b\xcb\xce\xfe\x9cr\xc8\xde\xa3'\xf9\xc6\xc9\x87\xef\x16"</t>
  </si>
  <si>
    <t>b"q\x1a\xce\x00m\xc97x{\x13\x0e\xd2'9\xf8\xdeFKv\x9fz\x98\xc4\x84\t\xb6\x1d\x99\xf6\xa0\xa9\xc2"</t>
  </si>
  <si>
    <t>b'\xf0,\xc9-\xde\xf7y\x05\xf1\x97\x8a\xac(7K\xfd\xfdZ\x04\xcar\t~S\xcdQT+\x11\xcb[\x84'</t>
  </si>
  <si>
    <t>b'Mj\xca\xd6\x9bg\xee\x0e}\xa7?&lt;\xd6H\xf4a\x92\x12\xea\xc2\xb1V)\x8bHa\xd3\xea\xa7\xbb\xb0x'</t>
  </si>
  <si>
    <t>b'^#\x16P*\xf9\x9d\x0e\xa2\xfa6\xb3\x0e\r\x7f\x04\r\xe4\xab\xb6\x8f\xd9\xaaL\x14\xca\xb0!\xea8)\xce'</t>
  </si>
  <si>
    <t>b'\xefL\x928)\x12\xa9\xbc\xaan8\xb0b\xa1\xac~\x9b\\\xf3\xb5\x19\xc9\xf5\x11\xb1\x95\xbej\xe9\xce\x14p'</t>
  </si>
  <si>
    <t>b'0\xb4\x99\xceN\xf7\xe8\n\x98\xa5\xce|\x98O\x9c\x9e$\x8dA\x1c{\x1e\xa7\xff\xc2\xcb,\t\xe5&gt;\x9c\x91'</t>
  </si>
  <si>
    <t>b'+\x0b\xaco\xe9,\x89N1\xe3\xc9*\xc5g\x0f+\xdfbJq\xb9\xdb\xe1\x07\x884~\x1d\xe6\xa3/\xe9'</t>
  </si>
  <si>
    <t>b'\x8c,(r\x80!\xdeM\xeb\xd5\x16\xe5*\x99k\xd3~E\x15\xd3\xff\xf2\xbfl\x85\xacb\x97\x88\xdf\xbf&lt;'</t>
  </si>
  <si>
    <t>Citi Personal Loan</t>
  </si>
  <si>
    <t>b'\xae[^\xfb6\x99-\x85U\xd7\x03\xa7\xbb\x18\x0b)\x96\xa5Y\xb1\x94(\x0e\xa6\x1cyi\x02$\x1f\xd5$'</t>
  </si>
  <si>
    <t>b'D\xc2\x07\x9e&gt;\xd0F\x8e\xde\xa9\x10\xf7\xea~.]\x06N\xbf\x9a\xaa\xba\xe2a$\xdb[Xa\xf0R\xf3'</t>
  </si>
  <si>
    <t>b'\x8e\xe0L\rf\x06\xc5\xd51G,\xad\x1e[a\xd3\xfb\xcb(\x9e8\x896ul\x03G\xc5\x8c?\x0f\x80'</t>
  </si>
  <si>
    <t>b'g\x9et\x8d\n1\xdc&lt;\x0c\xa9xm\x82\x82$\xe7\xef\xc4\xf7bY\x83\xcet\x81O\xbf\xb9\xd9\xa8\x05j'</t>
  </si>
  <si>
    <t>To put all debt in one payment</t>
  </si>
  <si>
    <t>b"|\x03W\xe5\xc9i_\x05\x99c\x17}\x01\x97\xf6Rk\x8a'\xc6\x96L\xe0mP%\xa7\x1bT\x927\x89"</t>
  </si>
  <si>
    <t>b'\xcf\xb2\xc5J\xc8\xc6@\x9b\xd4\xbd|\x1e\xe1\xa8x6\x82\xdad"yj\xa3\xa6\x00I\x14\xc0\xcb\xac_\xe7'</t>
  </si>
  <si>
    <t>b'\x9a\xdf\xd7"\xf4\xec\xa2b\xadYr\xd6-\xf7\x98\xf4\xa4\x05\xa8\x18\xf2\xf7K\xfe\xc8\x12\xb7\xbd*&gt;\x98:'</t>
  </si>
  <si>
    <t>b'\xeb\xd3\x1e\xe2\r\x00\xbb\x1e\xbb-tr\xdd\x98"\x91p\x9b\xee\x9f$\x8b\xfe\xa2q\x1f$\x97X\xb8\xe3\x0b'</t>
  </si>
  <si>
    <t>b'G\xdf\xe1\xdb\x0c\xc4Nt\xb3\x03\xe4\x8c\x07\r8./\xf5\xc9O\xf8\x13\xdc\x96\x8cN\x1a\x1f\x15\xd7\xbaF'</t>
  </si>
  <si>
    <t>b'\x10\x90Y\x13\xe3\x7fQ\xd1\x9d\x86\x06\x9a\x08\x0c\xf4\x06R\xf7\x01\xcb]\xc1XM4\x92y1#\xae\xccp'</t>
  </si>
  <si>
    <t>b"*M\x04Hd\r\xc3\x80\x9cb\xbcg\x8a\x11f\xccx\x94\x8f\xbe@Q\x97\xc5 \xb5'&lt;\xd0\xd1\x9bS"</t>
  </si>
  <si>
    <t>Save me</t>
  </si>
  <si>
    <t>b"\xec#\x8a\t:U@Fj\x06\xfd.\x11\xa2;/\xdb;0\xc1\xcc\x84\xfc\xac\x94\xe3\x1a/'?\xdf\x93"</t>
  </si>
  <si>
    <t>b'\xff\xb6\xddM\x0b%?&gt;\x1cC\xba\xdezT_7\xdcZ\xda\xe3\xf2\x1c\xbc\x85o\x1d:\x1f\xe6\t\x9aH'</t>
  </si>
  <si>
    <t>b"y\xd7\xb7\x02\xe2\x1a\x80\xc8\x9d\xde\xe5i'\xa7T\x0c\xc1\xd7)\xc5\xf7\xd7\xb8\x8a_\xa0|\xfd&gt;?\xbe&gt;"</t>
  </si>
  <si>
    <t>b'\\\xe1\xb0\xfb\xb6Dv\xf7\x12\x04\x93\n\xa1\xb7\xe7a\x804\r\xf3\xeb\x93\x0b\x03\xe22\x99s\xbdk\xe7\x1d'</t>
  </si>
  <si>
    <t>b'J%\xe5T\xdc\xecJ\xeeg\x0b7\xa0\xae\x89\x1fz\x0c;\x06\xc9y+\x03\xac\x96\x89\x98q\xfcZ\xab\x88'</t>
  </si>
  <si>
    <t>b'\x13K\xb0\xb6\x07\xf24\x90\xef#\x9e\xcf\xdez\xefQ\xe6+\x0f&lt;\xe6\xf7\xc7\xae{\xd9\xc1\x06Rqo\xac'</t>
  </si>
  <si>
    <t>b'\xc1oMo\xa9\x85\xed@CyA\xf4k\x19\xcb\xef\xc2\x07i\xa0\x173\xe5\x03Z\xd9\xcf\xe4@y\xf0/'</t>
  </si>
  <si>
    <t>Pay All Bills Off</t>
  </si>
  <si>
    <t>b"p\xa1h\x0f\x9cL\xbeN\xaf7\xc8\x97\x8c\xda\x9e\xdf'\xe6\x9f\xf5&gt;\x00\xfe\x1d\xc0^\x82\xce#:\xb1\x88"</t>
  </si>
  <si>
    <t>b'\x8fM\xfeI\xc6h\x97h\xc5\t\xee\xa2\x87\xf7\xf5\xdb\xc8#o\x9c\xd6\x15E\x87\x1c\xc3\xfa\x88MR\xeb\x17'</t>
  </si>
  <si>
    <t>b'3q(\\\x87\xfd|L\xc48\x07\xb98\x1b_F\x95d\x86\x0f\xef\xe8=\xaa\xe3K\x9cf\xda\xf4:\x14'</t>
  </si>
  <si>
    <t>b'1\x82\xf3\xb7\x1f\x18uX\x1e\xe1E\x1a\x8f\xffFiUMeJ\rQ\xbaJ\xaf:\xd6-\x0eT\x7f\xa2'</t>
  </si>
  <si>
    <t>b'N\xab\xfa\x84\x8e\xee\x1e&lt;\xbee\x98\xa1\xcd\xfe\xf6?\r\x9c\xa7hw\xa2?q\xa2\xf8\xda5\x8e\x90f\xa7'</t>
  </si>
  <si>
    <t>b'"\xfa\xa0&lt;\xdf\xd7\xe4\x16\xe8\x15\xfd\x87\xc1\xa0j\xd0c\x11\xee\x97\'O\x01\x0f \x8ci\xf4*\x0bQ\x96'</t>
  </si>
  <si>
    <t>b'x!\x00\xac\x15\x1cp\x83\x1e\xa1\x18f&lt;\xfa!\x07\xd1\x7f\x9b\xe9\xc6\x14\xb0&amp;t\xdbiP\xe2\xf3\x16\xf0'</t>
  </si>
  <si>
    <t>b'\xaf\xc3\xda,o\xf1"\xb7\xe92\xb3\x97\xdb!\x95IM\xe8F\x8c\x84\n\x8f]\xf6\xa4?\x11\x8c*\xde\x07'</t>
  </si>
  <si>
    <t>b'\x9b\x1dmA\xfb=j\xba\xa4\xc3HL\x99\x88\x0e$\xd2\x80\xae&amp;^\xefW,\x89\n/D\xbd\xef\x1c\x07'</t>
  </si>
  <si>
    <t>b'\x9fV\xc5\xcauS\x9e\xeev\x1c\\9Wn\xaaV\xbe\xa3\x8c\xce||\x1e5\x98\x85\xc8\xae\xc0*\r '</t>
  </si>
  <si>
    <t>b'\xe2\x15a)ll\x0c\x88\x1a\x87\x1e\x1f`\xfd\xd4\xe2\xbb\xbe\xad\x98\xdf\xca\x0fz\x94\x1a\xb47\x7f\xcd\xe8\x87'</t>
  </si>
  <si>
    <t>DC loan</t>
  </si>
  <si>
    <t>b'N\xd0b\x0b\xe0\xd9F\x13\xb4\xb0\xd3\xb6\xd1\xa5J\xc7\x93\x93O\xb9\xaee\xd5\x073T\xb2#\x0c\x854\x83'</t>
  </si>
  <si>
    <t>vwloan</t>
  </si>
  <si>
    <t>b'\x01\x0c\xd4\xfe\xe6e\xe9\xfa\xce\xbc\xe5\x90\x12IS)\x00\xdb\xec\xcc\xea\xe9\xdc\x19\xc9j\xff\xb4\xf6\x80\xa6\xa6'</t>
  </si>
  <si>
    <t>b'\xc4\x01\xf5\x04\xc9J.\xc52\xacV"\xce}\\\xe3t\xa5\x8fC\x93\xec/\x82V\x1b\xfa\xc7\x05\x92c4'</t>
  </si>
  <si>
    <t>b'^n\x90\x8bw\x19\xfcf\xd7\xa2/\xd4\x00wz&lt;AZk/\x97\x9e\x9b&lt;ie\xcf6\x07i\xcdQ'</t>
  </si>
  <si>
    <t>b'\xc2\xfa\xba\x13f\xf6\x8bsr\x9fb_\x85c\x16l\x99\x00n\x9al\xd7UK\x01\xeb\xb5\xda\x00:\xf6\xed'</t>
  </si>
  <si>
    <t>b"\xa59\xe5}zH-\xb8v\x96\xf9\x0b\xf2\xa0\xc4I,)!'\x1a\xbb\xb8Y\x11\xfd\xc3\xdfJ\xff a"</t>
  </si>
  <si>
    <t>b"~\xf7\xfcH\xee@\x14\xe7\x9e\xb1\xd8\x0c'\xb8\xed#@\xbd\\\xd4\xfe\xf0\xb6\x17\x8f4 B=\xe8\xaeJ"</t>
  </si>
  <si>
    <t>b'\xb5\x1f\xb2\xa3\x1f]\xe6 \xad\x14\xea\xdb\x8e\xc0\x00\xect%\xc6\x99c\xc9i\xeb\xe4u\xb0WZ\xa4g8'</t>
  </si>
  <si>
    <t>b'\xc6*\xc2lz\x955\xbd\x0c\xd6\xbc\xe16H\xfcDE\xfa\x82\x9e\x9cf\xa0@p\x96\xd0\xbaj\xb7\x9e&amp;'</t>
  </si>
  <si>
    <t>b'I)\x16\xcd&amp;[G\x07\xdde\xa2\xf9\xf9i\\i\xd8\x03x\xcc\x0f\x13\xe3\x87\x87uTs\xd3\x92X\xe1'</t>
  </si>
  <si>
    <t>b'\x9a\x14\xe1]\x18J\x86J\xc4\xe3\xf9tt\xd4i\xd87M\xc8\xaf\x8c\x11+\xc0\x9d&lt;\x1d\xf4\x00\xae\xf8\xb6'</t>
  </si>
  <si>
    <t>b'\xf1\xa3\x17S\x02$\xf9*v|\xaapR\x10\x97;ZF\xf4\xe5\xbf\xc4\xde\x85\x9a\xc3\x89Y&amp;\xb4\xed\x0b'</t>
  </si>
  <si>
    <t>b'\xce\x07tY\xda\xed\xb6\x11\xc0\xba\xb6\x86\xbao\xcc[\xf1\xb9@\xba\x92\x13e\xee\x85*g\xf0B\xca\xd4\x0e'</t>
  </si>
  <si>
    <t>b'\xb3V\x85*\xed\xbd\x84\xba=\x8f`\x99\xf9e\xb9\t\x7f:\x1dP\xbe13\xbbo\xb3B\x0eOv2\xa4'</t>
  </si>
  <si>
    <t>b'.3\t8\xd7\x1d\x94r7ms\xeb[\xd6P\x10\xc3wz\x9a\xac\xc2\x8e]\x05K\xb3\x11L\xad\x9b\x07'</t>
  </si>
  <si>
    <t>b'\xceI2\xf5b\xd4~\xc4\xeb\xf1#\x87\x16[s\xae\x06\xa5\xea\xfa\xf2Asv\xe4\x91;\xbd&gt;\x0b\xff='</t>
  </si>
  <si>
    <t>b'84\xf0\r\xf7&lt;\xe8\xa29\xe3\x1f\xf2\x86\x1f\xf9\x10\xdc\xdd\xde\xfc\xa4\xc19\x8c\xc8&lt;\xf4\xed]9\x98\xa4'</t>
  </si>
  <si>
    <t>b'T\x10\xe8\xaf=\x99X\xaf\x15^\xe6\xd5p\t\xb9i\xd0\xd5\x14??\xf7e\xdf\xf5$\xbep\xbc\x94?Q'</t>
  </si>
  <si>
    <t>b'R\x0e$\x1f\xa1@\xc1\xd3.\xe5\xfd\x9bA\x93_\x04\xd3\xe3\x0e\xb1q\xfa\xfbS0\x18U\x92\xe4\x90\xcfZ'</t>
  </si>
  <si>
    <t>b'\x95TZ\x9e\x9e1X&lt;\x07,\xb6\x93A(b&gt;\xae\xf2\x044\xba\xa9\x15\xe0\x0c\xf2\xa6{\x89&amp;p\xdc'</t>
  </si>
  <si>
    <t>b'\x0c\xa6\xbbc\x05\x94Y&gt;\xbe\x9dt\xfe\xeb\x17\xc5N\x94\xef\x18R\xd8\xe1Z\x0b.\xaf\x0f#\xc7\x17\xc8\xe3'</t>
  </si>
  <si>
    <t>b'\xd1,W=\xb0/\x13A\x91\x1e~3x\xa5\x1c\xf5)\x03l\x90A\\\x87}\xb8\x1c\xa1\xcc\xf8\x7f\x16\xb8'</t>
  </si>
  <si>
    <t>Operation Freedom</t>
  </si>
  <si>
    <t>b'\xb8\xae\xed&amp;\x16%G\x0b:\xb0\x07\x04\x86\xa5\xe8i\x15\x90wHO\xd4G\xadI0}\x9b\xa1\xb3vy'</t>
  </si>
  <si>
    <t>CC Loan Consolidation</t>
  </si>
  <si>
    <t>b'\xed\x14K\xc6?\xa1\xf7\xed\x1c\xc9\x9f\x05\xc5\xa1\xd2A\xe3\xbb|\x82i\x1c\x8e\xa7\xfbe\xa0\x8e\xd6`\xc0@'</t>
  </si>
  <si>
    <t>b'\x1c\x9c\xaa\xfb(\xb4\x9a\xc9:\x87;\xd5s]\xf1\xf7{&gt;rUpp\x96\x99\xb9\xab\xceq$\x00\xc5#'</t>
  </si>
  <si>
    <t>b'(I\xdc\x1dL3\x18\x151\xf54\xd1&lt;[Xz\xe3\xfa\xb1\xba\xd4\x8fe\x92\xfc-\xcb1\x7f\xf8\\\xe0'</t>
  </si>
  <si>
    <t>b'\x92j7\xce\xb1\x9f\xc13m"\xd8\x14B\x8c7p\xd9\xb2\x0b\t\xf5\x1c{-\x11\x1a\xac+\xd2&gt;s\xcc'</t>
  </si>
  <si>
    <t>b'i\x16\xfeX\xc5\xf6\xa8\xb9Zq\x18U\xda\\&amp;]\x04\xb5X4\x1a\x1bT&lt;\x13C\xf3/Q\x1c\xb7\r'</t>
  </si>
  <si>
    <t>b':\xa3fS\xf2b[\x1d\x07\xe1:\xcbhip\xcc\xf5\xe8$9\xed\x80\xca(x\xa8(\x16z\xfd\xb8e'</t>
  </si>
  <si>
    <t>b'\xef\xca\xaf[\x8fj\xba\xb9\x83\x84\x06\xcd\x8e\xaf\x88\xb5\xcaS\xb9\x106\x9e\x14`\x0e\x98C\x89\x9a{\x87\xa5'</t>
  </si>
  <si>
    <t>b'\xbeANz0\xd8\xcbA\xb1`$\xb9H\x99p\xc4\xd2\xc7.\xbae\xaa+\x0c\x18]\xe7\x91JUd\x1d'</t>
  </si>
  <si>
    <t>b'\x08\xaf?\x1fD[\x9e\x99K\r\x9b\x92n\xf2"q\xd7\x1c\xf7T\xa2\xeb\r\xae\x10\x1b4\xf7\xdaxL\xfa'</t>
  </si>
  <si>
    <t>b'\xa5"@\xa2WQ#}\xa6\xdfqs\x13IZ\x0b\xecn\xb2\xe2u\xaf\x9a\x8f\xa9\x18\xc0k\x8d\x80\xc0\x08'</t>
  </si>
  <si>
    <t>Home Repair</t>
  </si>
  <si>
    <t>b'\x1d&gt;\x05q\xd9\xe4\x91\x9c\xb7\xd7\x89\xfbqBp\xe9\xa4\xaf\xca\xe2o\xea\xab\xe5\xbf\xabK\x9f\xcd\x8f\x9b:'</t>
  </si>
  <si>
    <t>b'W\xdb\xb0\x8ex\xf4\xcdm\x1a\xc6v\x13Q\xc89\x9d\xa6\xc6\xb7n\xe3\x82B\xc3Z\xc8\xb9SB\xfcx\xb7'</t>
  </si>
  <si>
    <t>b'\n\xb2\xb7\xc0(\xe0\xd4t\xcdN\x82\x0c\x1b"\x1f\x82\xd8\xc6dZTb\xefh6\x8ar&amp;\xfa\x80\x99\xed'</t>
  </si>
  <si>
    <t>b'EOWmi\x8c\xd5\x01\xdd\x8aVG\x92Q\xba\x072X\xbd\xd9\xa00B\xab\xcd:\xf9\xf7\x12:\x8e\x81'</t>
  </si>
  <si>
    <t>b'\xb1\x1e\xb0\xa3\xcc&lt;rq\xb6\xe8e\xf9\x0eG`U_\x08\x1ex\xbfu]\xda#\xec\x17\xbb\x110\x97\xff'</t>
  </si>
  <si>
    <t>b'&lt;@\x95\xa2\xc6\xe6\x15j)e\x1c\x90^\xf4\x1dl\x19\xdd\x08\x7f\x9c0_ z\xc3a;\xa1\xb6\xa09'</t>
  </si>
  <si>
    <t>b'YX\x12[\xc9\x81\xabELp\nCw\x9f\xfb\x93\xc6Y\x12\xf8\x01\x9aS\x1c_\xdc\x07\xdf\x1c\x9d\xfd\xa4'</t>
  </si>
  <si>
    <t>b'uW^\xd2\xd6\xd9\xf3\xcf\xfb\xb0}\x9d\t\xd3\xcaj\xb4\x8e\x0fg \xee\xb1y\xcb\x7f\xc5\xee\x96\xd0\t\xce'</t>
  </si>
  <si>
    <t>b"\x1f\r\xe3\xd4'4H:\xbd&gt;\x81i\xca\xb1$\x9e\xbc\xd6\x8cvA\xa0\x10\xc3\xd3]2\xc6\xb1\x90\xf9\x90"</t>
  </si>
  <si>
    <t>b'\xbe\xb6N\xd3\x0b\x86\x9fZ\x00\xbb\xc8\x01\x9b\xa6\x128\x10\xc9\xaaak\x9eu\x84\\fEBA\xaa\xe1)'</t>
  </si>
  <si>
    <t>b'U\x82\x10.\xda\xed\xb4\xce\xe8R\xb8\xa3\xee\xf2W\xddY\xf5\xae \xe3\xde\x0b\x18\xc5\xb2S\xcb\xd9\xb6\xe4\xe9'</t>
  </si>
  <si>
    <t>b'\x98N\xf4\xffwlKOKa\x87\xcfjnT\xda\xbe\xbc@\x84@\xfc\xd1Y(\xc68j[\r\xa0\x95'</t>
  </si>
  <si>
    <t>b'!\xd3\xb2a\x10XSC\xe2\xca\x07Z\xaa\xe9\xe0OP;qY\xa1\x9d\xb0x\xc6\x9dC\x9fZ\xc6o\x84'</t>
  </si>
  <si>
    <t>b'\xa5n\xc4\x9f\xcb,3\xbf\x11Y\xb4+$%#\x07]\x94~K\xc60\n\xd2\xbb\xc54\xc9\x17C\x10\x16'</t>
  </si>
  <si>
    <t>b'\xb3k\xf8b\xb3\xf5*\xfe\xd2\xdass\xf5\xed`\xc2\x9e\xb4"V\xa5W\xce\xfe\x90o\xd5\xf3\t\x1d\xf4\x91'</t>
  </si>
  <si>
    <t>b'J\xd9\x9b\x03%\x7f#?S\xb3\x83\xfe7\xea\xe9\xd7\xe1Ee/\xaeZ\xec\x8e\xd3\x99\x1c)\xf2\x8aAO'</t>
  </si>
  <si>
    <t>b'\xca|\xb6\xcf\xa7\xba\xd5\xdb\xf4\xe3\xde\xd4i\xb3T\xf3\x07\xb7\x1f6\xbf\xd9.\xeb\x02\xc9\x16\xc8\xb4\xfc\x1c:'</t>
  </si>
  <si>
    <t>b'\xb7!\xb0\xfe\xac\xc3\xc5\xd7\xd5\xe3\xf7Q\xb1\xfebpd\xcd\xf7u\xf7\xf1(M2e\xce\x08t\xd5\xc1\xb0'</t>
  </si>
  <si>
    <t>b'6Gbh\xd3a*\x87\x118\xbe\x19O\xe9P\xc1\x90\x92\x81H\x83#=\xc8\x9d\x0b\xef\xc5q\x1ed\xce'</t>
  </si>
  <si>
    <t>b'B\xee#\xfc9\x00\xbeK\xb74\x91gXM0$m\xfb\xe9\xa37^\xbe2q\xe0\xfa!9\x08\xf0\x18'</t>
  </si>
  <si>
    <t>b'\xc3 \xee\xef\x8f\xcb\x13\xb0\xbe\x14L\x8a,\xb5\x03\xe6}\xf4]\xb4\x8b\xfa\x94a\xd5\xe1\x80\xd0]{No'</t>
  </si>
  <si>
    <t>b'\xf2K\xef\xb1\xa5p\x13l\x12\x806\xee`\xfc\xd5\xf5\x1f3+\xc4\xb5(\xd0\x05\xa3V\xe4\xa2\xb4\x96K`'</t>
  </si>
  <si>
    <t>Credit Card Extinction</t>
  </si>
  <si>
    <t>b'S\xa0\xe1$|\x832\xb8\x8a~6\xa3\xd2v\xad\xbe+|o|\x81\x11\xce=\x81\xa0W\xf7\xc1`\xbf\xa7'</t>
  </si>
  <si>
    <t>b'|K\xb5\xeb\xc4tZ\xa6\x93&lt;)(\xfc\xfc\x9c\xd5\n\x91\xa4\xfd\'\x16"\x1b\x1e\xc1\xd0\x16\xa0\xccp\xcf'</t>
  </si>
  <si>
    <t>b'\x8d\x14\x84P|\x9b\x07e\xbc\xc4p\xdb\x03\x87\x06M\x80\x10\x8e%Tt\xdd\xda0\x9d t5}\xe0\xb3'</t>
  </si>
  <si>
    <t>b'\xa1\xfbbW=\xa3\x18\x86\xf1\xf7\x9bK8\xdb\x07\xd5\x0f\x8cn\x10\xf1\xff,\xd4\x82w-\xc4\xbaxg\xc6'</t>
  </si>
  <si>
    <t>b'ZPw.X\xadkX\xfc\xd4\x82\x8d\x01[:\xb8\x86\xb3I\xc3\x01\x87wC\x8d+\xab\xa6sd\x0cf'</t>
  </si>
  <si>
    <t>b"\xd4\x13?j\x95\xf2P\xc9\xf8Yj\xe9\xc1\xd6E#p\x12\xf3\xaa\xfa\xd8'\xf6\xb1;t)\xa8\x8f\x07\x86"</t>
  </si>
  <si>
    <t>b"\x9b\xbb\xde*\x98\xa0\x08b&gt;W\xd0\xea\xa3\xe4\x08\x8f\x1b'=\x18@Z\x1f\x9ahKM\x1f\xfa\xa5\xd89"</t>
  </si>
  <si>
    <t>b"\x9cc\xc5v\xd7{\x12\xd2a\x94#O\xe8\x00X\xcb\xa2i\xc1z\x03\xea\x90\xffN\xbc\xb9r7\xb2\x05'"</t>
  </si>
  <si>
    <t>b'\x93\x8b\xfa\x99\xd6\xedod\xb3\x86N\x88zW4\x8fz\x93(](\xda\t\x99\xd1\xc0+*|\xe1\x10V'</t>
  </si>
  <si>
    <t>b'*\x16\x12M\xddx\xd5\xadu\xd3u_\xe0\x11\x00E\xe0\xd1\x8eQJ$7\xe6s\xb5\xd9\x82\xcf\xaaf\x00'</t>
  </si>
  <si>
    <t>b'W\xbc\x08\xd4\x85\xe3\xed\xf2\xbc\xb0\xa4\x99\xa6\xef\x9b\x04\xd4\xaf(C=\x8fki\xfeP\xe3\xe2cN\xb1\xf4'</t>
  </si>
  <si>
    <t>b'\xb1X\xa9\x9e\x12\xbc\x0f\xd3\x1c\xe8(\xc7\x1e\x13\xe2\x1e,\x10\xa6\xd753\xcf\x1e\xd9=Y\xb6\xa8\xa5A\xde'</t>
  </si>
  <si>
    <t>b'P\x0fc\xa2\xc1\x9e\xae\x88\xe7(f\xf2\xbe\x8d\x98\xf9\xb9\xcf\xfd\x9d\xe9\xf5Z\xed#\x96\x16\xe5\xaf\xe9@\xef'</t>
  </si>
  <si>
    <t>b'[a\xe9\r\x8b\xad=\x9e\xc42X\nBpLk\x85\xf2\x8b;\xfe\x14\xd6\xef\xaf\xe4\x7f\xf0\xbf\xe8n2'</t>
  </si>
  <si>
    <t>b'9\x1e\xcc\xbc\xfcj\xb3\xcd\x06\xc5\x07\x95\xfdU\xc9\xe8\xe7\xcb|\xe4`J\xed:\xef\\\xd1\x14\x949\xab\xad'</t>
  </si>
  <si>
    <t>b'p\xe6\x9e\xc9\xd1\xd1\x19\xad\xb1\x8a\xf9zA\xa3\x9d\x1a7i\xa7\xc8\x11\x1f\x8b,)\xa4\x13]\x95+Gw'</t>
  </si>
  <si>
    <t>b'`\xebW\xb3\xa3\x02\x8a\x15[\xf5m\x14f\x12yi\x96\x18\xcc\x8e\xc2:\xa5&lt;\x998l\xab\\/\x079'</t>
  </si>
  <si>
    <t>b'(\x10=\xc5\x90\xe6\xd5U;-\xc8\xf1\xa2fG\xfbFtjv\xf2\x91\x84\xb2\xcf\xb0Y\x1b\x1fm\xec\x8e'</t>
  </si>
  <si>
    <t>b'\x05*_\x10\xd3\x96\xe2\xb1\x06?!\xd3\x8aL\xf1\xa8];r\xeezB\xa4\xb97&amp;\x93\xf6{B\xd1\x80'</t>
  </si>
  <si>
    <t>b'\xfbr{\xf5g\xc1`\xb5Z\xeeE\\^\xb7\x9eB\x82\x04d|\x83\xae\x02\xbd=#\x8b\xdb\x91\xe4\x19\xa6'</t>
  </si>
  <si>
    <t>b"\x89'\x80L\xe3/\xa1\x90|\xf1\xb7k\xc2^*\xe3\x02\x955\xcc)\x12_\xc9\xfd\x8f&lt;\xda\x1fd\r\x87"</t>
  </si>
  <si>
    <t>b'\x15\xd8p\x1d5g\xbb\xc0E\xb3\xf5$\x84\x14eX\xb2NC\xd1o,`\xce\x86\x97JH6u\xce:'</t>
  </si>
  <si>
    <t>ShootingStars</t>
  </si>
  <si>
    <t>b'\xe6\x1a\x03B\x91\xf5&gt;\x83\xe39\xba\x04R)\xbd\xc58_\xad\x11^}2&gt;h\x08\x8f\xc8\xb7\xf6l!'</t>
  </si>
  <si>
    <t>b'\xb6\xf81\xf9\x1d\xd6^pf\xce\xd7_\x9c \x0f\xd8\x9c\xd5\xac*;g\xc9x\xe8\xcc\xaa\x8a\xfb?\x01\xd6'</t>
  </si>
  <si>
    <t>b'\xbb@o\x9f\xc53C\xde\xd6M\xdc\n\xab[\xe7\xdfM/\xbe\xecA\n\x8e\xae\xc7\xffV8\xc8\t\xae\xd8'</t>
  </si>
  <si>
    <t>b'\xc1E\x07\x0e\xcd*\xab\xad\x94&amp;\xf06\xd6\xd0\x92\xbdGF\t\xc3\xcb\x10\xf8J/\xa0\x8a\xf6v\xa84!'</t>
  </si>
  <si>
    <t>b'\x91\xd4\x07\xe2\x13\xf3\x95\xf1\x14\xd7\xa7qr\xffx-\xd4q\xd9!\x1b\xd6]\xef?\xa4\x06\xfb\x821\x90\x9d'</t>
  </si>
  <si>
    <t>b'uk:\x06v+\xc3\x0en5\xf4\xfaG\x11,&lt;\xf8\x9d\xfd\x86\xc5\xc8\xaf\xf2\xd0\xc4L\xb9\xa1*"\xef'</t>
  </si>
  <si>
    <t>b"\x93\x0c\x1d\x1c]\x1d\\\x17\x9c\xe6J'\x9aH\xe2\xd7m\x9d\x00.\xaf\xcb4&gt;\x98\xa3b\x1f\xadac\xa2"</t>
  </si>
  <si>
    <t>Life Debt Free Plan</t>
  </si>
  <si>
    <t>b'\x1b.\xdc\xba\xcd#\xdf\xcd+`\xb1#B\xd5\xb8!k\xdb\x04\xd6j\x9d\xedt\x06\xb5w,\xff\x03\xb5K'</t>
  </si>
  <si>
    <t>b"$\x03\x8a\x81\x8c\xd5M\xe0z\x8e\xf0\x95\xfc\x06xvZs\x13E\xbf\xb2'\xe9\xf4\x80\xabg\x1fv\x10\xf1"</t>
  </si>
  <si>
    <t>b'\xf1\xff\xee\xd2\x9b\xe8\r\xa1\xca\x92\xa3\x19F/\xf2\t\xd2\xe4\xd0\xb2\xcb\xbc\xa7\xe9\xd0\xcce\xa6J\xfd\xaaq'</t>
  </si>
  <si>
    <t>b' \x9a\x8b\x93Zr\xd1&gt;f1&lt;\x07\xa7TIZ%*J\x05\x85Z\x8a\x9b\xda)\xce\xd3+a\x93_'</t>
  </si>
  <si>
    <t>b'\r\xaaY\x15`\xb3\xbf\xb8l.HT \x8cq\xbb\xa6x*#\xd5\xb12\xb5\xdd\xda\xe5&gt;\x8a\x8d\x02K'</t>
  </si>
  <si>
    <t>b'7\xca\nLYk\xbaP^J\xb5M\xeae&amp;xw\xc7s\xc2z$y\xd3\r\xde\x98MBY\x1f{'</t>
  </si>
  <si>
    <t>b'\xf6K\xd8\xd9\x8b\xa2\xe1\x97\xe8A\xf0r\xc8a &gt;\xd7V\xc4\xfa\x92|\xc8\xab\x81\x16\xefg\x18\xa1f\x06'</t>
  </si>
  <si>
    <t>b'\x13Y\xcd\x88 \xbc\xcdD\xb9\xb7&amp;X\xb5\xbc\x95h(\xa2\xc5,\x1a\x90t[\xed\xfa\xa67\x02\xe1P\xa5'</t>
  </si>
  <si>
    <t>b'{\x90\xab\x07\xef\xe0(M7ut}/\xf6q&gt;&lt;a\xe5P\xcdG\x9e\x86Q\xc5p\xe20\x11Dp'</t>
  </si>
  <si>
    <t>b'\x1d}2\xb4\xb1\x8d\xa4P\xe4\xa6Iy\x02\xad\xa2a\xb2\xa2r\xea0O\xb7\x80\xaa\xbe\xefE\xda\xe3\xe1['</t>
  </si>
  <si>
    <t>consolidate cards</t>
  </si>
  <si>
    <t>b'\x9f\xce\x9b\xb9\xe8C\xa3\xd3\xe1\xb4\x90\xaaDm\xdd\xf4W\xf8\x0c\xae\xbd.\xb4\x90\xadyI\x1c&gt;\xf4c\xbd'</t>
  </si>
  <si>
    <t>b'\x90wW\x12\xb1\xde0\xff\xa0\xdal\x8e\x9d\xaf?h\x9a\x93\xe4\x90\xaa\x89\xd8+\x98\x85{=\xf3\xd0\x7f\x14'</t>
  </si>
  <si>
    <t>b'\xe2\xea\x0eZ\xf1\xe7\xfc\x86\xeb7|\x0f\xf6#\xbf\x15\x98\xa1e`\xf2k1z\x1d8\xdc\x02(\xd8\x87\xae'</t>
  </si>
  <si>
    <t>b')\xab"U?G\x1bC\xd4#\x94\xc7\xf4\xec\xc2@\xb6\x0e\x86E\t\xa3\x12y&gt;\xa0\x9c5;\xc4\x9c\xb3'</t>
  </si>
  <si>
    <t>b'\xd1\xd7\x19J\xb9\x93v\xc0i\xac\x90\x0b\x14~\xe8 \xf3\x00\xbd5#\xb1\xb8\xf6!q\xed\x8b\xac\xe7\xa8\x17'</t>
  </si>
  <si>
    <t>b'r\x9f\xf5\xed%\x0b\xd0\xce\xf4\xee!\x89@\xa0\x90\x02(%\x8a\xfb.\xab\x1c\x9e\x9d\xbbp\xf4\xabni+'</t>
  </si>
  <si>
    <t>b"T\xba\x9a\x00'r)\xc3\xe4\rc\x9e\x18f\xb0\xf4\x99k~!\xdb\x00\xcc\xe9\xab\xd4\xc2\xeb &lt;\x18\xd0"</t>
  </si>
  <si>
    <t>b'\x8cpHOo\x05\xf0\xe3\xdf\x1e\xb4\xdf\xcc8\xf8\xe8S\x08_]Z\x01\x17\xd2\xc8q\x12F\xeb\xa6F '</t>
  </si>
  <si>
    <t>b'\x08\x8ao\xc7\n\xadZ\x13T\x99\xc6\xea?\xec\xcf\x10\xf8\xb0ETcZP\xebZ\xc2\x035\x08Rl\x05'</t>
  </si>
  <si>
    <t>b'\xb7B\xce\x9f\xe6\xb6\x81\x98R\xb8\x16T\x9a\n&amp;\xa8\xbdN\xf3*1**\xe22,\x8c\x14\xaclDV'</t>
  </si>
  <si>
    <t>Thanks for helping me!</t>
  </si>
  <si>
    <t>b'\xc8\xe2w \x1b\x90l\t\xc5G\xd8o!\x05\x0f\x95\xbb\x0c\xa1\xb4D\xc3\xba\xa4\xc5\xbd&lt;\x98~\x14j\xf3'</t>
  </si>
  <si>
    <t>b'K\xe1U{\xeb\xbf\xdd\xdf\xef(o\x98C\x96\xd4\n\x80Ic\xfam+\xd7hC\xc7Ic\xd2\x98\xc8\x1f'</t>
  </si>
  <si>
    <t>b'/\x1b\xd8h\xa0\x0bv\xcb\x8a\xf5\xc2\r`\xb0\xd0\xdb9\x07\xad;\xcf\xaa\xc5\x10C\x1c\x94\x88\xe46N\xe0'</t>
  </si>
  <si>
    <t>b'\xf9\xfbQ\xa4\xed\xf4N\xc1\xc1Z\x85\xd6O9t\xfd\xb19\xb2\xb2\xcd4\x9a\x82\x06S\xd7Hw6\xd64'</t>
  </si>
  <si>
    <t>b'\x1c\x9f\x03g=\x02\x82\t_\xb3\x01\xcb\xac\xdaQ#r\xfdl\xd8\x98w\xde\xbe\x81\x1049\xa6\x02\xcbH'</t>
  </si>
  <si>
    <t>b'BS\x01u\x9b!z\xf8\xb7\xb9E\x8dH\xef#\xe6d\xa0@\xda=\x8a\x1ef\x1f\xa6\xe5\x00\x082\xefY'</t>
  </si>
  <si>
    <t>b'X\x10\xdc\xe0O\x05\xa7O\x81\x9ay\xd7\x1en\xeb\\\xdf\x858W\xbd\xe1Q\xb5Gx\xe1(kJ\xef\x95'</t>
  </si>
  <si>
    <t>b'Qt\xf8\xf9\xfe\xe9+\x15\xe0\xbd\xa6Tj_\xa8|\x08T\xf3!\x8am\xb9a\xe8c\xab\x91+T=\xb7'</t>
  </si>
  <si>
    <t>b':\xc2\x9c\xd3\x06=\xb5\x10\xe9\x06\xfcY\x1d\xcc\x15[[`\xb8H+\xd7oZn\xf0\x85P\xd1"+\x0c'</t>
  </si>
  <si>
    <t>b'\n:\x8d\xc2\x05V\x06aI v\xb9\x8c`\xb3\xaa\xaa\xe6\xcc\xe6\x8f7@\xb3Q\xc7\x971.\x7f\xb8C'</t>
  </si>
  <si>
    <t>b':\x84X?\x1cO\xff\xad+\xeaA\x17Z\xaaE\xa0\xbb\x80\xd9\x1c/\x15\x953\x03.Z\xa5\xf6\x92?\x1b'</t>
  </si>
  <si>
    <t>b'\x99\xfe\x16\x9f#x\xa0\xa1A\xc0\x9e%c2%\xe7\xdf\xe6\x8co^X\x93:\xa8\xa5U\xc1 \x8d\x03.'</t>
  </si>
  <si>
    <t>b'%@\x17\xea\x01\x1c\xe0j\xb5\xddR\xfcZu\x84\x89\x97 \x14X[\xe3?\xa0\xb2l\xca\xe1y\xd1\xf6\xf0'</t>
  </si>
  <si>
    <t>b'`\xa3\x18O\xc6\x0fr\xe6\xdb\x97je\x18\xab[\x189\x95\xa4\x94\x1c\x0cw;\x83\x1dF\x95\xd7|\xda#'</t>
  </si>
  <si>
    <t>b'\xa1$s\xfe\x9b\x8d\x0e?\x1bV\xed\xb1w\xfby\xa5\xcbPj\x13\xd9"\x04O+\xb6\x07\x90\x941\x91P'</t>
  </si>
  <si>
    <t>b'N[\xe8\x9f\x03\xd4\xdc9\xe0\xc6\xfeiT\xe0\xe2\x14q=~K\xe7\x9c7Rv,k\x82Z^\xbf6'</t>
  </si>
  <si>
    <t>PayOffCardsLoan</t>
  </si>
  <si>
    <t>b'\x15\x0f\xecY\x0c\x08\xcd\xf1\xabw\x18\x1fy,\xbc)p\x00s"\xb2\xf3\xd4T,1\xc6t\x0f\x80\xc2\xe8'</t>
  </si>
  <si>
    <t>b"]\x12e$\xc3\x9f\x8c5\x89\x89\xde\xc9\xeb,b\xaa\xda\xbf?&amp;\x0b\xf9HZ\x1f0\xd0O'\xca\x96Y"</t>
  </si>
  <si>
    <t>b'\xa7D\x18kr\xad\xee\xcf\x86\xdbQ\xe63\xde\xb5-;\t\x91MU\x85B\xeb\x86E\xc1&lt;\xb4\x97\xa2\xc4'</t>
  </si>
  <si>
    <t>b'\xdcV\t\x16)\xa4\xde\xf8O^~~\xe0?\x8e\x18",\x03\x93\x8f\xd5\xc0\x03\xa4?\x8aCjcSu'</t>
  </si>
  <si>
    <t>b'3\xbf\x1b\x0b\xa2q9\xc9\x8aII\x8e\xb7\x94U\x85\x8d\x1e\x83ExJ7K\xb1\x04q`O\xc4\x9es'</t>
  </si>
  <si>
    <t>b"\x0e\x8a\x8d\xbc\xd1q\x93i\xd4\xd5\xf6|K'\xbcx\xb8k9\xe9\x19\xffG\x1c\xe9\xe6ojiO\xf2\xe5"</t>
  </si>
  <si>
    <t>b'\xfa\xb7\x8c\xc1\xd9\xf1\x9e\x9f\xf9\xaaA\xf6\x1d\x9e\xef\xe8\x1f\xf0\xa3\x11\xd5x\xd0F\x9c\xdb\x0b\x88I\xb8\xbd\x16'</t>
  </si>
  <si>
    <t>b'\x7f\xe2r\x9b\x03\xb8~\x0f7C|\xad\xd7\x83\x0c\x1eRCQ\x02NS\xd4\xfa\xec\x13\xe5e B\x07+'</t>
  </si>
  <si>
    <t>b'u&gt;\x1b\xbf=\x94n!\xe1L\xfew\x06\x96h\xbc&amp;\x8d\xc6\x93%\xf2+.9\x1d\x93P}\x004\x88'</t>
  </si>
  <si>
    <t>b'\x8d\xf57\x9ew\x9d+\x15\x8a\x8b\x99\x01\xd0\xcd\x8b&amp;H\xb2\x8d\xc7\xdb\x8a\x90\xdc\xc7\x13I1\x9f\xcf\x91&gt;'</t>
  </si>
  <si>
    <t>b'\x81\xae\x9f\x7fF\xec\xed\xbb\xcbl\x8c\xd3\x9b4$\xf7\xc1\x97\xe1S\xe3@}\xaf\x1b\x10\x8b|,\x94\x03\xab'</t>
  </si>
  <si>
    <t>b'\xb1yG\xbbP\xe6\xdb\xf8(?u\xa2\xbf\xae\xabuV"\xe4\x02\xce\x8b\xfeF(\xe1\x00&amp;\x93\xd4\xbc+'</t>
  </si>
  <si>
    <t>b'\t\xd3hr\x0b~E\xcf\xd9FQu\x19@#\x9f\xe5\x87\xed\xb9\xb9\xc3\xc9\xa0\xe5\x18\x1b#\xb3\x8c\xc1\x05'</t>
  </si>
  <si>
    <t xml:space="preserve">Stable </t>
  </si>
  <si>
    <t>b'\xac\x80}~\xdc\x91(\x1e\x02\x95\x06\xca\xbd\xec\xa5t\xb1\x94\x02AI\xac"X\x8e\xc6P\'\xb3\xe9\xf8\xdc'</t>
  </si>
  <si>
    <t>b'Pc\xb3e&amp;\xb0\xf6}\xb4rr\xfbx\xc2\xe4\x0f\xc6\xe5\x94\xde\x98\xc4\xd0w\xeb\x12\xd0\x8d\x01\x0e\xd0\xfe'</t>
  </si>
  <si>
    <t>b'\xf8J\x82M\xdf\x90\xf9\xc0\xd6.\xdf$\xea\x17\xb5\xab\x9e\xe0\xcd\xce\xa5\x13\xdb\xf9+\x9e\xd4w\xb3\x1a\xec\xc6'</t>
  </si>
  <si>
    <t>b"\xee\xf6K\x04\xc8'`\x01[\x13\x82\xd3\xa2v\x94\xb1'Q\xb3\xca\r\xa5\x08=\xe2\\\xbc\x1c\xa6\xdf\xb4e"</t>
  </si>
  <si>
    <t>b'\xfcz\x13D\xa75\xad\xb4\xad\x85~\xf8\xee,\xb5k\xfb\x17\xb2\xb3KL\xa9\x95\xec\xa6\xe7\x014\xf8\x91\xef'</t>
  </si>
  <si>
    <t>b'\x99\x9d\xe3J\xb3\x86\xd9\xb0\xbb\x17\xb1\xe5\xb8\xe8:\xab\xb2\xae\xd7\x97\xc2\x8e&lt;\x1c`W\x1eL\x9ajR\xbd'</t>
  </si>
  <si>
    <t>Pay down debt to raise credit score</t>
  </si>
  <si>
    <t>b'L\xea\x12a\xe4\xea#\x01\x99\x01\x8bV\xabD\xbd\x93D@_\xa6\x878\x10\xd8\x0b\x01~\x9e\xf5mHn'</t>
  </si>
  <si>
    <t>b'\x92\xb8\xb4\xd5\x824\xf4}b\x0e\x03\x1b\xe5H\xb0V8\xf1UY\x86G-\x90\x93M:\xfe.\x1c(y'</t>
  </si>
  <si>
    <t>b'k=\xab\xf3\xf5\x9bD\xe1\xb7q?\x13SA\xd1/\xfb\xe40\x01\x19\x17Mp\x87\xa3\xf1p_?\xa8\x18'</t>
  </si>
  <si>
    <t>b'oFu\x98\xd9\x11\xc0C\x17\xcaqcKJ\xe4\xfa\xb70\xf5\xacW\xc3\xe6\xef\xd9\xd1\xfd\xfd\xf4\x7f\xfaS'</t>
  </si>
  <si>
    <t>Home repair and debt pay</t>
  </si>
  <si>
    <t>b'\xe7mMs\xdf\xe9(\x82G\xc7\x16\xce\x8eZn\xcf\xb1Mw\x02U\x91\xaaU\r\x9b\x1cW\xe2\x1e\xf2\xd6'</t>
  </si>
  <si>
    <t>b'\xbeg;\x86\xb0\x01\xb3\xd7\x80\x15\x1c&amp;\x8b$\xd64R\n\xbc\x0c\xbe\xe8d\xca\x1d\xe6\xbd\x11#z\x8a\xfc'</t>
  </si>
  <si>
    <t>b'&lt;Jw\x01%A\xc2\x0e\x1c\x85ex\x99\xaf\xee\xba\xfbn\xc7\tdo:\x8fd\x8a\xb2Q\x80X\xdbr'</t>
  </si>
  <si>
    <t>b'1\xa6E\x8d=,\x05\xf3\xef\xf1\x0e\x08\xe1\xbb$\xd4\xd85\xfe\x84\x9c\x9d\xfa\x91+\x8bP\xa2w\x9c!\xf5'</t>
  </si>
  <si>
    <t>b"\xaa\x16\xdbt-\xd0\x041\xee\xac\xe3\xb5\xc7.\x81\x04R\x13\x01\xdcq*\x0blh\x87\xcc\x91\xb4c'\xd8"</t>
  </si>
  <si>
    <t>insurance</t>
  </si>
  <si>
    <t>b'\xcc\x01\x88\xe4#\xf9\xb5%\x13P\x00}\xc5\x0b\xa6\xce\xd1\xf7So\xd1T\xef\x9e#\x02\xba\x1bB\rR\xf3'</t>
  </si>
  <si>
    <t>b'\xf8\x1d\xb3\x18\xead\xbd\xec\x96\xb4\xedA\xa6\x80\xa8\x8a\xde\xcb\x80\x94\x1d\xcdk\x07\xee\xddLz\x8b%\xbe\xbc'</t>
  </si>
  <si>
    <t>b'\xb0\xee\x84\xadi\x8f\xb2\xcb\x17\xd2s\xb8j\x04cs-\xc8\xdb\xb7\xfdg4nO\xc9r\x85\xd8\x8eD\x01'</t>
  </si>
  <si>
    <t>b'8\xa5\xc1\xadM\x8dh_\xf7\x04?\xb3\x9e.j^\x07\x90\xd0\x9d\xac\xb0k\x9b}\xf9\xa5\xbf8\x83\xdd\xf3'</t>
  </si>
  <si>
    <t>b'\x99\xbd\x86H\xfbp\xe4\xef\x012\x0c\xcfh\xf3\x13\xf7\xf0\xc0\x0c \x12\x17\xa8=[\x13K\x88\xb6gC2'</t>
  </si>
  <si>
    <t>b'X6s%\xb9\x9f\xd2\x85+f\xfe\x18K\xa2T\x9fc\x8f\x80\xe0\xc5\xb0\xcc\xb8\xfd\x04\xd0H\xdf5\x15\x80'</t>
  </si>
  <si>
    <t>b'\xfb\x9b\x1a\xef\xee\x989\xa42\xba\xaby\x18\x1cY\xb8z\xde\xb74\xd1\x07L\x82\xc2(\xe0\xafD\x9e\xaf#'</t>
  </si>
  <si>
    <t>b'](\x8d9\xd5\xfc&gt;\x14M\xf9\xa6\xe3 \xfa\xb3\x81\xfcPC2\xc5\xa6\x19\xfe\xc7p\xb5\xb5O5\xcc\xae'</t>
  </si>
  <si>
    <t>b'\xec\x89\t\xf2\xb6\x0f.\xea\xcb\xe4\x82\xa0\xea~&lt;\xe4m.\x8dX\x9d\x1c\x19\xfan(\x07\x86$+\x82['</t>
  </si>
  <si>
    <t>b'\x8b\x8eQ\x16\x04\xa7\xe6\x14\xa2[\x1a\xfc\xec\xfe4gb7"3\x1d\x8cl\xe9\x99\x8b$\xb4\x0eW\xb2\xdd'</t>
  </si>
  <si>
    <t>b'\xc9!\xa2\xbf\x82\xc1\xa3X\xbfpP\x97r{\xf6\xd7.\x8d`\xf7iT\xce\xc0\xf5\x12\xb1G\x10&gt;\xeb='</t>
  </si>
  <si>
    <t>credit refinance</t>
  </si>
  <si>
    <t>b"\x8e\xb9\x9cX\xaa\xe1\xfe\x889WE@\x8c\xc1\xd7'9\xd1\x8e\xa6\xfc\xf5&gt;R\xca7\xc2\xbd\xc0l75"</t>
  </si>
  <si>
    <t>Credit Card/Expenses Recon</t>
  </si>
  <si>
    <t>b'h\x98X\xd3V\r\x17\\n4\xcc^\x81q\xba\x98\xcd\xd36\x94)\x11\xd5.\x01{0t\xeeS\x0f\xed'</t>
  </si>
  <si>
    <t>b'V\n@\xfa*\xd3(2\xe0Sf\n\x00\x9b\xa5\\\xf5\xf3D\xecy\xa0\x1c\xb6\xc9a\x17E\xcb\xdfY{'</t>
  </si>
  <si>
    <t>b'!\xedLnw\xecR\xdc\xf5\xaa\x05\x9b\xc1Yh\xdd\x12\xb1K2\xda\\\xeeM\xe0\x97\xbb\xe6\x02\xc0$1'</t>
  </si>
  <si>
    <t>b'v\xc5$\x92\x95RPUW\x9f\xde\x82\x01n\x15-*+h\xfe\xc4\xd3\x810\xbcI\x9b\xc5&lt;\x13%\x05'</t>
  </si>
  <si>
    <t>b'"Iu\x94&lt;Wy-\x9c\xde\xe7!\xee\x01w+\x90\x9b\x00\xe4\x8c^1W\xf8\xc5\xc4\x9b\xf1\xe9\x9f*'</t>
  </si>
  <si>
    <t>b'\x0fB\xf1um\xb1\xf3\xcb!\x87-U\x1cy\x9d\x01\xd8\xdc\x80%\xa0x\xc9^\x08OP\xb3jz\xee\xd3'</t>
  </si>
  <si>
    <t>b"\xd0\xbc\x10\xac\xf2U\xe48\x83\xb5\xe6\xd7\xe0\x8f4a\xc6R)\xf1V\x03\xaf\xe2B'd)\x9a0k?"</t>
  </si>
  <si>
    <t>Credit Card need to go</t>
  </si>
  <si>
    <t>b"\x99naV'k\xd1\xe6\x1c\xadNX@I\x11\xe1\xf3\xe4\xb9\x1f,\xfd\x81\xd9\xa9q\x16\xf8/\x97\xfb\x91"</t>
  </si>
  <si>
    <t>b',E\x8bg\x84\xed0\xd2\x8d^\xdc\xdf\x80\x1ev\\\xadF;\xbd\xb1o\x1eT\x8bL\xd4\xf0\xef\xf7\xceK'</t>
  </si>
  <si>
    <t>b'\xa7\xb8\\~\xa6\xf7\x96\xffw\x9e\xea\xfb\xbelH\x12\x0e\xd7\x02\xaa\x14\xfbe\xac\x94\x07\x9f];\xde$t'</t>
  </si>
  <si>
    <t>b'{\xa8\x14)\xa6\xa1\xe0\xf5\t\xfb\xbe\xac\x8ak\xe6\x7f\\\xe8\xf3i\x93\n6\xcd\x13\x98\xbc\xcd\x1f\xec}\xe2'</t>
  </si>
  <si>
    <t>b'\x90\x93\xf2\x10=\xf29~z.\xc7\x18\xe3~\xb9\x0f?\xb3\xdcU)h\xe3\x16s\xe9\xb8F\x1f\x8c\x8c\xec'</t>
  </si>
  <si>
    <t>b'";E\x17\xed\x90\xfc\xefTZ\x01\x1d5\x17\xe4\x9f`\x85\x8eV#.\x94\xb9\xffNri\xb6\xcf\xba\xe8'</t>
  </si>
  <si>
    <t>b'V\x12d:\x81xC\x9d\xb4\x91:\xf2e\x82\x04Co\xf3\xaam\xf3\xb0\xd4\xe5\xb4\n\xeb\x1a\xac\x00\xb1\x91'</t>
  </si>
  <si>
    <t>Fixing it up</t>
  </si>
  <si>
    <t>b'\xed\xd4@S\x05\xa7\xfcBy\xbdE\xbacO\xca\x84\xa5\x8c\xc8\x1a\xe0\x142\xc6\xcd\x87p\xb2\x1aq\x86\x9f'</t>
  </si>
  <si>
    <t>b'\x0b\x95\t\x07dfpM\xcc\x84W\x90\x86\xd3\xfeg\xedc\xa4\xfep},\x8aV\xe8\xfb+^!\xbe\xe5'</t>
  </si>
  <si>
    <t>b"6\x9dw\xf7s\xf8_\x02\x1a\xe4\xf8^3|6[\x0c'\xc3\xff#*0\xa3\x1d\x93\xc9\xa3-\x9f\x8e\xf5"</t>
  </si>
  <si>
    <t>b'\xa7\xcf\xb2\xc1\xfe\xde\xb6~Rq\x19\x0eW \xeb_/\xc8\xeb\x9e\xc2\xc49\xf2\xdfu\x83\xd4\xdbk\xa6\xde'</t>
  </si>
  <si>
    <t>b'\xe1\x83C\xc1\xa2\x02\x0e\x08\xfb\xb1\xa9\tJl1_V\xb5\xa8\xd8\xf6+9\xdaeV#\x97m\xf5\x7f\x1a'</t>
  </si>
  <si>
    <t>b"'\xb0\x1f[\xcb\x01\xf1\x1d\xd4\xaa\xb9\xc8\xdc\x81\xa4k\xedj\x14}\xa3\xeb\x15\xe1G\x08\xe5qdP-\x88"</t>
  </si>
  <si>
    <t>b'\xddo\xf0\xa18\xc0x\n\x07\xed-j,\xfe\xe2\xa6\x8d]\xc3\xd4\xfd\x8a\x8c\x8e\x11\x08\xf7\xc1\xef\n:\x17'</t>
  </si>
  <si>
    <t>b'\xa7B6\xe0\xb3A\xe0M\x06@\xff\x1dR2\x01O\xa9\x9a\x08\xbajj\xe9J\xcb\xc5\xd9\x00\x05\x03AN'</t>
  </si>
  <si>
    <t>b'\x93MT\x1c\x8e\x98m\x8c\x8d\x08\xc1\xbc\xb42\xe7\x9d&gt;\xbc\xac\xf4X7&lt;/-d\xc8n\xbe\xf0\xa1\x8b'</t>
  </si>
  <si>
    <t>b':1\x04\xccO\x92\x17R"\xac\xfb\xaa\xcd\x94\xba\xba\x17\xee\xdbh8\xebr\xb93\xb6\xe09A5\x13i'</t>
  </si>
  <si>
    <t>b';\x82f;Y6+[I\xeeE\xf2\xe0\x0bX&gt;\xa7\xdb\x85\x00\xda\xb2 X]R2\x88\xf4\xaf\xca\x92'</t>
  </si>
  <si>
    <t>b'\xab\x1eVM\xb1\xbac\xf1\nKL\xa1\xde\t\xfe\xc0]\x15\x86\x11@`va\xcc\xa5\xdc\xc3;2\xfd\xc5'</t>
  </si>
  <si>
    <t>b'\x17\x16:\x08\x19C\xc0\x19\xb7\xc9\x83\x85\x85\x1c\xfc\x9apu\x82~s\xae7=\x0c\xa3\xf9by\x16\x07\x05'</t>
  </si>
  <si>
    <t>b'0\xcd\xb75VxY\xe8Z\xa3k-\xf3u\xac7\x0cT\xd7&gt;\xd6\x1e\xc0\xae\xd8\x85F\x87D|\r\x1d'</t>
  </si>
  <si>
    <t>b"\xc1\xfd\t\x03L\x16O\x13~y^\x91\xd4\xbb'\x1d\x10_\xd0\xc3\xc6\xccYi\xb7\xf4\xa8\xb380\xbfK"</t>
  </si>
  <si>
    <t>b'*bL8\x99P0B\xd4V\xa0c\x14fW\x8f\x98D\x93b\x04\xe3a\x1b\xaa\x0b\x01\r"*,\x95'</t>
  </si>
  <si>
    <t>b'\xc7aX\xc6\x05\xa7\x9d&lt;E\xdd\x1bzy\x89\xbbO\x90\x98~\x01U\xd1\xb2=o\xe4d\x85\xa6\x0e\x102'</t>
  </si>
  <si>
    <t>b'V/\xc8f\x0e\xa3\xbd\xf1\x13\x83\x89\x82\xad\xeb\x92\xbb\xae\xe74\xa1\xc0\x7f\x91\x85\x93b\x12\x1d$8\x97\x86'</t>
  </si>
  <si>
    <t>b'!\xf5\xc0\xc8Z\xf5\xdb\xbbOaQ\xd7"\xfe\xbc\xc5\xbdu&amp;\x8d\xb3N\x8f\xdav\xd0\x06u\xdf\xc0\xa4\xa7'</t>
  </si>
  <si>
    <t>b'\xca\x01rX8\xc8\xf5\x1dEia\xaaP3\x95\x12\xa6\xf4d\xaa\x07/i\xbe\xf1\x06\x04p\xd2\x18A\x96'</t>
  </si>
  <si>
    <t>b'x0`\xdd\x9a\xe4s@\xcbk\xe3^\x19e\xc2Z\xe2\x8a\x8e\x13\x85X\xff\x8e\xea\xe6\xe3u\xc7\xd6\xfb\xbc'</t>
  </si>
  <si>
    <t>b'\x9f\xee\x1e\xf5\xbei\xf8\x1a3\xe2F\xb1uP\x80\xa6B\x99\xc7\x1c\xb0\x1e\x88=\x99N\x02\xdbqN\xdc\xf1'</t>
  </si>
  <si>
    <t>b'&lt;\xbeE \x10\xe3\x07\x06\xae\xce\xbf\x18\xdc4S\x03\x0c\x9a\x1aj~\xf8\x00\xf6S)7;\x90\t\x93\n'</t>
  </si>
  <si>
    <t>b'((\xfd\x071\xb9_\xed\x05\x05bb\xb3t\xa2l\x8a\xcf\x7f\xfboW\x93\xe9.\x14\x93\xef\xf7\x10p\xc8'</t>
  </si>
  <si>
    <t>b'\x9c\x0fR\xeb\xa8\\\x88(w\xf8\xaf9"\x99\x1b\x89E\xedj\xc17\xb5\xa2NI\xb0\x93\xe6\xf0\x99\xfd\xa5'</t>
  </si>
  <si>
    <t>b"nsZ\xd9\xfa\xd7]\xbc\xd43[_\xdaXn\xe7\xd1\xcf\xce\xba\xf4\xd6/\xe0'\xee\xef\x1e\xd9\xa6|'"</t>
  </si>
  <si>
    <t>b'\xfa2\xf76\x98\xb9\xb5\x15\xe7UL\xe4\xcb\x7f\x97!}\xc7m\xca\x8b\xfd\xbcYv\xe9\xfe\x07\xe53:^'</t>
  </si>
  <si>
    <t>b'\xa6\xaf\xcc\xb0\x83\xbda5\x08\x0b\xd2\x91\xfd\xae\xe8\x1e\xf5\n\xc1~\x94\xf8\x91ON\x05\x1b\x1d\x002\x94\x1e'</t>
  </si>
  <si>
    <t>b'\x14k!\xe0\xcf\xc1\xba\x1a\x80\x06\x9b\xc4,B\xd9\x8fS1\x11n\xa1\xf2\x00\x9b0\x13F2\xf5h\x1f\xd3'</t>
  </si>
  <si>
    <t>b"\x19+\xc7'\xe1~\x80\xb8\rk\xea=d}M\xe7y\x95\x0fK\xb5\xb3\xf3\xec\xcc\\1Q\x19\xb1\x89)"</t>
  </si>
  <si>
    <t>b"\x81-\xbe\xfe\xb5\xe7Eg\x19\x86\xf5\xb8\xc9=\x95M\xf5\xeb\xd3\r\x81\x1dL'\xb3\xe1z4v\x1dHj"</t>
  </si>
  <si>
    <t>b'\xc6\xfcf \xb9\xc6y\x98\x99,D\x95\xfa\x98KD\xbc\xba\x00\xc9=\xfd\x05\xbdoi=w\xc4(\xa0*'</t>
  </si>
  <si>
    <t>b'W\xf7SK\xbc\x80U\xb9\x19\x95\xbbZ\xa9!h\x9a\x954\x1a\x14\xc06\x16\xd0[\x1d\x0e\xf2\xea\xe7X\xae'</t>
  </si>
  <si>
    <t>b'\x99\xd3\xf5\xa4\x07\xd0\xacn\xfe6\xf3\x05*\x17\xcc\xf0TI:\\\x1bG-\xc2\x8b\x12\xb8\x89\r\xe6\x8d\x87'</t>
  </si>
  <si>
    <t>b'\x99!xZ\xdc\x1e\xa1\xe9U\x9a/\xcd\xee\x17\xe7t_\x95\xc1\xc5+\xec\\v\x0cj\xb9b3\xe9\x99\x05'</t>
  </si>
  <si>
    <t>b'&amp;\x968\x7f\xfa\xeb\xad\xe4\xac\x89\x19\x85\x1eB/p\x8a\xeb\x1c\xe5\x8b3i\x86.`I\xc8\x17QO7'</t>
  </si>
  <si>
    <t>b"z\x90Ha\xb6#\xc2\x96'\x1dnzO\xe6\xa7\r\xc42^\xb2x\xbb\xa7E\xe7=\x91\xd0!\x05G\x12"</t>
  </si>
  <si>
    <t>b'\x8a\xa1\x17Z\xf9\x08\xcdbm\x08\xfd\xc7\x817\xabT(G6\xd7\xc5h\xfe\xdfP\xc9\x86+*T\x8f3'</t>
  </si>
  <si>
    <t>debt consildation</t>
  </si>
  <si>
    <t>b"\xfa\x1b\xfbs\x95JI-b\x8c\xabD'\xe4\x04!\xdc\xbaB\xe4\x9f;v\xe0\t\x9e\x11\xe5-\xf0\xf7\x19"</t>
  </si>
  <si>
    <t>b'\xf4\xc4\x82\xdc\xa90NU\x8d\xf7\xc0\x9c\xc3Y\xf9\xeb~\\\x1c\xf3\xb8\xe7\xfd\x05un^\x83 \x8cc\xd2'</t>
  </si>
  <si>
    <t>b'#\x9f\xc1\x88:00\xb6*\x8d\xf5(w\xf5RX\xf5%\xdd\xdcw\xf9\xbb\xea,ID7e\xb1_\x85'</t>
  </si>
  <si>
    <t>My Home improvement loan</t>
  </si>
  <si>
    <t>b'v\x90\xd3\xc6\xbf\x188fw\x00\xa8\x87\x96\xb77w\x0c\x85\x9a\x84\x12xb\xe7Mg/\xd4\x87IBr'</t>
  </si>
  <si>
    <t>b'\xacZ&gt;\xa3\xaf\x9d\xf5u_\x9eL\x18I\xaa\x94ex\x01n\xaf\xe1\xa9)\xc0\xa9\ty"\xefA\xa3\xe1'</t>
  </si>
  <si>
    <t>consolidation dedt</t>
  </si>
  <si>
    <t>b'\x0b\xc7\xb7\xa7u\x9e\xf93\xa6 ^\xe3k\xe0X#\xa9\xd3\xeb\xb4\xd2\xa9Pc\xe1])\xf8,y\x0bD'</t>
  </si>
  <si>
    <t>b'\xe9\xac\xda\xb8LF+\xb4\xda\xae\xff;)\xd2\x1a\x96\x95\x8a9\xb2\x0c\x1c?\x06\x13C\xd1\xc6 FB\xd3'</t>
  </si>
  <si>
    <t>b'q\xe9&gt;\x1etv\xea&amp;\x8b\xda\xb3\xcd\x8aL$F%e\xb5\xe8\x0703}\xbd\x7f=f\x1d}*\xd2'</t>
  </si>
  <si>
    <t>b'\xc1{\xd0\xeb\x04\xb1\xe8\x8c\x98.\xf5HB\x0f\x87\xc4\xc0\xe9ZPy!\xd6\x83\x16\x14E\xd7\x82\xf9\x8a\x00'</t>
  </si>
  <si>
    <t>b'ED\x10\xba\xf8\x8cVQ\x9c\xcd\x19#\xa9C\xcc\x8d\xa8c\xf8\x02\x97a\t?Kie\x8a\xf4=d\xb1'</t>
  </si>
  <si>
    <t>b'\x80\x95\xf3\x1e \x05n\x89LF\x93v=\xa8\xf0\x92fQ\x17\xee\xca\x0f\x98\xce\xda\xa2\xc8s\xff\n\x1e\xaf'</t>
  </si>
  <si>
    <t>b'\x1b\xa7\x1c\xb2\xa2\xc5\xaa\x80\xe3\xae\xe7\xa6\x01&gt;\xba\xd3m\xd4wb=\xc1\xb2\x07\x12\xba-U\x816}k'</t>
  </si>
  <si>
    <t>b'\x9a\x8e\xd3\xd4e\xcf\x8c\xb5\x9ea\xce\xefo\x02a\xe2\xb9\xc2\x08\xf0-\xa1"\x15\x1a\x99\xe3\xc9\xe4\x89\xffI'</t>
  </si>
  <si>
    <t>b'\xf5^A@\xa2\xe6\x0f\xda\xadK\xab\x18\xda5\xc6\x8c\x7f\xebbj45\xcex\x90\xf8\xe4\xfc\x1f\x92y\x88'</t>
  </si>
  <si>
    <t>b'\xfd\x9f\xd6&gt;\x02\x06\xb7\xc6B\\\x97i\xef\xe0\x855`^\x04\x90\xfal\xca\x9c\xf1f!\xd3a\xcf\x94c'</t>
  </si>
  <si>
    <t>b'\\ieE\xaa\xe3\x88\xc2\x08?\xabKdu\xa7\x89\xc2zxqq\xef\xd7\x9a\xf0\x8b=\xb5\x02\xf0\xcf\xec'</t>
  </si>
  <si>
    <t>BetterHealth</t>
  </si>
  <si>
    <t>b"\xecwFs\x15r\x9d\xd3\x81\x11S\xfb\xe9\xf2\xa5[\xf6L'\xb80\x9dv\xf4q\x9d\xe8~\xec\xc6B\xde"</t>
  </si>
  <si>
    <t>b'\x03\x16\xb3\xdai`th\xe8^\xbc@\xdc\xe3\xfe\xc7\r\xe7\x8b\x0e\x19\x0f\x0c~#/\xda\xa0\x7f*\x0c\x85'</t>
  </si>
  <si>
    <t>b'\n\xf0\x11@\xb9\xc7\x95fy\x1e\x01\xf8kL\xf5\xd5\xe1\xa7b\x9a\x8f\x1e\xa4\xdfB\x9dY\x90)\x94\xcc\xba'</t>
  </si>
  <si>
    <t>b'\x83\xc7\xeb\x887\x150\x81\x05\xd04x\x1b\xd2\x00\xd1[@)RP\x9f\x82\xae\n\x9a\x008\xc2\t\xf7+'</t>
  </si>
  <si>
    <t>b'\x12\xee\n\x05\x15\x92\xc9G)2x\x9b\xee`\xeey\xe6\x94\xdcT\xde\xa1\xdeE\xad\xd6Ay\x80\xba\xd8('</t>
  </si>
  <si>
    <t>b'\x0f\x82\xda\xe3\x1e6m\xa0&lt;\xad\x8fD\xfc \xaf\xb1@\xb2f\x12an\xde\x85=\xf7[\x16\xd6t\rd'</t>
  </si>
  <si>
    <t>b'\x7f*\xfd\xc0\x14:\x96]\x8f\xad\xd0\x9aX\xa7\x86G\x96$\xe3\xab\x80c\x8dld\x9e\xfdP\x96\x81\xd2s'</t>
  </si>
  <si>
    <t>b'I\xd0\x1e\xb5\xe0`r\xff\x8a\x13\xb5\x02\xff`8yz\x1ey\xc9\x9b\x1e\xa31{\x10\xf8w\xde\x1d7\xab'</t>
  </si>
  <si>
    <t>b'm\xef\x83\xebc\x19\xbaL\xb1\xfa\xdc\xff\x0b\xbb\xa04\xc7\x15\xa4P\x94;\x1c~\xda\x80\x9bY\xc0\xc8\xfeI'</t>
  </si>
  <si>
    <t>b'\xdd1\x81_+#{v\xc5\xe9\x91X%\xe2U\x90]\xb8m\xfb1Y\xb3\xca\r\xc5\xa2\xb0\x8f\x90\xeau'</t>
  </si>
  <si>
    <t>b'\xd47\x04\xd0$\xa3\xa8\x04\xeb\x84\xcc)ar\x0e\x9b\xe5\xbb\x17\xea\xbb\x04\xc8o\x8d\xea\xaf)G\xfe\x8a{'</t>
  </si>
  <si>
    <t>b'=\x02w\xc6%\x13\x07\n\x19\xa0\x86\xc7\x04\xfe\x14\xe0\xec\x08\xf4\xa3\x97g\xaa\xd7\xa6\xe8M\x151&gt;=M'</t>
  </si>
  <si>
    <t>b'\x87\xd72\x88=\xb0\x1a\x00\x0f%\x11\x85\x1eL\x06\xdd\x88A\xf2t\xe7\xc6\xad\xd4\x0f\t\xe7\x7f\xff\x1aNf'</t>
  </si>
  <si>
    <t>b'\x98F\x94\xc4b\x05\xa4\xac\xe0T\xed\xcd(&lt;\x0f\xf2Z\xe2Ht-\x91u\\h\xe9lN\x92\x91m\xa1'</t>
  </si>
  <si>
    <t>b'\xb7\xc0t`2\x13\xcd\xb1\n\xda\xa6\x84\t\xf2\xa8\x94z\xe4{\x88=M\xb8\x9fN\xbf\x93\xc5\x03\x81\x9c\xd4'</t>
  </si>
  <si>
    <t>b'?Fx\x99v#\x0f\xdd\xd4E\xd2\xdf\xa0\xe8\xa0\x94\xc8\ne\xe0\xa1\xc4\xe4\xce\xebAk\xdd0|&lt;\xe9'</t>
  </si>
  <si>
    <t>Seed Money</t>
  </si>
  <si>
    <t>b'\xae\x18\xa1|\x96\xa4\xfd\x9c\xa9\xd1\xceF\x8c\x83\xc3\x1bL\xc2E\x90\xa0&gt;O\x99b\x8f\xaax\xaa\x17w='</t>
  </si>
  <si>
    <t>b"T\x9b\xcbu|6X\xfb\x82\xda\x19?1a\\\x93\xd1W\xe3^hP\x90'\xb3 P\xf9\xf1P\xf7\xf4"</t>
  </si>
  <si>
    <t>b'\xa9\x06-\xe0\xf3]\x1c0\xb62\n\xb5\x85\x99\x8b\xb8\x11\xc13\xf9.\xb4\xbd"Sx\xda\x0c\xaa\xe8f\xcc'</t>
  </si>
  <si>
    <t>b'X\xb1)_\x17w\x07\xacj\xab\xff:\xa3\xe1\x02Y\x9d\xe2G\x8cyX4\x99\x8e\xd7h3\xeb\x1b\xe3\xe7'</t>
  </si>
  <si>
    <t>b'\xd2\xe0\xc5h)\x12\x98\x04r\xc5\xd4\x0e\xe3@\x89\xd5\xbex\x83\xd9\xfd}:\xaf?\rg\xfd\xe0oH\xd7'</t>
  </si>
  <si>
    <t>b'\x03\xf8\x1dmG\xd4\x84\xff\xa2Y\xa1\xba\xd7lW2Cj\x05\x15\x18\x987\xe8\x93\\t#\x1b\xc4\xae\x9b'</t>
  </si>
  <si>
    <t>b'\xba\x0cBA\x14\xe6&gt;\xca\xe4\x9e:\xc0\xe9\xf9{\x9a\x94\x17\xda\xa8\xe5\xd4T\xf91\xfd\x98\x98\xf2\x82\xf6\xd1'</t>
  </si>
  <si>
    <t>b'\xcb\x05\x18\xfb\xff\xf0\x84\x1e\xf0\xd0V\xbbc)\xba\xe7\xdbc\xd8\xca\xf0p"\x9a?\x95\x97\x04\xf0/U\x93'</t>
  </si>
  <si>
    <t>credit card consoldation</t>
  </si>
  <si>
    <t>b'\xb4\x82\xb7\xf1e\x88;&lt;\x16Hm9\x8c\xf4\xd6\xca\xa6\xa7\xa2\x88yb~Z\xd0\x9e\xfa\xaa\r2\x8a\xc4'</t>
  </si>
  <si>
    <t>b'\x07\xc5p\xb7\xedH\x91\xc0\n\xfa\x99\xa4s\xe8\xd2[);[%\x94\x8b\xa0\xde\xa0z\xd3\xc2\xe5 k!'</t>
  </si>
  <si>
    <t>b'\x86\xd2u\xfe\xecw\x9a\xfb\xb7\xafPQ\x8f\x82C;~4\x0f\x89\xe1\xa7[\x10\xbf\x93\xb0|Q\xfd\xd6\xbf'</t>
  </si>
  <si>
    <t>b'\x9fA\xe1\x94\x02l\xe2\r\xb7\xd6\xc7&amp;\xc8\x93\n.\xa0\xb1\n\x19R\xd1$\xde\xb0\xd9\xe7.J\xcd\xe4]'</t>
  </si>
  <si>
    <t>b't;\xb3W\x85j\x8b\xb6M\xbb\nEq\xbc\xe6Po\xa7\xf0_\xaa;\xcbD;\x93Qx\x16|\xce\xef'</t>
  </si>
  <si>
    <t>b'l\x04\xce\xdd\x9f\xfd\xfa\xd6\xea5\xb4\xc2\xf9\xe6\x02\xd0oJ\x90\xe5C\xd6\x12\xa2pQ\xe7\x1e\xed\x90t\xb2'</t>
  </si>
  <si>
    <t>b"\xed'\x1a\xe4\x19.\x93\xf6\xd7E\xe5\xb5\xc1H\x94\xef\xbe\xf5d\x8dv\xe8\xa4\x92\x15x|e\xff\xafS\x8a"</t>
  </si>
  <si>
    <t>Refi-cc1</t>
  </si>
  <si>
    <t>b'!i\xeb\x1d@\xea\xfa\xa1\xae\x0c\xc8\x0e\x8c\xe4\xb7&amp;\xe6M0\x11U\x8c5Wt\xe3\x8es\x89\xbd\x99\xf0'</t>
  </si>
  <si>
    <t>b'\xc9\xbdG\x94\\\x1d\xb9\xb6\xe6\x15\xb9\xbf\x93;8B=\xa2\x0fd1IW\x13:\x13d\x8c\x8b\xb5\xfb\xc8'</t>
  </si>
  <si>
    <t>Consolidate Me</t>
  </si>
  <si>
    <t>b'k\x03\xe2\xb1\x99?\xd1+\x87\x1a\xea\xe8 b\x1c&amp;\xe6I\x05\x02\xb7\x04:\xb0U$\xfcaua|\xb2'</t>
  </si>
  <si>
    <t>b'\x86\xd7\xca\x07]\xb3$\xbf{\x9a+YH\x99&amp;\xdc\xfb/\x94\xd5VA\x84\xc1`\re\x08\xf3\xdf\xaa\xea'</t>
  </si>
  <si>
    <t>b'\x8bp\xb8B`bi\xfd\x0c\xbd\x1c).=\xa4\xc1AIH`D\xa3{Y\xc1srQ\x86\x86\x8a\xdd'</t>
  </si>
  <si>
    <t>b'\x03\x1c$\xcc\xe0\xc3\xdb\x15~\x07\x08\n}\x8e\x07vd\xf4\xaaw\xc1\xdehr\x9d\x0cv\xa6Cp\xe9\xd0'</t>
  </si>
  <si>
    <t>b'\xb6|\xe2\xafs\xab\xc5\xe3\xcec\xfe_\x80\x03\xe7\xa5\xb9I\\\xb7\xde\xd0{}\x1b\xa4\xc5\xec\xf6\x00\xae\xcb'</t>
  </si>
  <si>
    <t>b'\x8c\xe5\xee\x96\xcd\xf49\xf1\xbf\xbfMUc\xb5\x04\xa7\x83\x81\x9eR\x85`\x95o\x1f\x9c\x13\\"\xe0_\t'</t>
  </si>
  <si>
    <t>b'\x0c\x0b\xfdk\xc3\xb1n\xc7\xcdo\n/\x1b&gt;\x85\xd3\x08y3B\xfe~\xd4\x00\xd5\x96\x13\xd8\x7f@\x0cB'</t>
  </si>
  <si>
    <t>b'3\xdd\x93\x82\xef\x9a\xca\xeb\xb3\xfc\xe9\xf8\xa9\x8e:\xe2_\x12P\xb7A\x89\xbd\xb2g\xb9\xdcG\xe4\x85\xa2&amp;'</t>
  </si>
  <si>
    <t>b'\x0cwP\x86~w~\xbc\xa4\xce\xec}\xf8\xd9\xec6\xe9\xde\xb7\xb9\xd9\xf6#Cx\x93P7\xc6\xdc\xd3#'</t>
  </si>
  <si>
    <t>b'\xb1bL\x1f\xa3\x98\x90\xb1\xfa;A\x15\xd7\x1c\x05\xf8\x03\xf6\xf2\x88\xf0T1\xd3\xdf\xebn\x80\x88\xcbF\xc8'</t>
  </si>
  <si>
    <t>Right loan</t>
  </si>
  <si>
    <t>b'u\xe5\xdfP\xea\xac\x8cJ\x90\xef\x9bm\x0c[\xe9qPZ\xa6r\xd8\xa2\x07NZ\xb7\xdd\x8b\x92\x14\xfb('</t>
  </si>
  <si>
    <t>b'T\xf7L\xdd\x1c\xc4iB\t\xd8\x1f\xce\xd6J\xe9\x02\x81\x03\xe4\xf4x)\xc9\x06\xd2\x91\x14B$\xcbb\xdd'</t>
  </si>
  <si>
    <t>b'a\xd8\x8e\xf7!\x0e\x86R\xfcC^\x06\xc1\xa5$\x9b\x94\xaf\xcf\xc52\xc6\xb8\xcd\xbf\xa7\xeem^\x00\x93}'</t>
  </si>
  <si>
    <t>Credit CardConsolidation</t>
  </si>
  <si>
    <t>b'\xa0\x9b\xf1\xbd\x0b\xc9\xcb"$\xf1\x9fO\xbfo\xa4,:GM\xc0Z\xdf\xa4\xc5\x9b\x03\x98P\x8d\xb0\xfcA'</t>
  </si>
  <si>
    <t>b'zT)UB0,H\x8e\x01\xf5gO\x05b\xb1,.&amp;\xb1/\xacst07\t\xc7\xcd\x9b:\xc9'</t>
  </si>
  <si>
    <t>b'\xbb\x11\x9bCG&amp;\xd7\xd86\xd1g\xac\xd5d\xf0hl\xcd\xa0\xfb\xbd_\x12T\x1b\x92\x11\xed\xc1\x16\xd1\xe0'</t>
  </si>
  <si>
    <t>Debt Consolidation/Business Funding</t>
  </si>
  <si>
    <t>b'-)\xcdw\xc6kAC\xf8\xcd\x8c\xf8-\x13\n\xedxh}t\xbe\x87  \xdc\xb2\x11\xf6\xd3f\x97\x9d'</t>
  </si>
  <si>
    <t>b'(q\nu$+f\x9f\x85\x98\x17\xb6Z\xe66\x8f\xde\x82e\xfd\xcb\xef\xc0\x07\x96\x0c\xd9J\x0f#|!'</t>
  </si>
  <si>
    <t>b'\x02\x803\xb5-\xb6\x86\x87\xbd,\xd9\xa2\xf5\r9\xfa\xb5\x91\x8cy\xdc\xc8F\xb4\xfc2_rl\x12\x84\xe8'</t>
  </si>
  <si>
    <t>b'*\x83\x81\x8f\x13&amp;\xa9\xdeHX%\xb9\x1cM\xfe51\x90~\x90 MH]\xad\x05\xc1\xfb\x12\xb1&amp;o'</t>
  </si>
  <si>
    <t>b'\x80\x10\x17H&lt;~\xc8\xa8\xb5\xea\xe9\x0f8(&lt;\xf5v\xe7\xf5Q\xd4]/cL|\xbbI\xd86\xfd\x18'</t>
  </si>
  <si>
    <t>b'\x9cD,\xa6O\xd6\xed \xee\x1a*\x1d\x89\xfe\xa9\xd0e\x92\x0c\xac\xfb)\xb8\xb5\xb5&amp;g\x14\xefJ\x93*'</t>
  </si>
  <si>
    <t>b'\x0f\x05\xad\xb89\xb9Y\xc8j\xaam\xec\x8e_b\xce\xe8\x19\xb3\x8dS\xb3nNW}\x88@\x19\xb3\x9b\t'</t>
  </si>
  <si>
    <t>b'DOT00\xe1w\xd8\x9bJ\xc8\xaf\x0f\xdc\xaa\x10\xd5*d7/B\x8fm @\x97G\xb207p'</t>
  </si>
  <si>
    <t>b'1\x96@.\x13ubT\xbb^p\x8e\x8f\xe8\xb6Xm\xb6\t\xbd\x84\xff\x1b\xce^\xbe\xc4M3T%^'</t>
  </si>
  <si>
    <t>b'\x00J\xe0\xf3%\xa4\xb0"\x82\xea\xce\xeda\xb1ex\x13\xaa\xd2\xfc\xfcD\xb8\x99}M\x97\x92\xe18\xed\xd1'</t>
  </si>
  <si>
    <t>b'\xcb\x82\xb1\xf6S.\x9a=\xa8\x1fG\x02mb3\xdf\x02\xd9\'\xe7\x12"\xbe\r5 \xb9\x94\xb5Z\x06\xd0'</t>
  </si>
  <si>
    <t>b'\x8fLvq\xc4\x06\x14\x1e\xbb\x80zb\x9cZ\xd2\xd4C\x99\xb4N\xc3\xe9w\xab\xc4\\\xd2i\x13\x14\xff\t'</t>
  </si>
  <si>
    <t>b'\xfch\xf5&lt;xy\xe1+b\xccsF\xba\xad\x16\xcer\x99$\x08\x1c\xa1\x99\x04\x9c\\\x84^\xe79\xb9z'</t>
  </si>
  <si>
    <t>b'%^H\xdb@"=Ax&gt;7\xc6;(R\xabY\xc30.\x1f\xfb~\x84\xd8\xfck\xf6\xbdu\xc4\xeb'</t>
  </si>
  <si>
    <t>b'\xcc\xd1\xdcA3\xd9j\x96\xd8\x02c\xb7g\xd2\xf1m\x87\x8a\xbb\x99\x90\xe3\x85\xef9)\xc5\xa5\xdbA\xb7]'</t>
  </si>
  <si>
    <t>b'\xa6,\xa3o4\x88\x06\xb41\xa5N\x10\xad\x1aLI\x9cY;,\xb0\xa4\xed=\rn\x00\xca\xab\xf8\x15\xed'</t>
  </si>
  <si>
    <t>b'\xb1\t\x10\xbf\xcb6&amp;\x89\xce!+\xca\xbf\x05\x13\x8d\x0f\xcd\xe2@\x88ME\xdd\xc0DT\x86B\\\x13\x04'</t>
  </si>
  <si>
    <t>b'm\t:\x02\n\xb5*\xb7"\x9e\x1c\x8c\xfc\xd5\xbd=RMt 2\xb7.dxE&amp;\xb7\x90\xbe\xbbI'</t>
  </si>
  <si>
    <t>b'\xa5\xe76&amp;Q)I\x93\xfb_c\x96\xcaS\x1b\xd4rHeE\x8e\xc3\x0f\xeb\x1c\x05\xd6\xf5|e\xe6\xee'</t>
  </si>
  <si>
    <t>b'\xefVa\x8bIt\x10\xe7E\x85T\xad\xaa\xdazj[\x1f3\xe31\xb6\x97\xf4\xb7\x92X\x14\x95-\r\xd3'</t>
  </si>
  <si>
    <t>b"\xa2\xf7\xf2\x1f\xd0\xa58\x84\xe5\xf0\xb3\x8a\xe7\xf3s\x1b\xe6\x13\x99y\xb5\xb2\x1f\xcd'\x0f\xac$\\=,\x9b"</t>
  </si>
  <si>
    <t>freefall</t>
  </si>
  <si>
    <t>b'\xdaj \x19O*\xf7\x0e\x84\xbfj\x18\xc6\xb1\xf4\x97\xad\xe6z\xf5\xe1\xd8+\x08i\xad{{\xf0\xd4\xf0\x1a'</t>
  </si>
  <si>
    <t>b'\xeaz\x8a)\xc64\n\xac\xcdl\xe7k\x0b\xbaR\x11\x9fa\x95%M\xa0\x89\xb1\tS\x16T\xe0\xcak\xbf'</t>
  </si>
  <si>
    <t>b'N\xf3\x89\xc7\xca\x83\xfaR\x83\x9f\xab7\xe4`\xc2\x03\xb2\x12c\xaa1\xd4\xea\x11\x07&gt;\xb1\x8c\xc9\xdb\xb9\xd8'</t>
  </si>
  <si>
    <t>b'c\xbd_\x15\x12F\xe9L\xce\xbf\xa8r\xe3\xf2&amp;\xe3\x11B\xae\x13\xec8\xd8\xa0U_q\x18ZZ\x87I'</t>
  </si>
  <si>
    <t>b'~\x0eob\xe8\xb7\xa6\x88g\xd4T5\xac\xad\xfb\t\xcb\x7f\x1f\x13j1\xa4\x03\xce{\xe2\xa32\xaat\xf8'</t>
  </si>
  <si>
    <t>b"\xdf\x91^\x9c5|\x828'n\xa0\xc9\x9bh)\xa8d|\x01[\x07\xd2\xee\n\xc5VT\x02tO@*"</t>
  </si>
  <si>
    <t>b'O\xed\xfa_\xc1\xf3\xf0\x9a\xfb\niZq\xaf\x93\xd7h%A\xa33\xb90\x8d\xfck4\xd5\xc5\x87\xb4\xdd'</t>
  </si>
  <si>
    <t>b'\xb4\x8c\x1c\xf7y\xaaXW\xf3L\xfd=\x0c\xce\xce"\xb0G\xb2\xe5\x17\xc3\xb5d0%\xa31"q\xf3@'</t>
  </si>
  <si>
    <t>b'2\x06\xf4\x10*/S\xee\xe4S\xc4&gt;a,\xa4\x12m^\xbb?\xafA\x0e\xe5\xabn\xea\x01&gt;5\xc9@'</t>
  </si>
  <si>
    <t>b'\x08\xec\xe8V\xb5[\xb8\xf7a\x91\x85\x9b\xd6\x1c1\xbc\xc1L\x8b\xcf\x9d\x98\xd9\x8c\x93t\x94\x14\xad\xd5\xc4\x99'</t>
  </si>
  <si>
    <t>b'\x13.K\xff\x06pzs\xcdf\x8b\xfc~\xc9\xb1U\xf4\xa8\xc4\x1a\xae\xd8\xec\xd4k\x99\x1f\x8f\x0b\xc7\xad\xbc'</t>
  </si>
  <si>
    <t>b'\xbfR\x89\xee\xe0\x8d\xb5$\xa7\xc0+v2\xb1\xb3D\x02ek?\xa0o\xe9\xc4\xc36L\x98G\xef\x9f\xb5'</t>
  </si>
  <si>
    <t>b'~s"\xdav\xae\xa9\xe7^\x04\x86\x8c|2e4\xf7=\xb9\x9f\x01\xb5\xd19\xa1%\x8f\x80\x9f\xf2\xa2%'</t>
  </si>
  <si>
    <t>b'\xb3\xf8+\xccN%\x06\xd8\xb46\xbc\x95&amp;\x99\xed\xf5\xf3\xd1FT\xb3E\x94]j:\xa9\\i\x81\xfdI'</t>
  </si>
  <si>
    <t>b'\xfe\x8f\xd2P\xd9\x03\x8c\nJ\x8b\xa1\x9d\xc7\x9d\x93\xe3=\xbf\xf0\r\xa9\xd1\xa6\x8c&gt;\xa0D\xd6\xf0;\xf0\xaa'</t>
  </si>
  <si>
    <t>b'!*\xc1\xcfN\xc6P\xe3\xf0rSY4S\xd0\xa3IE\xa8\xe1\xc9\x12\xd8m\xbc\xd4\xeb\xa4y\x81\x07s'</t>
  </si>
  <si>
    <t>b'\x1c\x92\x92&gt;\xd6]\xe1\x8c\x18\x00P\xfe\n\x7f\xa7k&lt;\xb0\x92\xa7\x8bw\xe8}\xa2\xf9\x9dKCIP\xc6'</t>
  </si>
  <si>
    <t>Consolidation Auto AMEX</t>
  </si>
  <si>
    <t>b'n\x97_f4?\x12\x97\x1eJ\t\x10b\x9f\xeb\xe5\xbc7\xdf\x8fp\xb3\xa0\xber \x1e|\xfc\xd4\t|'</t>
  </si>
  <si>
    <t>b'\x80\xb7f\x8c\x88\t\xb6f\xdd\xa5\xcd\x9e~"\xf7J\x88\xf2B\xb7\xf5\xfc\x93*i\xb69$\xe8Ac4'</t>
  </si>
  <si>
    <t>b'\x17\x0e\xee\xde+\x86\xc0\xae\xe6\xfd\x01\xe0\x92E\xc1:|\x81\xa8\xb9{8\xf8\xfa\xcd\xf8\x96\xd4\xd4\xf14\xa1'</t>
  </si>
  <si>
    <t>b"Et\xeb\xf2\xf0\x11P\x1b\x1e&amp;vf\x19&gt;\x86\x8f\x0e'\xb0\x08\xfc=\xb4QR\xc9\xbeD\xb43=\xad"</t>
  </si>
  <si>
    <t>b'\x1e\xcd\x114\xbf\x88\xa6\xf4\xe8\x96\xefuS\xb2i\xa8\xfa)\xc3\x80\xce\x01P\x16\xc6\x97\xd6\x00\xeb&gt;\xacR'</t>
  </si>
  <si>
    <t>b']&amp;:\xdd\x04\x19\xc1\x12\xe4y`\rg\x97\xb3\x1f-e\x93\x91\x94R\x95X\xad\xeb~\x0e\xa5\x8f\xb9\xb4'</t>
  </si>
  <si>
    <t>b'\x87NQ\xee\x9dM\xd9K`]/\xc7\xe6o\x87\xf7\x83+\xde\x11\xa95\xe6\xdcTA\xedo\xf1\xa5\xaa\xb3'</t>
  </si>
  <si>
    <t>b'a\x0c\x83\xf9\xa1\xf9\xa4j\xf3\xd2\xf6\x068\r\xaa\x7fDV\xec\xd1\xe4\xbey\x8c\x9a8\x95\xf7\xc6\xafC*'</t>
  </si>
  <si>
    <t>b'@\x11\x9a\xbe\xee\x02\x81\xffj \xb99\x9b\xacj\x0c\x15\x92Y\x9a\x11\x89\x08\xfd\xadKG\xba&amp;\x1c\xbf\x0b'</t>
  </si>
  <si>
    <t>b'\xcb&amp;\xf7\x89\xb5p\x18\xd5\xa7\xe3P\xd0nk$\xa4\x1c\xfd\x1b\xb5&gt;\xbf\xb7L\xe1A\n\x11\xe1\xf5p3'</t>
  </si>
  <si>
    <t>b'\x88\x9d\xc1\xbb^\x93 ;\xb7\xe86\xf9\x00\x8e\xa6.\x8f\x9d+\xce\xb1\xce\xba;\xf8!\x92\xe1\xc5\xc5\x1cp'</t>
  </si>
  <si>
    <t>b"W\x92\xe6\xd6\x80\x08\xb99\xf1e\xdb\x02{\xc2\xbd'\x18M\x13\xc6\xc0B\x90\x97\xeb]~&gt;-U\xd1\x10"</t>
  </si>
  <si>
    <t>b'\xee\xcb1\x92\xd2\x14c\xa4@\xd8\xf7\xc8\xb7U\xe8\xcd\xc0\xf4\xacI\xeb`\xf0\x88\xba\\\x0e\\N\xbc]\xa6'</t>
  </si>
  <si>
    <t>b'\x1d\x11\x83U*b\x16\x8d&gt;P\x94\x84\xb8/\x1c\x1b\xa2\xa9a\xb4=\xc8\x95n\xa0\xe0,Vo{\xbf\x92'</t>
  </si>
  <si>
    <t>consolidate once</t>
  </si>
  <si>
    <t>b'\xd1\xc2\xcc &amp;\xe6\xc7-~\xf0\x18\xa7\x84V#hK&amp;\xactn\xe2\x8b\x1c\x8e\xc4J\x96K\x82y\x87'</t>
  </si>
  <si>
    <t>b'\xe2j\xb9!\xd1b\x8f\x81\x8d\x1fE\xde\xed\xef\x9e\x1eSG\x84-\xe4h\x94Lo,\xcb\xc5?\x06\x9dq'</t>
  </si>
  <si>
    <t>b'\x1f\xa92\xff\xc2\xe3\x84D\xac.Qa\xd8\xbc\xa7*\xcb\xb4`fl\xd3\x0f4\x17\x03\x98\xf1i\xb7t\x8f'</t>
  </si>
  <si>
    <t>b'&lt;\xf5K\x91\x9e/c\x99\xfa\xdf\xfbf\xbd\x8b\xd5[C\xd7\xd5\x03\xe74$e}\xc2\xe2g\x9b_&amp;\x94'</t>
  </si>
  <si>
    <t>b'\xfd\x83\xf1\x8bW\xea\xb0V(l\xeb\xadM\x15\x13\xc3{\xc0\xa4K;\x91\xc9&amp;\xe0\xd2fa\xda\xf2A\xc7'</t>
  </si>
  <si>
    <t>b'\xc4\x85\x0c\xd6\xe2\x00\xb9a\xe3\xf7\xc2\xb9\xce\xf3h\xc8?\xfb \xf2\xae\xd2\xd6\nCJ\xca\xfc\xb0(mA'</t>
  </si>
  <si>
    <t>b'i\xb2\xf1\x14\xb4]\xe6\xcd\xfa\xad\xba\x88\x16\x05o\xe8}J\xae\xff\x91\x97C\xb2pc%\xd2K21\xad'</t>
  </si>
  <si>
    <t>b'\xe7\t\x08\x11\x7f6U\xd0\xa2\xa6%\x81Cm*JF\x1ce ,\xedi\xf2\xc2\xe5\t\x9a#\xd9\x82c'</t>
  </si>
  <si>
    <t>b"&gt;G4v\xfb\x83,o\xd5G'V\x1c\x8c\x11\x8e\x11o\x8f\xffN\x1e\xdf(\xbf\xb6\xd2W]\x9b\r\xcf"</t>
  </si>
  <si>
    <t>b'\x13\x9d\x94\x84\x10\xa9\xff\x92\x11\x1e1-A\xb8\x7f\x14\xbarA\x18\xdfmwMc\xdfX\xa2\xd9\xbe\xdf['</t>
  </si>
  <si>
    <t>b'nr!\x8e\x87\x9d\xd8\x00\x1d"\xd7\x16G\n\x93\xabl8\xc4\x94\x95d\xa9\x8f\x0eH\xb7\x98?\x16\xac\x99'</t>
  </si>
  <si>
    <t>b'ZE\xaa\xa5\xf3_H\x0c\xfb\xcf\xdd\x89\xf6\xe8)!.\x00U1\xcd\x8a\x1b\xc4\xcf\xc5:\xf3\x19)\xba\xe0'</t>
  </si>
  <si>
    <t>b'v|\xefX\x8eC\xea\x94E\xde/\x0bNg\x81IM;\x83p\xc6\x13\xef\x04\x97\x8cg\xff\xa4\x17\xbd\xd9'</t>
  </si>
  <si>
    <t>b'\x04\xc4)\x8b\xd7,\xea\x9c\x1d%\x15K\xe4E\x91\xb1U\x17P\xaevM\xb3\x99\xbb\x83\xff1c\x0bQ}'</t>
  </si>
  <si>
    <t>b'R\x95\xaa\xe9=\xc7\xdf\xf6L\xa1\xe2==\xddz~\x1d0=\xce\x04l\xe3\x97V\x14\x1a\x07\xf4dL\x0b'</t>
  </si>
  <si>
    <t>b'(*\xd9\xf2i\xc2\x01\x03A\xc1i\x9a\x99\xe6xN\xc9\x08\x0bB\x08\xd6\x9e!`%\x1d\xd5O\xf2e\xd6'</t>
  </si>
  <si>
    <t>fullpayoff</t>
  </si>
  <si>
    <t>b'\xa7\x87\xd9\x82(\x08\xa3\xab\x87oG\xdc6\xbf?I\x90\xe3 D\xb1\xf7h\n\xd9w\x01\x1d1\x9cX\xb6'</t>
  </si>
  <si>
    <t>Medical debt consolidation</t>
  </si>
  <si>
    <t>b'\x84\x1d\x1de\xed-\xc4\xdb7\x12\xbdo\xfe\xfb\x1b\xd5k\xa1\xa6\xabt\xba3\x9c4#\xd0G\xe0\xe15\xec'</t>
  </si>
  <si>
    <t>b'sb\xf6\xc3\xbdr\xdf\x90\x03\xe2\xd2O3m`3\xd9\x88@\xa4H/\xac\xca\x87\xfd;(\xb6\xb3]a'</t>
  </si>
  <si>
    <t>b'\x13=\xf4~\xcaHia\xbeO\x9f\x04}\x00\xda\xbb\x98r\xc9\xd8kE\xf7e\xfe\x03p\x87\x97\xa6K\x95'</t>
  </si>
  <si>
    <t>b'u\xfd\x8a\x11Y\xadc\xf9\xeaq\xb7\x00\x14a\xc7\xd2\x92\xb8\t\xb1\x83\xa6\x1aM\xa17\x14Q\x7f2P,'</t>
  </si>
  <si>
    <t>b'\x8d?y\x7f\xac\xce\xcbBGq\x08\x13\xde\xc7\xc1W\xdfS[M\x06l2,\xc7{&lt;%;$O~'</t>
  </si>
  <si>
    <t>b'z,\xe4v\xd4]\x8cN\xe3$p\t\xe9\x97t\xfd\x16\xdc\n+\x98\xe0\x91`\xdcZ\xa1\x14\xc24\xa3J'</t>
  </si>
  <si>
    <t>b'\xf1\xac\xadzj\xb0\x88\xc9/\xaeE\xecz\\\xa6e\xbb\x1cZW\xd8Jyw\x9c\xaa\xf1\xb0\x0c\xd4Ad'</t>
  </si>
  <si>
    <t>b'K\xde%\xa4\xd2\xbb\xeb\x7fl\xec"\xfe\x89\xd5#\x03\xc5\xe9..\xa90K&lt;\xd6\xa0\xe5\x15u\xad\xcbs'</t>
  </si>
  <si>
    <t>b'\xe8n\xea\x7f\xc7?\xab\xaa\xfe\xdc\x9b\x01\xb2&lt;\xe3Ey\x14\x99v\xdat](A\x85\xf9;\xac\xad\t\x08'</t>
  </si>
  <si>
    <t>Payit4off</t>
  </si>
  <si>
    <t>b'*\x87[\xa1\xb6?\x8b\x85\x84\xbe=\xc6\x00\x12\xf8\x8a7\x8f\xa3\xcc:\x87ZMR:X\x07"z.U'</t>
  </si>
  <si>
    <t>b'\xe9\x0b\xbb\xcc\x9b\x9bb\xf2i\xb2\x14F\xdde\x9c\x05\x81\x0f\xa9v$\x0e\xc3\x93}?\xf2l{\x14o\x86'</t>
  </si>
  <si>
    <t>b'wK\xbf0Ep\xd2j\x94\x16h\x13"\xb2F&gt;\x9f+\xd9\x18\x14)\xe7\xf8\x97\xc5E\xa7\xb3\xfa\xbf\xf0'</t>
  </si>
  <si>
    <t>b'\xdf\x10\xbc\x832(\xea\xc5\xe7Xc\xbdP\x16\x04\xc4\xf5\x86\xf1\xa9\x1a\xb4\xa8\xc4vi\x8b\xffn\x07\xf2q'</t>
  </si>
  <si>
    <t>b'\xcd\x8eacN\xbe\xd3\xfa\x14\xe0\xd8\x08o\x05\x83G\xa1\xb47%\xed\xf1\x8f\xfa&amp;\xfc5&lt;\x1b\x17*\xcc'</t>
  </si>
  <si>
    <t>b'5\xc5~\x14\x08g\x92_=\x0b\x93\x93O&amp;q\xd7d\xc6P\x1b&amp;\xe1\xb8\x84w\x02+\x8e\x9f\x05\xf1\xa9'</t>
  </si>
  <si>
    <t>b'\x99G}0\xb5H\n\xaf{\x92\x01y\xeaLiN\xd1\x07\xb9\xec\xcb\x12\x0bX3y\xe7\xd1\xca\x971f'</t>
  </si>
  <si>
    <t>b'B\x1f^\x1b[\x91\xce\x9a\x9d\xba\x9f\x98\x17\xf8\x91\x8d\xfa\xb2\x802\x83\x0f\xd7\r\xe6{x3\xde!\x0b\xc6'</t>
  </si>
  <si>
    <t xml:space="preserve">Help refinance </t>
  </si>
  <si>
    <t>b'\x8a\xa4t\x0e\xa1Z\xe8sk,\\b\xc9\xc4\xe7d\xf6\xa2\x8cV\x13\xc5\xbc\x8e\xee\x87\xa0\xf2\x12\x957\x80'</t>
  </si>
  <si>
    <t>Debt Conosol Loan</t>
  </si>
  <si>
    <t>b'\xecE\xf8\x15\x06\x05;*\x1d\xc0Z\x8e\xcc\xac\xfb\xe9\xe9R\xe6\x0ev\x9e\x07\x05"\xb4\x8a\x87\xef\x0b\x8cu'</t>
  </si>
  <si>
    <t>b'\xc5z\xd6\x8c\xeb4\x83\r\xbdw\x81r\x06(\x16U\x17h=S\xa0L\xe16W9LfL\xf7z\x1b'</t>
  </si>
  <si>
    <t>pay off amex</t>
  </si>
  <si>
    <t>b'R\xd0wAG&gt;y\xb0\x9bb\xda$\x15\xfe5T\xa5V\xd3\xb5\xb3\xe9QTbS\xfd\x14`\xa6\x05='</t>
  </si>
  <si>
    <t>b'[+8\xd72\xee~\t"\x84\xb5\xa9\x1c\x07\xc1\xe9\xa1\xc1$Y\xfa\xc7\\pY~\x05\xd7\x1d0\xd3\xd9'</t>
  </si>
  <si>
    <t>b'\xd40\x9b{*\xb1\xc0\xda\xbe\x1d\x83\xc5&amp;V\xb2\x90\xfd6\xb0\xf6\x9c.?\x1e\xff6\xf9\x90\xea;\x80\xc9'</t>
  </si>
  <si>
    <t>b'L\xc8{\xad\x8aT\x85,\x16\xd7\xc6,\\\xff_\x15\xebW.9973O\xc0\x02\xcc|\\\xa4\x8eb'</t>
  </si>
  <si>
    <t>b'\xa1f\xdbS\x84\x81\xc91\x08\x1e\\\x16n\x19KhY$#t\xe4\x18\\B*\xb1\x7fM\xf0\xb5\x88\x0f'</t>
  </si>
  <si>
    <t>Debt Consolidation - All</t>
  </si>
  <si>
    <t>b'Z\xb9\x1a\xae\x82aw\x01,\x81g\xd4\xf9\xa0g?\x1b\x01\xec#\x05y\x1c\x9d\xefWo8_B\xe0\xaa'</t>
  </si>
  <si>
    <t>b'\x92\x91&amp;7+\x86W\xd7\xadJ\x9b}e\x85\x97\x91SW]3\x06\xae\xf0?\x08\xd6\xf8\xab\xb7`Wy'</t>
  </si>
  <si>
    <t>b'\xc4x\x06(@\xe9ykvn\x1b\x18M\xdew\xf5\x9a\x12\x11\xfazB\x8a\xca\xc2Xu(\x91\xe9G\x86'</t>
  </si>
  <si>
    <t>b'\xc9v\x8d?\xd1uQ\xa7\xdd\x9e\xcf\xe9a\xfaL^\xca\xaaB\xdd\xaal\xed&gt;\xdbe\x94\xe5\x11\x14\xb4\xe1'</t>
  </si>
  <si>
    <t>b'0S_z\x8a\xea\x9aY\x17\xa2\xbc\xa6\xe0\x18\r\xafZu5M8\x8b\x9a\x85\xce\xc0\x81\x1cW\x95#j'</t>
  </si>
  <si>
    <t>b'\x1brh\xfc\xabA\xcd\xcfRZt\xad@\xe7\xe6\xed\x17C~\x97\xa3\xf0Qr6\xfc\xdd\xfb\x96B\xf0\x86'</t>
  </si>
  <si>
    <t>b'0\x15kJ\xf2\x14&gt;\x1a\xe9cx\xb3V^\xb9\x83/\xc7\xbd\x92\xfd\x9fPN\x1d\x83\x7fX\xfa\xfa\xad9'</t>
  </si>
  <si>
    <t>b',7wC~\x1deA\xca\xc2k\xb4\x92\xe8\x138\x02G\xc7:|!\x97d\xf4\x1b\xcb\x81-\x05\xf7\xb9'</t>
  </si>
  <si>
    <t>b'\xcb\xdb\xa2g\xf9ci\x93G\xa7\x95\x01\xe6\xf5\x11\x89+\xfa\\\xd5\xd4\xb1q\x8aV\xd2\xb5x\xec\x89\x05`'</t>
  </si>
  <si>
    <t>b'k\xb9\xa4\x87\xcaz#/C\xfb\xd9\x96I\x060\xea\x86\xb2\x99\xfcFN\xf8\xbd\x00\x143\x850\xcd0\xb2'</t>
  </si>
  <si>
    <t>b'(N*db\xbdz\xc4\t\xdc\xe3\xc1\x88\x17"\xeay\xc2S\xc4\x98\xa4\xb4\xfb\x94\x9d\x10\n\x00Z38'</t>
  </si>
  <si>
    <t>b'\xc4\xdc\xec\xa0\xf1\xc8+"\x84\xf7\xaeh\xbfV\x00B\t.a\xe8+\x88\x86%\xee(,\xff\xd0O6\xac'</t>
  </si>
  <si>
    <t>b'\xa6;\xae\xe9\x0fwj\x90]?\x1dM3\x12\x89\x95Y\xcc5\xcc\x0eA\xe8\x00\xc0Uo\xe8\xe6\xda1b'</t>
  </si>
  <si>
    <t>b'i\x089FZ\xa06\xa5EY\xd1\x1bI\xccN\xde\xb3\xf7P\x93\x87\nc\xb24\x9c\x9a$M\xac\x83p'</t>
  </si>
  <si>
    <t>b'Fd\xfb\xa7\xe5X]\xf8\xa0\xb2\xda\n\xdb\x98\xbc\xcf0\xd3@ADq\xca\xb4X=;1:yRq'</t>
  </si>
  <si>
    <t>b'\x17=\x90\xf6\xef\x07H\x1732\x7f\xc6/H\xb6\x020sz\xfb\xd7\x86]\x9b}g\\\xce \xdb%z'</t>
  </si>
  <si>
    <t>b'o\x08\xc4\x9dqS\xab\xfc\x9as\x1f\xef$\x9c\x85\x06\xd2\x18d*\xebJ\xf2\x8b\xcc\x9a\xb5\x9c\xb6\xd3\xefv'</t>
  </si>
  <si>
    <t>Payoff Credit</t>
  </si>
  <si>
    <t>b'r\x11b\x1ex\x82\x7fKJ\xb7"TE\nml`\n"\xdfuM\xc4\xe1$\xfe=iZ\xf7\x99L'</t>
  </si>
  <si>
    <t>b'\xe8\x00\x86\xb0\xd5\x06\xf2\xd2u\xc1\xd1\x0b?5\x97\xe0\xcc[\xcf\x8c\xf2\xfa\x16+\xd2\xa4\xd9\x1c&lt;_\x10c'</t>
  </si>
  <si>
    <t>b'h\x14+\x06\x8ec\x8c\x15\xf5\x87\xac\xadh\x87UR\xc8Tj\xeb\x03\xa8\xb2\xaf\xf0\x98\x05\xa6\xb5\x87p\x95'</t>
  </si>
  <si>
    <t>b'&amp;.\xf1ze\xee\tw[\x94\x8c\xc3\xf4\x03K\xc99\xdb\xb5\xd9\xda\x856\xb0\x07m$\xf7\xdb\x0c\xbf\xe7'</t>
  </si>
  <si>
    <t>b'\xaf\xf3G}{\x1a\xf9\x1b\\&amp;1\xcdnm\xd9N\t\xca\xe6\xe2F\xfd~\x1a\xef\xfb(3\x85\xfb&lt;\x81'</t>
  </si>
  <si>
    <t>b'@\xa6\x1a\x14\xda\x12\xb5w\xe6\xda\x1d\x8d\xf7%\x01\xf5DD#\xd7\xcfS\x01~\n\xa7\xae\xa7\xbeU\xbe\xec'</t>
  </si>
  <si>
    <t>b'q\x01{$\n\xe6*\x81\x7f\x8f\x9e\xb0T\x95\xcc\xdd\xd6!\xd4Od\x1d\xf6\xf6yX\x84,\xa6\x84\xb0\xc9'</t>
  </si>
  <si>
    <t>b'\x8d\x95\xd5\x8a\xda\xc3yW\xec%\xa4\xff\xe5\tS\x9f0\xbe\xf7v\xef\x8e\xae\xb5&lt;J\n\xac\n\xe75\xa2'</t>
  </si>
  <si>
    <t>b"\x14'N\x02\xb39\xf3ti2\xefr1w\xd2\xd0\x99\xcb\xd7\xc8\x10\x1c\xd1\xe8(\xa4t\x7fD\x0c\xec\xda"</t>
  </si>
  <si>
    <t>b'\xd7`\x82\xf9:`\xdd\xe0NUi8\xc1\x1e\xce\xb7s?HE\xb0\xec\xdc\x1c\xcb\x0czu0\xd1U\xf6'</t>
  </si>
  <si>
    <t>b'\x00%Ew\xa6R\xd3\xd0\x94\x80Y\x0c \x8c\x9d\x87\x0e\x07]\x1e\xff\xb3N=-y\xc8\xb2\xe0\xaf\xc1J'</t>
  </si>
  <si>
    <t>b'\x9c2\x93\xafZ\x0b(F\x15\xd0\x0eD\xe5\x02\x83;\xca\xe0uP\x01\x13bD\xcd\xea\xbeX[\xbe\xc5\xda'</t>
  </si>
  <si>
    <t>Condo Improvements</t>
  </si>
  <si>
    <t>b'\x949\x02-\x11tU\xc9\xa9t\xffq\xee\xb1\n\x19\x04\x8eD\xd2\xa9/\xdc\xa6\x04\xc6\xcd\xc2\xf5|u\xda'</t>
  </si>
  <si>
    <t>b'\x19\xdcCc\xe8\x98\xa1\x97\xee\xa0\x02@e\x8b\x87\x92\xe2JI\\e\xd6F\xdc\xec\xe4\xbeo\xc3\xeb.\xf5'</t>
  </si>
  <si>
    <t>b'\x8b\x89\xd0\xce\xd6\x12\xee\x9bA\x06_\xd9\x86\x95\xdc\x98\xdf5\xd0\x00\xdb\xdf\xd8\x16@\x10\x01\xa8JQ\x1c\x85'</t>
  </si>
  <si>
    <t>b'\xd1\xd0\xc2Qd\x1a\x0b\xd6\xee\xa2gb+\x93:^\xb4\xf0X\xf4yT\xa0\x9f\x81\xdbv\x1ek\x1e&gt;\x8b'</t>
  </si>
  <si>
    <t>b"\xd8|\x89c`\x17\xe6p\x91'\r\xa5\x12\xaa4|`\x84m\x94\xeb\x9a\xb7\xb9m\x86\xb4\xbf\x92G7\x0f"</t>
  </si>
  <si>
    <t>interest shaving</t>
  </si>
  <si>
    <t>b'1\xebQe\x86\x1a\x8b\xfd2a\x04\xf7,\xa5v\xf0\xb3\xb7gS,?!Loe\xb6|`\x83A\xde'</t>
  </si>
  <si>
    <t>b'\xe3\xe9\x98\x04\x82\xf2\xdb\xac9\xf7\xb1\xf3\xd6n\x82\x1d\x11s\xa69\x8ffp\x15 \x14\x08f\xf42\\\xbf'</t>
  </si>
  <si>
    <t>b'"\x1b\xa6\xd7=\x10\x06\x80\xc2\xaa\x95"\xd1h\xeam\xae\x8f\x0f\x11\x1a?#\xf5\xa0$\x01\xe6\x8e\x1b\x8d\xf7'</t>
  </si>
  <si>
    <t>b'\xa4\x889@\x8a\xdd\xdc)8\xb4\xf9aP\x84\xef\x14[\xb4\x92\x13h\xa4d\xf0\xb2\xde\xb5\xb9\xe4|\xe5\x8b'</t>
  </si>
  <si>
    <t>b"2\x06y5\x9d\x84z\xbc\x16\xeb6\x9c\x9d\x862\xef!\x10\xcfE\xce\xed\xe6\xda:\x13.:'.\x96&gt;"</t>
  </si>
  <si>
    <t>F350 Loan</t>
  </si>
  <si>
    <t>b'\x15u\x00_\xe9\xc9e\xcap\x8e+\x1a\x8b\x1c\x82\xde\xee!|\xae\x9fs\xf3\x99jF\xc5\x93~\xd6rV'</t>
  </si>
  <si>
    <t>b'\xb5j\xe3\xdd\xfd\xd1#\xbf\x12\tE\xdc\x85\xd8\xcd\x15\xe7\xc6\x85`60\x00D\xc8\xc5\x11F\x17Z\x11$'</t>
  </si>
  <si>
    <t>b'\xeeJ\x9b\xe7\\|\xce\x1a\xb1\x04\xd1Y\xfa\xe52!e\x08=\xf6\\\x82\xc3\xd4\xb9Ac&amp;\xe2\x89\x16#'</t>
  </si>
  <si>
    <t>b'\x02*p1\xf7X-g\x8a\xd2\xfcE\x12\xa3\x0c\xd54\xa3\xe5"m\x1d\x18\xde^5\x99-.EEU'</t>
  </si>
  <si>
    <t>b'\xb3^F\xc0~Pu\x1f\x90\x12;"i\x07\xccE\xa5\xf4\\\ryf\xfb\r\x1e\xaeIw-ofA'</t>
  </si>
  <si>
    <t>b'\xa6\x84A\xceI\x8b\x88\xc3|\xfb\xea(E\x87\xf4\xe8\xab\x06\xc8N:\xd9t\xdf`\xaf\x84\xba\xf7\xde\t\x00'</t>
  </si>
  <si>
    <t>pay off cc and home improvements</t>
  </si>
  <si>
    <t>b'\x87p\x84\x9f\xbbe&amp;\xa8gV\xe47;\x9dD{A\xc3\x05\x06VKi\xb0\x8a\xd7\xa2\x89\xee\x88\x9dm'</t>
  </si>
  <si>
    <t>b'\xfcu]\x0e\xb5\xb8\n\xa6\xba\x91\xb2\xab\xf0\x11\x08\xf8\x02\xaaV\x04\xa6\xd6?f\x14\xcc\xeb\x90)\xac\\\xc2'</t>
  </si>
  <si>
    <t>b'\xd8\x19n\x83\xc7\x91\xd5\xcf-\x1a\xef\x8c\xb6\x14\r7y\xf4\xbb\xeb`\x04\xf4yb\xc8m\x8f\xd7&gt;\xb1\x90'</t>
  </si>
  <si>
    <t>b'F\x16\xd2\xb23\xe5\xe8\x1b8\xdd\x11\xac=\xb4\x01\xde\x85\xab,\xeb\x8f9$t\xac\xcf\x02\xfd\xd1\xf8\xc9P'</t>
  </si>
  <si>
    <t>b"\xd0\n\xb9\x8f\xfe\x9a\xea8=Lz\x98'XDH\x07\xe8\x1e\x13~\x97\xa9!\x8b\x10\x1d\x0e#\xaf\xfdr"</t>
  </si>
  <si>
    <t>b'\xf6\x06\x14\xcf6W\x07O\xde\xcaAq&amp;w\xbb\xa27\xf3t\x97\x02\x91\x81\xd6%\xc7w\xab\xbb\xc32\xba'</t>
  </si>
  <si>
    <t>b'\xea\x0b\xce\xd9\x0c\xc6\x18\xc7\xae]4\x11\x13\xa9\xac~\x91\xba4\x13r\xf1\xa2fO`.\xa6\xc2\xfd)Z'</t>
  </si>
  <si>
    <t>b'\xda\xbd\x94\xcf\xbe\x83}\xf1\x02\x8f[\x86\xd4d\xab\xa00\x00D\xb7\xc9\x89,\x87\x1b\xff\xb2R$\xbd\xe7\xc8'</t>
  </si>
  <si>
    <t>completely out of debt</t>
  </si>
  <si>
    <t>b'\x89\xf4\x9e\x9dO_\xe6u6\x98\x8c\xe8@K\xf2,\x15\x91\x9d:\x7f\xder\x1b\xe6\xb2\x0c\x93\xc1\\\x0bZ'</t>
  </si>
  <si>
    <t>b'\xff\xf6\xc8\xa9\xef\x83o\x94\xe14\x14J \x88\x11u%=$ND\x0f;\x8bu\x01\x89\xa8\xa1\xf7(\x8b'</t>
  </si>
  <si>
    <t>b'\xcb\x1a4\xc4\x87\xbd\xe2\xf5\xc3\xed\x87\xf6-\xe0A^^\x82\xf209\xb7Bd\x03\x10\x95?\xfb-?\xa9'</t>
  </si>
  <si>
    <t>b'\xb6\x01oj,\x91s\xe1#O\xa7:\xe7\x93aQi*\x08\xean&gt;\xfd\x9a|\xads\x9d\xd4\xa0-\x17'</t>
  </si>
  <si>
    <t>Small Loan</t>
  </si>
  <si>
    <t>b'-u\xeckhf\\\x89\xedd\x7fX\xf8\x12\xd9\xado\xb5L\xb1\xe00x+\xde\x10\xe6\xd9\xd2\x8f\\\x03'</t>
  </si>
  <si>
    <t>b"\xf5\xd1\xadaR\xf6\x86z\x13c\xc8\xb4z\x8eO\x0e'x)6\xdb|l\x99\xcc0k\xf6wg\xf3\xb6"</t>
  </si>
  <si>
    <t>b'%\xdc\n\xb1\x88G\x0bJ\x86\x83\t\x06M\x14\xe1\x08\xe8\xb1B\xa7\xb7\xa2\x8d\r\x10\t\xce\xcd\xc6WW\n'</t>
  </si>
  <si>
    <t>b"\x8f2\xb1k\no:@{\x81\xcd\x80,\x9c\x8b&amp;'%$\x7f\x89\x0e\xfe\x06\x13R\x1a\xc7n\xc8\x97+"</t>
  </si>
  <si>
    <t>b"\xeex'd\xed$&gt;\x87\xff2 75\xe1'\xffh\xc6\xc2I\x18d\xcf\xd3\xbf\nqW[\x12\xb4\x00"</t>
  </si>
  <si>
    <t>b'\x98&lt;;\xfc\x98\xe2Ct\x1d\x89\x18\x16f\xcb\x8bo\xd0&gt;\xd3R\xb5\xc5\xe1\x0b\xe2\\\x0e"\xa3\x97\xc6\xa4'</t>
  </si>
  <si>
    <t>b'\x93\xf1\x1e\xb1\x8e\xf6\xacv\x00\xd7HU%\xe8lz\x04\x8c\xf3\xb4\xfa\x14\x0bH\xe0b\xcfMp\xbe\xc0Q'</t>
  </si>
  <si>
    <t>b'4\xb5\x0b:T\x1d\xc8\xe8Q\x8dA&gt;\xb0Z[\xf1\xdf\xd7?\r\x18\xbb\xac\xcd\x8f\xb1F\xf2\xe8\t\xe4H'</t>
  </si>
  <si>
    <t>b'\xa6\xce%(b\x90\x0f\xb7\x82q\x88v\x03\x81m\x8d\xe3\xabh\xc9\xb8\x86&amp;\x873:\xa4j\r\xc5r\xe3'</t>
  </si>
  <si>
    <t>b'\xaaV%z\x12\xf5\x96\x97\x98\x90\x90\xc5z\x92\x1b\xf3\xee\xd5`\x01-\x05\xf7\xea\x91\xc8\x01\xd3\x97\xff\xc39'</t>
  </si>
  <si>
    <t>b'.\x13\xc62\xb9\x02\xf2\xadfK\x04\x8cJ\xb7\xa0\x8e:\\*\xa4\xd3\xa9\x12pK\x10l\x01\x94^.\xf6'</t>
  </si>
  <si>
    <t>b'\xa7\xd2\xab\x0f3\xa3\xa9P\xce\xdd\xb3\x05\x87\x83\xffe\r\x8b\n\xd5\x88\xf73\x9c\xabQ2\xe5\n.^t'</t>
  </si>
  <si>
    <t>b'v\x14\x0f\xf8\x81/JM=\xe8E\xb9\xbe5{X\xf4&lt;kz\xd0H\xbb\xd4\xe5\xad\xe4\x95\xc9\xd0[\xf4'</t>
  </si>
  <si>
    <t>b'\x88h7\x9c\xf9\xfe\x92r\xfc\x0f\x81\xdd\x06\xa3\x83\x04m\x02\x96&lt;\xc7\xaeh\xb5\x1d\xdeXF\xefe\x81\x9b'</t>
  </si>
  <si>
    <t>b'8O\xe4\xc3`\x8a\x01w[\xd7\xaf\x89\x11\xf7\x10.C\xee\xcbW\x1b\xff\x8a\xe1\xa5\xc82\x19\xe0\xa2\xd7\xbd'</t>
  </si>
  <si>
    <t>b'4\xd2w":\xff\xd0\xc6\x07d\xea\xe7\xdb\x19&lt;4\xa1w\x82\xc2\xb4=\x1f\xcc(V\'\xfe\x83\x13vr'</t>
  </si>
  <si>
    <t>b'y\xda\xa3\xf4\xc5i\r\xa9Dcq\xc5-\x8a\x00\xc8\x10\x98\x99h\x19.yD$]\xca\xfa\x08\xa6\x80\x98'</t>
  </si>
  <si>
    <t>b':\x7f}\x16\x94{,\xfa:\xfc\x1de\x00\x8b\xdbu\x9e\xb5\x92\xae\xd0\x8fR\xbf\xff\xa1\xf8_gh\x02w'</t>
  </si>
  <si>
    <t>b'\xdc\xefs\xd0\xa1\x1a\x92.\xe9\xe1\xc4\xd0i\x96\x15\x93\x86\x1fD\xd9\xb8\x19\x0e\xd5\xe7J\x16\xdaX\xb2\x86f'</t>
  </si>
  <si>
    <t>b'\xc2o}&lt;&gt;\xd6\xb0\x06f\x94\x1e\xa9\x9c\xe4\x87\xb5\r\xc0\xe1U\x97\xf4\xcan\x17f\x81\xa3\xaf(\xff\xb9'</t>
  </si>
  <si>
    <t>b'$\x99\x92qS\xac\xdd\xe1\xda\xe0\xbe\x88\xcfj\xb7\x809\xfe\x18\xd2\xb5j\xc4&gt;\x9aqL\x90\xa5p{8'</t>
  </si>
  <si>
    <t>b'\xc5\xa5\xd82\t|Y\x1c\x92\xdd\xd1\xa2\xdf[-\xcd\xb2\xca\xb8\x9c\xabF\x1a\xd4*\xe1\xc2\x8c&amp;\x07t\xef'</t>
  </si>
  <si>
    <t>b'\xb9\x7fu\xd1\x1cq\x98\xe75\x85\xf5O\x84A\xbe5\\2\xb6g\x80\x83\x11\x89\xfc\xa6\xa7a\xc7\xba\xab\xf6'</t>
  </si>
  <si>
    <t>b'\xcfRtl{\xcf\x02[\x12?\x90\xb5\x0b\x80QE3.\xa8\xb3\x0c\x1c\x1e\x89Yv\xbd\xe2\xbf\xcb\xbe\xeb'</t>
  </si>
  <si>
    <t>b'0\x02s\x8a\x1c\x89\x0cT\x9b\xdf\xddbQ\xe5\x9f8\xcf\x9a\xb8\xbd\xdd\xffZ\xa5\xb8\x7f9\x19\x14_\xc9M'</t>
  </si>
  <si>
    <t>b'M\xb7\xbe\xecE\xd7\xf2-(\xce\xcf\xe2\x07\x9b\xd4\xbe.&gt;\xa3\x8b\xc3d\x02\x01\xb8\x01\x86Av\xfbc\xd2'</t>
  </si>
  <si>
    <t>b'\x8c\x1e\x96\xd4uW\xa4)\xb8\x10\x17\x817X|"~\xa8\xcd\xd8\x1e\xce\xa80t\xda\x00\xf3\xa4\x95&gt;\xfb'</t>
  </si>
  <si>
    <t>New Year</t>
  </si>
  <si>
    <t>b'\xcfn\xad\xbb\x00\xa7\xf2\xc1\x91\xfc\xde\xec\xb2\xbe\xcf\xde\xfd\xf3\xd9\x13\x9cp\xb9x\x7f\x94v\xe8\xcaG\xa2\xaf'</t>
  </si>
  <si>
    <t>b'\x8d\xa1w\xc1 /\x96\t\x96i:\x071\xd0 6{\xa2\xf74\xb1\x85\xacu\xb2O\x8f\xc9(\xe8\x06\xa2'</t>
  </si>
  <si>
    <t xml:space="preserve">Set ourselves up for success </t>
  </si>
  <si>
    <t>b'Y\xdeO\xba@\xb13\xab \xc4\x11Y\x1bE\xbb&gt;)\x7f`D\xd3-$\x1a\xf9\xc6\x13\x9bL+\xfa\xfc'</t>
  </si>
  <si>
    <t>b'\x10:\xb3\x03&lt;x\x1d\xdf\x1f\xc0N\xfe\x81\xcd\t\xcd\xcfA0\\\x16\x08\xe8\xf3\xfe\x15X\x12Z\x95Ub'</t>
  </si>
  <si>
    <t>b'\x89\xf2\xcd\x81\x7f\rG\xf3\xe2\x84\xab\xce\xbdV\xf4\xf17\xbc\x91\x06[\x13\xf6\x14o(\xee\xa4A\x8eM\xf6'</t>
  </si>
  <si>
    <t>b'\xca@u\x9b \xea\x98Y\xb4\xb2\xf7\xe2\xbfR\xb3\x19\xe3q\xbb\xe1:@SI\xf3\xaaox\x83\xa08\xd6'</t>
  </si>
  <si>
    <t>b'\x0b\xc0\x1ar\xe8m\x16\xbd\xde\xb0g\xf6\xb15*\xe0\x06-0\xb1\x7f\xbc\xc2\xcaE\x8b\x0bN2\xadG\x1d'</t>
  </si>
  <si>
    <t>b'\xfe)\xbb\xd2\xa8\xf9!\xdc\x9a\x92\x1e7\xfc\xd1\x02\x06\x89\xbb \xe1\xb0N\xea\xd5\xbc(\xf9\xca-:_\t'</t>
  </si>
  <si>
    <t>b'?\x84\xdeB\xe8\xcd\xafm\xedF\xc7\xa3e\xf95\xe3\x13&gt;\xc3\r\xa9F\xf9\xc6\xf1\x1d\xdd_\xc3q\xc21'</t>
  </si>
  <si>
    <t>Marketing</t>
  </si>
  <si>
    <t>b'L\xbc\xbfn\xf4\x1e\xae\x01\x9b\xd0\xbd\xd9Y\xd0\x81\x1a@\xeb1D\xc3\x93\xfa%\x93\ruh)\x03!\x86'</t>
  </si>
  <si>
    <t>b'Y$\x1d\x95dzzqiB\xd8\xd3\xaaz~\x0c\xa1&amp;~\xa0\x98\xe7\x19B\xaf\xf4\x90(\x1d\xc1}\xbb'</t>
  </si>
  <si>
    <t>b'\xe4!D\x9d\xa6\xf1\x99\x80\x93\xcb\xc89Ap\x91)f\x8e\xf7\xfb&amp;\x82\x9c\x12w\xceD\x82\xfb\x00\x90\xf5'</t>
  </si>
  <si>
    <t>b'\x16*\x99\x8da6 *6\x03\xf2\x17x\xa9\xc5\x84k\x1a\x14\x92F\x9d\x8cX\xa8D\x97\x84\x07U\xf5\xe3'</t>
  </si>
  <si>
    <t>b'f9II\x80\xde\xcf\xe9\x16\x94{\xf9\x96Rf\x97\x1bCv\x99\xd1\xaf\xf4]\x8f\xdc\xd8\n\xd6\x91\x9e\xe6'</t>
  </si>
  <si>
    <t>b'\x7fB\xb0\xf1\xcf\xbe\x08\x90\xdbN\xb67DC\x9c\xdd\xed\x9e\xe4\xd5\xbc\xd4\xff\x80#\xbcj\xdc\x174\xa9\xda'</t>
  </si>
  <si>
    <t>b'\x8e\xd0\x8fG\xb7\x12EN\xfc\xfe\x0e\xab"X\x9b\xf6y\x19h\xa5\x02[-=\x85\xef\x8f\xf7Ux\x89\x16'</t>
  </si>
  <si>
    <t>b'\xf7iW\x85\xc7i\xa1\xb1\xd9\x9eF\xd5\xa3\xa3\xb4\xb5\x17U"JC\x03\xba4\xfd\x8f\xb4\x7f)\xb0A\xb4'</t>
  </si>
  <si>
    <t>b'\xe6\xd5TrF\xff\x9a\xe7\xd7\xd5Hw\x8fn\xd8|\xd1\x03;P\x8d\xe2\x8b\xec\x8f\t\xb9\t\xfb\x8a\x9e\xae'</t>
  </si>
  <si>
    <t>b'{\x9e"E\xa2=s\xff|sE\xea[\xde\xeb\xc74\xa7d\xe9\x8aM\x8d\xaf\xac\xf464\xf0\xd6y5'</t>
  </si>
  <si>
    <t>debt eliminator loan</t>
  </si>
  <si>
    <t>b'\xeb\xe1\xdf&gt;&amp;\xdf\xc9\xa8D\xafY\xe1\xb9\xe5km\xe0m\x83\x8d\x1c\xbcI\xfe0\x94\x9f\x07\x19\x8e\x80\xdb'</t>
  </si>
  <si>
    <t>b'5]\xe9\x8d\xa55\xcf\xb0\xeev\xf1\xcd\xaf\xf9D\x1d\xed\xc2F\xd7o\x0f\xfc\xa2{_\x1f\xd6&amp;m]z'</t>
  </si>
  <si>
    <t>b']\x95\x80&amp;TV\xe0\xd6L\xf2\xcc\xd1x%a}\xfa\xab\x7f\x89\xb0\xadb\xb2\x16\xd0Zge\x86\xc1\xba'</t>
  </si>
  <si>
    <t>b'\xd1\x11\xa8E\x92E\x8e{\t\xd5Xg%a9P\xa6\x88\xe8\x1aj\xd5\x9alL\xd7:m\x0e\xd6\xc6\xa4'</t>
  </si>
  <si>
    <t>b'\xaa+\xdbt\x13(\x15\x9c\xd3\x9d\xe1\xf8\xde\xbb\x02\xe7\xec*\x82\x85\x14WE\x1c\xc8\xb3N+G\x95\xdb\x94'</t>
  </si>
  <si>
    <t>b"?\x9b\xcb'HG\xbf+\xb7\x99\x1b 8h\xa4%\xe7x\x0f\r\xf8[\xd3\x07\x9d\x02[\x8c\xdf\xbd\x80?"</t>
  </si>
  <si>
    <t>b'\x88\xcf\x9daB\x1f\xa2\xf4\x8f\x10\xe7\xc6%\xa5$\x00\x00\x03+\xb4r\xfcd\x9bIn\xb3\xfa\xfe\xe9I\x7f'</t>
  </si>
  <si>
    <t>b'\xb3r1r\xacU\x15L\xea.\xc8@\x95l\x84\xa7\xf1;\xf9\x03\xcd\xbdJ\x12\x16f\xa0\x18\x0e,J\xcb'</t>
  </si>
  <si>
    <t>b'\xc9G2\xda\x1e\xf4\xc6g\xcb\xc3\x8e\xbd\x80\x8b\xc3\x925hAh\xbalI\xb4\xcc\x14\xeb\xcf\xd0\xecO\xa1'</t>
  </si>
  <si>
    <t>b'hJ\xf8\xab7\xe7\xec\x165\xb0A\x81s\x11\xd7\x04\xb9\xe4\x8aD\x01R\x13\x8e\xb7\xf7\xae\x03;\x169|'</t>
  </si>
  <si>
    <t>b'\x91t\t8\x9f\\\x8f[2\x0c\xd2\x80\x0e/\x88|E\xb6i]\xb8&gt;_/d\xba\xd5c\xaa\xd1\x1b\x05'</t>
  </si>
  <si>
    <t>b'o@:\x88\xdb\xb6*o\xb7A\x08`k\xd1\x03\xdcm\xa4\xd3u\xc8\x1a.t\x90\xd7\x92\xb0&gt;m\xb3\xca'</t>
  </si>
  <si>
    <t>b'\x94\xf2\x172\xd6\x9c\xcd\xce\xc5\xcd\xbd\xc9\x04\x97\x1b\xd3\xb4\xcf\xb8\x0e\x0b&amp;\xffr\xd5\x85\xf5\x8d\xa3\xc6\x1cG'</t>
  </si>
  <si>
    <t>b'\x8b\x02\xa8\xf8\xe2\x08\x93\xaayn\xc0\xf1\xb8\xebG\xc3\x06\xbd\x0e\x87\x92]\nqD\xf9U\xf6&gt;g\xbc\xb1'</t>
  </si>
  <si>
    <t>b'\x0c\xba\xe4\x97\xc9\x88\x9e\xd6\xb3\x05\xfa\xae7\x90[\xe3\x08\x1a\x00\x18\xed\x89\xaa\xb2\x85,\xe7\xbb\x1c\xdd%\x04'</t>
  </si>
  <si>
    <t>Expanding business!</t>
  </si>
  <si>
    <t>b'Y\xbd\x973\xebA\x12\xdf$\xfb\xf7\xee`&amp;\x01\x90\x00\x95$\x9d\xddP\xfb\xc3\x94\xe9{\x92/|l\x9a'</t>
  </si>
  <si>
    <t>b'X!G\xa3\xee\x17d\x1e\xe2\x80\xb1\xe9\xad[\xe1\x1e\xed7\xb8\xa6q\xd8\x89yR\x18o\n\xc1\xbehU'</t>
  </si>
  <si>
    <t>b'\xb3\xa5\xe9&amp;\xef+\xdaY\xdb\x15\xab*8\xd4\xb6b\xee+\xcd\x1a\x02\xad\x86PU\t:4tQ0\x9e'</t>
  </si>
  <si>
    <t>b'VK\x03\xcf\x83\x0f\xc4\xb6\x87\xb6\xb8i\xbc\x93|{\x83\xe7\x14\x8cU5\xa3\x88?T\x1e\xd5\x10\xc9\x8c\x91'</t>
  </si>
  <si>
    <t>b'\x070\x98\xccY\xca5jsj\xfdu\x17\xaf\xc0A,\x95\x05\\\x9e\x1e\x85\xbfb/\x04\xf8b\x1e\xef\\'</t>
  </si>
  <si>
    <t>b'\x81+6\x02\x95\x7fO^\xc28\xf4{\x0e^\x81\xa94j\x9d\xf0\xc1\xf4Z\xa3!2\x9fBR\xfay\x19'</t>
  </si>
  <si>
    <t>b'N\x97\x82\xb8\xcf\xa6W\xa0\xde\x90\xd8Y&lt;\xbb\xd6.\xcb\x1c\xbe\xb0b\x8a\xde4MW`\xb7f\x98\x91\x10'</t>
  </si>
  <si>
    <t>b'\xd1M\x96\xc2\x85\x11\x8f\x1dj4\x9a\x03\xbe\xef\x17W\xe6\xbb\x19\xd94\xdc\x1d&gt;&amp;\xa8\xfb\x82\xd6%b!'</t>
  </si>
  <si>
    <t>b'S6\xdb\xd8&amp;=E\xf2\x8f\x99\x1c\xa7h\x13~)\xdc\x9a\xd3\xe3|W\xba\x15\xbf\xafQr\xbb\\~\xf3'</t>
  </si>
  <si>
    <t>b'U\x89\xd1v\xd3gW)\xcc\xff\xa9\x08\x0e3\x87\xef\x00m;\xday\x89\xb1b\xf9\x18\xe3\xb9\xa1\xad\xef\x19'</t>
  </si>
  <si>
    <t>b'\xbf\x02&amp;\x90\x18\x80\xc2\xa0\x9e\xe7B\x0bA\xf9\xd4J\xf8\xd8Tk%\xaa=H|W\xbbWu\xebN\x83'</t>
  </si>
  <si>
    <t>ccr</t>
  </si>
  <si>
    <t>b'\xbb\\\xfc\x80m*\xeb\xd7\x10\x0ce\t\xec\xb9\xd7\n\x97/\xb81f\x7f\x11\x07\xf5Q\xa7R\xb5Y\xb7,'</t>
  </si>
  <si>
    <t>b'\x91\xab\x1a.=\x00V7\x16]Rb\xca\x0b\x87\xfb\xbc\xb5_\x14/[\x9e\xdd\x12DG\xab2\xad\x00\xa3'</t>
  </si>
  <si>
    <t>b"_\xa4~|A\xad\x97\x05\x15]\xceC\xf8b\xd0\x04\xc2'\x1a\xfc\x85\xdd\xb3P\x90\x84\x83P\xc05\xb8\x13"</t>
  </si>
  <si>
    <t>b'?S\x86\xc9@bF\x95\xd3&amp;Ab\xe05\xb4\xba\x91`\x12x\xae\xf67]\xfcM\xca\x86\x0cl\x1c\xcf'</t>
  </si>
  <si>
    <t>b"\xef\xbd\x97\xd7O\x19\x12F(X+9F\xf6\x11\xe5\x063\x0etX'a\xb5\xc7\xcc\xc2\xf0\xdd)\xc6\xfa"</t>
  </si>
  <si>
    <t>b'x\xa2\x1a\x8af\x90\xb3g\x07\x1b\xc0\x7f\x18\xe1\xa2\x9b\xab\x96\x81\xdd\x80\xfb\xfc\x15\x97\xb4\xa5\x89iO\xe0='</t>
  </si>
  <si>
    <t>Happy Person</t>
  </si>
  <si>
    <t>b"L\x12\xc1\x1aH'\x18\xcc\x9d0\xaa\xc4\xe1_E{\xbc6\x9d\xd5\x03\xf8P\x16\xbc\x0b&gt;\xdb\x04\xef\xb7\x15"</t>
  </si>
  <si>
    <t>b'\xc00\x11\xb8l8\xa0\xc13X\x15NHQl\xac\x82|\x93\x94\xe8c\xad7\x14\x06\x89\xac\xdf\x9a\xac`'</t>
  </si>
  <si>
    <t>b'K.\xc8S/\xf48\xd4\xdd\x16\x92&gt;\x16z\x08|\xcf\xd5b\xfb\xbcX\xe5\xb9\x13\x0e\xc22\x08\xeb\xab\xcc'</t>
  </si>
  <si>
    <t>b"\xaecf\xf4}OL\xaeE\xe3#\xa9\x0e\xd3\xa6\xca+\x0e&gt;\xc4-\x80$\xc5\xfav\xdf-\xee\xab'Y"</t>
  </si>
  <si>
    <t>b'L\xa5\x14b\x08\x91\xbem\x1d\x05\xdb\xab7\x97o\x9am\x11[\x9f\x05v\xcf\xc9\x05\xb3\x145Z\x1a11'</t>
  </si>
  <si>
    <t>b'\xdc~WB\xdf*\xcf\xf71\xa0/\t}\xf3B\xf4H\x90^z\xdd\x80s\xa2\xe2\xe8\xf1O\x86~\x87B'</t>
  </si>
  <si>
    <t>b'\xf0\x84:I\\\x85\x95$\xce\xe0\x0b\xf5j)\xd2\xe3\x01RD,\x1d\x06\x906P\xba=\xb7\x99h\x937'</t>
  </si>
  <si>
    <t>b'/\x00\x93\xea\xf7&gt;\xa9\xd0\x9a\x94\xf7@\xbd2W\x91\xa00\xdee\x89\xd5X\xed\xf8\x98r\xee\xa1\t\xd3d'</t>
  </si>
  <si>
    <t>b'x[\xfa\x84.\xd8]\x88F\x0e!P\xf5~\xf4\x1b\xdf\xcbf\xb7\xca\x13\xcfLp\x17v\x90\xa8\xc6\x15\xd4'</t>
  </si>
  <si>
    <t>b'\xe0\xd1\\e(\xdbxw\xcd}\xff\xd6\x8d\xf9\xef\xa8^\xa7\x93V\xb2&gt;\xe8T\xea\xac\xbb\xb6\xd2d6\xa3'</t>
  </si>
  <si>
    <t>b'bo\xc6\xd67\x08\x8a\xd2x\x14\xa0\xe4\x80U\xd7\xab\x08\xb8\x06h\xb7&lt;%){d\x91b}F\nv'</t>
  </si>
  <si>
    <t>b'\xebh\xe8V\x1c\x0bc\xa2\xe3\xdf\xa0\xd3SQ\xa1\x1c;\t\x86\xd8&amp;?\x9d\xd1\xe7\xad\xae\x8d\x05\xe7r\xf4'</t>
  </si>
  <si>
    <t>b"\xa1\xc4\x83\xc8y^'\xe9\xc74\xaa\xb2\x1d\x07F\xcb\xf7^\xfa\x17\xa2\x92E\x8f\xa1\xcd\x92\\P\xab\xd4\xe3"</t>
  </si>
  <si>
    <t>Road to stability</t>
  </si>
  <si>
    <t>b'\x18\xd7w\xbc]T\xbf\xfb\t\xb8\x91\xaf\x9f\xda\xae\xf1 \x15zt\xd1\xb9\xbd+\x85\xef\x9f\x80\x82\x1bG\xa7'</t>
  </si>
  <si>
    <t>b'+\xb3\xbe\x884\xc6\xa4gOXXvn\x0f\xd2a\xa6\xf71\xd3\xfb\xb21Gr\x95\x06\xe0BpE\x8d'</t>
  </si>
  <si>
    <t>b'\xd2\x05\x7f.\xa3\x07\x14\xc4:\x93\xd3\xcf\x17Z5\x1b\xfal\x00\x96\xf3//\x11Z&gt;RX\x94B\x88_'</t>
  </si>
  <si>
    <t>b"6\xe6Z\xe1\x07\xd3!\x91\xae\x07'yD\xe2\x81\xf7\x91+\x818\x9b\n\x03m\x9fd\xa5\xa1\x9d\x18\xd5\xc1"</t>
  </si>
  <si>
    <t>b'F\xf3%Cj\x90\x96\xdb\x8dhy\xcdD$\x8a\x8eU\xa0b_\xcf\xf1=`?\xf1m\xdf\x9b\xb84v'</t>
  </si>
  <si>
    <t>b'\xee\xa7\xd9\r\xf9\xb7\xe4\x16\xdc"\xf0\x015-eP\xd4\x0f"\xb2GU^gf{-\xfez\xf1#s'</t>
  </si>
  <si>
    <t>b"V\xa3'L9\x19\x88\xa8\x03\xda&gt;\x1f\xb0E~\x87H\x91I\xac,\x1c\x06\x86\xe5\x1bw,0x_)"</t>
  </si>
  <si>
    <t>Bill consolidate</t>
  </si>
  <si>
    <t>b'\xd8x\xbcj\xbe\xa6\x95Y\\\x08\xbd\xa6\x04\x18\x98\xf4\x84^\xba\x04uA\x03\x02QN\x97\x94\xdd_\n\xa3'</t>
  </si>
  <si>
    <t>b'\xbf\xbb\xac\x08\xa9\xe5\x11\xe5\xcd.5\x7f\x02\xdb\xa9\xb7\x12\xe4\xef:\x1c\x12\x00\x89\x81&amp;\xc7\x9b\x90\x928\x04'</t>
  </si>
  <si>
    <t>b'Rj0P\xbf:I\xd0R\x19a\xfbT\xfb\x95\xa0\x14\x8882\x93U\xc7\x02\x13\x84$\x11AaF\xfd'</t>
  </si>
  <si>
    <t>b'\xe1(o\x12\x1c&gt;\xb1\xc7\xf8\xffq\x97\x93\xcf\xe7\x12\tZ\x06\xfa\xef\xa2\x0e\xf7\xf0\x9c,&lt;\xee\xf7\xd2\xf2'</t>
  </si>
  <si>
    <t>b'\xddR\xf1&amp;\x0b?\xed\xa6D\xb7\x93\x15\xd8}R$\xf5\x02TSK\xedIe\x03C^\xdd\xd2\xd6\xed/'</t>
  </si>
  <si>
    <t>b'm\xcf\xcd,\x98\xa3XG\xe5\xbfc\x10\x8f\t+\x19\x05\x07\x13\xd4\xef3\xd6\xea\xf6~g\xde]\xe09s'</t>
  </si>
  <si>
    <t>b'`\x9e\x89\x93\xb6\xf4*\xde\xd9\x1a\xc4\x02%\x82 \x99sM\xd4!\x01\xde~m\xad e\xcb\xed\x04m&lt;'</t>
  </si>
  <si>
    <t>b".\n\x1f\x84\xf4\xa6\xc2RV\xaa'f\xa4\xcb|\x8d\t\x0c8}\x94\x16\x7f9\xd9\xd3\xc0Q]\xe2,\x96"</t>
  </si>
  <si>
    <t>consolidate-credit car</t>
  </si>
  <si>
    <t>b'\x03\xa7$\xf5\x95^\xd0\x030NN\xfe\xef\xdaa\xc0Fp\x92m\xac3\x1b"9\xad\xc7\xf1h\x84\x91]'</t>
  </si>
  <si>
    <t>b'\xb9\xe9\x8d\x96\x8fD\x08S\x04\xe9F\xedT^\x88\xbd\x92\xecPh\x8f/F\x15\xdb"y\x8c":\x8f\xd1'</t>
  </si>
  <si>
    <t>b'\x9b\xcdLD\x1fDd\x19x\xecH\x87&lt;\x1b\xf1\x8b3\xfd\x92:p?\xe6\xf8\x95\x8e\xdd\xb98\xc9\x0e\x92'</t>
  </si>
  <si>
    <t>b'\xbc~Q\x8b)\xa0\x94\xc7\x03\xbd\x9a\xc3\xa0\x00\xed\x88{\xe9u\x10\xffB@\xabdN\xfa\xfaCv&amp;\xff'</t>
  </si>
  <si>
    <t>b'~\x86\t[P\x1a\xfc\xaa+\x1b9=\xec\xe2\x03.\x10\xad,B\x1eL\xd6\x90k\x06\xf2 \x8ch\xc6h'</t>
  </si>
  <si>
    <t>b'\x861l3\xd0\xac\nCuj\xbc\xd6?\xd3Q\xad^\n+N\x81\xd3\xb1\xd6I\x9b.\xc0z:t&gt;'</t>
  </si>
  <si>
    <t>b'\x10\xcb\xc6\x7f\x88\xa8\x80\x1d%0\x01\x0c\xcevI\xa0\xde\x9d\x0c\xe3\x84\xc4 \xc6-\xc4\xd0\x178\x19\x86\xae'</t>
  </si>
  <si>
    <t>b'\xf7\xab\x06%\xe6\xf4\xcf\xf4\xfc\x83\xf3\xd10\xe8\x82\xb9w\xe0\x1e\x02m^\xb563\x85*@!\x8f\xfeW'</t>
  </si>
  <si>
    <t>b'\xcb\xe0\xb1\x9a\xd5\xe1\xa5\xf5\xf8l\xcf\xfaq6\xe4\x83\x99\xcf\xd7:\x7fxH\xb8\x99\xe5\xec&gt;)\x9c\xf7\xbe'</t>
  </si>
  <si>
    <t>b'\xe9\xccjI\xfe\x85\x07\xcb%=O\x99\x19\xe8\x0b\x8aGS\xd0P\x1c@l\x8eFp7\x98\x1f\xa56\xa3'</t>
  </si>
  <si>
    <t>CC REFI</t>
  </si>
  <si>
    <t>b'q\x9b\x85\xce\xd6\xa4\xe9X\xf0\\\xf3l\xba$\xedK\xa9\xdb\xa3\xe7t(\xecw\x1c\x9e%&gt;Sw\x14\x18'</t>
  </si>
  <si>
    <t>b'82\xb6\xb6\x95nlx=\xc9n\xec\x7f\xad\xef^\x10\xfe\xba\xd5AJ \x1b\xdf[\xfe\xceUF\xb9&gt;'</t>
  </si>
  <si>
    <t>b'\x8d)\xff\x82p\xcc\xd8\xbf\xe7\xf3\xb7\xce\x13\x12&gt;%\x87\x10fx\r\xa42\x83\xe5x\x84r\xf6\xedqe'</t>
  </si>
  <si>
    <t>b'\x0fV\xa2RS\x19C\x96\xb9\xfe\xbd\xfa\x85\xfe\xae\x0c?\xea\x97&gt;\xfdR\xe7\xde\xb8\x05\xdf\xd5\x0cx\xb2\x04'</t>
  </si>
  <si>
    <t>b'0I\xd0\x946\x9dW\x04\xa2\xa3Y-\xc66\xa2l\xbe\xef\xcd\x1c\x11\xde\x8bC\x88Z\xcc#\xeb\xca\xefX'</t>
  </si>
  <si>
    <t>b'\x1d\xbc\xf8\xb5\x9e}\r\xa1\xb67\xc8X\\N\x1d\xb5\xd7\xacxtNK\x84\xf9s\x19\xf5h\x11S\xb7\xbb'</t>
  </si>
  <si>
    <t>b'\xd39\xff\xf6\x9bL\x8e\xda\xe4\\\xd8\xf5:D\xaa\xb2\x17t\x11\xf5gl\xecx\x9f\xf1y=\x84W\xd8l'</t>
  </si>
  <si>
    <t>b"\xfa\x1a\xdfi\xe2R\xd0\xd7\xd2\x14\xd5\xef\r'\xf1$c\xd9\xa3\xbb|\xfeH\xe7:A`\x9c\x80\xc5\x97}"</t>
  </si>
  <si>
    <t>b'L\xdb\xbb\x10\xde\xbfM&amp;0A\xa1\xa8\x05\xa11\xa7\xe1Iu\xc2\x14\xb3.\xbc\x87\x0e\xfb\xf8\xbf\r\xe6\xde'</t>
  </si>
  <si>
    <t>b'@\xd4\x888\x7f+&lt;/\xf6!?Q\xec\xf3#\xf6\x85$\x11\xd0h9\x80\x0e)%\x02%L[O\xf3'</t>
  </si>
  <si>
    <t>b'\xacI\n\x8a%m$\xa4\xde=V\x86\xec\xcd\xe4\t\xc1\xa2a\x08\xf6\xb7\x14\xe4\x01\xcd\x02\x90\xd6\xd3L\xb9'</t>
  </si>
  <si>
    <t>b'ok\xac7\xc7S\xa1\xe3\xbdR]v\x8a[X\x07\xac\xa7\xb6\xf8\x9ap\x13{\xea%l6\x17\xc35\xf4'</t>
  </si>
  <si>
    <t>b'\n\xbeKR\x8c\xd9\xe2`^\x8b\xe6\xd8\x04\xc6:I\xbf\xf7\xaa\xd2x\xcfJ\xd3 \xd9\xdf\xda\x163^\xd0'</t>
  </si>
  <si>
    <t>PayOffs</t>
  </si>
  <si>
    <t>b'7ea\xc1\x9d\xd7\xf0_\x81\x14\xf5@F\xb0\xed\xff}\xae\xb5\xb8S\xa8\xb7\xca\xf6\xb7\x91\x8a\x8e\x9199'</t>
  </si>
  <si>
    <t>b'Hk\xf0\x8a\xd2sV\xd6\xd6\xb9\xf7\x88\xc4/\xb1\xfd\xe7F\x9c\xe1\x81M\x9e\x8f"\xb75\xfb\xfc&gt;9\x04'</t>
  </si>
  <si>
    <t>Catchin' Up</t>
  </si>
  <si>
    <t>b'w\x1c\xc6\x93\x83(&gt;\x14\xd5U\xbd\xf1C\xed\x03}c\xb9\xcf\xb2\x88\nMk\x86\xf1\xa9\x95\xab\x94\xc2s'</t>
  </si>
  <si>
    <t>b'F\x07\xc2\xd8\xc8\x9aR\xa8\x13\xacWo\xa7\x14\x88`O!a\x85\xdb\x88\xd5\x8c\x131\xcf\xacA\xf6\rY'</t>
  </si>
  <si>
    <t>b'\x0f\xbb\rt\xf17/\x12v""\x90_yX\x9e\x94~\x08Gl\xbbq\xba\x133 R\xa62y1'</t>
  </si>
  <si>
    <t>b"U\xa8\xfa\x1c\xab'\xd2\xa6\xa9\xe9E &amp;\xacK\xa8xF\x9d\xe9@\r\x99\x17\xe4\xcbX\xda\xd9\xf9\xf7\x04"</t>
  </si>
  <si>
    <t>b'\x9e\xcbO\x9f\x10\xb1\x8e[n\x93\xd1;r\xc5\xd5v\x0fq\xa7\xe6=d&lt;H\xff$\x947\xb7\xb8Z+'</t>
  </si>
  <si>
    <t>b'+2\x97fK\xaa\x18\n\x82\xfc\xb5\xa4\xcc\xab\xd6\x90\x93H\xb8\x96!eD\xadg\xee\xec\xa0\xb3\x1e\x0e\xbf'</t>
  </si>
  <si>
    <t>b'Q\x9d\xee{\xc4\xa1\xfan\x0f\xb0\xe3\x9d|\xb8\x98|\xdf\xdbz\x87\x1a`\x0f{\x97:\xb7a;dv\xad'</t>
  </si>
  <si>
    <t>b'\xe7;\x01q\\\xc9\x9d\x8c\xc5\xd0\\\xfb\x98=G\xd95\xe7\x1b\x85\xe4\x00U6W\xf9Ml\xc7|\xb6\xdc'</t>
  </si>
  <si>
    <t>b'.\xd8\xc1\x12\xc0\xa0\xe0\x8a=\x86f\x86p\xf9\xea\x19qZ\x15\xdd\xe1c\x0f\x93=\x16\xbd\x91\xae\xcd\xf5W'</t>
  </si>
  <si>
    <t>b'3\xe2\xab\x87\x8e[\x19\xf6f\xa4\x88\x88\xc7X\xcc\xcc\xd8\xad\xa5!5\xda\x03\x1b\x8b|Ya\xd9K\x03\xf2'</t>
  </si>
  <si>
    <t>b'b\xd3\xac\xa7]\x05%N|\xf1\xf7%\xc7\xdfO\xc8\x8d\x13\xf0\x16l\x0c\xfcSH\x04\x83\xd7\xa5y\xa5\xb3'</t>
  </si>
  <si>
    <t>b'\xd0\xc3c\xfce\x17\x98s\xd45[LE\xf2;&lt;\xcc,\x12\xb2\xb8\xde\xb5G$\xaf\x9a\xbc\xb8\xe1j#'</t>
  </si>
  <si>
    <t>b'UD\xbfD\xc1\x9fXq-\x93\xb4IG\x05V\x028K\xa3\xdbc\r\x8b\x90\xe3e\xe7\xda|PN\xac'</t>
  </si>
  <si>
    <t>Pay-off Loan</t>
  </si>
  <si>
    <t>b'\x0eh\x9d\x0b.-\x02L\xcakYy\xeb\x08\x7f\xa9\x93\xfd\x82zaf\xf0\xec\xc1w\xad\x89\x9c\x04\xf38'</t>
  </si>
  <si>
    <t>b'R\xa9&amp;\xd0\xd2\xe4\x05\x06y|\xa9n\xd6\x1e\xa5\xc9&amp;\x01\xa7\x11k\xdd\x89\xde_jx\xc5\xbc\xa0\x0c\x95'</t>
  </si>
  <si>
    <t>b'\x04\xb6&gt;\x18\xfb\x0b\xb7\x95\xed\xa3GB%\x1d\x92\x17\xd1\x03\x04\xa0\xe2\xf5\xe5\xe7D\x1e\x18\xb5\xb2\x1f\x985'</t>
  </si>
  <si>
    <t>b'k\xc7+\x8b\xbf\x83\x89\xb0&gt;@o\x86V7\xe9\xa4\xd0\x18\x05:c*\x91R\xdeO\x91\x1b\xbdR\x06\xb3'</t>
  </si>
  <si>
    <t>b'y\xad\xb5\xc0\xaa\xd4\xf6\xd3\xce\x9a\xb5B\x0c7\x92\x16\x08\xdf\x84\xc2\x97^2\xad\x8fp\xbbx\xc3u\xd1\xeb'</t>
  </si>
  <si>
    <t>b'\xeb=\x0c\xa6\xee\xcea\xed\x9de\x8c\x98\x1c\x88\xb3r\x19\x98\xba\xa2&amp;&lt;\x90-j\xf5*%7N\xbe8'</t>
  </si>
  <si>
    <t>b'\xea\x1e\xdd\x9cF\x9d\x02\x88k\x98\x0f \xa5\xbe\x13|f\x0f\xb7qK&gt;\xb4\xc8\x90\xc0!q\t\x95\xab\x02'</t>
  </si>
  <si>
    <t>b'\x89z\x08\xd8\xe8\xab\xff3\x02\xb4\x96r\xd5\x90UaS\x15=\x1bu\xb2\xa8\xef\xa4\x0c\xf6\xe3\x1d@\xcaw'</t>
  </si>
  <si>
    <t>b'\xb3\xc9\xaa\x01`T?\xa1\x826(\x8c\x87\xecy\xc0:\x0f]\x0f#"DG\x88.(\xa4\x0f\xba&lt;\x84'</t>
  </si>
  <si>
    <t>b"\x8c'\xb6\xc7\xab\x05`&lt;+8\xc2\\4j\xa5\x1e\xb6ip:\xc6\x05}\xba]X\xd8a7B\x18\xd3"</t>
  </si>
  <si>
    <t>repay</t>
  </si>
  <si>
    <t>b'\xb7\xcbDC\xd8\xf3i\xed$z\x1d\xa9f3b\x17\x16\x01&lt;W\xbf\xd5\xcf\x82;\xb3\xd0Y\x96\xcb/a'</t>
  </si>
  <si>
    <t>b'\x19L\xf6Hl\rK\xacl\xb7d\xcfx\xc5\xd7l9]\xda+`p\xa9\x9dYM|\x0bv\xda\x0c\xee'</t>
  </si>
  <si>
    <t>b'\x8d\xcce\x0c\xb2\x96+\xbd8\\\x03\x00\x0e\xd0\x826vj\x18\xb9\x1dw\x0e\xb9\x1aZ\xdf&lt;\xb3\x80\x85\x94'</t>
  </si>
  <si>
    <t>b'\xc1\xb7\xdeg\x8f\t=\x0b\xc3M\xa7\xf2V8\x146\x1d\xa4\xa1:\xed(L\x19\xee\xa6\xba\xfc[\x8d\x00\xb9'</t>
  </si>
  <si>
    <t>b'LW\xcbF\x03\xf8\x11\xfcZlsISn\xb5\xe8\xbb\xe6\x99f\x7f\x9d\x95\xf8\x11-\xacU\x98(\x91\xa1'</t>
  </si>
  <si>
    <t>DEBT CONSOLIDSATION</t>
  </si>
  <si>
    <t>b'g8\xcc\xaew\xcb\x12g\x86\xfb\xa6\xf9\xc0TY\x04\x19\xee\xfd\xf7\\\x15KZ\x84E8:\x02^?1'</t>
  </si>
  <si>
    <t>b'C\xba8/VW\xc8\xf8\xdc;\x93\xb0\x04\xc8\xf23n\xd9d\xad\x9c6\xbd\xfb\xf52\x98\xfe\xda\xa2\xac\xcd'</t>
  </si>
  <si>
    <t>b'K#~V\xc5\x88u\x04\xb2\x03\xb2\x9c\x91SVG\x14\xef%\xc3\xaf\x9aLu\x11\xe2\x19\xab\xba\xa4\x9b\x0b'</t>
  </si>
  <si>
    <t>b'\x83\x92\xaf};\xe7\xa2O\x87\xee\xa9\xe9]\xe6F\xff\xc2\xa3\x04_NC\x80\x06\xf1\x18\x83)\x8f\xdcz&gt;'</t>
  </si>
  <si>
    <t>b'\xa2\nt\xde\x84\x17R\xc0kXs\xf3\xecl\xd2m\xd4\xad\x1f\xd0\xbe\x14-]\xbcE\x84\xe6\xa0yT\x90'</t>
  </si>
  <si>
    <t>credit card debit</t>
  </si>
  <si>
    <t>b'&gt;\xc2e\xba3\x99K: \xb2\xfcs%z\xd3\x05\xe5\x98S6\xfbI\xc3\x98\xf76gs\xe35\xf5x'</t>
  </si>
  <si>
    <t>b"\x96\xe6\x14UU\xe0\r.\xa7\x8b\x02\x8b\x0e\x1fV/\xaa\xcf\xb6'~\x14\xc6\xc9\x9fy/\x9dFO,\r"</t>
  </si>
  <si>
    <t>b'D(\x03\x8bPW\x9cB\xcd\xe9\x1a\x03n\xc7\xeaP\xa3\xb5&amp;\xb19\xce9\xfb\xbaN\xbe\x85\xd2\xd3\x18N'</t>
  </si>
  <si>
    <t>b'\xb8\x8aA\xb5\x9c\x04s#\x1f\x9do\xfd6\x0eK1\x02\x9f4\x83\xaf\xa0U\xfe\x88\xd3\xd2]\xf7\x17\x85\xa9'</t>
  </si>
  <si>
    <t>b'MD*\x7f\xd7\xb2\xe8\xbd\xaa\xd6\x9f\xe3Z4\x91\xfeq\xb3_\xfdV\xf8\xd0Z\xe4L\x19"\xba\xbd\xed\x12'</t>
  </si>
  <si>
    <t>b'p\x08\xe4\xfa\xba\xe0\x11\x9cRV\xdf\xae?L\x8d\xcc\x13\xe8\x0e.\xb36Y\xe8\xd16k/\xc0\xf1\xd8u'</t>
  </si>
  <si>
    <t>b'YE\xb9\xc3)\xe0?j3B\x99\x11\x01=\xc5Cn\x17\x98\xb9\xc4\xce\x882\xc6^j*x\xa1\xa02'</t>
  </si>
  <si>
    <t>b'+|\x82v#$\xed\x1b\xa1\xfd\xd7`m\xe4\x83\xe5\xdf9\x10\xb7\r\x17\x8c\x8flmJJ\x01.\xf7\xbb'</t>
  </si>
  <si>
    <t>b'\x99]\x1b_\x84\xd8\xab\xc40P\x04\xd3i4G\x95\xa9\r\x05L\xbfZf\xc4KN\xc8\x81\x11\x8d\xac='</t>
  </si>
  <si>
    <t>b'\xeam\xed\x8cy \x91\xb3r\xb4a\xd4\x96\x80\xea\xce\xe7\x801?\x1a\xde\xf6\xdcs6%\x9d4\xaf/\xfa'</t>
  </si>
  <si>
    <t>b'\xb7\xaen\xcd\xe4\xc96\xa7\x8c\xd3@\x8a\x81\x0cum]rG\xfa$B\x1e\xd4\xd1f0\xa1C\xab5\xd4'</t>
  </si>
  <si>
    <t>b'\xd5\x86$\xafD\x8eh\xdcd6wL\xed\xe5\xd0n@n\x92\xa3\x1c\tO\x9b\x90\x84p\x88\x0e\x0f\xfcH'</t>
  </si>
  <si>
    <t>b'\xff\xe3E\xaf\xd3\xae\xa5Ar\x9d\x92\xbb\x17^\xc02&amp;\x94\x89\xf6D\x9f\xbd\xdb\xf9\xdd\xfbD\xe8a\xeb\x1a'</t>
  </si>
  <si>
    <t>b'\xbc\x96\x11\xe4\xbc\xe2!D\xca\x84\xb8\x18\xb00U9\xe9\x1b\x1ee\xcd\x8e\xac\xf0\xb7+\xa4\xc0Gm\xb4)'</t>
  </si>
  <si>
    <t>b'\xbb\x8a\xd6\xe3\x98;\xea\x05\x17p\xc2\xae\x19\xc5|&amp;\x1a\xe1\xde*C\xc4&gt;:\xa8\xe5u\xcb\xf2\xc4\x16\x05'</t>
  </si>
  <si>
    <t>b'\\ \xad\x0c\xaf\x9e\x0bzX\xa7\xba\xf7\x8e\xb2\xce\xea&amp;\x83\x9a\xfb\xc3\xd0\x81\xdb\xbf\x04%\x1d\xec\xd8[x'</t>
  </si>
  <si>
    <t>Lower Interest Rate</t>
  </si>
  <si>
    <t>b']\xe9^\xe2i\x9b\x0cj\xc2!\xcb3\x94{\x89\xe2c\x99.\xa6\xd4\x03\x9fA\xc9\xfc\x94\r`L\x1c\xc8'</t>
  </si>
  <si>
    <t>b'\xca\x92&gt;^Gx`/\r\xbd6\xea\xcdlg\nP\xc1\x95\x15\xac\xc4{\x89\x0c\x08\x02\xd8x2!='</t>
  </si>
  <si>
    <t>b'\xd6\xff\xdc\xcf\xfe\xbe\x06t\xbe\xf8\xbb^6df\x02\xd6f\x9f\x13\x03S\xb1\xe5\x90\xaf\x14\x95\xde6\xb9&amp;'</t>
  </si>
  <si>
    <t>b'|\xe5\x1f\x1d\xbf\xc57\x19\xf0\xdc\xaaH~\xf8\x932\x1e\xbfE\xf7w\xc1\xafk\n\x19\xf5l\xd1\xe8\xa3\xaa'</t>
  </si>
  <si>
    <t>b'#\x01\xe8\\\x9d\xfb\x8f\x81&gt;\xbf\x0cr\xe2\x91\xc0\x8c\x8a\xb4&gt;=D9\x11\xb2,\x0f7J\x0fg\xf4\\'</t>
  </si>
  <si>
    <t>b'\xe2\xed\xa9\xc9\xff"\x08#\xb3\xeaS\to\x8d]\xb9U$`\x87\x13\x8a_0k\x13\xe3\x89Q^\xc1\x9d'</t>
  </si>
  <si>
    <t>b'F\x91N\xdf\x15\xfb\x1e\x96&amp;_\xfdE\x18\xe0x\xb6\x07XYb\x80\xec\x97VwC\xf3\xd9\x9bOE\x8e'</t>
  </si>
  <si>
    <t>b')@\x1b\xf7\xb16\xd2\x92\x89^+\xd4\xea\x07K\xe2\xc29&lt;csa%+:\x0eP\xfc\x9f6\xcc\xf6'</t>
  </si>
  <si>
    <t>b'\xa7\xd3t\x8a\xd9\x03\xf1k\x91D\xd7\r\x8c&gt;\x04\x1b;t\xea\x81&amp;\xe9\x04]\x82\xab,^\xf7M\xd3\x1e'</t>
  </si>
  <si>
    <t>b'fR\x18.i\x8e\xd4r[\xfa\xad\xa6\xe9\x0c\xb0\xedv"Z\xcb(V\x12\xe6Rr\xd8\xef\xa8\x97\xfd\xca'</t>
  </si>
  <si>
    <t>b'\xb91\xa1\xcd\xc2+\x833\xdf\xeb\x95e\xc0B^\xc4.\xb9A\x15y\xcd\x94\x87\xb0\xc3n\xb8=\x9e$\x1d'</t>
  </si>
  <si>
    <t>b'\xca\xe7\x80(\x19\xc9~\xfa\xfd*\xd0O\xb1\xca\xab\x1f\xac\xb4\x1fB\x90\x1a0\x89\xaf3\xe6fE\x80\x15\xa9'</t>
  </si>
  <si>
    <t>b'A\xc7*7\xaeD\x87\x8b\x15z*!\xde.\xf3\xc0\xd4m\xa5\xee\x97\xb5&amp;\xc5\xfe\x9a\xd92\xa86\xfaZ'</t>
  </si>
  <si>
    <t>b'/\xdcmJ:\xceO\xcd6\xf7\xf7\x15\xbf\x12\xfd\x198\xfc6\x86\xaa}y#l*\x97\x184:L~'</t>
  </si>
  <si>
    <t>b'\x9b\x9e\xab%_\xa50.\xf0\x00%j\x99\x86[4\x84\xa5\xf3)\xfcWZ7\x92\xef\r\xda2g\xf0}'</t>
  </si>
  <si>
    <t>b'0\x92\x99/\xa3\x9ap\xa0VI\x8dW\xa1\x01\xbaj\xdc\xf4\xb4\xb7\xa1\xa0+W=&amp;\xab\x8d\x1e\x99fW'</t>
  </si>
  <si>
    <t>b'6G\x0b\xa8\x16\xcc\xd5\xfe\x0f\x81\xbas\x89\xe9\xc9\\M`#{q\x18\xd4\x08\x7f|\x0bN%\xfd@F'</t>
  </si>
  <si>
    <t>b'\x8bN\x0b(+\xa8r\xfd\x9a\xf6\x15\x06e\xca5b~\x1b\r\xc7\xfaI\x08\x8e\xa5\x12R9\x14\x14\x1e\x1d'</t>
  </si>
  <si>
    <t xml:space="preserve">Be Free Loan </t>
  </si>
  <si>
    <t>b'B\x88#\x1a\xf9]\xfa\x9c,1\x06\xca\t\xf9@\x8d\x1a\xbc\x85A:+Md\x9e\xb6\x90n\xd2\xf1\xb9\x98'</t>
  </si>
  <si>
    <t>b'P\xb9i\x92^\x8e\xd0e_L5\x0e\x87\x0f&amp;C\xf9\xa4CH:\xd8t0\xdcu\x7f^\xf0cl\xcd'</t>
  </si>
  <si>
    <t>b"\xeb\xb9\x11\xa2sQ\xf1\xfbk\xb1\x07'o\x0e\x17\x9b}0t\xb3\xaf\x0b:\xcc\x98\x82\x8d\x888\xc2\x8a\xc2"</t>
  </si>
  <si>
    <t>b'v_\xb0sp\x8a\xc3}XiLs\xa7\xff\xfb\xa67\xf8f\xe9\xe2\x11\x17\xef\x19\xda3C\x90\xa8\xb6\xf2'</t>
  </si>
  <si>
    <t>b'\xef\x12?\xf5\x1f\x86\x0e\xab\xc6\x15\x913C0a*S\xe5\xab\x0e\x9a&amp;h)\xee\xffEu: \xe1\x96'</t>
  </si>
  <si>
    <t>b"4\xbb\xf26\xd3\xe1\xcd\xef\x8el\xf9V\xbc'_ &amp;\xd6\xb87XD\xd0\xf3-\x0e\x93\xa9\xdd\xf1\xc7\x07"</t>
  </si>
  <si>
    <t>b'\xcfb2{\xb5\xd8\xb8V\xd9+\xbauq\t\xa0_\x82\x9b\x19I\xe8\x10\r\xad\xaaV6\xae$\xb3\x88\x11'</t>
  </si>
  <si>
    <t>b'\xe0\x80\xea\xd5\xab\x8cJ\xa8\x12\x1d\x1a+\xf3\x03y\xf8\x9a\r\xdd\xaa\x82rO\xca;\x10$&lt;\x07\xbb\xc8\xd1'</t>
  </si>
  <si>
    <t>b'\xf4\x1d\xa9\n~\x81s2\x0bt\xf3\xc5\xd9xr(U\x16%\xd0S\x15\xf0\xc4b!\xa4\x85\x7f\xaa\x8e\xce'</t>
  </si>
  <si>
    <t>b'\xc2\x88\xea\xafQ+\xde\x92p-\xac\xbd\xd4w\xb7\xa1Iq\x9f\xeaO\xcf\xc6\xf6S\x11w\x9d{Mu\xd2'</t>
  </si>
  <si>
    <t>b'n\xefD\x82)p\xcb\xb5\x14\xd5\x94Z\xce\xa7\xa0\xfdV\xf3\x95XOy\xd9\xbe\x0e\x0b\xc88{\xe3hO'</t>
  </si>
  <si>
    <t>rather pay you interest</t>
  </si>
  <si>
    <t>b"\xc8\xb8\xdf\x11\x05\xa2\xf4\xc7RH5'\xa1@\x93\x9b[BA\xed\x9e8K\xf4d5\xb40m3\xffQ"</t>
  </si>
  <si>
    <t>b'\x04q\x91k\xd9\xb1\xa5o\x8c\xb0\xcc\xc3\x0e\xbd$K\x1c\xa7\xc6\x1e\xdf\x13\x0f\xb2\x16\x03e\x98\xcb\xac\x83\xda'</t>
  </si>
  <si>
    <t>b'\x8bvv"!\xb5sf\xe8r\xd5b\xa1\xe0\xc3\x95\xfa\xb4\x0c\xe6\xd3/\x1fD\x01&gt;\xab\x82\xf82\x8f\x98'</t>
  </si>
  <si>
    <t>b']\xd9\xcd\xc3\x91\xbf]\xff\xdc\xb3t\x05i\x92\xc5\xd2T2\xc6\xffP\xafc\xb9\x85\xa7n)\xae\x04\x1a\x04'</t>
  </si>
  <si>
    <t>b'\x1a6N\x8d\xa1\xb3\x99\x17\x8d\xe07d?F*\x16U\xb9C2|s\x8b9\x98&gt;\xa2\x82\x88I\x92d'</t>
  </si>
  <si>
    <t>b'\xb1\xce\xa1/\x91\xb3\xa4\xb4\x92\xca\x0b\x994;\x9b2q\x8f\x98U\x9d\x17\x83/\xdb\xa0Vr#\xaa\xa6\t'</t>
  </si>
  <si>
    <t>b'E\x85\x0ew\xe0,\xa4S\x89Y\\6\xdc\xfd\x13\xdf\xfe\xc1O\xc0S\n?\x7f\xeeD3\x02\xaeEV-'</t>
  </si>
  <si>
    <t>b'W\n@\x89-\xc6|K\nD\x90\xcdZ\x90\xac\x08#)\xcd\x1b\x15Z0ecE/\x05V1:\xda'</t>
  </si>
  <si>
    <t>b'\x8di\xce]\xdd\xe1\xdc\x98eY\xd1\x01\x02\x11\x96\x8f=\xb8 \xda\xd9\xde\x82"2;8\x96\x08\x7fQ@'</t>
  </si>
  <si>
    <t>One debt</t>
  </si>
  <si>
    <t>b'P\x8e\xcf3\xa4w\xaf\x14\xcd\xb8g\xdfU\xaa\xa0`\x19\xca$L\xfb\xe4\x0f\xf4\xe2R\xd4\x95\xfb\xa5\xe4\xbc'</t>
  </si>
  <si>
    <t>New Flooring Project</t>
  </si>
  <si>
    <t>b'{\x89g\xaa!\xa0W\xd2V\x11\xe7\xc47tU\xa3A\x12cf\xa2\xb9\xc4\x18\x16b\x1b%c\xcdU\xb9'</t>
  </si>
  <si>
    <t>b"\xc2\xd1\x96\xb8\xc1\xc5\x90\xe2(\xa53SE\xa3h\x9e'\xea\xc4\xd59kY\xfb\x1f[\x95\x90\x9a\xe3\xfd\xe6"</t>
  </si>
  <si>
    <t>b'\xe95\xd1\xab\xfd\n\xa4\xaa\xb0\xf2\x15a\x0cB=\xb0\x1a\xed\x8b9\x8c\xa1\x1dk\x03qI)+\xde\x82\xae'</t>
  </si>
  <si>
    <t>To pay off high interest credit cards</t>
  </si>
  <si>
    <t>b'\xa0\x96\xb6\xafv\xeaW\xe3\x99\xa32\xc2\xf9\x1b+l\x1f+Bf?\x1bgQ\xdf\x11\xf8\xb5]\x0b.*'</t>
  </si>
  <si>
    <t>b',\xae\x87\x94\x0f\xb1\xf7H\xf7ha\x88\x08\xc8\xe60\xe1\xcdy\\\x11\xc1\xc8\xc3\xb9\xfe\x8f\xc2S]\x9a\xac'</t>
  </si>
  <si>
    <t>b'\xaf\xc2M\x9b\xc3\xf9I\x19T=j\xf2\xd7\xe7\xec\xe0\x90 [&gt;\x00\x9fO\xdcmh\x1e\xc9\xb1\xc1B~'</t>
  </si>
  <si>
    <t>b'\xf2\x0c\xe1&gt;\xfd\x97\x04\xf13\xb8d\xb2:-\xe8\xa0\xd6\xa9\x905@\xc9\xac\xe9\xdf\xa9I\x96\xdb\xa1\x97['</t>
  </si>
  <si>
    <t>b'm\xa3:\xa0+\x14\xd7\xc63H\xa2J\xc0\xe6\xbe\xbc\xfd\xebF\xb6-\x9f%\xe2\xc9\xd3\xdfYK\xefq\x08'</t>
  </si>
  <si>
    <t>b'\x0b\x11\xeb+\xef-\xb5\x0e\xd5\xba~Mq\x0e\xab\xaa\xa3t\xdfS\x017\xfc:\xa4C\x95z\xf9\xc2\t\xc9'</t>
  </si>
  <si>
    <t>b's7\xee\xfc.\xd4\xc2.NZo\x13\x1f\x03\x9b\xbdenH\xe8o1e\x9e(\x03\xd37N\xcc5m'</t>
  </si>
  <si>
    <t>b'\x94\xc8m\xa4\xcf\xe9\xe8\\u\xd6\xf2it\x03\x04\x06\xd8\xa9R\xe5^3\x0c\xfbP)"Vo\x1d\xa0&amp;'</t>
  </si>
  <si>
    <t>b'\xc0\xdbl\xd2\xa5T\x90\x1c\xc7\xd5\x86Q\xd7o\x8b\xcfE\xcav\x82\xfa3&gt;\n\x0b\x9a\xc0Bm\xd92m'</t>
  </si>
  <si>
    <t>b'\x1dt\xba\x01z]\xd2SFr\xa7pB,\xe6\xf2\xecI.\xf7\x86U\xa3-\xa4?(\xd3n\xc1\xbe)'</t>
  </si>
  <si>
    <t>b'\x0f3\xc1\x08\xc6\xb5\xbb\x9d\x0b\xd8Q\x92SKq-\x0e\xbd\xd4\x9d#\x1e\xa5\xb9\xf3\xdbbp\x7f\x10\xdc\xf5'</t>
  </si>
  <si>
    <t>b";\x91\xfe'\x90\xc4\xbb\x15j\\\xab\x16\x17\xae\x114\xe6\xab}\xdb\x10\xf5c\x9d-\x85\x05 \xad\x9d$\x8f"</t>
  </si>
  <si>
    <t>b'\xcf\xb5\x1f\x9d\xbc\x06\xf3\x04p2\x81\x00\x7f)\x03C ;\xd1\xd1&lt;\xa9\xaf\x9dc\xb0\x16\xab\xd5\xfc\xe8\xb2'</t>
  </si>
  <si>
    <t>b'\xd6CT\x84\xef\xac\x18\xf1\x15\x05Lkk\xfc\x9c\x11\xcf\x18v\x82V\x87\xce\x11\x9fa\xc4\xbe:\xed\x85\x1c'</t>
  </si>
  <si>
    <t>b'\xf8\xb1\n5H1[\xfd1\xecR\xf2\x91}\x8c\xe7Hy\xf6S\x04\xdd\xad0!$b\xba\xa7l\xefU'</t>
  </si>
  <si>
    <t>b'\xab\xe0\xcd\xa1\xa8\xa3&lt;\xea\x84\x0c\xaed\x07\x15&gt;w\x90w\x80\xdci\xcfS\xd2\xf9A~\xc7\x98\xf7\xbc\xe8'</t>
  </si>
  <si>
    <t>b'N+\x90\xca\x01\xd8\xfa5\x82A]\x07\x158\xbb\xa9\xbd8Y\xa73\xfd@\xad m\x91l|\xf1\xe6\xd5'</t>
  </si>
  <si>
    <t>Blue Zone Consolidation Loan</t>
  </si>
  <si>
    <t>b'\xd0oni\x04\xa9\x98\xd3\xaa\xce#\xb0\xb1\x8a\xcbVuug\xb7\xf8y\xd4VMg\xab\x95/b\x12\x1d'</t>
  </si>
  <si>
    <t>b'?\x03A7\x866Rs\x1d\xb7\x01:\xf9\xab\r\xd1\xa1\xca\xb6e\x00\xb9C\xf1!y\x14/G\xaaY\x05'</t>
  </si>
  <si>
    <t>b"\x92\x92\x0f*x\xaf.\x9f&gt;B'SM\xb6FS$\x9e\x9a\xa3z\xde\xd2\x07\x84\xf1\xbcu\x9c\xdc\x19\x8e"</t>
  </si>
  <si>
    <t>b'\x86\x92\x1al=\x11\xc9\xea\xf1\x19+Mt)\xc0\xa4\xddcs\x1b$\n\xa9\x85\xf7\xcfp\x0e\xa4\xdd\x1a]'</t>
  </si>
  <si>
    <t>b'3\x03J\xe3j\xe6\xc5\xd1\xe4\xf0\x80\xc4\n\xd1.m`{\x1dU\x16^\xd4\xf3\xf6g\xb3Zj"r\\'</t>
  </si>
  <si>
    <t>b'\xce\x92$K\xa0Q\x98uZ\xceE\xfe\xc2\xf5ag \xdf_\xb9\xee\xc6\xe8\xd5\xe3\x83\xe9\xd1\xd6Z\x02\xac'</t>
  </si>
  <si>
    <t>b'\xa3\xf9\xe3\x9a\xdd&amp;p\xb0\x04\x9a\xad\xf5\xb3s\xd0mW\x06\xc0\xcc\xc4\x80@=\x7f\x08(AQ\xb4-\xd3'</t>
  </si>
  <si>
    <t>b"\x89x~\xc36\xa1\xc63\xbcw`\x03'\xca\r+\xcd\xce}/)\xf4\xc9\x99\xe3\xe6\xe0\\`\xf0\xd2\xb8"</t>
  </si>
  <si>
    <t>b'\xbd\xc5\x05L\xee\xe2c\x87ox\xf2\x83@\xfa1{5\x9c\x8ey\xe5\xc9\x80\xdc\xc2\x13\xcaI6\xc4%\xac'</t>
  </si>
  <si>
    <t>b'.\x1b\xc7\xfb\x8c\x1c\x07\xe1Z\x00\xbd\xf8\x8d\xf1\xbe:\x80\xfb\x1d\xee\xc1\x82h$\xb8\x8d0*\xac\x07\xb8\xbe'</t>
  </si>
  <si>
    <t>b'\xbd\x93t\xf0\xfb\xf8Z\xc1w\xc2]M\xd1\xbd\xf7\xa9t\xce\x06\xfcF\xa4\xf9\x82\x11\x02\xa1\xab\xf0\xd4#\x11'</t>
  </si>
  <si>
    <t>b'_\x8d\x9a\xd9\xbc\xbc\xae\xe4W\x7f(l;Z|\xef\xc7\xb5H\x86\xa3&amp;\xa9\x9a\xd8\xd3\xeb\x95G\xbb\xda\x93'</t>
  </si>
  <si>
    <t>b"\x84\xe2\xb4Ld\xb5\xab{)L\x9e\xd9\xdc\nP\xb5\xd6-.&lt;'\x8f\xc6@A)\xe6\x88f\x9b\x8f\xa9"</t>
  </si>
  <si>
    <t>My Debt Program</t>
  </si>
  <si>
    <t>b'r\x8d\xf9$\x17BP\xf4\xf3\x15\x18=\xd4\xca\xdc\xe0\xac\xa4)\x95\xcd\xa6K^\xc1Hdf\x8f\xa4L&amp;'</t>
  </si>
  <si>
    <t>b"\x02'\xcf\xf5'\xa5KGk\x95\xe5H\x13\xcf\xfb\xe1\xd0@\xf1\xe5\xc7\x8a\x117g\xe6C\xf8\x14\xfe\x14B"</t>
  </si>
  <si>
    <t>b"\xe9\xd5\xf1'\xd4C'\x94\xcd\xaa\x0c\xf8/\xb2t\x04d\xcb!\x04\x1b2\xc1\xaf\xa0_$\xc1gV&lt;\x8b"</t>
  </si>
  <si>
    <t>b'=_\x00\x9b\r\xd2\xd5-DX1\x94\xc0\xbd\x86\xdc\xf3\x9eMq\x9c\x92\x7f0id~\x07L\\d0'</t>
  </si>
  <si>
    <t>b'X\xd9\x7fr\\m^\xf5\xab\xef /k\x05m\x0108\xc6\x02O\xfeu?\xdf?jg:H\xbdf'</t>
  </si>
  <si>
    <t>consolidate credit cards</t>
  </si>
  <si>
    <t>b'G\xb6L\x82o\xaf\xb0$\x0e`\x11\x1e\xeb\xe8S\xb5\x0e\xd6N\xb9o\xbc\x031d\x1d\xbd0\xa8\xf0$5'</t>
  </si>
  <si>
    <t>b'\x0e\xd5\xa6uS\xe7\xcf\xa5\xd9a\xda\xf6\xf28\xae\xfdr\xd9"\xf1\x8d\x05\xf7\xb4\x19\x16]8*\xd7\xdc\xaf'</t>
  </si>
  <si>
    <t>b'{O\x14S\xce\x91C\x8e\n~\x0f+s\x98\xaa\x068\xbc\x04\xd7\xc3K\xacqbSIo\x95\x04P\xc4'</t>
  </si>
  <si>
    <t>b'Wi2\xa6\xa7\x84\xc7\x95gXnL+\xce\x0f\x87Y\xe4\xabQ\xf9\xe5\xf5\x8d\xf0\x9dt\x0c\xb9#U\xc8'</t>
  </si>
  <si>
    <t>b'io\xf6\xd0s\xa0\xbb\x07\x01f\xdc\x9aku^/\xbfE%\x07\xd4\x0fq\xe06]":\xa6C\xc6\x8b'</t>
  </si>
  <si>
    <t>b'\xa8R\xae\xf4\xd4\x86\xe4J\x93\xc0\xfa0 \xbc_\xc2\xf2\x0f\xa1&gt;\xa5k\x04Q\xd8*;\xad\xd0\x86X\x7f'</t>
  </si>
  <si>
    <t>b's\x80\xe2(\x13\xbb"\xab2u6i[p\xc1\x1by\xc8\\ia\x1dH2g\xdd;\\\x80\xabg\x90'</t>
  </si>
  <si>
    <t>b'=)\xda\xff\xa2\xa3\x8b\xa0|1""\x9f\xf4\xb1\x94PM\x0b\x03\xc7K\xdc\x1d\xe7\xd4g\x0c_\xa9\xfc\xf6'</t>
  </si>
  <si>
    <t>CREDIT BUILDING</t>
  </si>
  <si>
    <t>b'\xa6\xb10\xea\xfcZ\x0eU}~\xb7\xca\x8e\x01U\x85c\xc9cR\xe2:T \xf4\xf2%\xafO:k\xa4'</t>
  </si>
  <si>
    <t>2 cards</t>
  </si>
  <si>
    <t>b"\xd8\xdf\x01\xc9\x1c\xe5\xde\x80C\x03\xfaW\x87\xd5H\x81\xaf\xda'\x8ad_Y\xe3\x99\xa5\x1c\xf2\xb8\xa5\xab\x00"</t>
  </si>
  <si>
    <t>b'\x0ev\x8b\xd4\x88\x97[\x13,\xd9\xf9\x1d\xb4@\xdf\xfb`\x11\xb9\xf7\x08\x83\xec~5\xa0*\x16\xe3%e\xf3'</t>
  </si>
  <si>
    <t>b'v\x04\xc2]\x92\x89\xf9#0\xcbM\x9a\xe9\x9c\x8d\xb1`V^\xf0\x84\xe0\x03\xc5\x98\\\x02\x0c*?O\x91'</t>
  </si>
  <si>
    <t>b'po\xbb2\x87\x8f\x8a\x91\xab\xb0\x1b\x0b\x94D\xf5\x8aj\x01\xe3j\xaa\xaa\xf92\x17&lt;\xec\x04y\xd6\x90~'</t>
  </si>
  <si>
    <t>b'\xf9\xc9\x89\x16OX\xd2\xb9)\x1a\\\xef\xfd\x1eZ\x8cy\x13\x9b\r\x19d\xab\xaf\x83+V\xd4\xb54\xb7Z'</t>
  </si>
  <si>
    <t>b'\xd3#\x84w(\xe8\x95\x19\xae\x83g\xc1\xc2r\xfe\x08;\xb7{\xdd\xb9:\xe6\xaf2#)\xf0&lt;\xdf\xea\x1d'</t>
  </si>
  <si>
    <t>b'0\x95\x1b\xf4\xcf8\x98\x8dc\xf10L\xf5\x0e\xf2CO\xd9VY~\x07^\x9a\xb2\x04\xa7\xb2=\x01\xed\x89'</t>
  </si>
  <si>
    <t>b'\x9b\x16&amp;TU\xa3\xdd\xc9\xe2\xfee\x8dA\xa8\xa8\xd7\x02\x80\x90\xd6\x97\xa3Ok\xf0\x89\x15_\x86\x88\xb4\xf2'</t>
  </si>
  <si>
    <t>b'\xb9\xaa\xfa\xe0\xbcR\x81\xf1A\xbe\xd5S\x94\x88\xe5\x1d\xc1\x06Sy\x08\x9d\x1am:\x1e\xb0}\x0cO)\x04'</t>
  </si>
  <si>
    <t>b'\xcbW\xa7\xd7AY\xe1\xa8m\xbd8\xd8\xba\x87y\xf4\xf4\x80\x9f_\x9f\x18\xc3\xe4\x7f\xbc\x0frW&amp;`l'</t>
  </si>
  <si>
    <t>b"\x9f\xc2\x13\xad\xd9_A\xcd\xda*\xe1\x07\xd7\xa3\xcc&gt;\x05\t\xb0\xc48'l\xc3*\x02Cs+e*\xff"</t>
  </si>
  <si>
    <t>b'\xb0-\xbf\x97-\xd1Ui-e\x1f\xe83S\xd7V&lt;|\xfe&amp;w\xca\xcb\x02\x18;RX\xa1!\x03\xf8'</t>
  </si>
  <si>
    <t>b't#\xc8\x04\x87.g\x1dC\xfaP\xaa_\x0e\xf7\xfba\n\xec\x17B\xa4\xb4o\xb9\xb4\xbb\x89&gt;{\xb1\x0e'</t>
  </si>
  <si>
    <t>b'R\xa45u\x86\xbe\xa9y\x99\x08$\x9e\x9a\xb1\xc7\xcf\xd9\xec\xff\x167\x1b\x07\x93\x96\xbe\x12\xd7\x83\xb7V\x8b'</t>
  </si>
  <si>
    <t>b's\x1e\xbf\xfc\x94\xbd\x14\x9b\xb9\xd4\xba\x1c(\xe45+|\xaf\x9f5\xf5\x19\xa12\x1cr\xb1\xaf\xd5\xbd\xd0F'</t>
  </si>
  <si>
    <t>b'\x1c\xd7\xa5\x8e\x8b8Po\xd9~\xd6\x03Q\xb7\x80\x1cf$\xf4\x97\x95\xd6\x05\xc7\x8e\x16\xa8\x84\xdb\xd6\xb7\xf3'</t>
  </si>
  <si>
    <t>b'WF\r\xe6\xf6\x13\xef\xe0\xa1\xd6y\x99E)\xd1g\x85L\xd1\xac\xe0\x0e\x10,\x04O\xf6\xe4P\xa1[\xb0'</t>
  </si>
  <si>
    <t>b'\xd4\xd8$\xc0\xecRF\xf5\xbe\xe7`\xd2\x8aT"\x84\x9a\x11\xaf\x8c\xc0\xf3\xdca\x86\xc7\x1a\xad\xa1\xe0X\xef'</t>
  </si>
  <si>
    <t>b'_\x89q\x91h\x86\x94\xd5\x12\x8a*\x81\xf3\x9b\xd2\x0b\x8d_4SE\xc9u_\xc0\x87\xeb&amp;\x13Y\xfcJ'</t>
  </si>
  <si>
    <t>b'w\x02C\xdd&amp;\x0e\x96Gu\xdf1\xed\x1e\xed\x0c\x81\xaaB\xa5"\x060\x0e\x1b\x85(@H,\x87d\xd8'</t>
  </si>
  <si>
    <t>b'9EVC\x11\t\x9d\xc9\x99\x8fC\xfe\xdekO\xf98)\xd1\x87j\x82\xe3\xd1\x95\xcd[W\xca\x07z\xd2'</t>
  </si>
  <si>
    <t>b'!\xd8f;\x15\xd6\x8es;b\xb1\x15\xb8\xa5%\x03\x11O\x12\xcb\t\xdb\x7f\xa6\xd3o\xbbP\x99O\x84\x1e'</t>
  </si>
  <si>
    <t>b'\x05\xec\x99\xf3\xac\xd3\xd4\xb7_\xdc\rf9a\xbc O\x1d\xfbez\xb3`B\xc83I7Kzo\xef'</t>
  </si>
  <si>
    <t>Freedom bills</t>
  </si>
  <si>
    <t>b'\xbd\xe0;[\x80\xd1\x90F7\xe5\x83\xe5.\x07.\x92\x8c\x81\xd7Jp,W\x9c\xcb\xa8J\x95jM\xc9M'</t>
  </si>
  <si>
    <t>b'\xbace\xdc\xc2$\xb4\xfd\x84\xb1VnO\x8d-\xae`\xcc%\x91\xb4\t\xc3\xd9uk\xa4|\xf9TE\xa3'</t>
  </si>
  <si>
    <t>b'!\xd3Y6\xe6\xa5\x0c\xb6\xcf\x99\xca\x08\x9b\xb9n\xdb\x00,\x19!\xb5xt&amp;\xd9:\x12p\x85\x87P\xb0'</t>
  </si>
  <si>
    <t>BusinessLoan</t>
  </si>
  <si>
    <t>b'q\xc6&lt;\xc1\x85V0\xa8\xd9\x84l2\xf0\x19\xda\xe5tb7\xb7\xe9*\x11\x9e\x9fz\xa6\xd8\xcf/\x98\x18'</t>
  </si>
  <si>
    <t>b'\xeb\x00\xbb\x88\xe3\x1a\x94\xc6\r\xa6\x8e,\xe4wX\x13}M/\x0f\x03\xb3F\x99\x14\xe0j\xacp\x045x'</t>
  </si>
  <si>
    <t>Credit Card and Wedding</t>
  </si>
  <si>
    <t>b'\x97\xe4\xc3}\xf3\xea\xe3\xf6\x99:1\r\x82\xde\x17\xbe\x06B\x1aDe\xe2T\xe6\xd0\x80s,\xf9U\x05/'</t>
  </si>
  <si>
    <t>b'&gt;\x8a\xa9\xa3\xa9/\xa2@\xcf-\x0f\xb1\xa8\xdc\xa4p\x89\xef\\\x95\x83\x14\x96\x1a\xbf\x02\xb01\xe8\xb9\x8c\xb5'</t>
  </si>
  <si>
    <t>b"\xe3\x8b\x1a\xeaV\xf4\x0c\xa8x\xf9\xe4\x91\n\x94\x95\t\xa6\xbex3\x9e\xf1\xc1\xf3\xd7G{'N\x87\x15\xb4"</t>
  </si>
  <si>
    <t>b'x\x1e?\xa8\xab\xa0\xf5\x86j\xb0\x8e\x18\x08\xf5\xe5R\x86\x89\x15\xe4\x1ea5\xc4\xb8\x1f\x0f:t\x18\xe32'</t>
  </si>
  <si>
    <t>b'\x91\x99u\xe8\x82\x11\xb8[\x88l8\xf1\x80\x0b\xf40$\xd9\xd8\xf0\x7fi\xb2G\xe5\xec\xdb\x95\x83^g\x91'</t>
  </si>
  <si>
    <t>b'\xbe\xe2\xef\xf7\x83\x00\x1d\xe8\x13\xc1U\x12\xf1\xff\xa1\x0e\xda\x0f\x7f\x99\x18\xb0\x86\x06@\x03o\x81\x0f\xca\\='</t>
  </si>
  <si>
    <t>b'\x07\x10\x95\xac\xa7\xb6\n\xf4D\x89d\xb1\x10\x1a\xdb\xe1Ui%3l\xcf\x8d\x16\x07\xedX\xa34\xe2\xdc\x85'</t>
  </si>
  <si>
    <t>b'(\x1c\xeb\x8f\xe8\xc0\x94\x1eeW\x05\xaf\x987\x98@N\xff6q\xac\x9f\xdd\x8d\x0f\x8a\x84G\x88\x0e#\x05'</t>
  </si>
  <si>
    <t>b'\xc2Y\xe7\xb1\x17\x9b\xdeW\x83&gt;\xfc\x8dMV\r\x84\xb7\x1b\xbe}\t\xe5o\xbe\xe6\xd7\x0b\xdfD\xb4\xbbK'</t>
  </si>
  <si>
    <t>b'\xf2v\xc1#,\xcb\xf1\x07\x02\x8d\x0b\x0evZ\xcfb\x9c\x03\nP\x8b\x9d\x9fJ3h\x17ZSUI\x1a'</t>
  </si>
  <si>
    <t>b'\xae%\xe4Bg\xf4qT\xab\x15\xb0d&gt;\xfa\x83\x0f\xc6i\xd1]\x83hT 4\x83\x11\xd3\xbc}\xc3\xd3'</t>
  </si>
  <si>
    <t>b'2\xe5\x05w\x08+M"\xe7\xd76\x0b \x11,k\xe0\xff\x8b\x1e\xdaC0b\xe1\xccS\x9a\x895\xdc\x10'</t>
  </si>
  <si>
    <t>b'\xa1A%G\x16\x1cK\xdc\xd2\xa89\x1cA\xc9r\xb7\x8e\xad\xc7\t\x7fFk\x8d\x86\xe7K\x8co\xbfF\xc7'</t>
  </si>
  <si>
    <t>life</t>
  </si>
  <si>
    <t>b'\x98\x06\xd8\xd6:\xeej\xcdg\xd3\xd0v\x85\x93q\xa2\x81@\x8e\x06HM\x0c\xb5Q=\x1d\x80I=\xea\xd5'</t>
  </si>
  <si>
    <t>b'&gt;?:c\xdf\xe4@\xf3\xe4\xc3L\xb5\xc7\xedk\xa2A\xc0W}\x8c_\xff\x07+o8\xb3\xbf\xda\x82$'</t>
  </si>
  <si>
    <t>b'\x1a\tiSU\xfa\x14\xfe\xf8\xa0\xcf\x99\x12\xc4\xae\xf0b\x1f~qlLf\x04\x86\xad\x18R\r&amp;\xad.'</t>
  </si>
  <si>
    <t>b'\x83\x03[:u\xa54\xfcO\xb2GiT\x95\xfa\xd2\x00o\xb49\xa9=\xffj\xe5hd\x8f\xab\xd0\x99\x8d'</t>
  </si>
  <si>
    <t>b'Q)z\xe2\xe1\xf7\x88RK\xc4\xe4\xb60\xa5{\x17\xa3\x90\xdb2E\x03\xcd\x1bt\xe3$\x86\xeeC\xfc\xbe'</t>
  </si>
  <si>
    <t>b'\x81\x17\x8e\x05\xf7\xa5\xd2;T\xfb\xaf\x05\x11\\\xe5\x98\x7f\x9f\xc7h\x85 \xdc\x1d?n\x14\x90\xae\xa5\x87m'</t>
  </si>
  <si>
    <t>b'\xa4&amp;]\xf3dyd\x98\xf9Y\x8a\xecf\x91g\x80\xbb\xe3\xdb\xd1\xff\xc8)\xce\x88\xa6\xac\xae\x1a,\xfbY'</t>
  </si>
  <si>
    <t>b'Sr\xc6I\xcb(\x01\x87\x9a\xa4e{v\xaa\xf66T\xa4\xe8+R\x90\xda\xc0l\xf1\xb1\xaaS\x08\xf7q'</t>
  </si>
  <si>
    <t>b'A\xfe\xcd\x80\x12N\xd5+\xc6\x13\x19\xa04\x81\x10+\x0cf\x7f\xa9\x9dhfU\xb6\xc7,\x1b\xed\xe8\x93\x8b'</t>
  </si>
  <si>
    <t>b'\xbc\xf8b\x86\xe3\x97\xcav\x038\xd2 \r&amp;\xc5S\x90\xc8\xe6\xe3\xb6&gt;\x81\x9c\xb9\xd6\x0e\xb9f\x11w\x1c'</t>
  </si>
  <si>
    <t>b'8.?\xaf\x1a\xb2\x9b\xda\xd4&gt;\x86\xea\x14\xf8\xad\xe0\x10\xa4\xf0a\xa3\xf0\xc9\xd8U\x0e\xc7T\x07\x834i'</t>
  </si>
  <si>
    <t>b'\x94i\xa9\xa1\x90N\xf5\xde\xc8\xd3\xf3\xa7\xbb\xa2\x95\xd8\xff\xf35\xb8SX\xd1\xceo\xe5\xfaUB\xa3\xc3v'</t>
  </si>
  <si>
    <t>b'1\xfd\xcdE\xe3\xc3\xaf\x0f\xff\x08\x19\xe3x\x00#^\xa1~\xc8\xad4&gt;g\xe8\xc4J?\x97\xca\x9d^A'</t>
  </si>
  <si>
    <t>b'N\x98\xf7M\x88\xc4\xf3\xea\xa1\x9d\xb46\xd8\x05(\x9d\xcd\x89-\xd6*\tF\x9b-:\xbdJ\xe5SV\xb4'</t>
  </si>
  <si>
    <t>b'\xf5/$\x82\xb8ui\xf1\xa1z\xff\x98=7/&amp;\x11\xa7\xf5\x8a\xe3=\xf9\x06\x1b\xba\xdd\x9aE\xb5\x07\xbe'</t>
  </si>
  <si>
    <t>b'H\x12l\xd4}\xe5\xce\xe1\xfd\x81\x03|D\xf3\x88\xbc:\xb9\xfb\xd6\xf9cT\xf1\xcd\x17t&gt;\xea\xed&amp;2'</t>
  </si>
  <si>
    <t>b'}mz\x06W\xe8cl\xe3\xa3\x1d\xc9\xa4\xd4Zb\xb1y\xfc\xfa\x93l\x15\xda\xee\xfc\x1a\xd0\xc9\xa4\x0b\xba'</t>
  </si>
  <si>
    <t>b'\xc2\xf3\xcb.\xf2\x89\xf8\xac\x1d!\x8c\xf4\x05\xbe;\x89\xf2^\x8d\x99\xca\n\xd4B\xb7\xda\x1f\x0cA\xd1\x82g'</t>
  </si>
  <si>
    <t>b'\xf7O\xdfB\xe9\xbc\x8fR\x0f\xec\xdfLY\xd8\x94-\x8c\xa9\xa5\x16l\x9f\xce\\\x00\xf2\x0e\xed\xc8\xc3\xb1w'</t>
  </si>
  <si>
    <t>b'ie\xd7\x8fv\x94\x18\xcf\xa5~\x04\xf5\xdd\x17\xcbby\x1d?X\xb2\xce\x1e\xcb\x14)W\x05K&amp;\x84\x1d'</t>
  </si>
  <si>
    <t>b'\x98Fa+[g\x91Z\x99r*\x05 \xcbk&gt;\xb3,-\x1cr3{\x86u\x87\x19\xc4\xe5\nB\x81'</t>
  </si>
  <si>
    <t>b'\xe8\x9a?^RzM\xfa\xdf\xdf\xcd\x17\xb7T\xa2\xb0\xc2\x16h\xf6e\xc8\x9a\xb3\x16\xb5\x17\xa0\x03\xe1Gl'</t>
  </si>
  <si>
    <t>b'Nj\xcb\x05\x98&lt;\x90p\x93\xdb1\xaf?:BW9\xec\xf5\x02\x01`\x82\x03\x7f\xb8\xaa\x81cF\xa9\x17'</t>
  </si>
  <si>
    <t>b'\x86y"s\xf9\x85Un\xb5h\xda\xfe/\xa2\xaf\xbb\xe4\xa5\xc3\x9e\x06x\xf8\xa5\xd8\xf5\xdd\x9f\x9ax\xe0\xbb'</t>
  </si>
  <si>
    <t>b'\xce\xb6l\x92.\xc3d\x18\xeeZk\xe0\r\xda\n\xbb\xd7h\xf0\xe1\t\xf6\xcb\x0c\x9b\x03|_\xca\x13\xe1d'</t>
  </si>
  <si>
    <t>b'w=\xcc\xc5\xae\xdc\xdaA\xe8\xf2\xc8 \x1a\x88U.&lt;\x16A9\xf5,]\x0c\xf0AD\xd1\xf0u\xdb\x00'</t>
  </si>
  <si>
    <t>b'\xed.\x9e\xd5\xbf\x99\xc8\xea3\xb2b\x1a_&gt;\x8b\x14\xed\x8f\xc2\x99&lt;\r\xa3:\xb4\xbe\x1d$J\rR\xd9'</t>
  </si>
  <si>
    <t>b'\x87%n\x95\xe1\xcc&amp;-\x88g_[\x8d\xd9\xbdY\x99N\x90I)\xf3q \xaf\xa5g\xc3\xa7\xc9\x81\x1a'</t>
  </si>
  <si>
    <t>Road to Debt Consolidation</t>
  </si>
  <si>
    <t>b';\xc4,\xd0\xef\xd1\xad\x91\xa0|\x97Z\xfc$\xbaKL\xf1\xa2\xc8G\xdc\xdb]\x882\xc8\xff\x81\x10\xe7@'</t>
  </si>
  <si>
    <t>b'\x8fZG\xfa\xec\xf9c\x1f4-=\xa1\x96\xca,\xaa*@Rn\x1de\xe4\x82\x84\x91\x14C9\x9baH'</t>
  </si>
  <si>
    <t>b'\xce\xaaD\x0eW\x0b\xe4\xb5n:\x10\xee\xa7 f*W\x16\xd3\xd1u\xc6\x81\xa8H\xda\x0c\xa05\xcb\x19~'</t>
  </si>
  <si>
    <t>b'\xa6\xacZ\x1d\xc4][{]\xc8\xb0\x93\x102V*\xa7E4&lt;\x91=\xa2\xde#O\xea)\xfd\xd9\xcb1'</t>
  </si>
  <si>
    <t>b's@\xf2(gU-\x01\x14\x9fY1?\x7fo\xe3b1\x01z\x98\x14t\xc9\x15\xcf\xed]\xe3\xa8\xe5\xff'</t>
  </si>
  <si>
    <t>b'\xd4\x898`\xb7\x8a\xab\xe3\xa5\xf3\xd3\x9c\xef\x9a i\xe5\x02\xc2\x04aMz]f\x94iM\xac\xe0\x86\xc9'</t>
  </si>
  <si>
    <t>b'\xbc\xbd\x8d\xc1\x92\x12\xba\xe6\xba\xf2\x07M\x8170\x9a\xdb|\xac\x15\xc6\xa7g\xea\x08\xccaE\xef\xff\x06\x05'</t>
  </si>
  <si>
    <t>b'\xc5\xed\xdf\xc5\x03\xda\x9d\xb0\xc6\xc0\xa5\xe5\xc4\x93\xb1x\x9a\xa9aH\x92\xcf\x1a@g\x94\x8d\x18\xb4\xc2\x99\xca'</t>
  </si>
  <si>
    <t>b'\xa0p*\xee\xca\xdce\x84\n\xa8\xc4I!\t\x03\x8bd7\xb3\xd4\x91\x88\xd10b\xfa\xed\x9a\x95\xc0\xefM'</t>
  </si>
  <si>
    <t>b'\xfb\x8cyJ\x0f\xd3;\xa0Pa@X\xa0\xf9\xfbn\xa7\xe5F\x16\x01\xd1TXud\xf1l\xcbUf\xa9'</t>
  </si>
  <si>
    <t>b'!\xb5\xb0\\\x08&gt;\xbe\xfe\xce\x0e\x94\x92K\xad\xaf\x95T(\t"|\x97\xfeXB\xc7\xb1\xad\xd0\x90\xa4\x94'</t>
  </si>
  <si>
    <t>Car Repair/Debt Consolidation</t>
  </si>
  <si>
    <t>b'9\x97t@&gt;D\x9c\xe2\xeb\xfeZ@P\xbe1\x1a8\xe4V\xd6\xf99\xe17\xa2\x92\xaf\x81q\xfc;\xc5'</t>
  </si>
  <si>
    <t>New siding for my house upgrade</t>
  </si>
  <si>
    <t>b'\xcc\xab\x1b/-Z\xcaKS\x96c\xa3O\xae\xcf\x1e\x06\xf0\xd6\xfa\xb6\xb01\x9a\x9b\xc4\xbe\x87\x96\xb9H?'</t>
  </si>
  <si>
    <t>b'\xc5\x1fU\xd6\xe6\xe8\xe2\x9d\xb5j\xaaQV\x80fB\x9c\xa8\x8d\x82k7\x12\xd8\x1f\x9ar\xaa\xb0\x9b\xfc\x16'</t>
  </si>
  <si>
    <t>b"\xd8\x999\xae\xd8\x99\x99\xf2'\xd16{L\xf7\xa0\xd7\x85\xcaz\x0e3\xf8\n\x89=\x13\x1f\x8d\xb3\xae\x9dJ"</t>
  </si>
  <si>
    <t>b'H\xc6#\x99\xc8\xb8\xdc\xbbn\xb5\x92`m!M\xc3"\x8c\xe7oR\x92\xc2T0\xd8_8\xc8\xc6y\x1c'</t>
  </si>
  <si>
    <t>b'\x9a;\xfb\x0e-\x08\x81\x1aY\xc6\xd5&gt;\xff9\x88\x1b\x97\xe00\xde\xf1\x81F\x18&lt;u\x02\x806\x07\x81.'</t>
  </si>
  <si>
    <t>b'\x16\x14\x87\x8bl\xe6\xb0\x13\xebl\x87X\x1b\xc5p\x98\xc1\x13\xda\xa8x\xe4\xeaJ\xf6c\xa9\r\xa4\xbd\x94y'</t>
  </si>
  <si>
    <t>b'\xf4\x92\xb0\x1f%\x14u\x12`C\xef\xa9\xa11\xb13WCj\xdb\x88\x9d\xf7I\xb42 \x1a\x80\x91`V'</t>
  </si>
  <si>
    <t>b'2)\xb9\xdb\x9c\xc4\xfb\x86j\xbe\x81\xbc\xa6Lwb\xc2\xb1\x11\x05\x860\xf4,\x99X\xcf\xda\xd4p,\xe6'</t>
  </si>
  <si>
    <t>b'\x01\x84\xfc\xda\'\x13+\x92BD!5+Q\'\x0e"\xabw\xa4\x95\xd3\x88\x84\xd2l\x0ed\xfc\xa7\xf7\''</t>
  </si>
  <si>
    <t>b'\r\x1e\x9a&gt;\r\xcc\xff\xbc{EpN\x06\xd0\xff\xe2\x80jE\xab\xf7A\xa5\xfdk&gt;\xfc&amp;Q#\x93\r'</t>
  </si>
  <si>
    <t>b'\xbc4b\xbe+\xbc[\x95\xe1\xa5\xe5Vx@\x08t@N34\x15"\x177\x9e\xa9#FD\xc0XV'</t>
  </si>
  <si>
    <t>b'\x9e[\x80&lt;\xdbS\xf4\xa2a\xe2\x00m|\x84\xb0\x831!\xb6k\x91\xc3\x8e8\xe3n\xe0\xfc0c\xfa\xc5'</t>
  </si>
  <si>
    <t>b'9\xe0\xc6k}\x0fw\x8e\xa9\xa7\xb3\xda\x7f\xb2\xa8v;\xc8\xbf]\xc7\xe4\x01\x07\x9fMHp\xac\x999\x80'</t>
  </si>
  <si>
    <t>b'\x81^]"\x08\x04I^}m\xcf\x86%\xf5\x89\xac^Cjz\xefg\x92\xc0\xd3Y]G\xa5\x9c\xc3\xc1'</t>
  </si>
  <si>
    <t>b'#A]\xdb\x11\xbfR\xbab\xfb\xb4\xaa\x15\xed\xcd\xdf\xbf\x1cj;\x16\xdd\xa8\xec\xd0\xcf2e~\x97*L'</t>
  </si>
  <si>
    <t>b"Q\x89\xa0&gt;+\x95\x12 \xfbg\r\xfa\xf5\xc6\x06\x83/\x9a4b(\x915{UV\xad\xd6\xbc\x85\xc5'"</t>
  </si>
  <si>
    <t>b'\x9f+\xbb2W\xf7F//#\xb2mk_\xab\xc4@j\xe7\xd3\x8eW\x07\x04-jy%(\x84\x98\x16'</t>
  </si>
  <si>
    <t>b'\x1a\x9c\xad\x05bT\x00\xa1\xcbU\x18\x91\xb4%\x8c\x8c\x99\r\xe4`\xff\xaesW\x91\xb0\x13\xaf\xc4L\xf3$'</t>
  </si>
  <si>
    <t>b"*fE\x81*\xfbJ/\x0b\xe6\xc3'\x1b\x1dq\n\xca\x8c\xbc\x0f\xff\xf13\x90al'\xaf\x95g7\x16"</t>
  </si>
  <si>
    <t>b'\x16b&lt;=\x82L\xb2\xc8\xc6?N\xfa\xbf*\xe3\x95\xe4+\xec\x1dW\xb7\xe67\x8ev/d\x04\xe0\xb3\xe9'</t>
  </si>
  <si>
    <t>b'\xf4D\xcb\x12C\xbb\x97\x00\xd5\xf9\xdar\xaa\xbe\xbf})\x0c5J7\t.\xe3\xeb{\xc9\xb4\xb0\xbc\xdb\xfa'</t>
  </si>
  <si>
    <t>b'\x9eG\x1b\xab\x84\x8b\x99\xcf\xbe\xe3\xb9\x1f\x01\xb3-\xa2\x17\x8f\xe0\xbb\x9c_s\x80\xdc}s\x80\xdblNx'</t>
  </si>
  <si>
    <t>b".8\xef!'\xde\x07\x0f\x1e\xea\tk\x9f\xee\xd0\xa1\xf2\xed\xdb;\xf7k\xde\x00E\x06\xe0\xd8\\(\x02D"</t>
  </si>
  <si>
    <t>b'\xbf\x90\t\xfc\xde\xff\x02\xfa2\x7f\x04\xe2\x91\\\xc6\x98a\xba\x1a\xba\xa6\x9bv)\x87K,h\xbcJ\xb8T'</t>
  </si>
  <si>
    <t>b'\xd7\x1c\x98S\x12\x96\x95\xe0uw\x97\xde\x13\xc6\x19\x13\xf1\x14\x83i~\xb8\xc4qa\x07t\\L\xe7\xfb\xee'</t>
  </si>
  <si>
    <t>b'm\xdb\x06P9\xf0Yw\xd86\xa6\xba=h\xc7y\xe4\xfa\xf8\xdaqu\x97\x9d\x18{\xea2^\xc1\xa6\x9a'</t>
  </si>
  <si>
    <t>b'\x1dD\xde&gt;\x07o\xa1\xb1N\xcd\x97\xe7\xc3\xc7\x07\xd2\\\x9f\xa6\x1ev\xf4\xa2\xe33^^\xbc)\xb2|L'</t>
  </si>
  <si>
    <t>b'ml\xd0\xb5\xf5!\x89\x9e;K\x1e\xfc^\xa9bi\xc7`v\x01\x82|\x15B\x06\x0e\xa0\x8au\x0f"\xca'</t>
  </si>
  <si>
    <t>b'\xbdB\x92R\xbd\xabl\xdf~\x8ao\xe2\xe3\xae\x19\xeax\xbe\xde]\nx\x89\x06!(\x88j\x1c$\x0e\x01'</t>
  </si>
  <si>
    <t>b'\xbd\x9f\x11\n\x84!81\xa6\x18U\xb0\xa6d,\xe9\xd6g\xd3\x8a\xa5\xb8x\xfa\xc3Y\xb1\x82U\xe7L\x8b'</t>
  </si>
  <si>
    <t>b'h_,})\xdf\xeb\x1f4\x0b7\x1bh\xabv\x00\xd76\xfb\xac#\x88\xf5v=8v\xde\x97$\xbd\xc7'</t>
  </si>
  <si>
    <t>b'6\x97\x8bU\xcdH\r=\x1e\xe0&lt;\x18\x1c\xf7\x08]\x92k\xbe\x8f_8\x1c\x89\xbe\xa2\xa6\x83n\x0f7\x16'</t>
  </si>
  <si>
    <t>b'M\r\xc8\xd8\xd1_\xd28c\x19XU\x92\\#\x91\xca^\xed\x8f4\x95\xe8\xcd\xa6d\x88\xd1\t\x0e86'</t>
  </si>
  <si>
    <t>b'$\'\x9dJn\x16C\x1dH\x04\xa7\xf4m\xb99\xac\xaf\xed\xf6z\xefC\xaa\x0e7\xd9?\xef\x1f"\xd7\xa4'</t>
  </si>
  <si>
    <t>b'\x0e\xc4\xbb\x15\x04\xd6\x94\xb9+\xcf6\x0c\x94\xa6a`\xedH\x13\xac\xc3\xe9\xc0r\xa8]\xea\xeb\xf8\xbb\x98\xb0'</t>
  </si>
  <si>
    <t>b'c\x8e\x97co/w\x8d&lt;A\x0f\xa7\xed\xab\x1cF\x1d\x96\xba\xa1\xb5\xe2\x0eO\xfe@3b&amp;.\x95X'</t>
  </si>
  <si>
    <t>b'\xde\n\xbeRC&lt;\xc1zR\x95\x9br\tJ\\)[\x08\xb4\xd7\xab\xdf\xca\x93\x99\xcb\x0fa\xf9\xa7D\x84'</t>
  </si>
  <si>
    <t>b'\xe2\xdf3\xeb\x95\x86\x82W\xa8\xbe\xcc*d\xdc\xa3\xdc\xa3\xcb\x1e\n`\x9b\x80{\xef\x0e\xd9\xb5\x8d4\xebP'</t>
  </si>
  <si>
    <t>b'\x89\x0e\x9eU\xf0ed\xa4\xd3{8\xa2zg_\xb6Z\x83\x11x\x88\xb7\x7f\xca1\x9e\xc8\xcc\x8f\x97o\x89'</t>
  </si>
  <si>
    <t>b'\x82\xd0N\x1aj\xc6#uU\x8c\x02\xc1@\xb9\xc1\x82\xec*/\xde\xfb\x05Q\xd1\xcbBzI\x8e\n\x9fF'</t>
  </si>
  <si>
    <t>b'\x1d\x81\xd2&lt;\xe5asI\xe7\xfe\x8a\xda"\x9d09^_\x82&lt;@j\xfb\xf2d\xa7\t\x82\xc5kO\x9d'</t>
  </si>
  <si>
    <t>b'\xd7\x7fP\xad:\xfc\xd5\x84N\x12:\xf2$P\xcf\x08\x1be\xa1\t\xd1S\x7fl\xc2\x9an\x18\x17I=Y'</t>
  </si>
  <si>
    <t>b'~\xbb\x84 \xfcFt2\xb6\x13\xf0\x80f\xbd\xe5\x11p\xda\xcb\xfdK\xe8\xe7\x0e\xea\xac\xf6v\xc4\xe5\x98\x14'</t>
  </si>
  <si>
    <t>Aussie Vacation</t>
  </si>
  <si>
    <t>b"']\xf3\xe4\x1ee#\xa7\xda\xffk4\x07\xaa\xb4d\x1c\x08\xb0\x91\x87\x8d\x8a\xd9\xe6\xfe\xbf\x93\x81\xc5\xba\x10"</t>
  </si>
  <si>
    <t>b"\x04\xdd\xc1'\x05gz\xd92\x90\x97\x85Mc\xc00~\xe2r\xbbq\x980\xe2\xb1.\xb9\x9b@\x1a\xfa\x8b"</t>
  </si>
  <si>
    <t>b'7\xe0KQ\xe9x\xa4\xb8\xc20W\xe5r\xff\x1dj&gt;%ft\xe7a\xb0\xdfTs\x81\\C\xaa\xee\x93'</t>
  </si>
  <si>
    <t>b'\xbd\xfb\xfd\x88\x176\xe4k`"\x1a\xb7~\nIQH\xd9\t\xc0\xea\x9c5&lt;\xafL!\xbf\xb0\x18\xf3j'</t>
  </si>
  <si>
    <t>b';\x04d\x06K\x97\x01\x9f\x86\x0b7\xe5\xcc.\x9a\xdb\x08\xc2\x08%~kt\xfe\xdd\x1b\xc9\x18\x9e\xcd$\n'</t>
  </si>
  <si>
    <t>b'\x91 $\xc2\x92$\x11\xfa\xa1M1\x0e&gt;\\\xfe\xb5\xa8\xf5\xd5\xfb\x84\x13\xf3z{\xd1\xbd\xc0Md\xb2\xee'</t>
  </si>
  <si>
    <t>b'\xa1\x12c\xf1\xeb\x99\x1e\x13\xa9\xdf`9\x03\xf8l\x83\xab,\xb4\x95b\x1dFJ\xadq\x83W\xc9\t\xeb\xf7'</t>
  </si>
  <si>
    <t>b'3\xa1F\xcc\xeb\xa1tf\x10\xfd\x84|;~r\xf7\x0f\xe6\x11`\xa2\xe1\x96\x1c\\~\xce\xb3p\xba5\x07'</t>
  </si>
  <si>
    <t>Get OUT of Debt!</t>
  </si>
  <si>
    <t>b'\x0c\x90\xd4\xa0F\xa1\xfc\xa0X\xd4m$\xc6\x85\xb0[\xce\xcd\xc6a6b\xc3;\x8a\xc2\x80\xc9|v\xc7\xb4'</t>
  </si>
  <si>
    <t>b'x\x7f\xd9\xd0\xc4+\xef\xed\x8a\x0c\x1a\xcf\x1d\x11q\x1c\xb5&gt;\x837\x83\xa8\x96\x0bc\xad\xd0o\x07z\xa1:'</t>
  </si>
  <si>
    <t>b'\xde~]\x90\x9c"%\xec\x8b\xc9\xbc\'\x10(\x9c\x00\xbf\xc9\xfc\x11\xdcV\xc2\xbaF\xb6~\x1b.\x95\xda\xc8'</t>
  </si>
  <si>
    <t>b'\xf4\x03w\xff*\xb49l\xdfV\xb1b\xc9\xba)b\xc8\xfd@\x0b\xe2\xdf\xe8^\xad\xc0r\x19[\xa2\xdfA'</t>
  </si>
  <si>
    <t>b'\x13\x92a\xb9\xae\x85m\x7f\xa3la\x99\xbe\xe5g\xe1\x1e\xc9\x7f\xec\x9e\x02\xe5\xe7)k\xf4\x85\xc3\xbe\xd7v'</t>
  </si>
  <si>
    <t>b'\xb3\xac\x1bx\xe8\xa7\xadM\xa7\xaa\xcb\xd7\x05~\xd2\x98M\x8f\x04X\t)\xdao\x85\xe1s\xf7\xb7:j\xbd'</t>
  </si>
  <si>
    <t>b'\xc4\xd8\xe9C\x9bK\xb6\xcbNp\xe4\xf3\xfe\x0f\xbd\x18\xde,B\xadR\x81\xfc\x8d\xf6 RDQ!\xe5o'</t>
  </si>
  <si>
    <t>b'c{\xd7\x1d\xf5\xad\x1e\xa9\x83\xc4\x08\xcd\xcc0[\x9d=N\x81~\x1dV\x06]\xb2\xb1\xee\xba\xf9\xcf\xfb}'</t>
  </si>
  <si>
    <t>b'\x8f\x03P\xc8+\x0fY\xf8\xfa\xf5\xa2&amp;.\xc3\x9e4\xcf`\x7f\xa1\nEYp&gt;\x9a"[\xed\xdf:\xd3'</t>
  </si>
  <si>
    <t>b'\x86\xd0\xf7\x9f\xeaqF\xbf\xf3n\xc2\xbc\x93\xcf\xf2@\x91-\xc4Vj\xde\x82*\xf5\xa7V\xa4\xf4\xa8dh'</t>
  </si>
  <si>
    <t>b'\xec\xd9\xb95\xbe=\xaf\x7f&lt;(\x0c\xfaL\x07\xacu\n0\xe7\x1c\x9a\x07\xf9~\xc6\x1d?\x80\xce3=t'</t>
  </si>
  <si>
    <t>b'\x81\x1cI\xaf\xceP\xa8|\xa3\xde\xaci\xa3@k\xcb\xac\xfbU\x1a\x9e\xd8\xf9\x17U\x9e\xa5\x0c%\x02\x12\xf9'</t>
  </si>
  <si>
    <t>b'\xf9C\xebW8p\xf1]\xf1\xb0\x1bM&lt;\xb9\x17\x89\xe01\x01\xdd\xa5\x94\x9239\xf0\xf5\x15\xa6v\xb2\xb0'</t>
  </si>
  <si>
    <t>b'\x95/e&gt;\xd8e\x8dm\x91V\x17\xbeMuut\xa2T6\x86i\x1c\x0b.\xbd=&amp;\xf2_U:w'</t>
  </si>
  <si>
    <t xml:space="preserve">Hole in One </t>
  </si>
  <si>
    <t>b"\xddE\xfcj/\xec#i\x8a'\xd0\xab\x1f\xe5\xfc\x17\xc4WF\xdf4\xd8\xe7\x14\x12@\xddg\xed \xa8'"</t>
  </si>
  <si>
    <t>b'\xe6\x16\xe6\xde1\x02\x11\x1cbr\xad\x86\xd1\x1fcT9\x0f\xe7\x07g\r\xe3\xa9[\x16\xef\xe1E\xd2\xc3b'</t>
  </si>
  <si>
    <t>help with every day struggle</t>
  </si>
  <si>
    <t>b'd\xaf\xd2;\x033\x8cm\xe7\xf3\xf9\xd8\x08J\xc5\xf6U\xb8\xac8\xadx\x99\xb7\xd9\xaa\xd3!\xa6\x10\xfd\x1e'</t>
  </si>
  <si>
    <t>clear loan plan</t>
  </si>
  <si>
    <t>b'\t&gt;bw\x82?d\xf5\x13!*7\xcfi\x81\x9a\x1bf\xc6&gt;[\xc9\xb5\x98\xd9\xae8\xbb{0\x87\x1c'</t>
  </si>
  <si>
    <t>b"\xb8\xf2\xa3\xf6\xdb\x0c(\x15\xc7\x94\x8e\x83\xce\x87'\xd4w\xc2\xf9P\x9f\xf7\xfb{7n#V\x94l\x84\x9f"</t>
  </si>
  <si>
    <t>b'\xb1\xb9\x0c\x9fYJ\xec\xf1\xfb\x16\xdczF\xc3\xb1\x0c\x84gY\xe1\xbaT/\xf1\xc1\x89"\xa7\xd5\xcf\x80\xc8'</t>
  </si>
  <si>
    <t>b'E\xb2\x05\xedLm,\x99\xfdm\x01K\x88?Zy\xf63\x15\x198m\xdb\xe9\xcb\xb8f-\x98\xc6\xf2\xd6'</t>
  </si>
  <si>
    <t>b'7z\te\xd6\xb2\xc1\xda\xdf\x08\x9a\xae\x7f\x12NB\xb5\x9f\xf4\xefn\xc0\xd1v\x04\xdd\x08\x15\xa0\xe7\xca\x11'</t>
  </si>
  <si>
    <t>b'(vc\xbf\x90O\xe5K\r\x84)$[-^\xa1\xdd\xa9 \xe4\xf1\x06\xbf\xa37vA\xe2\xee&gt;\xab\xce'</t>
  </si>
  <si>
    <t>b'\xbe\xcf\x83]\x96\xd3Y\xd5\x0cK\xb3\xa4\xe6b\x8f\xb5\x1b\xef\xc57\xda\xac\xda\xed#\x17]\xa3 \xe8\x8f%'</t>
  </si>
  <si>
    <t>Credit Assist</t>
  </si>
  <si>
    <t>b'\x82\xf9\xae82c\tK\xa9\x1d\xc5\xb5\xbf\xc5-\xe3RS\xef$\xa1\xf6\xb9\x92\xbdK\x8a\xecV\xf5\xbcE'</t>
  </si>
  <si>
    <t>b'\xf08\xf9;\xbe\xf2\xa5\xbb\xd1W\xd8\xeb\xa7mN\r\xfa\xa4\x97/cs\xbam{\x13rE\x87S\r\xc4'</t>
  </si>
  <si>
    <t>b"\x02+\xd0\xe2\xd3O\xa2\x04\xcc\xe3?\xf3\x96\x95'\x97*?\xf5\xe9\xb2\xed\xae\xc6\x9bP\xdbp\xbeS\x9d\x1b"</t>
  </si>
  <si>
    <t>b'\xbb\xd5Z&gt;K\x0f\x8cs\n\xc9\x92\xe7\xcf\xbc[&amp;\xe6\xe7\xc7\x00&amp;m\xe37dk\xce\xa1=\xea-\xd5'</t>
  </si>
  <si>
    <t>b'\xb6\xa2h28@pD\xb0\xd7\xd7\xefe94?\xdfJ\x8c\xed\x8eh\xd2gX\xf2\x1a_S8$\xc5'</t>
  </si>
  <si>
    <t>b'BQ\x13yu\xc4\\\xac\xe1ICW\xa4\x80\xe2\x7f\xb6\xc7\xeaSYQ\xe15$B\xb1Gb\x08H\xce'</t>
  </si>
  <si>
    <t>Completecare</t>
  </si>
  <si>
    <t>b'\xd4\xe7\x0f\x8bVm\xa1\x81\xde\xfb:\x9b\x11\xa9\xf6\xf6\xb1\x1e\xc3u\xa8\xb6j\x95ym\xa8\xaa\xb2\x02\xa6\xcd'</t>
  </si>
  <si>
    <t>b'\xca\xbba]\x95[\xb8i\x0fl\x04\x00\xc14H\x05\x05\xa8$\xe8\x93M\xc3T\xdb\xb1c\x9ex\x15\x12\xf8'</t>
  </si>
  <si>
    <t>b'D\xf7\x86\xdd&gt;\xad*/d\xe5\xdd\xd2\xb7U\xd7]\xa48\x1d\\3Z\x8b\x1dn{Y+\xa0\n\x99\n'</t>
  </si>
  <si>
    <t>LENDING CLUB CONSOLIDATION</t>
  </si>
  <si>
    <t>b'\xbd\xbe\xd2\xe8\xab\xc1\x90\x9ad4+\xea5a\xbcT\x87z)\n]fg\x9ad\x9bk\xf4\x11\x86Q"'</t>
  </si>
  <si>
    <t>b'g\xea\xc1\x16gS\x94\x15vt\xba\x92\x8f\x8e\xfd~.&lt;\x19\xda}8\xfa\xf7\x16\xc8&amp;\n4g\x0bH'</t>
  </si>
  <si>
    <t>b'\xc3\xe8yB\xfd\x99\xab\xf4\xc4\x9bm\x05\xc9iwbGw\xfc\x12|Y\x12\xb2\x844\x17c\xb3=Ic'</t>
  </si>
  <si>
    <t>b'\x9a\x03\x94\xb5\xdc\xf0\x99\xd3x\xc9!d@M3\xa3\x90U-\xad\xe4\x15\x06\x12\xbaY\xd0v\xfa\xb1\xa8\xb0'</t>
  </si>
  <si>
    <t>b'Q\x04\xf1\xb5\x8a+\xb3 \xf8w&lt;\x9al\x17\xc1;\xa4\xd1\x15F\x1f\xb1W\xb7\xa7\x8dfk\x86v,\x99'</t>
  </si>
  <si>
    <t>b"8P\xdbNb'}\x88B\n\x8c\x13%P\x92.B\xce.\xc7m\xfb\xe6\xf9N\xbd\\5\x8a\xba:8"</t>
  </si>
  <si>
    <t>b'U%\xf8&amp;\x8cNe\xfb\x13A91&gt;|0u\xc05\x8a\x915 \xcfb\xc0\xb2\x92T\xe4"\xed\x07'</t>
  </si>
  <si>
    <t>b'H\xb2\x94\xbf\xf1\xebM\xb3m\xe5VB\xfe]7\xfb\xb5\x8b\x08\xf3\x1a\xb6\x88\xab\xf4\xb0^\xa9\xdb\xc9\xa3\xed'</t>
  </si>
  <si>
    <t>b'\xd3w\xa0=\xe7|&amp;\xdd\xee\x9a\xa2A\xd2\x7f\\&gt;\xe0\x0c\xef\x04V\xc6\x01\x00\xf2\xfc!%\x84\r{w'</t>
  </si>
  <si>
    <t>Chase Refinance</t>
  </si>
  <si>
    <t>b'\x1b\xd1\xb1\x8c\x98\xaf[B\x9d4P\xaax\xcb=8\xf2\x82\xef\xda6\xe5}S\n\x89B\xb9PY\x95-'</t>
  </si>
  <si>
    <t>b'\x8fr\x04rf\xbf\x06G\xd6\xf6\x7fM\xb6VP~\x11mX\xb4\xdc.h\x9eA\xcb\x99x!c\xbc\x0f'</t>
  </si>
  <si>
    <t>b'\x925\xe2\xae\xf1;\xd3oJ\xbc\xae\xc5\xf9AH-\x91\xdf\x87\xd8\xf4\xe3\xb5\x94*x\xb5\xea%\x03\xfe\xea'</t>
  </si>
  <si>
    <t>b'+\xd30\xf0j\x9d9\xea\xe6\xdc\xb9E3\xea\xbf\x92\xb4\'7yi\x8e\xba\x91`\x8a\x7f%"\x18-\xa7'</t>
  </si>
  <si>
    <t>b'\xa2\x7f\x1b\x9eS\x08\xfa\xa2\x90\n\x0c\xf02\xe4!\xbc@\x9c\xad\xcd\x17\xc55\xb7\x03\xfe\x01\xc1\xa0\x8b\x89\x90'</t>
  </si>
  <si>
    <t>b'\x7f\xfd\xd6\xdf\x11\xd6\x84\xeb\xcc\xaea.A\xe0g\xcfh3?\xae\x83\x8d\x0ce\x141\x97\xb8,G \xce'</t>
  </si>
  <si>
    <t>b'\xe9\xc15j\xa4U\xcct\x88B\x81\x8b\x18~\xcaX\x8a\xbf\xb5\xdb\xd1r&lt;\x88}L\xd0\xaf\xb7\x1eM\xbc'</t>
  </si>
  <si>
    <t>b'\xa6!\xff\xb8@?4\xf4LW\x15\xd4\xc1\xe5\r\x1e\xfeX\x8f\xb1\x06\xec\xf0\xe7\x88\xe5a\xfae\xb1\x8a\xbe'</t>
  </si>
  <si>
    <t>b'\xbb\xa7\x1b\xa6\x10\xf4R\xc9\xfb\xe9\xefs\xc4\xf9\x89\xb2\r\x14T\x05\x94\x04\x9cz\x91\x03i\xec\xe9\xf6\xaeF'</t>
  </si>
  <si>
    <t>Taken Charge</t>
  </si>
  <si>
    <t>b'\xa21\xa9\xe1\xa1\xa6U\xa1p^_Cq\'\x9f\xcf"\x1d\x018&gt;"D\x9a\xcah=\x7f\xff\r\x04&lt;'</t>
  </si>
  <si>
    <t>b'&lt;\xb9\x89\x1e\xcb[\xde\xb6\xbc\x80\x95\xc44\xca\xeb1\xa1\xa0\x04L\xcaA#GK\xe6\x9c\xfb\xbc\xf2\x80\x1f'</t>
  </si>
  <si>
    <t>b'\x8b#\xe0\xcb\xe4\xb1\x89\x81\x1c\x04\xed\xd2\xbaS\xf2\xe0\xb3\xfa\xe5_\xb1!\xb0![Ip\xa4\xbf\xa9\xf6q'</t>
  </si>
  <si>
    <t>b'=\xea\xd4\xe7\x9e\x0c\xb9?2$\xd70\xee\xa7IY\xaa\x04 \xf6-\xbfq\x1c\x03\xab`\x96\xa8\xb3z\xf9'</t>
  </si>
  <si>
    <t>b'\xe5w\x07\x17\x95m~\xb4\xaa\x86\x1c\x8e\xa6\x85xA\x8b\xb3\xdc\x98\xd1\xa7\xba\xa2\xc8\xdafF\xec|cj'</t>
  </si>
  <si>
    <t>b'\xb9uF\x8a6\xbb\xe1\xe1g\xbb\xa4hj\xf2:\xcc\x8e 2\xect\xf8\x1f\x0c\xe9\x19\x02\x07\xa0\xc0\xee\x13'</t>
  </si>
  <si>
    <t>b'\\\x97\xca\x19\xd2v\xb3u\xe5\xc0\xdd\x13\x82\x11)\x973\xb9!\x83\x9f\xe8K\x94\xd7\xf9\xaa\x98\xba,4\x7f'</t>
  </si>
  <si>
    <t>b"\x8e{'\xe6\x85\x17TH\x14\xfc!\xd5K]l\xb0\x0eU\x97\xa1\x18\x0e\xa6\x8f\x0f\xab\xf7\xac&amp;\x08\x0e\xf3"</t>
  </si>
  <si>
    <t>b'TS1\xf8\x94\x005\x01(|sa\r\xf8l\xf0\xf8\x12\x80yaM\x1a-\xf9GF"\xdd\xec\xd3\xda'</t>
  </si>
  <si>
    <t>b'g4\xe9T \xa4\xb1\xda\xdf\x0f\xf5\x01\xdcu\xfd\x11\x8f\x04gO\xc0\x93+Q\xd5=\x02\xc1\xcb\xdb\x87\t'</t>
  </si>
  <si>
    <t>b'\xe8V\xa8n`Z\xeb\x08\x01\xd0\xa6\xc2Q;\xda_\x9e\x82\x11\xba\xa6-\xe7\x1f\xf6\xa5\xb4\xa8\x83K\x19+'</t>
  </si>
  <si>
    <t>b"\xa9l(\xc1fV\xdeU9\xbaC'\xb3N\xb7\xf5\xca\x04\xd73\xe6\xee\xa2-\x0br\x14\rG\x07tE"</t>
  </si>
  <si>
    <t>b')\xa4S\x0c\xc9\xb3\xc8p\x81\xbe\x89d\x92ow\xee\xce\xc1\x1d\xdaa\xaaK\xe9\xd9 4\xcc\xe0\xce\xc6\xb5'</t>
  </si>
  <si>
    <t>Expense Consolidation Loan</t>
  </si>
  <si>
    <t>b'\xfb\xe06"\x1e\xab\xd5\xc1\xfcHy\x19\xd6\x94`\xdc\xa5.lZ\x00=K\x1d\x1d:\x07\x1d&lt;\x8b&amp;\x87'</t>
  </si>
  <si>
    <t>b'\xdc\xe4\xd1\xb2\x1cy\xd35\xdcnQ\x7fz\xd3O\x18\x8br\x15An\xfe\x8f\xa4P\xda{\xebR\xbc\x8c|'</t>
  </si>
  <si>
    <t>b'\x0f$\x8dQ\xdc%\xcf\x04\x93\xd0u\x97\xbd\xb4c\x15\xcd\xe0\xc3\xa4\xfe\xb1T\xa4\xd2w\x9e\xa0\xc1\x04x\x82'</t>
  </si>
  <si>
    <t>b'\xd2\x03wd\xad\xd9\x08w\x95\xf3\x1f\xdc\x90\x0f$\x17\xe1\x15V\x0e\xf6\xc7\xc7\x89\xc7\xf6\x99\x83\xeabj\xd5'</t>
  </si>
  <si>
    <t>b'\xaetU\x1b\x18\xbd\x08\x8ax\x13\nI\xc49\x1a\xfaB\xf7\x05\x1b\xc2R\x90;\x14~"\xf2\xf5F\xcc&amp;'</t>
  </si>
  <si>
    <t>b'\x8c}Y\x8aKJ\xb5\xfc\x1e\x8e\x99/\x0c\xc3\x148Pr\x7f\xae1\xc2\x9d\xb9\xd7\x9a"H\xf2\xe3\xc1$'</t>
  </si>
  <si>
    <t>b'v\xaa$d\xb1\x8d%\x15\xb0\xfb\xd3\xe7\x88\xdcr\xa4,:\x03h2+ \xfd\xa9\x12\xe8\xb6\xd6\x9cW\xcf'</t>
  </si>
  <si>
    <t>b'\xed\xe8\x04\x83T\x9b\xffH&gt;\x16\xba\xb9#\xdd\x82\xcd\xe2\xe67\xbe\x81\xb2\x90\x1d7J\xb8\xa4\xc4\xda\xa8.'</t>
  </si>
  <si>
    <t>b'm`\x95\xf9\x03Z\xf9\xae\xab\x11\xe9m\xd0\x8ci\xd2\xb0r\xcbjd`\xa1\x12\x86\xf1C\x1fi\xd5K\xab'</t>
  </si>
  <si>
    <t>DC Refinance</t>
  </si>
  <si>
    <t>b'\xcb\x988\xf4\xe3\x85\xab\xf4%2p/`L\x14\xc9\x17&gt;\xd8\xfc\xd7G_Jxn\xba\xf5\xa6\xed-i'</t>
  </si>
  <si>
    <t>b"'\xc6\xbb\xe5\xc6\rY\xe2\xfc\xc9\x83\xe4\xd5\xb5M_\xc8\xf7\xbe\xce\xd02m\xe2^F\x07\\i\xba\xdc\xaa"</t>
  </si>
  <si>
    <t>b'\x08d\xd3k\xa1O\xd3\xfa\x80GX\xcck\x9f.T\xab\xc4\x87\xe7/\xa5\x9a\x83\xc9\x0b~\xbbf\xc4Y\xb8'</t>
  </si>
  <si>
    <t>b'\tC\xafi\x7f\x8f\xd6\xd32z\xa6f\xf4\xe3D\xab\x06x\xbd\xd0v}\xb0ys.\xef\xb5\xde4\x8aL'</t>
  </si>
  <si>
    <t>b'\x9b\xad6\xaa\xa8\xfc8\x1b7\xa4\xe2\xce\x17\xbf:cc\x90t\x1b\xd3P\xd7\xc1\x1d\x82l\xc8\xc60\xe1m'</t>
  </si>
  <si>
    <t>b'P\x8e\xe8\xd5:aZTO5\xaa\x1d\x19%u\xa7\xd5\x8a\t\x97\xd8\x97\xc4D\x94\xdc\xa8\x8f_fy\xda'</t>
  </si>
  <si>
    <t>b'\xa3e\xaf*\x189\x96\x14$P\xfc^T\xce\xe2^\x7f\x91?\xfe\x9e\xd3\x1b \xf9\xee\x90\x06\x98\x8f\x9b&gt;'</t>
  </si>
  <si>
    <t>b'\xfa\xdb\xec\x07\x08\x9c i\xeb\x95\xc1\xd2\x1dV\xf3\xd1S\x8d\x93\xf5\x0f\x1d\x8a\xd63\xca\xe6\x80P@\x00\xdb'</t>
  </si>
  <si>
    <t>b'\xbf\xc7E\x9e\x83\xae\x05e\xb8\xb9\x08}\xb6\x8boon*\xb0(\x82\xcd\xb9Bk\xc0\xca\xb0wv\xab\x11'</t>
  </si>
  <si>
    <t>b'\xf8\xba\x07\xc8\x8b4Xe"JU}`\x11\x89A\xe2\xb1\xd3\xca\xf4\x03B\xb5\x93\xa6\xd0\x80\xd1\x91\r\x12'</t>
  </si>
  <si>
    <t>b'\xa5\x9e@a\xa1\xa6\x94I\xde\xde\x08\x9c\xbeU\x7f\xee\x96s\x0b\xbc\x90\xe2\x82%\x1c\xe0T/\x0b\xd3\xc1\x86'</t>
  </si>
  <si>
    <t>b'O\xd7\x85\xbf\x9d-\x8b\xfa\x80\x8e\rH]\xa3Q\x87\xe4ya\xafhi\xe2\x0b{\x8c\xac\x9d\x90}\x08\x99'</t>
  </si>
  <si>
    <t>b'\xfe\x16d\x9c\xbb\xc7\xb8\x8ab\xf0\x9c\r\xa3)\xee~8\xc1\x02}\xd4\x13b?pME\x93V(|\xa8'</t>
  </si>
  <si>
    <t>b'\xcb\xef\xbc\x19\xf7\xf1\xb8N\t\xe9z\xeb\xb2\xff\xae\x82\x8d\xbed\xa1\xec\xfe8\x89aG\x91`\xba\xed8k'</t>
  </si>
  <si>
    <t>b'8~\xb0\x934m\xf60\x9a\xf1/?\xd4\x8c&amp;\xa9\xf7\x8d\x95\x8c\x9b\xab\xf8\xac\xc7\xf7\x01\x85\x84\x93\xcc\xf8'</t>
  </si>
  <si>
    <t>b'\xddE&amp;#\x80\xad]\xc2\x18\xa2\xdb\xd56\x8cp\x9f\x87;\x89\x97zy\xa90i\x17\x02\xb9\xcd4\xb5!'</t>
  </si>
  <si>
    <t>b'?\x19\xdb\xee\x0bB\xf9\x84\xe9\xdb\xd2\xb6\x191\xc6\x01\x8c\xbd\x1eK\xde\xd3\xaa=\x1e\x81I4\x06\x9d\xba\x14'</t>
  </si>
  <si>
    <t>b'\x95R\x91#\xc1\xd4\xf7\t\xe5%\x93\x92\xd1\xf31\xcf\xac\xc46\x0e\xa1\xaf\x10\xc4\t\xf8\x0e\xbdR5\x1b\x17'</t>
  </si>
  <si>
    <t>b'\xf8\xb3\x87\xba\xc9\xb0#\x90\x8e\x7f|\x87t\xd1\xc7\xc4"\x0f\x9e\x13BC\xc2\xad~G\x96(\xa0\xdc\xda\xec'</t>
  </si>
  <si>
    <t>b'\xd8\xc5\xa4\x8e\xe1?\xcf\xbb\xfe\xaaPp\x16\xb3\x9e\xa5\xfd\xbb\x9e\x0f\x8b\xd6\xe9\xbe\xc3\xffE9\x8a(\x1e\x01'</t>
  </si>
  <si>
    <t>b'f\xc7]\xa1\x85\x11\xbe\x129\xe8\x13I\x16\x16[zW"\x1cG\\\xe5\xeb\xb2\x05\xa0\xcbyhP\xb8\xf6'</t>
  </si>
  <si>
    <t>b'\x16\x8c[\xb5\xe6B\x8a8I!\xa2\x92\x04\xe6\xfbro\xed[]\xc3p\xd6\xfd\xd6M;\x19?\xb5\xe5?'</t>
  </si>
  <si>
    <t>b'\x91D\xde\x03]H\xb6\x0f2\xba\xdb6\xdc\x06\x1c\xa73 p\x96,\xd6\x86\x1b\xc1s\x81\x03\\\xfa\xb6A'</t>
  </si>
  <si>
    <t>b'F\x8c\xaeR\x1a\xd7\xb6\xc9\xac\x9d\xd3\xb2R\xbc\xfb\xe5\x0be]\x1e)\x0e\xcd\x84`\x8f\xce\x1b\xf6[\x08\x0c'</t>
  </si>
  <si>
    <t>b'\xc7ca\xca\xad{\x17\x9b\xd0}\xacGTy\x1a\xc8\xb5\xdc\xb1\t\xaa&lt;\xa1_(\xf6\xe7\x18V#\xeda'</t>
  </si>
  <si>
    <t>b'\xf0\xb3\x1bB\xea\x8e\xbd\x153J\x96\xb5\x0f\x8c\xaa\xe7\xfc\x9e/\xf8#\xff\x1c!\xfb\xbca\xbc\xf8y7J'</t>
  </si>
  <si>
    <t>b"\xcc)\x1c\xfd1\xe3\xc0\x9d9j\xc3\xd7_\xbd\x19&lt;\xc0I'\x7f\x14&gt;\x18\xe8\xbc\x9eK\xeb\xf2\xdb\x851"</t>
  </si>
  <si>
    <t>b'\xcf\xb3\x02\x19\xcb\x94\xbeX\xf3\xfcO!\xcd\x0ea\xb5\x1cN\xdc~\xb1\xc9\xeb\x7f\xd9\x089\xf3\xda\xfa/\xeb'</t>
  </si>
  <si>
    <t>b'w\xba\x85q~\xa56\xa0n\x95\xe4s\x9c\x10&lt;\xbe\xa2`p\xc8/\xb9q\x14C*\xdfI\xeb\xac\x0e\xda'</t>
  </si>
  <si>
    <t>b'{\x11M\xc9\xef;\xbbU\xd0\xeb"\xd4[c\x0cFD\x04^cn\x9f\x16/o\x96\x97{\xa1CL`'</t>
  </si>
  <si>
    <t>b'v\xb7\xb7c\xe6\x0b\x17b\x1a\x07m\x16\xe6)\xb3&amp;\x8b"{s\n\x1e\x8f\xaa\xe46\xaa4\x821\xaf{'</t>
  </si>
  <si>
    <t>b'\xec\xb1\xe5\xfe\xd6\xe4Kag\xfd\xd8\x1f\x92\xfe\x1a\xf1\x88\x0e&lt;s\xc7\x11zWq\x97H\xda\xdb:G\x0c'</t>
  </si>
  <si>
    <t>b'\xc0\x15AR\x07\xc3\x91\xfdJJ\x17}\t\x86d\xea\xe70\x8d\xc1C\xf0\xc6\x94\xe5&lt;t\xc4\xb9\xa7\x91\x9a'</t>
  </si>
  <si>
    <t>Catch Up</t>
  </si>
  <si>
    <t>b'\x04wc\x9f\xaaD^\xa1X7v[\xb9/\xc8\xb6\xd3% \x1bB\xca\x10\x1c:\xce\xc6[o5]o'</t>
  </si>
  <si>
    <t>b'!\xeb\x859\x11\x89\xf6=\xd1\x9b8\x93B\xc8=Vv\xc4\xb6\x87{b\xd6\x8d\x7f\x9a\xc3\x91\x07\xe3\x08Q'</t>
  </si>
  <si>
    <t>b"\x92\xb6K\x1d\x98\xf5\r.C\xe2&gt;\xdeD~\x0374\xf3xG'\x1ba!\xebY/\xb7=D\xd1\xa2"</t>
  </si>
  <si>
    <t>b'_\x0cME\xcf)\xfe1\xbf\xa3\xfe\xa0\xb3\xd3\xfd&amp;Y"\x1c\xf7}\xce\xe6\xbe\xdan\xadv!7\xb8\x86'</t>
  </si>
  <si>
    <t>b'\x12\xf5\x16\\\r\xe3\xa8\xcd\xd0(\xbbWK\xcd.?b`\x92E\xb5\xea\x02\x8c\xa6\xec\xf5\r\xea\xa8 \xc4'</t>
  </si>
  <si>
    <t>b'\x8d\xdf\xa0i\x03C\x0e3!L\xb4k\xe89FJ,~\x9f\x7fn\xa6\xa3\x1f\xc0}\x08\xe7\x1e\xc2\x8e\xaa'</t>
  </si>
  <si>
    <t>b'.\xbc\xbb.&gt;\x1dM\xcf\xc3w\x1aU\xee\x85\xaa\xbdq\xf3\xd4X\x0ey\x0c\x82\xc4w\xf6\xefh\x06!y'</t>
  </si>
  <si>
    <t>b'\x06\xc5=\x846P\x95\x9d\xe1\x8c&gt;\x02T\xb9^\xa6\x1f\x14e]\x86\x81\xae\xcdM\xbe""\x9c\xaaS{'</t>
  </si>
  <si>
    <t>b'\xbb,\xe3\xb9\xa2\xa5\xdd\xcc\xd5L\x85\xc1\x1b:\xeb:\xa9\xea\xdc\xba\xb5\x08\x01\xff\x94k5\x04PNf\x83'</t>
  </si>
  <si>
    <t>b'\nC_\xcc&lt;b\xcf\xfe\xd3\xd7\x0f\x8b$=4V\xe7\xdd\x06s\x04c\xcbbo\xf9\xa8C\xbe\xb4\xd4\t'</t>
  </si>
  <si>
    <t>b'\x1a\xa5BR\x05 \xb5\xe0\x1a\x97\x08%\xc8\xceWKZs\x1c\xa9\xe9c\x8e\xc4\xf2Q\xc1\xc9\xad\x8b\xc1i'</t>
  </si>
  <si>
    <t>b'\xdd\x8bM\x9f\xbf\x88\xf3bp!E\x88\x80i\x80`\x1e\xee\x92#\x8bGz\xd1\x1dm\xf1\xa4a\xe1\xd8\xef'</t>
  </si>
  <si>
    <t>b'\xe5x\xb2\xd2\xc78\xef\x1e\x95\xca\x18Ts\xf1&gt;\xedL\xe3\xec\x1d\x8bIy\xbbb \x91\xc50\x94\x16\xf3'</t>
  </si>
  <si>
    <t>b'\xaac/\xb0\xff\xbc\x8b=x\xb3\xf0\xe7\xe0\x1d\xdf\xe4\x10\xf1\xee(6\xfb:\xe5\x83F\x12\xa4\x18\x17\xb5\xbd'</t>
  </si>
  <si>
    <t>b'\xdc\x94\n\xb6\x0c\x01\xe5\x0c\xb4\x8b\xd6\x86\x9b\xf4\xf4\x03\xad\xf13}\xd1\x15\xaf\xa7H\x8e\x9d\xcf\x98\x7f\xb4\xab'</t>
  </si>
  <si>
    <t>b'\xb7\xcb\xce\xa8nf%\x95oiHsU\xb3\xdd,v7y\x8b\xbf\x1c\xfc\x89\xe6\xc7\xe6\x82\x86\x8dR\xde'</t>
  </si>
  <si>
    <t>b'XcW\x11]\x08\xec\xa0:\xb1O\xc7\x14\xeb\x1b\xaa\xaa;v\xfeB\xb7\x07\xba\xe1\x0e\xd2\xa9\xf9H\x17H'</t>
  </si>
  <si>
    <t>b'\xab\x10\xbb\xdd\x0f\xc5:\xd1#O\xd4"\xad\xc5)\xd5\x01j\'Rs.\x07\x0f\xcdp4\x8d"\xed\xe6"'</t>
  </si>
  <si>
    <t>b'0\x81)\x91\x04B\x8c\xdc\xebt\xd1:\xb0\xac\xa0\xd5\xed\xae\xe3j\xdb\xe4\xf2+\xa5\xe7\xd4l#\x01.%'</t>
  </si>
  <si>
    <t>b'7l\xb5\x1c\xc1\x89\x88A\xc0\xc8\xf5n\xf6\x9ba\xef\x1e\xc3\x0b\xac\xee\x08\xe5q~\x8aj\xfd\xdcG[\x9d'</t>
  </si>
  <si>
    <t>b"\xe6\x98B\xe5\xcf\x90\xb7o,\x9f'\x00\xa0\x15D\x91}\x18\xb8\x0f&lt;\xb0\xa4\x13\xf0\xa7\xc6+\x0f6\x84\xad"</t>
  </si>
  <si>
    <t>b'\rh\xc1&gt;\xdf7\x81\xddtR\x13\x7f\xa1E\x87\x1c/\xfa\xfcC|#\xe9\xb1\x962\x8b\xe99pbM'</t>
  </si>
  <si>
    <t>b'\xe1!\xad\xb1\xac\xab\xfd\xceY\xd5\xe5\x1c\x14\xdb\xc8\x873R#.m\xd5?\xcd\x17\xe5\xc0v\x19\xb0\xf7\xb9'</t>
  </si>
  <si>
    <t>b'\x9a\x9d\xac\x02\xae\xd0\x9b|O\xd8\xc5v\xd1&lt;\xe9D\x9c\xd8\xf0*\xe4\xc8P\x13\x9e\xfc?\xe0CT\xf9\xb5'</t>
  </si>
  <si>
    <t>b'b#\x98\xe5\xf4\xa54\xca\xfc\x84r\r\xa1w\xa6\x9b\xb1L\xc1\xaf\xcc\x1cF^~G2\xfbM7h\xac'</t>
  </si>
  <si>
    <t>b'P&gt;\xf6\xcf\x84\x05\x18\x88gi\xc7\xdax\xe7^j\x15\x14\x94\x05$\xb4=\x82\x84\x1f\xb0\x01&amp;\x83\xaf\x05'</t>
  </si>
  <si>
    <t>b'\r\xd2\xa7\xf3\xe1\x1c\x17\xdc\x1c\x0e\x91\xf2c\xdbc\xcc(\xe7\xc8D\x1e\xf9\xb9\x8e\xad\x95\x90\x19VX/a'</t>
  </si>
  <si>
    <t>b'\xfd!\x96\xdd\xdc\x8e\x15\xc6\x01lZ\x01\x0bl\x9f\x08Z\x8a\x18\xc4&gt;\x8c\t5\xc2\x0f\x9f\x89\nX:\r'</t>
  </si>
  <si>
    <t>b"\xbb\x01\xff\x94\xc7\x96{\xa5\x7f\xd8\tQBD\xcd\x97\xd05z'\xb74@\x1c\xf7[)\xfa07`R"</t>
  </si>
  <si>
    <t>b'\x9fG\t\xc5&amp;\x92\x9f\x07V\x1frU\x86P\xc3\xe0\xa9Wk\xebi\x1b\xb6\xff\xcd\x10\xf2p-p\xf9\x11'</t>
  </si>
  <si>
    <t>b'\xea\x1e\x06\x04\xfa&amp;!\xbd\xc5o/Dc\xe5-\x0c~J\x04 \xbe9\xda\x9bx\xae\xde\xd7~/*\xa8'</t>
  </si>
  <si>
    <t>b'Ne\x8c\xca\x0b\xde\xc4\x1a/\x1b\xf73\xc55~ya\xf4&lt;\xbcy\x84d\x94\xd1\xe8\xa3\xcb\x96\xd3N\x9f'</t>
  </si>
  <si>
    <t>b'(]\xa5\x9c=\xf4\xc7\x98\xc0d4\x1d\xc8\xef\xbb\xceP:\x00\x99\xc6\x1b{\xcd\x8e\xcf?\x15\xa6\xd9\xe0\xd1'</t>
  </si>
  <si>
    <t>b'H`\xafzBCG\x18\xe3\xbd\xb9\x1d\xed\xea\xcf\xc7p*\xe3\x11\xcbj][h\xc8\xd9\x13\x0f\xff\x82\x1e'</t>
  </si>
  <si>
    <t>Personal Loan (Medical)</t>
  </si>
  <si>
    <t>b'i!\x99\xb8E\x88\xd2\x11in\xe2\x8d\xb3\xb5c\xe4\xb9$y\xf8?\x9a\xae\xaf\xba(e\x1a:\x85\xa7\xd2'</t>
  </si>
  <si>
    <t>b"\xa6\xfcP\x89\xe6\xd5$(\xf4 \x12\xef\xa2&amp;1\xc7\xa6\xdc\x19v\xc3u;\xedG\xcb0K\xf4\xfa\x8a'"</t>
  </si>
  <si>
    <t>b'\xef\x92\xde\x1c\x98\xd0\x17\n\xfcz.\'Wa\x1f\xa3\xa8\xb5\xbe\xf1\x18\xd1/.\x87\xadx\xab\xcf n"'</t>
  </si>
  <si>
    <t>Daughter's Initial Wedding Cost</t>
  </si>
  <si>
    <t>b'T \x13&amp;m\x10\xbfN{h\xcd\x19\xeb\xb7"\x9c\x9f]g73\xd6\xe7wP\x1b\x9f\x16\xe4\t\xc7\x90'</t>
  </si>
  <si>
    <t>b'\x0b\xdc49\x8f\xd6\xf6\x15e]X\xbe\xdc\xb7\xad\xa2\x90\x1ei|\xb8\x99\x1e\xc4i;\x1d\x84\xd0\xb9\x1e\xdd'</t>
  </si>
  <si>
    <t>b"\x93\xa2\xfc\xbb\x06\xf1\xc9\xbd\xe7\xc1\xb6/o\x9f\x1a\xa6b \xf9Bk[(\x8c\xf3F\xa1G\t'\x92\x0e"</t>
  </si>
  <si>
    <t>b"Ur\xf7\xc6\xe0\x94;\xc4j1~\x01K\xbe\x83h'\xc9\x90Z\x0b\xa2\xd5\xb8\xe4\x9a~\xc309\xc6\xc3"</t>
  </si>
  <si>
    <t>b'\xac\x1a.c\x8f\r\xfe\x89\xa9\x19\xa5!\x1c\x83Q\x98\xd5\x99Y\xae^d\x8e\x95\xa1\xb1\xbb\xd0@\xd0V\xa0'</t>
  </si>
  <si>
    <t>b'(_\xf3,\xe2\x88D\x89w\xdb-\xbf\xeaix1!q^\x1d\xdd\xd4%U-L\xdbD\xea\x9b/\xbb'</t>
  </si>
  <si>
    <t>b'\xed\x15\xdbk\xa7d%DW\x82k\x1e\xcc\xb1\\\x19\x1b7H\xa3\x0e\xe0P\xbd\x91\xd6Hax\xbc\xd5\x9c'</t>
  </si>
  <si>
    <t>b'^n\x05k\xd2=|E\xe8a\xa0\xca\xfezQ\xbcx\xcaQAWt\x81\x81\x9b\x91{\x15\xf5\xd1O\xa5'</t>
  </si>
  <si>
    <t>b'\xe2\x84\x12\xe8\xfc\x8c)\xbb\xf7\xb4\rcZ\t\xde2\xaa\xa6\xcd%\xce\xd2\x17\xfd\x04^\xeaF\xc6\x80\xa6u'</t>
  </si>
  <si>
    <t>b'\xab\x8dvB]\xf4\x93\xdb\xef\x06\x8a\xf0\x89\x0b \xf0P\xc6\xbe\x80\xc5\xfdP\xc9\xa1\x0c\xcb\xcdA9I\x8c'</t>
  </si>
  <si>
    <t>b'NU:\xba\xfc\xe8\xe8\xa9\xa1\xf6_[\xd45\xbdgH\xde\xd8\xa5u#\xe6\xa70\x02\xa8\xa4t\x91\xa8\xde'</t>
  </si>
  <si>
    <t>b'\xc2\xdb4\xd4\xbe\xe6\x0e\x8fz\xe5\x8c\x8c\xae^\xa6\xde\x96\xfeqd#U\xbayU\xf7\xa1\xd7\xc9\xe8\xe2\xff'</t>
  </si>
  <si>
    <t>b'\t\xa1vH\xd9\xb7\xb1\xbc\xec\x89\xc7\xbf\xeb\xeba?_\xa8P\x97\x84\x88\xc7\xafqh\xffn\rU\r\xf8'</t>
  </si>
  <si>
    <t>b"\x86\x97'\x83f\xc5\x0cl~\xed\xe7\x02uG\x13#\x8dV\t \x06\xfc\x8e\x99\xe1\xd4\xc7\x1eEb\xd0\xb2"</t>
  </si>
  <si>
    <t>b'\xfa\xd1\xd5\xacWR\xc8k\x90\x1bK\x1cn\xa6\xa2\x8b\xcb\tw\x06\x95ja2\x85\x06\xee?{\x80M\x11'</t>
  </si>
  <si>
    <t>b'\xa6F\xee\xa3\x01\xbc\xa2_3\xb3\xec\x82\xe9\x00\t\xcb\xb5$m\xb2^\\\x17\x0f&gt;\x9f1\xda&gt;!\x00\xa7'</t>
  </si>
  <si>
    <t>b'\xc7\x8fdy\xa3\x8b&amp;\xf81QI\x171&gt;!W\xf1\xfd;&gt;\xf2\xa21:F\xday\r\xd8k\x7f|'</t>
  </si>
  <si>
    <t>b'\xddNJ\x8cn\x1f\xd8\x0c\x85\xab\xc7\x92j\x00\x06q\x0b20\x1d\xb6\xfe\xd8\xd1\xf8\xf7=\x12\xe8@\xc0\xce'</t>
  </si>
  <si>
    <t>b'\x02\x8dL\xae\x04\xbe\xea\xe4\x04\x1ct3,r\xf4\xcd+\xce\x17q\x01\x91P\xfb\x02\xc8\x8eW{\xc8\x0e\xc1'</t>
  </si>
  <si>
    <t>b'\xa8\xa0}\x9dz\x1cE\xd3Y\xfb\xa3\xb2\xc0\xe94\xb5\x1c\xf6\xcf{14\xff\xd9\xcbK\xae3\xfbc\xa1\x8e'</t>
  </si>
  <si>
    <t>b'`\xf2\xcf\xe8:qL\'@*C\x1d^%\xe3\xdc;v!\x91I\x1b\xb8q\xdf"z\xd5\xd9\xcf\xb9\x14'</t>
  </si>
  <si>
    <t>b'u&lt;\x83t\x86\x94\xdc\xd6\xa1\xae\xd5\xb9\xcd\xcef5\x0f\x1b\xd7\xc0br\xc0\xec\xe9\xc1\xcc\xc1\xdc+\xbb\x9a'</t>
  </si>
  <si>
    <t>b"\xd1`\x10\x01\xcc\x83H\xe2\xf1\x1b\xc0\xa2=\xb4rTqI\xb4\x9f'\xb7\xe8\x1d\x8fp\xa4\xdb\x89;\x98u"</t>
  </si>
  <si>
    <t>b'\x16\x8d\x82\x1a\x95\x8e~\x03|\xcd\xa3c\xa6\xa7\xc5}&lt;G\x1f\xad\xf4\x00\xa1/5m\x18\xfc\xb5"&gt;\x00'</t>
  </si>
  <si>
    <t>b'A\xc3\xcb0\x8a\x8bM\xf4K\xe2\xde\xbfJ\x8f\xb3\x05\x98\xc6t\xff\xe5\x1b"\x06\x8d\xacc\xe7q\xa7~\xd8'</t>
  </si>
  <si>
    <t>b'\xfe\x81\xb4\xd3\xda\xff\xd3l\tg\xd8TG\xdd\xef\xfcF%\xb9\x9b\x06ZK\xd3\x19~y\xa0.B\x04\n'</t>
  </si>
  <si>
    <t>b'u\xe2\xf2\xabT\x1cSa\xc5i,\xca\x9a\xbc\x17\xae\x083b\xb5\xa7\x88\x16\xcayFQ\xc9w\x95\x06\xec'</t>
  </si>
  <si>
    <t>b'p\xc1\xaa\xe7\x84\x91&gt;\x1e\xe6L\xbf\xd8eQ+\x13{\xa41\x8cs\xbd\xce\x00\x00\x1f\r\xe1\x15\xcea;'</t>
  </si>
  <si>
    <t>b'\x05\xc9X\x05\xbe\xcb\x91\x1d\xc4i\x81\r\xe6\x104E3\x15\xa33Fv0\x1a\xe7\x11\x0c$2q\xe2\xa0'</t>
  </si>
  <si>
    <t>b'\x8a\xa2XF\xe8\x83$E\x108\x9d4\x00(\x03\xae\xf1\xcaF\xe6\xc3s\xe0v\x07OX&amp;\x86o\xa7\xac'</t>
  </si>
  <si>
    <t>b'\xa2\xa4\xfftb\xe10\x05\xca\x94\xab\x15lJ\xb6\xa8\x99;\x05k\xa7\xac\x99((\xb4\xffh\xcc\x81\xad\x9f'</t>
  </si>
  <si>
    <t>b'O\xb9zR\xfe\xb1^\x8e\x05\x97\xa3\x94\xf9\xdb$_\x95\xb5\x05\x01\xd6\x15#\xd54\x88\x84s\xa8I\xe6\r'</t>
  </si>
  <si>
    <t>b'E\xd0\x02]m\xb2Wl\xc0\xb3\xb8\x96\xeb&lt;\x0b\x15}\x83L\xab-\x1e\xed\xc3"\x92&gt;"i7\x03\xc0'</t>
  </si>
  <si>
    <t>b'l\xc2\x98\x00\xb0Y\xef\xb0\xa1\x19\x8c\x80\x90fx0W\xf4"p\xdeO\xa2!\x19\xb0\n9\xc2\xbb}y'</t>
  </si>
  <si>
    <t>b'a\xeb\xbc.\xdetD\xbes\x08\xa8\xc3\xdbo\xb8\xd6\x9b\xf3\xe6\xd4\xbazR&lt;\x8d\xeeT\x04\xa0\xd2\xd2\xd6'</t>
  </si>
  <si>
    <t>b'\x00cw\x99\xcc\x1d\x99\xbcL\xa0x;t\xbfI\x90T\x18:*!K\xfdWx\xdf\xa0J\xd0P]\xc3'</t>
  </si>
  <si>
    <t>b'k\xe3\x12l\x96~\x89\x0e\xd8\xb2\x8e3o\xa3\xe9L\xdd\x03{\xa5\x80x\x15\x11\x0e3\xec\xb9 (\xdd\xb1'</t>
  </si>
  <si>
    <t>b'\xa5\xd0g\xa2R\xcdK\x84,K49\xe1\x05\xe1m\xf0\xbf\xf3ZU^T\x912}R\x99?J\xc4 '</t>
  </si>
  <si>
    <t>Financial freedom</t>
  </si>
  <si>
    <t>b'lP\xc4\xec\x95\xfcq_6\xd7Qe#\xcfB~^\xf5\x0f\xb9\xa2\xda\x9dB\x06\xc8\xb9\xcch/\xd6\x19'</t>
  </si>
  <si>
    <t>b'\xa8\x84;\xbc\xb18\xfbH\xf3S\xe1{\xd1"\xba\xf0\xc5b\xbb\xe9\xe6+\x93*\xa5M\x15\xca\xf0l\x03\xb8'</t>
  </si>
  <si>
    <t>b':\xaf6)\x8a\x86\xb98\xfbz \xfd\x86"\xf56\xa7\xa4~\x80\x950\xf6\x84\xa5\xa6\xb5\xe6\xe9\x0e\r\x14'</t>
  </si>
  <si>
    <t>b'\x13\x14LT\xbb\xa0#\xb4\xb6\xf2\x19\x0fIR\xa2M\xb8qO\x03\x17F&amp;\x94Z\x8aT\xc4BLg\r'</t>
  </si>
  <si>
    <t>Peace and Freedom Loan</t>
  </si>
  <si>
    <t>b'n\xbe#[x\xe9w!W%ee\\Z\xe0m7\xe7A\x0f=\xcaM\x8e\xe8H\x07I6(\xd6j'</t>
  </si>
  <si>
    <t>b't\xc0\xd6\x0e\x9a\xde\xd8kR\x9f\\\xbc\xe7&gt;\xc6\x04\x8d\x95\x0c\xfb\xe9r\xacS\xeb\xf1\xf1f\x11\x92\x06\xe0'</t>
  </si>
  <si>
    <t>b'\xbe6\xadm\x19"\xa1\'r\x07\xe2\x8d\xdfa\x02\x15\xd7\xb6\xf0X1\xfe\x19\xb7\xaa\xd4\xf5\xefp\x99Q\r'</t>
  </si>
  <si>
    <t>b'n%o\xe0)\xe3\xb2wo\xb0o\x9d\x01\x00@d"\x0c\x87I\x81m\x86\xfd33\\f]\xec\xdey'</t>
  </si>
  <si>
    <t>b'0\xa5:\xfd\xb3\xdb~\xc5\x13\xe2\x0b\x90\xb6\xb0\x0b\x1c\xdexc-\xaf\xa7\xee5\xc4tg\x95\xd1\x9f\x06|'</t>
  </si>
  <si>
    <t>car loan  couple personal loan credit ca</t>
  </si>
  <si>
    <t>b'UmJ\xb5\xe7|\x98VA\x84\x98\x83:\xa3&lt;\xa5\xd5\xa9y\\\x90\\\xd0&lt;\xd4\xa0=\xd2\xfa\xf3\xef\xc8'</t>
  </si>
  <si>
    <t>b'\xfevq\xac\xdb\xc4\xd3\xbb\xf3\xef\x08\x91\x81\xa9F\xc5\xc7fa\xbc\xd9\x10\x87\xfbR\x18B\xf1M\xc7z&gt;'</t>
  </si>
  <si>
    <t>b'6X\xf2\x7f\x1d\xfd\x92\xe5a\xb5\xc2\xed\xde\x97\xc1X\x1eF\x80\xbe%\x81\x01d\xfc\xd7\xa7`r\x0bM)'</t>
  </si>
  <si>
    <t>b'\xaf\\a\xca{c\xaf\xa5\xea\xb1/\x05\x04\xe9\xd2L;\xac*\x81\xdbE\x1b\xba\xc1\xbc\xf3\xd9\xe37\x800'</t>
  </si>
  <si>
    <t>b'\xbeU\x8b\xc3\x1c\x85\xe9\x99\xa2\x03QB\xca\x92E\xa8\x95)\xa0\xdf\xcb\xf9\xa6\xfc \xd8\xdf\xa1;5\xd3\r'</t>
  </si>
  <si>
    <t>b'\xb9\x7f\\\xc6h\xae\x15o]\x066B\x95\xc9\xf8\x13_\x87Zbh\x97\x8c\xeb8\xd2\x86\xfd\x8a\x82\xfe\x1a'</t>
  </si>
  <si>
    <t>b'4\r\xcd\x00\x8a\xcfl&lt;\xc2\xf4\xfc1\x1d@\x176\xf67D\x83F\xec\x80D\n\xd2\xbf5~p\xe21'</t>
  </si>
  <si>
    <t>b'\xf7\xa25y\xa4\xf7\xdb&gt;\xc77\x9dzX\xfc\\\xd6X\xed\x9d]&lt;f\x19J\x17\xff1\xad\xf1\xf5\x95\xe3'</t>
  </si>
  <si>
    <t>b'^2\'S\xd5"\x15\xa3\xd0;\x8a\x88\xe2\xfb\xcaE\x16\x95\xa81\xc2\xce\xbef\x7f\xe7)\xfc\x07\xd6\x12('</t>
  </si>
  <si>
    <t>b"\xac\xc8TF\xb5\x04\xe90\x8e\x8c\xca\xbd\xd4\xa462'\x01\x19\xaa\x9bn\x0b\x89Cc\x1f,\xa3\xd9g+"</t>
  </si>
  <si>
    <t>b'\x02X{\xa6l\xa5\x8dN@\xca\xf6\xe1$\x19\x96Q\xc7\xfc\x7f\xa7\xcb\x8d\xb9X\x04\xf8\x9f\x05\x9e\x16\x02\x0e'</t>
  </si>
  <si>
    <t>b'\xb4Iqd\xb8\\!\x9a\xfe\x9bL\xa1\xea\xae\xc6\xe15\xb9\xa2^\x86L\xcd\xc5\xef.\xcb\x9f\xf2F\x07K'</t>
  </si>
  <si>
    <t>b"M\xafd\x14\xe2B\x02\xaf\xb3z\xcc\xe3W\x97\xe3'DrJ\xc1\xbc\xc2\x84\xdd\x9f&lt;\xcd\xc9H\xbb\x96d"</t>
  </si>
  <si>
    <t>b'\xc6K\xf8\x9dj\xc1\xa5{x\x1b;\x90|\xcf\xdbF\xa7icB\xf5{&gt;&amp;\x16}\xc2\xf4$\xbcC+'</t>
  </si>
  <si>
    <t>mydebtconsolidation</t>
  </si>
  <si>
    <t>b"\xce'\xbaN({\x13h0\xab\xe2?X\xa2\x95\x12G|Y\xa1-\xb4!\xf9\x7f\x9c\xac\xc1\xe5\xd3nT"</t>
  </si>
  <si>
    <t>b"\xdf\x9c'\xeb\xfc\xd2\x98\xc2\xe5\x80\xcf\xdb\x88I\xdeA\x0e\xb9e\x1b\xb0p\xd8\xa8/\xdfz\xb9\xc1\x94\xe2\xba"</t>
  </si>
  <si>
    <t>b'k\xc0\xe7\xfb\xf1?6\x92\x8b\x1f\xcfk&gt;7\xa89\x91\xd1\xec\xec\xd4\xa84\x15\xbf\n\x952\xa6VV\xe3'</t>
  </si>
  <si>
    <t>b'\xf3V\n?\xf4\xdc\xb2f\xb5\xa2\xb5|\x87\xa4t\x16\xc69\x05\xac\xb4\xee&amp;\x03e$\x84\x0e^\xe8\x81\xda'</t>
  </si>
  <si>
    <t>b'H\xb8\x90YJh\x99Zv\xb0F\x86\xfdo\xf1\xbfT\xd2\xd2&gt;M]\x16\\\xc1\x8d\xfdO\x82\x1c9\xfb'</t>
  </si>
  <si>
    <t>b'`\x0e\xf1]@\xd6\xa9\xdc\x94\x89\xf6\xb52\x9cS=\x834P\x9c\x8e\xf7\x19.\x11`\xd9\xe4\x99\xf9y\x8f'</t>
  </si>
  <si>
    <t>b'\xc1\x1f\xb0\xa3\x081\xb3o\x1bW?\x19\xb4\x00\x8e\xfd\xfb\xec\x9b.\xf0\xbc\x162\xd9\xd9\x82\x1f,+\xab\x06'</t>
  </si>
  <si>
    <t>Home improvement refinance</t>
  </si>
  <si>
    <t>b"-m\x85&gt;\x15Y\x99\xdbn\xbb\xa5\xcb\xb8\xee'\xfd3\xd1!\x9f\xe7\xafz\x86\xdc&amp;\x8fC\x06\x18`\x91"</t>
  </si>
  <si>
    <t>b'RH\x925\x99\n\xbc\x03\x9e5\x17\x93]3\xdd\x13\x1fv5\xba#\xc7\xe6M\x07\x1f\xf8^C5\xf7\xff'</t>
  </si>
  <si>
    <t>b'\xc2\xd0\xea\xa8G\xc6\xebr\x03R\x11\xcf\x90\xe9\xb9J\xc7\xb2C\x1f7\xa4\t\xd2u\xa6Z|\xa5\xf5\xfa9'</t>
  </si>
  <si>
    <t>b'\xcd\x832\x84\xea\xaa&lt;\xd9\xb7\xf2\x87\x9e\x0b\xc1\x0f}c\x952[\x9b\xa1\\6:\xc4^\xe2}-Lj'</t>
  </si>
  <si>
    <t>b'\xfc\xe1\xed[K\x10\xc1\xf8\xce\x90n)\xa4\xa5\xddO\xa5\xe6z\xff?\x13f\xa5#\xbcX\xd0\xb8\x17\x17}'</t>
  </si>
  <si>
    <t>b'\xaf\xd5#\x86\x8e\x8a\xed\x15(D\xf2\xb0\x8e\xdeC\x10\xb7\x1f\xbd\xf4+\x8c\n^U\x8bg\x95\xc7\xfb\xd1\xdc'</t>
  </si>
  <si>
    <t>b'\xf8@\x19\xe2\xc3\x00\xd2\x198\r]\xbf\xb3\x96\xc1\x99H\xf7\x1a\xbd\x96Y\xfbO\x93"\x95\x8a\x8f|\xf6 '</t>
  </si>
  <si>
    <t>b"\xfeo@Vm\x838i5\xf8(\xd0\xacR\xbf\x17\xc6CO\x96d\xad\x1b'M\xe9i%C\x06C\x8f"</t>
  </si>
  <si>
    <t>DEBT$</t>
  </si>
  <si>
    <t>b"\xdcON]\xa1KR\x13\x86H\xc4\xbc%\xbf\xfb\xccx\x8fd\x07\xac\x14|\x1e\xd9'2\xd8e\x18C&amp;"</t>
  </si>
  <si>
    <t>cyberpower</t>
  </si>
  <si>
    <t>b'\x98\xc9fs%\xde\x16+\xe8\xdeFQ\xae\xa4\x83\xd0F\xabT\t\xae4d,B\xb3\x08*\x9dk(\xe8'</t>
  </si>
  <si>
    <t>b'\x1b\x04\xc1\xe8\xa3\x0e\xbb\xda&lt;\xc8\x1cr\xba\xc8\xbeB\x80L^\x9eysDC\x92\x8b\xc8\xfb\xeb\xfd\x03\x8c'</t>
  </si>
  <si>
    <t>b'\x99fRj\xaa\xf4\x00"j\xda\xa3\x88X\xb9-\x98\x04\xbf]\xd9\xc0\x1e\xf6\xc0\xcbO\r\x81\x15\x93/1'</t>
  </si>
  <si>
    <t>b'\xc0\xd6\xf5x\x00\x12D\xe649Y0\xfc\x81\xd9Z\x8b\x8f\x07qV\x9daH\x1f\xf9\xe3\xa38C/\xf9'</t>
  </si>
  <si>
    <t>b'\x81\x0c\xf5\x03v\x05\x8e\x1fb\xa1U\xe1\x08\xbe\x1eV\x1e\xb8\xc2\xcc\xb4\xfd\xc0\x8c\xec\x1c\xea7j:\xf3\xd1'</t>
  </si>
  <si>
    <t>b'\xf5_P\xf9;\xf1.5\xe2\x10\xfc@DA&lt;\x7f\x08\x11\xf7\x0b\x84e\x7f\x95\xf9\xf2\n\x99\xa1_\xaey'</t>
  </si>
  <si>
    <t>b'bs!\xbfv5\xd8\xc4\x951\n\xb4b\x8b\xc1\x92\x0cY\xbfg\xc0;\x8fi\x92\x99\x81Hi\x8d\xb1?'</t>
  </si>
  <si>
    <t>b'\x9a\x8c\x0e\xe1^\x00os\xd5b&amp;\xcb\xca\xc71\x17tv\xa8cF\x80)g\xc9\xd5\x07\x9dP\xa6\x1f\xab'</t>
  </si>
  <si>
    <t>b"U\xcd{\x1d\xddG\xe3\xc8\xd0\xeaBY\x02\xf2?\xe0\xdd'?7;\xcb|-sS\x1d&amp;\xb0`\xf2\xda"</t>
  </si>
  <si>
    <t>b'\xa6\x10\x03\x8a\x00\xfb+,X]\xe3)S#\x96M\xb1\x97\xc3\x96\x19\x19\xd6J\xa7\xef\xb2c\x01O\xe8\xc5'</t>
  </si>
  <si>
    <t>b'\xcd\x01\x96\x88\xb9\xd5\x88\xe1\x14\xc7\xdc\x98\xf4A\x1b&amp;\xc2.\xdfO\xca\xf4\xcf\xbf-\xb0:9\xbf\xb2\xdb\xf8'</t>
  </si>
  <si>
    <t>b'\xad\xecbA\xe4|La\xce\xc2\xb2\xc1rD\xecox\x1eS\xc1\x1e\x95\xb5-\xfdC(\xaf\xcc\xd3\x93l'</t>
  </si>
  <si>
    <t>b'\xb0\x87yA\x9e\x12\xff@K\x86+\x95\xb9\xa8\xd1ZC\xf7\xa0\tZ\xad\x88\xf2*\xad\xd5\xab\xe3[o\xea'</t>
  </si>
  <si>
    <t>b'P\xf3MS`\xda\x7f\xb9\x06\x12\xf7Y-\x7f\x1e\xc3\xc4%\xbe\xab\x1eT\x9f_\xa6X\x1dJ\xef\x04\xd6#'</t>
  </si>
  <si>
    <t>b'\xed\x030\x82$!\xed\x08\xde\x06{\xdb\x1a\x84\x7f\x19\xa1\xaf,\xc9\xf2F#T"\xdc\xa3\xfe=\x90K/'</t>
  </si>
  <si>
    <t>Credit cards and personal loan</t>
  </si>
  <si>
    <t>b')\xe4\x9a\xef\r\xaf\xc0\xae\xd5i\xbd\x15 \x86\x8b*\xcaA\x87J$V\xe5\xf0b\x03\xd3\x8a\x01\xc9\xb1\x1a'</t>
  </si>
  <si>
    <t>b'a3\x03\x8e\xba\\[\xf6[.\xd9\xf4\xf8GT\xdb\xc4Zg\xf5\xbe\xdc\xd3\xa0\x90\x8c\xc6\x91gl\x99\xd9'</t>
  </si>
  <si>
    <t>b'\x95eSd\xa9\xa6\xd2\x00\x89\x95\xeb!\x9cm\xc7\t\x00d\xc1\x04^\xaa\xbdn\x14\xeb\x8b\xbb\x8eR\x818'</t>
  </si>
  <si>
    <t>b'\xc0\x8f\x14 J\xb4\xca\x0c\xa6Q`\x8c\x98\xdbl1\x1e\xd1\xc5\r$\xebY0d\xe4\x0b\x92\x81\xbf\x07\xd5'</t>
  </si>
  <si>
    <t>b'i;M\x80;\x00\xf2\x8e\xd0\x97\xb8\xac\x91\x08d\xe3|\x05\x83r\xc1\xa7E\x9b\\\x7f\x04+\x1e\xb8:d'</t>
  </si>
  <si>
    <t>b'gI\xb3\x1aw5B\x93\xd5\x9d\xd3*\xe7j\x96\xe4D,\xf4V1\xfd\x95\xbf]\x06\xa1\xab\xae\x9c\xa6j'</t>
  </si>
  <si>
    <t>b'H\xbdqT\xdc\x1e\xe4\xb0/ZTx\x07h\xc6\xab\xa5\x972I}l\xfdq!6\xe1H\x01\xf8\x83\xdb'</t>
  </si>
  <si>
    <t>Catch me up again</t>
  </si>
  <si>
    <t>b'\xe4U\x99\xb6\xf9\xd2J\t\xba/\xef\x15\xcd\xcb\xca\xc5[&amp;\x85\xb8\xb1\x0b\xa1\x92\xea~\xf6uO\x89~\xf5'</t>
  </si>
  <si>
    <t>b'\\\xc8\xcb\xe8]\xdb7\xd8\xdb!9J"\xbb\xbc\x1eG\xaa\xb9\xff\x04\x81Gc\xfa\x00s\x1d\x1eX\xb1\xcf'</t>
  </si>
  <si>
    <t>b'\xccS\x14$\x08\x07\xf5\x89:\t\x92\xfd\xe0\xf77\xa3\tk$\xb3\'\xa4\xe7\xc8H\xb6"S\nn\x94}'</t>
  </si>
  <si>
    <t>b'\x06\xfd\xea\xf1lA\xbf\xaa?9\n%Q\xdc\x17!\x08Ra3"\xd12\x08\x82\x1bY1\x06\x88E\xfc'</t>
  </si>
  <si>
    <t>b"\x19\x814\x86T|\x1e\xee@\xac\xd5R_\xc4gB\xef\xb9\xd4o\x89\n\xed\x07'\xcdP\x04\xaa\xf0\x07\x95"</t>
  </si>
  <si>
    <t>b'\x83\xda2B&lt;,\x80uM|\xca\x97\x9c\x9d\x7fS&gt;\x91\x81\xa0!\xa0\xe1TS\n\xe7]%3\xf1B'</t>
  </si>
  <si>
    <t>b'\x19dh\x11\xa3\x15\xff\xc9\xf7\xf4\xeb\xc0A\xd8\xfe\xbd\x05I\xc97X\x07P{\x18\x1c\x87\x82\x12\xe50j'</t>
  </si>
  <si>
    <t>b'\x0f\xbf\x80\xba\x98|\xb5\x97\x159\xf88\x05\xfdz\xef\xf7\xda\xbb\xa7\x02\xe5\xf4lB\xe2\x0e\x99\xb9\xe2\xbf\xa6'</t>
  </si>
  <si>
    <t>b'U\x06\xa8\xa3\xfa5\xa4Z\xe9\x10\x9b\x11\x16\x13\xce\xaf\xe0\xf5=&lt;8\xb5X\x80\xd9$1 R\xe0;\x8d'</t>
  </si>
  <si>
    <t>b'\x8bl\xaa\xf0o\xfasKB\xa5y\x11\x91\xe7N0^=&lt;\xceo\x02\xbc\xdfCN\xb66E\xc1\xd3d'</t>
  </si>
  <si>
    <t>b'\nNaui\x13\xb3\x89\xcc\xca\xa9h:H.$\xe7(\x10\xc6a\x92\xc1\xd1\xf1SQ\xac\xd3T!:'</t>
  </si>
  <si>
    <t>b'\x93\xaf\xd6\xa28\xaeY$\xf9}0/Mg\xf3]-^\xaf\xaa\r\xa4-\x06(\xa8\xa3\xedy\xb6h\xc8'</t>
  </si>
  <si>
    <t>b'\x0c4#w\x05\x8a\xe6\xa3\x07\xf2\xfb\xdc\x04\xa4\xe3u&amp;\xc8\x81\xce)\x06Z\xee\x7f\x88\x8bi\xbf\xff\x14\xeb'</t>
  </si>
  <si>
    <t>credit card relelief</t>
  </si>
  <si>
    <t>b'\x8f\xfb\xebUc\nbF\xc93\x9c\x9as\x13\xfcy\xb9\x89|\xbb\x08\xbc\x0e&lt;\x1de\x81q\xcb}\x0e\xf1'</t>
  </si>
  <si>
    <t>b"'\x9a\xf3\x9c\xaa_\x11\x03\x83LQq%\x82\xfd\x88\xcb\x84\xcc\xde\xaa\x07\x96\x180Z\xb8\xd05\xc9}\xf6"</t>
  </si>
  <si>
    <t>b'\xc80e\xb2\xbe\xbelk\xe7\xb7\xe5\x15G.U\x9fcvjy\x90\xb5\xaa\xc7\xb2\xb9\x84%f\x05\xfc\xcb'</t>
  </si>
  <si>
    <t>b'\xf0v\x88\x86\x95{`\xaf\x95$\xbb\xf9G\xacPK\x85:\xc9\x15 \x83eW\xca\xda\xe1\xd3\xa7+\xd5k'</t>
  </si>
  <si>
    <t>b'\xd1f\x96\x98\x86\xff!\x01\xbb\x9e}Bn\xd0\xe5-\xce \xe5\x19W\xf3\xd8\x07\x1e`5N\xf0#-k'</t>
  </si>
  <si>
    <t>b'D\x8b\xd6\xfcu\xe3.\xd95D\x84\xf4\xe4\xde\xf18\xdfv\xa5\x9c\xebD\x19\xb1\xd5\x1f+:\xc0\xf7(\x1c'</t>
  </si>
  <si>
    <t>b'\xca\xde2(x\xf6*\xd0\x12\xd7^\x9b\x03\xaa#F\xa2\xe5\xbc\xd7\x80A\xbf[ac\x05of\xd8\xc5\xde'</t>
  </si>
  <si>
    <t>b'\xa8=;4Y\xa35\x88\x9e}\xcc\xad\xcf\xc6\x8c\xe9E\x0e\xda9\x10\t\x80\x81\xf6\xa9m\xea\x98\x11\xb5\xfd'</t>
  </si>
  <si>
    <t>b'7/r(\x92\xa0\x04\x88\x91,F\xf2W\xf1kL\x8e\x0f\x1eL\xd0\xdb\x8d\xbe@\xbc:\x15A\xea&amp;['</t>
  </si>
  <si>
    <t>b'K\x7fV\x91|\xba\xab\x8c\x9fCmaF2\x16\xde\xf6\xf3H\xc7\xbd\xa7x*\x85+f3i\n\xe5\r'</t>
  </si>
  <si>
    <t>b'\xb4\xacQ\x91/\xefv\xdc\xb7$\xbbkJ\xab\xba\x06\x1d*+\xa9\xe3w\x03\x8f(\r\xc9@\x8f@r\xf6'</t>
  </si>
  <si>
    <t>b'\x0f.\x04\xe7\x9d\xf9\x0f\xb3\x03\x9b\xba-\xd2.\x1d4\xb5\xe9\xc0\xdc\x16\x08\xf7v\x12\tH\r\xc9_\xa2\x87'</t>
  </si>
  <si>
    <t>b'z]\x914\xad\xe4\xdd\xcc\x82\x0b\xfa\xed\x05\x8dba\\D\xa4\x13\xa7S\xbd\x14vf\xde\xe7-\xce\xc2V'</t>
  </si>
  <si>
    <t>b'\xd6\xa0[\xd0\xb8\xdf\xe4\x16\xeb\x16_\x0e`\xb5\x03H\xb5\xd5\xa2\x9d\x116p2/F\x8cpxqo\x92'</t>
  </si>
  <si>
    <t>b'g\xcd\xb9-\x8a\xc1Y\xdf\xfd\xf0\xa3d\xf1\xe02\x10\xc4\x93\x01=\xa1\xca\xaeTt\r\xcf\xff0\x90\xb73'</t>
  </si>
  <si>
    <t>b'\x00\xe5\x8e.\xaf\xa3u\xe4\x9e\xaa\xf4\x83&lt;S\xe8o\xb6s\x85L\x02\x83\x8a\xf7\xcc\xff0^p\xe3\x971'</t>
  </si>
  <si>
    <t>b'\xb2\xf9&gt;/J\xc1\x02\xa3\xbdW}\xecR\x8e5]P\x04\x05\xa2\x1e\x1e\xa632\xf8Yu]\xba\x95\x90'</t>
  </si>
  <si>
    <t>b'\xce\x00TT\x0b(\xf2\x06\x03\xf1:\xd7\xce\x05\xf11r\x0e\x80\xbc\x19&amp;[\x0b\t\xaf\xcd\xc3\x87LVx'</t>
  </si>
  <si>
    <t>b'Spt\x96\xce{\xce\xc5`\xbb\xd0\x82\xa0\\|\xd61s\xa2J\xd5\xdd\xcb\n\xc5\x87\xe5n\x0c6\xe5^'</t>
  </si>
  <si>
    <t>b'\x93\xb4i[O\xf9\r\x87\x8a\x9e\xa1\x0cd\x95`%\t\x07hG&amp;\xe7\x14\x90\xc3pq \x15\xb16\x03'</t>
  </si>
  <si>
    <t>b'1\xbb\xbfJER\x90jo\x855\xe7\x14}\t\x1fB\xb9Z\xc5\xb9\xd8\xea\xaa4\x1a\xb4\x84\xf1\x06\xaa\xb4'</t>
  </si>
  <si>
    <t>reformed unhappy shopper</t>
  </si>
  <si>
    <t>b'\xee\xd0\x89\x98\\\xca\x08\x1fN\xaa1z\xc4\x0f2\x8b\x16\xecz\xe3\xad\xa8vCX\x94k\xc2\xf2\xf0\x91\xe9'</t>
  </si>
  <si>
    <t>b'\x87L\x0b\xa0\x96\xa1\xbbD\xd8L\xd4\x80o\x1c\xf3&amp;\xce\xc7\xe4bM\x11\xe5\xbf\xd6@3\x12\x03\x1d\xca\xfd'</t>
  </si>
  <si>
    <t>b"'\x15GVl\x05-\x8b\x00\x96U\xc9\xb5\xee\x96\x96\x1d\xbb~\xd2\x99\x13\x95$gY\x8b\xf8\xfe\xc0}\xe8"</t>
  </si>
  <si>
    <t>b'6\x03Zl\xe0:8\xe2a\xbd\x9am\xedF\x8e\x99N\xdf\xba\x97\x07"\xac\x1d\xfc\xa7\xf1?\xa32\xb5\xe1'</t>
  </si>
  <si>
    <t>b'\xd8\xd2\xaew{o\xc6g\xfd\xb4\x109\xe2\x11\x9b|\xbev\x9d\x938RA\xd5\x1cv\xafJ\xe3\xafz\xb3'</t>
  </si>
  <si>
    <t>b'Y\x92\x94\x80\x98\xecD\x9f\xc0\x1d\x94~\xfc\x02A\x8a\xfc\xa6n\xe0\xe5\xf4\xc2\x12\xe8\x9b\xefh\xc3\x98\xee\xa3'</t>
  </si>
  <si>
    <t>b"p\xd4&gt;&amp;'\x0eI\xc0\x99\x17o`h\xc7\xa0\x901\xaaW\x89\x90*+\x9c=\xe4\xb0b\x03\x8e^O"</t>
  </si>
  <si>
    <t>b'\xba\xc1\xd0\xea\xfe\xcf\x8aw-\xb2\x96v\xce\xd9\xef\xeen9\xea&gt;t\xd5\x89\x98\xa8\x9c-\x7fc\xdf\x88{'</t>
  </si>
  <si>
    <t>b'Xr\xf0`\xa6%&gt;R\xc4\x05\x1d\x92r\xae\xa2\xa3\xfd \xbf~\x0f:V\x9b\x14\xee\x15\xb0\xdd\xd2Pb'</t>
  </si>
  <si>
    <t>b'\x1f\xa9\nw\xe6?&lt;\xc5\x0e\n\'"D\xe4\x18`\xf5\x9eMo\xe5\xb3\xec\xeb|!\'\xa9u\xa5\xb4\xda'</t>
  </si>
  <si>
    <t>b'he\xa1\xa0\xdb\xeaf\xd3\x9e~\x06`\x0e\x1a\xec\x94\x14\x0c\xc2\xc0\x07\xb5s\xcb\tA38\x8b3D='</t>
  </si>
  <si>
    <t>b'\x84~)\xcf\x9d(\xe9\x94\xaf\x11\x8fb\x85\x94\xfa!\x06\x97V\x11\xdd\x87\x15\xa4\xb9:\x9c\xaaq\xabL\xde'</t>
  </si>
  <si>
    <t>b'\xf1\xedJP\x96\xc7\x16\xdb\x1d\xfa(jl\xb4~\x89\xf5\xbb\xba(\xbac\xe2\xa6&gt;\xf4O\xa6R\x19\xdc~'</t>
  </si>
  <si>
    <t>b'8\xd0\x9a\x13\xc9\xc3\x9c\x1a\xd9;\x8f\xf3\xd6\x83\xf6&lt;\xd5\x1aI\xf4\xb0\x84\xd4#/\xd7\x08\xfa\x0c\x896\xe6'</t>
  </si>
  <si>
    <t>b'\xd9?\x83\x8f\x06\xa4\x86\x1e\x10\x85\xdft,\xffgqS\xd9\x8e\x1cl\x11C\x83\x89\xd5[\x91\xd9gw\xbf'</t>
  </si>
  <si>
    <t>b'?gP\xc1\xeb\xca~\x11D\xe3q\x1f6\x0cO\xbd\xd6\xf1y\xd3+I\x85\xfc8\xe8N\xe6R,)"'</t>
  </si>
  <si>
    <t>b'\x8f\xae\x1c\xd3\x026bK\xf2\x7fS\x9e\xa7FFwk\xf0\xfdN\x80u\x8cv1i[#\xb7\x9de\x85'</t>
  </si>
  <si>
    <t>b'\xf7\xaa\x1a\xf2\xd7%!\xf6Uj\x9e\x997\xe2N&amp;\x8a\x95M\x98J\x03f\x89\xb3\xb6\xdd0\x04Us\x05'</t>
  </si>
  <si>
    <t>b'a)\xcb\xbfF\xc6\x96\x10\x154\xd8\x036\x1a\x17:\xe9\xeb\x057\x01C@\xd4\x9f\x08\xbaD\xd3S\xe1i'</t>
  </si>
  <si>
    <t>b'\x7fU\xa4\x9dN\xd4l\xba\xe3g\x9e\xc0\xd8g\xc6\xf0U\xbb\x19\n\xaa\xf7\xf7r\x01p\x8c \x0c\x80"\x82'</t>
  </si>
  <si>
    <t>b'\xd9!\x84\xcez\xc4b"\xeb\xc1KY-9\xb3}f%\xbfxP)\xd3|\x82\x8d\xb4E\x18\xf7\xea$'</t>
  </si>
  <si>
    <t>b'\xd5\xcb[\n\xe4\xab\xe4Z\xfd\x8c\xcd\xdd|\xed\xb0Z\xb6\xde_\xaf\x07\xdc2\xed,\xbbYh\x1c\xe82\x0e'</t>
  </si>
  <si>
    <t>b'\xdar\x02\x07\x16\xb6\n\xad.\xd7\xe1S\xd2p&lt;\xc2\xc6\xe8z9\xc7\xf5\xed\xc0\xfc\xf6\x83s\x86!\xcf\xb1'</t>
  </si>
  <si>
    <t>b've\xd59\xf3\x8b[\xb8%X\x8e\xb8\x14\xd3\x91\xb8\xeb\xfe\x02\xe7GY\t-%\xbbQ\x87\xd4\xb1\xb5\xaa'</t>
  </si>
  <si>
    <t>b"W\xc3\xac\xa79\x89\x12H\xdag\xc8\x9a2\x9b{\xc8$?\x02\xabQ\x1dm\xd6\x94\x97IoR+'~"</t>
  </si>
  <si>
    <t>b'ix\xc6t\xc9\xac,\xd3\xda,d\xb4\xc65\x0c\xbe\xb4\xdc\xd7\x1b\xf2O\x84\x07\xf5\xa3&gt;\xbc\xaaB\xb1\xc1'</t>
  </si>
  <si>
    <t>b'\xf4\xe0\xed\xda\xe6\xc6F\x91\xe9S2\xd1\\\x9d\xc4\xda1\x12\\q\xa2\x89\x946\xa0\xf3W\xbb\x03\xb9&lt;f'</t>
  </si>
  <si>
    <t>b"J\xd5o\x13\n\xeac'\x88p{\x0f\xa3l_/T\xe3he\xeb\xd8U\xf9~H\xc0\x04\x101\xc6\xa6"</t>
  </si>
  <si>
    <t>b"i\x1a\xf04va\x83\xf2&lt;j\x1e\x03\xb1\xc6\xceM{\x15\xae`\x9d\x07\xb4\xd0&gt;s\xf0\xd9\xec\xa3'q"</t>
  </si>
  <si>
    <t>b'\xd1Y\x17Q{\xc5\xa8\xc8\x90O\x9eF\xc5\x84\xe4\x16\xb7\x15S\x1fG\x1a\xbf\xd0\xd06)\x03\xf7\xa5\x98\x9c'</t>
  </si>
  <si>
    <t>b"\xf7\xa6\xd7\xfa\x1a\x9cmM\xd8sP\xb1\x01\x87t5\x9de\xd4[\xf4\xd5'R\xbe\x92\xf0\xb1\xf9\xcf\xe0\xb6"</t>
  </si>
  <si>
    <t>b'\xac\xad\xac\xd4\x8fR\ri\xe0\x86\xbb\x1d\x90\x01l\xfe\xcd\xb7&gt;\x92\x86\x98#q\xd9\x02&lt;\xcaZ\xa1\x9b\xbe'</t>
  </si>
  <si>
    <t>b'\x06\xa8\xe5\x8b\xaa`\xcd\x90\x12t~\xe5Vdm\x96\x93\x10\xbd\x85\xad&amp;\xcf*5\xd0\xa55_y0Y'</t>
  </si>
  <si>
    <t>b'\x83{\x03\xe0B.\x08?\xdb\x1b!\x91\x8aD\xdab\xeet\x01mQ\xc0\x8a\xcf\xa9/i\xfe\x85Kq3'</t>
  </si>
  <si>
    <t>b'\x0c\xf8\xc6u\xa9\x9b\xa7"\xbf\n\xc5\xf9w\xd0\xdb\xef~]\xf1\t\xc8\xc5\x13S\xaeBG_\x98j\xf8\xca'</t>
  </si>
  <si>
    <t>b'\x8c\xc2\x17;=\xe4Q&amp;\xef\xdfi\x05\xecA\xbab17c\xa6@_/\xda\x82[-p\xa0\xaa\x86\xc4'</t>
  </si>
  <si>
    <t>b'\x8e\xbe\x8a\n0B7\x8b[\x0f"5&amp;35\x12\xba\xf84\xf8Y\xe9\xc5\xb4\x05E\x87\x82\xc0p\xaa]'</t>
  </si>
  <si>
    <t>medical and credit card consolidation</t>
  </si>
  <si>
    <t>b'a0\xbf\x1b\x0f\xde\x03F#\x89\xa5\xc6\x16L\xac\xa1\x0e8\x10\xadR{\xc0+\xe8\xc3\x91\xd11\xf5\xb3\xff'</t>
  </si>
  <si>
    <t>Celebration of Renewal</t>
  </si>
  <si>
    <t>b'`:&gt;\x08\xba\x16T]\xe6\x945x8\x99\xeb\x80\x07[\xac\x8b\n\xbfL\x03\x93wi,l9\x9d\xeb'</t>
  </si>
  <si>
    <t>Europe vacation</t>
  </si>
  <si>
    <t>b'\xd1\x00\xe5\x92 \x92\x12\x82\xad:Zq\xb6.\xd9\xf7\xc4\xfc\xd1\xfc&lt;8\x9d\xe4\xd4`y\xe0\xcfs5\xfa'</t>
  </si>
  <si>
    <t>b'\xb3\x9f\xdc\x03u;\xcf\x18p`,\xd5|[\xf1\xe7\xb5)fr\x12-M\xd5\xbf\x16\xe1\xe7\xdd"\xc5\xf6'</t>
  </si>
  <si>
    <t>b'_|\xd0D\x94\xf3F\xcb\xfb\x11\xcfi\x17\xbd\x93[\xfcZd[z{&gt;\xca\xa9\xc38c\x9fy\x18\xa2'</t>
  </si>
  <si>
    <t>Siding Project</t>
  </si>
  <si>
    <t>b'\x88\xbb\xcf&amp;RB\xd0\xfe\x05\xaa\xdbN\xbbU%\xa3\xf1\xd1\x86\xfd\xd5\x85J\x19s}\xc7\xd3y\x7f\x9fp'</t>
  </si>
  <si>
    <t>b'\x91|\xf8K\xdf\x1c\x13\xc4\nJ&gt;#\xe1\xdb\x0b\xaa\x04Do\x18\xd947\x03\xc0\xa2\xf9\x92\x9fJ\x9f\xcd'</t>
  </si>
  <si>
    <t>b'#\x8b\xfc:\x8f\xe8\xe1\x12i\x83Q\xa3\xb8\x0f\x1e\xfec\xa8\xc5\xb0\xb8@&gt;\x8e\xb6\x10aXY\xac\x8d\xfe'</t>
  </si>
  <si>
    <t>b'\xfa\xf4U;\x0b\x15\xd0\xfa\xad#\xe4\xccZ\xb3\x1f\x1e H\xc5`\xd2\x1dw\xfaP\xc5\xa2d0\xf4*6'</t>
  </si>
  <si>
    <t>consolidated bills</t>
  </si>
  <si>
    <t>b'\x1b*tSL\x9d\x0e&gt;\xc1\xa24\x82x9l\xd1`!\xbes!\r\x8a`\xbd\xb1\n\x1a\xc38\xb6\x87'</t>
  </si>
  <si>
    <t>b't\xf6\nd}q\x8b\xe9\xc8\x1e\xd0w\x18L\xedb\xa4\xe6C\xe3\xabs\x15\x8b\\b\xd1\xa9S\xa2\xe6\x8d'</t>
  </si>
  <si>
    <t>b'&gt;JE;\x8d\xf82\x930up\xad,/\x0b\x05Wd\xba|m\xf8\xdc\xacR\xf8\xcdfA\xc3 C'</t>
  </si>
  <si>
    <t>b"=\xe7\xac/\x9f\x05\x88\x9d\xd30\xeb7\xbfe?i\x90y\xf6\xfd\xdf\xcb\xace\xc4\xc1ol'\xb2H\xcd"</t>
  </si>
  <si>
    <t>b'|\xd3\xb5r\x06A\x8c\x15\xf5"/\x89p+\xbe$\xb7\xcd\xd9L?\x10=@\xee\xf9\xaa\x81\xad\x1f\x10\xb3'</t>
  </si>
  <si>
    <t>b'b\x8d\x0e/P\n\xd0\xfc\xe1\xb1\x17.T\xff:F\x14q\xce\xd4\xebJ\x1bnXmJAL\xb3\x84\x03'</t>
  </si>
  <si>
    <t>b'\xad\x1a&amp;b\xa6b\x8b\xdc\xe14\xbe\x83-\xdc\x12\x0b,\xc9)\xa9\xef~\xabt\xdb\x0e(\x0bT3\x02u'</t>
  </si>
  <si>
    <t>b'z`tk\xf4"\xb4\x85\xaf\x11h \xdc\x08\xc1\xcb\x1b\x91\xa0\xf4\x92\xdee\xfafR\xb6\x07X\x8e=\x81'</t>
  </si>
  <si>
    <t>b'\xe5\xc9.\x9f7_J\xe0\x11\x8a\t\n\x7f\xb9\xb7\x0e\xc6\xe5\xed\xca\xf6q\x91\x8c\xcf\x92\xff]3\x929/'</t>
  </si>
  <si>
    <t>b'\x03\x19\x86\xfaK\xd8\xa2\xfa\x10\xeb\xdc\x00\xeb\xce\x01\xc5]\xf3%\xdc\xacU\x8a\xb0n\xf0"T\xff\x08\x08y'</t>
  </si>
  <si>
    <t>b'\xb3\x19\x80\xf4\x7f\xc8b\xe9\xffn\x10:3\xdb\xa1\x18}4\xc2{\x0f\x1b)\x12\xeaWdD\x7f\x88\x8c('</t>
  </si>
  <si>
    <t>b'\x90\x14&lt;\x83-%\xadt\xae_Ve\x12\x9cH?\x1f\xf0\xc1\x95U\xb0-[\xd31\x96\x96\xb6\xb7\xd4\x99'</t>
  </si>
  <si>
    <t>ChildMedicalIssues-LastObligations</t>
  </si>
  <si>
    <t>b"\x15\x1f\x00\xe2L\xce\x16\x19\x02y\r5\x82\xc6\x03k\r\xb7\x9f\xa9\x92j]\x1b\xd7j'rwkCZ"</t>
  </si>
  <si>
    <t>Web based business service - banking</t>
  </si>
  <si>
    <t>b'y\xd5UzR\xfb^\x12qK\xb91\xf3\r\xdf&gt;\xf6\xf7\x01\x8f\xbf\xe4*\xad\xe8\xc7\xff\xbd\x0e/Z\x1c'</t>
  </si>
  <si>
    <t>b'\x0b\xbf\xa6,$\x10\xc1\xf9\xa1&lt;\xe2\xaeH,\xa5jz\x1b\x04F\x14[\xac\x06\xbc^\x9b\xc3\xd3\xeeGJ'</t>
  </si>
  <si>
    <t>b'\x08\x1b:\xc6\xa0\x1f&amp;\xa9\x92M\xa0\xfe\x9dx9,(z\xfef\xfc\x962\xd28\xa4\x0c\x8b&lt;\xed\xb0\xaa'</t>
  </si>
  <si>
    <t>b'\x1c\x00\xfa\x85\xbe\x0bG\xde\xb3\xa8\x80\xbd\xe9\x1c\xaa\xab\xe4\xaa\xd4\x90\xc1\xe5\x9cv(\x0c):&amp;\xfdi['</t>
  </si>
  <si>
    <t>b'\xc4\xa9\xd3\x0bRXcM\xbc/\t\xcb\x12\xae\xb2~~\xcb\n\xd2GT\xda\xd3\x91\x02z)\xb6\xcc\x94b'</t>
  </si>
  <si>
    <t>b"3\xa5\x90\xc9\xc3o\xf8\x0f\xa1\xe5l\x1c\xff?5\t\x11\x03\x19\x19'\xd1\x17&lt;\x7fg\xfcx\xb1S\x1e\x8e"</t>
  </si>
  <si>
    <t>b'\xe7\x9c$\xa4\xfa\xeb\xa5\xb6\\P\x14v\xfa\xa7\xed\xda1\t\xc7&lt;\xefV\\&amp;\x11,D\xde*uj\x97'</t>
  </si>
  <si>
    <t>b'T\xa4\x94k2\x11\x08\xdf\xcb\x96\xe1\xdd\xa4\xa0\x85Ck]\x8eWo(\xa4\xf8Hf&lt;\xa34\xa5`\xb7'</t>
  </si>
  <si>
    <t>b'CV\xde\xd5=\xe2\xd9\x14\x10\xd0\rbz\xbb\xf1Gj\xf7H\xec\xa4\x9b\x96o\x16hDfJ\x8a\xa6\xbe'</t>
  </si>
  <si>
    <t>b'\xbc\xe6&lt;1ea[D\x8a\xcd;\xa9\r\xf2N\xd6\xb7\x8a5\x92\x8f\x15\xfa\x99\x9f\xfea\xad\x9dY\x9e\xc4'</t>
  </si>
  <si>
    <t>b'3n+\xae\xf7i\x92\xd2\x05\xf7\x99\x1bC\xc2\xe2\xd8T\xeda\x9bA\xfe\xd4-\x9d\xd9j"\xb1\xc6e\xe1'</t>
  </si>
  <si>
    <t>b'\xb95\x15c\xadg}\x8e33{&lt;8_\x0e\x08\xc0*#6\x86k\x86\xea\x12\x15\x82b\x88\xd4\x08\xf8'</t>
  </si>
  <si>
    <t>b'\xbf\xfd\x98\xcbL\\\xe1\x89{\x0e\xf0&lt;\x88\xd2\xc9FI\x98\xb7dBawB\xe0p~\x899\xbaE\n'</t>
  </si>
  <si>
    <t>b'G\x93&amp;\xaaF\xc0&lt;0\x82Z\xcb9\xdd\x12i\xab\xff\x03s\x91\x19&lt;\xf5\x8b+\x13\xb6\xf7\xd5y\xc8\xd8'</t>
  </si>
  <si>
    <t>b' \xa0\x17\x83[\x03\xc2\xeb\x0f\x89Y?|f\xf8\xfci\xcci\x01\x82\xedU\xaa\xa1\xb3\xd9\xe0a\x8erH'</t>
  </si>
  <si>
    <t>b'0M\xfd\xc0|\xa3e\xdd\xe0\xbdQj\xef\t{\xbb\xd4J\x8b\xee\x8a\x04\xd9\x84c\x98E\x0b\x9e\xa0l+'</t>
  </si>
  <si>
    <t>b'\xc45f#\xdf\x89\x93A\xe6\xe8\xf5\x01\xfc\xfe.z\x93\x11\x00\xbaK\nm\x06\xd3z5\xf1\xfd\xcb\x96\xf9'</t>
  </si>
  <si>
    <t>b'^\xcd\xc7\xa0\x96\xff"Jx\x12\x84\xf3\xec\x06^X\x1e~\xda\x1b\x91\xe6w\x92UE\x1d-\'\xd3;R'</t>
  </si>
  <si>
    <t>b'\xf41\x1bw\x872\xf6o\x98\x9e|\x0f\x80\xb8s\x16\xdf\x9d\x86&amp;L\xdd\xc6\xd0e\x84\x01\xfb\x93\x0c\x00N'</t>
  </si>
  <si>
    <t>b'\xbec&lt;\x9a\xa1\xae\x98N\xf6p\x83K8n0\x11\x12}\xba1\xd6\x11?\x84\xcf_{\xd8\xa7\xc5\x0c\x9d'</t>
  </si>
  <si>
    <t>b"pZ\x03Z\xb9\x10\x89=b\xa2\xd5z\xc5T%'\x02`U\xc0\xe1\xc6t\xa5Q\xa7[6\x96\xde\x9aS"</t>
  </si>
  <si>
    <t>b'R.k\xf8"\xbc;u\xec\xa0\xc2\x00\xc7\xed\xef\x9a\x1a\xf8\xe7\x9e\xfbak=\x1e.\xc3A:z\xaf`'</t>
  </si>
  <si>
    <t>b'\xaf3}pFFK\x80N\xa4\x0e\x98\xafR6\x92\xe8C\x9e\xc7\x0f\xc6\x85eT\xbd\xb7\xdf\xe0\x1d\xe8\xd5'</t>
  </si>
  <si>
    <t>b'\xf9j9\xca)(\xff\xaa}\x13\xde\xd2\xe1j#\xea\x17g\xde\xad\x9c\x12\x08\x9a7\xde\x00\x0e\xa0{\xc4\x0c'</t>
  </si>
  <si>
    <t>Loan for Business Opening VERY SOON</t>
  </si>
  <si>
    <t>b"\x01\xb3\x8c\xe5$'\x89\xe3\x885\x0b+&gt;M\xfb\xf5\xac\xe3\xd5\xb4\xd9\x8d\xd5C8c\xd92\xd3b\xf7\xec"</t>
  </si>
  <si>
    <t>b'\xec\xd1\xd5%\x1b~HI4\x90\xde\xc2\xe3\xad_\xed#.\x00y\x1a\x8f\x0fENJ\xf8\x85\x85\xad\x1d\x9e'</t>
  </si>
  <si>
    <t>b'{\xe2`.3\n\xaf8S|\xfd\xe7_*BAE\x95Z\xf0\x96X\xe7)\x99\xb6\xb5p\x94N\xdc\xf6'</t>
  </si>
  <si>
    <t>b'B\xfeY\xcd\xf2&gt;c\xf6p\x16\x02:\x0c\x92&amp;\xe0\x11\xab\x93\xa6\x1eN\xcb\x0c9\x87Cu(\x9e\x9f0'</t>
  </si>
  <si>
    <t>b'R\x86\x87\xea\xc31+\x9aR,\x99\xebQ\x04_U\xc5\xfa\\\x0eg\x82P\x00\xdd\xe4\xa25\x1a\xf8\x0e\xa8'</t>
  </si>
  <si>
    <t>b'\xe9\xc6\xf9\x0c\x97\xcf\xdd.D\x95Y\xe1\xcd$ZM@r\xcei1\xc6\xb2\x9a\xb5\x8e7\x8e\xa2\x0c\xaa\xb3'</t>
  </si>
  <si>
    <t>b"$\xdf&amp;\xb6\x00\xe44B\x98\x9e8|P\xb1\xb9i\x8c\xe2r:\x05\xea\xcaf\xa1\x9a'/T\x1c\xfd\xc4"</t>
  </si>
  <si>
    <t>b'g\x8c\xc9g\x92&gt;\x7f\xc8#9B\xdbr\t8\xb7\xf8\xb1\x85\x81\xdc\xaa\x9f\x05\x10]\xb2\xbc\xcb\x99\xfe\xdd'</t>
  </si>
  <si>
    <t>b'\xd96\xf5\xcb\xf6&gt;\x8b\xf4\x98\x0f\x80\xfdm\xae\xc5\xbe\xb2\x96~\x96\xbe\x04\xcd\xbf\xa4\x95\x83\xd5\xc5\xdf\x14\x07'</t>
  </si>
  <si>
    <t>b'\xb8\xb7\x87p\x1d&amp; \x96\x0e\xed\xdb\xa8\xc03\x8f\xc8&amp;\x81\xba\x7f;\xfdd\x9b\xd8\xe7Qr\xeeQ\xa2\x1e'</t>
  </si>
  <si>
    <t>b'\x13\xe0#f~~\x0b\xb6\x8dL5\x8c\xb0\xdf\xb9\xac;\xcc\xb5\xe7\x85-\xe72Tc\xb90\x1e\x83\x18\x93'</t>
  </si>
  <si>
    <t>b'\x7fl\x8e\xc0\xe2$\x9a!K\x94\xaf\xfbB])6X\xdaz\x14\x84\xad\xe3jx\xd9Q\xcb\x80J\x03\xcb'</t>
  </si>
  <si>
    <t>b'\xf0\xa6\x9c\x93\xfd\x82\xa7-\xfe\x00\xc9|\xd5\x86\xb8\x00\xbb5CvS@\xf5)\x9f\xdd\x82\xf0\xbahh7'</t>
  </si>
  <si>
    <t>b"#x^\xe6\x8e{\xcb\x7f\xef&amp;)G'(\xe6Z\x86\xc2!\x86\x05\xeacbE\x95r\n\x02\x83\x1d\xb2"</t>
  </si>
  <si>
    <t>b"T\xd1*p\xff\xdb\xdb\xf5I\x98\x80\x89v\x08;6G\x9e'\x17sm\xad\xc5\xda\xc8?\x03R,Pd"</t>
  </si>
  <si>
    <t>b'\x9ec\x1a\x06f\xbe b@\xe6\x08\xab\xf2\xcfU\x8c\x8dN(Ll0T\xf3\xe8f\xd2\x876A]N'</t>
  </si>
  <si>
    <t>b'\x12B8\xdd\xbbx\xa1\xb8\xb5XU\xdcqwQ\xae\x9f6\x9a\x91\n\xd8\x97\x11\x9c$\x9c\x07j2\xd6J'</t>
  </si>
  <si>
    <t>b'\x07\xa3\x96D\x156\xdbzQ\xce\x03\x86\xbb\x12d;3\xb0\x8e\xc4\xdb\x8cr\x8f6\xb9;"\xdb\x84\x87\x0f'</t>
  </si>
  <si>
    <t>b"[\x83'\x95\x04\xa4\xfe\x1c`\xc0\x03\xf7\xf9\x96J\x01O\x8a\xa2u\xc0\xaf\x1c\x9a\x07I,\x9b\xe3-\x8f{"</t>
  </si>
  <si>
    <t>b'o\xd3[\x00d\xd2\xa8v\x11d\xb4Dh\x93\xa1\x89M\x99\x14\xb2Q\x02l\xc3\x1fd\xac!\xd5\x10\xf5\x1a'</t>
  </si>
  <si>
    <t>b"zXb\xb9\xdc-9N\x1c\xda\xf2x\xab\xb5\xf3\x15\xea\x80\xdc'\xcb[\xd1*\xfd\xb4i_Q\xe9O\xcb"</t>
  </si>
  <si>
    <t>b'\xb4#\r\x86hk\x9a\x1c\xfc\xe6\xc1Up:\xab.\xb6=\x9c,=~G\x98\x08\x117\xa3r\xd4JT'</t>
  </si>
  <si>
    <t>b'#\xdd+\x97\xa2v\x16#\xb4\xa8=I\xf4p\x0e\x83\xcd\x97\xa1[\x8b\xa0\xc2\xd1-^\x10\xd5(\xe2\x1ax'</t>
  </si>
  <si>
    <t>b'\x89\x81\x91\xb9-Ri\x012"`\x84\xf0d\xcb\xe3)r \xb8\'\xbd\x08\x1a\x8a\x17\x03d\xa0\x02&lt;\x17'</t>
  </si>
  <si>
    <t>b'S7\xc49He:k5\x8e\re\xdb\x93\xe4\x18\x9e\x9b\xed\xfc\xdc\xefU\xc2\xb3\xb2\x86\xfd\xe5\xa6\xee\xb8'</t>
  </si>
  <si>
    <t>b'\x04A\x0e\xd2\x8e\xb7\x81-?z\xeam\x89\xb3\xcd\xff=\xb1\x97\xef{O\x95R`{\x03\x9e\x15\xa5X_'</t>
  </si>
  <si>
    <t>b'O}\xf1\rb]\x0c\xa5\xde9|cZ\x8f\x99~\x8e\x1a\x8e\xd7\x81\x85\xf3\xb0\x9c\x84\xf4\x17\x854^`'</t>
  </si>
  <si>
    <t>b'\xfa\xa0\x8d\xb1x*\xb8\x07\xc5\xc6x\xb9F\x8fyS\xa5\n\x08\xc5\x00x\x94"d\x88,\xa8\xb9\x01\x0e\xdd'</t>
  </si>
  <si>
    <t>b"H\x08,\x8b\x83x\xc5E:\xa9t\x16\xfd\x99@\xf4\x10\x90\xf2\xfc\x83\xcc\x14\xf2\xb8\x14'UU[\x8c\x0f"</t>
  </si>
  <si>
    <t>b'H\xf7\xa7\xc6\x88\x95\x14\x1c\x89\xe44D\xb0Fb-\x82r\x1aB\x80\xabKa\x90\xb6P\xe1\x82_\x98\x88'</t>
  </si>
  <si>
    <t>b'\x9f S\x9f{\x14\xb3\x97\x0f\xbb1\x8e\xc6yHL\x98\x0cYE\xa0\xea\x15_\x10\x12\x0e^\x87eN\xa1'</t>
  </si>
  <si>
    <t>b'\x8a4V&gt;\xb5\x9a\xb3\xac\xd0M\xa4\xa4\xbehm\xa5\x17\x88`\xd3n\xefMu\xd8\xff\x1f\xb5P\x8ek\xbc'</t>
  </si>
  <si>
    <t>b'\x00\xf7\xbb\x83\xa8$i\xcfO6O[\x95\xe6G\xff\xa9\x123\x1a\xc2\xb4\xe3\xe7\xfb$\x03\x1d\xbe\xd2\xf5\xc9'</t>
  </si>
  <si>
    <t>b'\xce\xb2\x16\x07*\xda\x9ay\x11U\xc7l\x8cB\xd3\x05\x1c6D\x19\xa2\x15\xaa\xa5L\xe6\xe5\xa9\xe47!\x02'</t>
  </si>
  <si>
    <t>b'\x12t\xc6d\xd1_t\x08I\x8f\x83\xf6\xfd\xb6i\xed\xdf^=\x1bJ_9\x03&gt;\x83\xc0\x06L\x8a\xa0`'</t>
  </si>
  <si>
    <t>b'\x11\xa5\x92\xe3\x1dQ\x8b\xdf\x85\x89\xc4\xfe^\xdc?G-\xab\xfd\xe2\xda\x88\xdfy\x80\xdbw\x00q\x07@\xda'</t>
  </si>
  <si>
    <t>b'O\x94\xa8\x9c{\xf2\xfc\xa6\xb0\xe5I,l\xc9T,\x8b\xcb.Vy\xfb\xbaK\x89%\xf3L?\x00\xd0\xbe'</t>
  </si>
  <si>
    <t>b'bwz\x0c$\x011\xc1\xf844\xec\xc4\x02\xa0y\xec^\xe1\xa3\x1a\x0e\t\xfaY\x01a\xc4\x95\x8a\xcfs'</t>
  </si>
  <si>
    <t>b"\xe9I\xc3e^_\xfd\xce\xb3\xab\x95\x02\x98'\x85\x80S\x9c\x15\xff&amp;-\x86\xff\xfb2g&gt;Wl\xcc\xc5"</t>
  </si>
  <si>
    <t>b'\xf7Z9\x08\xf0n0\xf1\x88\x19*\x19\x7f\x7f\x94f\xfd\x85(/\xb6\xbc\x9bl\x9a\xa9\x01t\xce\xa6\r\x1d'</t>
  </si>
  <si>
    <t>b'\x98\xe5\x1d\x9ae\x9er\x8b\xecjo\x0e\xa5\xa4\xd6jS\x1d.yg\x03\x83\xaa=\xb9i\xf35\xb8\x11F'</t>
  </si>
  <si>
    <t>b'\xb3\xd2R\xa9\\_@\xbf\x19\xec\xfd\xaf\xe18\xcb\x1b\x81&lt;\x16\xc8\xd44\xa7\x03\xabI\x14\xc6\x1e\xf9W&amp;'</t>
  </si>
  <si>
    <t>b'\x8e4\xa9`\x12`N\xdd\xee~\xc7A\xd0\t\xfb\x9c=\xaa\x10\x84\xce\x11(L\xe8\xd4\x93#\n\x83}t'</t>
  </si>
  <si>
    <t>b'\x96\x8b9\xad\x0b\xc4\xe6\x84O\xc2F\x8aD\xf6\x81\x19\xc8\x07#%\xe5\x89\xf7\x95\x00i\xa6:z%Cy'</t>
  </si>
  <si>
    <t>b'1\xb0:m\xa3\x81\xdbf\x0eGysQ\x96&lt;\xf5\xb1\xa6\xa6\x18\x8b/\xf1n\x8d;\x02\xe2\xa6\xbd1\xef'</t>
  </si>
  <si>
    <t>b'\xe2\x91\xe2\x99Xq\x81s\xb5\xc4\xbc6\x1b\xbe\x85\xed{B\x1a\xd1\xe9\xb0\x17\x98t\x96\x91\\\xdb\xc2\xa4\xa3'</t>
  </si>
  <si>
    <t>b'\xe2w\tO\xf2[\x83jl\xdf\xe4l0\xe9~\x19\xd9\xf3(\xfcN?\xaa\x1f\x0f%UA\x04\xee\x13\x0c'</t>
  </si>
  <si>
    <t>b'6\xcb\xc8\x16\x14\xd2\xa9\xa3\xf7\xe6\xb0:$F\xae\x1d\xa6~\xce\x93\xc9\xc2\xc8\xcf\xbb\x03\xef\xb7ztn\x1f'</t>
  </si>
  <si>
    <t>b'V\xfd\x97\x9c{\x812) %\xeb\x15\xda\xb3`\xef\xf7)\\\xb2C@!\xe5\x8aO_\x0b\xc5\xbd\xe3\xf8'</t>
  </si>
  <si>
    <t>b'~t\x1e\xdej\xe7\xa6?S\x97\x9dw\xfaVH\xad\xee\xe9\xab\xdf\xee$r\\\xa4\xbd\xddj\xc8Z\x19\xd9'</t>
  </si>
  <si>
    <t>b'\x9d\xba`QEM\x19\x02\xc6gkr\xff\x8aO\x15\x11\xc1y\xb2F_\xfa\xcfzYb\x02\xd00H`'</t>
  </si>
  <si>
    <t>b';\xb25\x02\xed\xcf\xce\xb7\xd0\x8a\x8d5\xf3\xdc\xb8\xf8\xfa\x9c\xad)87\x7f\xedW\xf3\xbd\xff\x14\xab\xf8\xab'</t>
  </si>
  <si>
    <t>b'i\\\x9b\xa4?\x19Ax\x1b\xb4\x98\xb1\x12t\xd6\xa2\xba\x984\x08\xcd\xf6&lt;\x16\xe7\xf4[\xeb\x8a.\xc5\xdf'</t>
  </si>
  <si>
    <t>b'+\x82qq\xbcR\xcf\xd1\xd7\x97\x1e\x9by\xf61\xdd\x9f\xab\xa5\x94\x9b\x0e6\xc6X\x8f\x0f\xb0}\xed&lt;\xbb'</t>
  </si>
  <si>
    <t>b'\xad\x167\xees\xc2\x03\xaa\x8dG\xfa42D\xaeD\x0ckAT\x88\xb5\x84\r\xea\x9f&amp;B\x07\x11\x06\x9b'</t>
  </si>
  <si>
    <t>b'\xbf\xcfv\xa7\xef\xdd\xfa9qqp]^\x82\xe1\x9c;\xd7\x17K\xbc|N\xd0i\xf4/\x04v\xb2"\xd4'</t>
  </si>
  <si>
    <t>b'\x0c9\x17\xe9\xfe\xb0\x9d\x18\xfdl\xb0\xa4\xe5G=\xb6\x9f\xda\xdb|dF\xe8\xa9\xec&gt;\x9e\xe8\xdbM\xde\xec'</t>
  </si>
  <si>
    <t>b'\xa9A&amp;\xe5\x9d\x0fh\x99\x05\xb1\x98[\xae\x95\x87\x17\xc4,\x10\xf65\xb3qN\xf8\xc1\xa9\x9a/Z\x9b\x0b'</t>
  </si>
  <si>
    <t>b'\xb9\x93\xb7M[5\xae\x17\xc9\x87\xe3lv\x0eR\xf6\xb2\xc97I\xf5\xfd\x96\x0f\xc6\xdfb?\xb3\xac\x96\x1e'</t>
  </si>
  <si>
    <t>b'\xfaQ\xd3\xb1)8lb~\xa8\x9c\x90\x07\x07\xc5v6N\xc3\xae\x18\xf0\xc2\x13\xde\xa3\xd4\xa0C\xabm('</t>
  </si>
  <si>
    <t>b'V\x13\xb2\x01\xbd\xc94\xd0\xf0\xdanQ\xf9Rr\x9fg\xdc\xd4 \x8e\x97\x8d,\x08\xf6\x94\x96U9\xa1\x07'</t>
  </si>
  <si>
    <t>b'\xb2\x95\xb2\x97\x0cp\xa2\x14F\x9emkgQ\x9d\xbb)\xe2s\x1f\xd3\xd3\xfcy\x17??A \x14\xb7`'</t>
  </si>
  <si>
    <t>b"\xae\xbdK)x\xb1\x04\x86F$3K\xdc(\x80~{p\xf2\x13\x15&lt;\x1b\xde'\xa0\xe3\xbc\xbb4\x8a\x8e"</t>
  </si>
  <si>
    <t>b'\xf0\xbe\xb7\x9a\xbc\xf3\xcd\x96n\xb6\xef\xbcI\x03},\x0e\xac\x9c\x0e&gt;\xccP\xcb\x11\xd2R\xeaSC\xb3\x8c'</t>
  </si>
  <si>
    <t>b'^\xd1\xe2bI\xb6\xeb\xabqEV\x03;H\xc0\x89D\x01\n\xab*9\x16\xae\x01\xf7P\xe1(\x9dO\xf1'</t>
  </si>
  <si>
    <t>b'A\x0by\xe4\x9b\xcdj\xac\xf9\x05l\xad|\x92\x85c\xddN^\xae\x11A\xc1% }o\x95\xad\xdb\x1a\xd5'</t>
  </si>
  <si>
    <t>b'Q\xd9\x84eC$c+\x89xj\x96^\xdb\xffD&lt;@)o\xd6\xc9+\x97\xb3\x05\xb8\x0e\xc9\x97\xf4@'</t>
  </si>
  <si>
    <t>b'\xf7{\xb5\xf4/\x19\xde?\x0e\x83+\xf3Lb\x1e\xe0\xc2\x7f\xf8\x1f\x928\x0f8o$\x02\xc2F_\xf5\xb9'</t>
  </si>
  <si>
    <t>b'#K\xddr\x11\xd7\xa7\x8e\xa4\xa4\x91\xf4\xa5n\x89\x84m\t\xb67\xbd\x9a7\x93\xeei\xce+i\x85\xc93'</t>
  </si>
  <si>
    <t>b'Wj\x9d\x17\x92\x07({~y\xaa\xc8\x8a\xff\xb8\xfbp\xdfB\xe8&lt;\x90\x15\x19\x8dB\xf5\xacB#A\x1d'</t>
  </si>
  <si>
    <t>b'\xf7\xad\xf7\x14\xc1\xadR\xe8{\x1f\x999\xcc\xbc\xa51\xb4M\xd6T\x7f,\x91\xe4\xae\xccg\xe3]\xe0\x9e\x95'</t>
  </si>
  <si>
    <t>b'\x15\xe5]kc\xce\xaaE\x153\x82L\x11u\xa3$\xe3cw\xf4\xacB\xa7\x13\x93\x02\x083\xd0P\xb0R'</t>
  </si>
  <si>
    <t>b'g\xb9`\xc7\x17\xa2\x86\x05:0\xd7\x95?\xac\xa3\x85\x10e7A\xeb\xfe\x05\xea\x9c\x8d\xa21{7\x15\x9e'</t>
  </si>
  <si>
    <t>b'!\xd2y\xbb&amp;\xceoy\x8c\xd0\x19\x04KJ\xc8\xc67\xe0L\x9f//J\xca\x84ku\xe3\xef\x99\x06g'</t>
  </si>
  <si>
    <t>b'F\x85\xe4\xf3\x17s7\xc7\x888\xbb\xf1\x0b~*\x95\x95=\x95\\\xc6X\x99\xcb\x19\x9e\xf7\xe3\xd4\xdb\x9e8'</t>
  </si>
  <si>
    <t>b'Y7\xe7\xcc\xe4(\x0c\xa3\x13\xb7a\xeb\xf6%J?\xc7A\xf5E\xeb_\xc2\x8aA\x14\xb5\x87i\xb5\xd8J'</t>
  </si>
  <si>
    <t>b'\xf4\xa4a\xb7C\xf8\x92\x9a&lt;C\x88$vK\x80X\xd4\xe6\xa4\xeb\xd3\x98\xa9&amp;\xf7\xaa\xb1N{\xe6\xece'</t>
  </si>
  <si>
    <t>b'NNky\xfd\x08\xf6\x199E\xcf6\x9d\xb8\xc3z\xc8\xf9 \x86\xeb\x1a\x8d\x8dop\x81\xc9\xc6\x1b#\xc1'</t>
  </si>
  <si>
    <t>b'VC\xcd%\xb0\x108\x02bQ\x8e\x85\xbe\xb0K\xf1\xd7l|\xdb\xc2&lt;\r\xb0-F\x16.\xee\xe3\xb0\\'</t>
  </si>
  <si>
    <t>b'\x1eY\xec\xe0\xfe\xee@\xcd\xdc/U\xba\x0b\x90G\x03\x91o4\xdb\xcbC\xa6\t.h\xc7F\xb8P&amp;\xe3'</t>
  </si>
  <si>
    <t>b'P\xf5\xc6%\xae\xf1\x8b2C\x01@\xc3\x05\x14\xb0T\x81\xa8\xcbM\xf3\xa2dvY\x83\x07\x89\xb22\x9e:'</t>
  </si>
  <si>
    <t>b'\xcfT0Y\x8e\xf5\xab\xd1\x06\xe7\xf2jE\xf1\xd3\x9bC\xcbE\xf0u5N1\x9bn|E&lt;&lt;pL'</t>
  </si>
  <si>
    <t>b"F\x02~n\xb8\xd3'\xcf\x9f.\x83\xf7f\xbcP!8g\xa1\x15\x91\xfe\xb8,\xe4H\xa1!\xa3^V\xe5"</t>
  </si>
  <si>
    <t>b"\x86k;\x86w\xb1\xbe'G6n\x94Ik~\xf7\x11c\xbd#6W\xda'.|\x0e\n\x01\x90\xec\xbe"</t>
  </si>
  <si>
    <t>b'/!\xd7t\xadh\xa2\xce\x81\x99\x1eR&gt;e\xb7\x94\xa63\xa3L\r\x07\xd4Q\x17\xc8\xef\x9d\xf3\x1e$\xb4'</t>
  </si>
  <si>
    <t>b'\xad_rS\x98\xd8t\x19\x0b\xd5\x979:?\x0b\xa8j\r\xa2I\x82\x14\xa1\x1e\xe5\x908DW@{\x98'</t>
  </si>
  <si>
    <t>b'\xaaN7\xc6\x17\x17\x9b\xe9\xde\x03\x92\xe0\\\xcf\xaf\xc7\xdf\xa0j\xf0E)\xa9\x83\xea\xb0\x15o`\x0c\x18\xcd'</t>
  </si>
  <si>
    <t>b'\x1d\xc0\xf2\x07\xbb\xd9\xeeP\x03z\xa7\xfeqH\xed\x96\x8d\xa7\xd2K#\xae\x10\x8b\xa8X\x1b\xc7\x18\xbd\xe3\x89'</t>
  </si>
  <si>
    <t>b"\xee'&gt;5\x8d\xbcE\x02\xe2\x8c\x04f\xd2\x83\x16\x0e}\x01.\x1f$\x85\x0e^\x9f\x81\x93]\xc0y\x0e-"</t>
  </si>
  <si>
    <t>b'\x18\xfb\xe2\xb7\xd7\xce\xa5\xb1\x8d\xfcV\xbe\xb3G\x14\x9a\xf4\xc9\xf8\xe2r~\xbbDe\xf0\x00\x1f\xdf\x04\x99\xfc'</t>
  </si>
  <si>
    <t>b'\x856x&amp;\x19X\xfaXztW\x81\x9c\x84\xdc\xbc\xf5c\n\x82\xa8Y\x85\xccX\xd4q\xd0g\xeb\xa6\xeb'</t>
  </si>
  <si>
    <t>b'I\xfb\xc5\x7f|\xd4\x8c\xfa\xea \x14\xfa\x83\xb4Gg\xc6\x9fr\xfd\xa3v?\xec8\x94\t\xfe\x0f\xa1\x07\x98'</t>
  </si>
  <si>
    <t>b'\x10\x86\xe5\x19\xfc*\xa4K\xa7\x02d]]v7d?\x01\xba~|f\x97\x17\x9d\xbeC\xc9\xf2GWa'</t>
  </si>
  <si>
    <t>b'\x9a\xd9\x14\x91Z\xd65\x02\x15\xc3\xe9yZ\x96\xc0\xb6\x99\xce\x9f\xc1&amp;\xb5o\xd93\x7f\xab&lt;\x81\x9e\xab}'</t>
  </si>
  <si>
    <t>b'\x1f\x08\x99\x03fk\xb8+\xde\xe5d\xaf\x1a\xf8*\x1a(#[\x16\x93\xfaW2wu\xf2\xc1\xfaD#\xc1'</t>
  </si>
  <si>
    <t>b't\x98\xcb~\x96\xa9\xe4\xd5\\OyVY*\xb5\xe2\xfe\x8e\xbb~\x1a\x1c0\xa86!E\x10\xd2\x99\xec\xba'</t>
  </si>
  <si>
    <t>b'5\x8e\x8b\xb1\x17\xfd\xa90\xbd\xb0\xb0\x15\x93!\xe2\x0fpks\x14]\xe4\xed^\xab.:\\\x03\xe5\x02\xa0'</t>
  </si>
  <si>
    <t>b'[\r|\xda\x1d\x96{xF\xe3\xde\x1b*s\xb2\xdc\x82j~\xebm\x15\xbb\xf9w\xc6\xbc\xb7O\x8c_\xae'</t>
  </si>
  <si>
    <t>b'B~\xf44",\x0c\xc5Aq\x9f\xaaX\xd5\xd0\xc1M\xcb;\x93\xa4\xb1*\xcf\xeaH*\xbbM\x88q\xa2'</t>
  </si>
  <si>
    <t>b',\xb6"nE\xf8m\xf3L\xa1:\xe4\x1c\x93\xd1j\x85_|\xfe\xdc\xd7\xaa\xda0\xa6b\x86\x1c\xf2\xcei'</t>
  </si>
  <si>
    <t>b'R\x96;\x10B+\x7f\xb0\xb3\n~q\xfc\xf9d:M\x1b\xdbj\tG\x9d \x91\xaa&amp;\x0cM\xb6:\xe8'</t>
  </si>
  <si>
    <t>b'z\xca\xbcB\xa7\xb7\x05:\xb0\\\x02\xe8\'\x02~\xaa\xc4\x03\xd1\x9f\x16\x8e\x87\xd5;\xf9\x8c"\xc1\x01G\xdd'</t>
  </si>
  <si>
    <t>b'\x1b\xa6\xdd"\x06\xa9+\xad\xcb&gt;5fd\xd1H{-\x93\xe0\x8a\x00\xf0\x872\x1b\x05"X\xa6\xdcu!'</t>
  </si>
  <si>
    <t>b'J\t\x15\x03\xd4}u\x1b\x8bTi\x11!r\x8e)\xc1\x94\xc1V \xa0\xbb\xc6\xa4h\xc1\xce}\xb0"j'</t>
  </si>
  <si>
    <t>b'%BgR\x19Vq\x96W\x00YI\xec%\xc2\x0c\x03g\xd3z&amp;\xac\x877?\xb9\xa3X\x1fY\xf0\xe7'</t>
  </si>
  <si>
    <t>b'Z\x01\\\xc8\xb70\xba\xb5u\xb0\xb6D\x8a\xf1cJ\x1cu\x19|8\x95K%Q\x15A\x9a\t\xc6r\x04'</t>
  </si>
  <si>
    <t>b'\xee\x00\xacFh\xa8\xc8\xd9w\xad/\xf1\x07\xf8\xd3\x03x\xf8\x92|)\x1e\x15N\x0c\xa1\xb2\x83\x0b\xc4\xd0G'</t>
  </si>
  <si>
    <t>b'\xf8\x82\xe9b\xc4\xe0_\xdbW\xfc\xd6qv\x06p\xe2\xd3\xa8\xfft\x0b\xe2\xd6\x8d\xe9\xa5\xb8\xc4+q\x198'</t>
  </si>
  <si>
    <t>b'\xed\xce\\=\r~6\x8c\xf1\xa0G\x7ft\x92\xd1\x93\x02\xb9\xffgx\x8d@\x04\n\xf0@\xf67\x9e\x13J'</t>
  </si>
  <si>
    <t>b'"\xf0\xd1\xb1\'\x1a\x89\xbd\x87\xf1\xbc\x08\x14\x17\x83\xe6Ig\x87zPgnC\xf5\xf1\x99\xf4E\xda[U'</t>
  </si>
  <si>
    <t>b'\xff\xbe\xa8r%\xc3\xd1+\tdS\xc7\x16\x0c\xf1\xfa&amp;\xa1\xe2\x0fn\xf4!FK\x16X\x17\xa3\x0etf'</t>
  </si>
  <si>
    <t>b'%\xdf\x10\x1cR1\xe3ivl\x95JKB\xd0\n\xaa\x1c\x04\xbf\xb24\xa9&amp;&gt;\xbd\x9de\xdd\x89;H'</t>
  </si>
  <si>
    <t>b'\xf9\xf8I\xc1_j\xf0\xf8\x8b\x9d#\xd6\xa4\x96H\xbb\x8dS\x85\x82\xc3\xd9`Z\xd6$R\x0b\x9f\x7fj\xed'</t>
  </si>
  <si>
    <t>b'\x05#\x838\x86\xa5\xb8%!\xd2EZ\xd4\x96\xa7\xdf\xff\xfc\x1a\x85\x89Ec]\xe6\x06|\x04\xf6t\xbdh'</t>
  </si>
  <si>
    <t>b'\x9a\x9aW\xf5T\xdd\xc9Q.\xf6\xeaV\xc6]\x9c\x8e\x90z\xe9\x90\xcb\x9e\x0f\n\x08\x0b\x8f|5\xb4\x0c&gt;'</t>
  </si>
  <si>
    <t>b'\xc5`f2Nt6b\xc6\xaa4\xa64t\xd7\xe6\xdb\xe3\xfaN\xc7"\xd0\xb4I\x12\xf4\x14\x00;K\xcf'</t>
  </si>
  <si>
    <t>b'5\x06\xcd/UE\xc5\x18\xe0\xaeJb\x16\xa7\xedO\xe8\xe2\xddZn\x90;\xb4\tm\xaa~%\x81\x1b\x7f'</t>
  </si>
  <si>
    <t>b'\x80\xf5?v\xee\t\xb0k`t\x88?+\x13\x8a\x18@\xb0\ra\xebGl\xd4\xc7\xf4\x92N\xda\xe3[\xa3'</t>
  </si>
  <si>
    <t>b'\xf4e\x98\x1e\xfb\xf0\xa21\xc4\x81\xaf]\x9f\xb7)\xe6\xa5\xef-\xa3\xe6\xb6\xb1\xb2\xda\xd3S\x8e&gt;@\x06\xc6'</t>
  </si>
  <si>
    <t>b'$\xb5\xd4\xb5\xf0\xf2\xe7.\xc5V\x06(45y\xdfM\x1a\xf01\xb9\xcc\xef\x1e\x83\t\xbd6\xe5\xb8\xfb\x97'</t>
  </si>
  <si>
    <t>b'\x1a\x8d\x01\x05E\xc6\xffY\x9d\x964!\xb0\xfb\x9e\xe5b\xec\xf1\x8bJhg\x14A:s\xdf;\xb3\xb2\x81'</t>
  </si>
  <si>
    <t>b"5\x17\xb4\x15@\xd8\xd7d\xc1\x0b'\x97\x84oj\xdb\x08\x94\x82\t\xaf\x0c\x85\x1c\x90\xbd\x10+\x13%\xcb\xd9"</t>
  </si>
  <si>
    <t>b'N\xacpk\x7f/ \x87\xbc\x8aE\xa8jj\xf5\x93X)\xeb\x0cH\xe3\x96\xff\xe3\xf8\xd3h\x1b\x17W\xfd'</t>
  </si>
  <si>
    <t>b"\xff\x7f7\x1d\x14\xc5\x91p\x12\x96\x94\x95\xd0\x89\xc6\x80\xb5'(46C\x9f`\xa4N\xb7d\xc6F\t#"</t>
  </si>
  <si>
    <t>b'\x03\xf1iL\xb0hX6\xfaa\xd2S\xe2[|\x9f\x96K\x19\xdeUu[\x08@rL?\t+\xe6\xf7'</t>
  </si>
  <si>
    <t>b"\xf8\xeeM\xeb\xa7\xf8LL\x9f\x1f\x87\xec\x02\x1f\xeeH\x1b \xc1\x7f\x87g\xbemTz'2\xe9&lt;\x0c\xc0"</t>
  </si>
  <si>
    <t>b'\xd1\xfcu\xa8\x87\x194\x9c\x0bn\x15\xee\x7f\xe8y6\xf0\x1fH\xa8\xba\xd4OFF\xd9a#\xfbK\xef\x10'</t>
  </si>
  <si>
    <t>b'=\xd7 \xeb\xd6\xf3q:\xa5C\xc1\xb4\x08\x95\x9eN\x0c\x86\xc4\x87\xaf\n]\xa8\xb4\xfaJwi\x1f\x9e\xf2'</t>
  </si>
  <si>
    <t>b'$\x8b\xea3FH\xb2\xf4\xac\xa4\xcd=^\t&gt;9\xa7\xfe \xf6\xaeL\x08\x16ZmQ}\xfaC\x92\xa8'</t>
  </si>
  <si>
    <t>b'\xe3\xce\x1385\xe8\x1e\x81,z\xea\x95b1\x85tAVa\x17\xfc:\x0e\xb6\x8e\x01,\r\xb1(Qh'</t>
  </si>
  <si>
    <t>b'\xdd\xf6q\xe2w9\x86\x16K\x1cI&gt;\x94n\xd3\x8e\x128\x16A}VbL\xbe\x1a@x\xc9F\x07['</t>
  </si>
  <si>
    <t>b'&lt;\x04\xa5\x8b\x08\xd8-2\xd2Uz3\x83 \xe5m\x03\xbf\xbas\xc1\x9b\xd1\xf9\x7f\x91\x04\x0c\x04\x02\x13^'</t>
  </si>
  <si>
    <t>b'"\x98z\x1b\xeca\x80r\xf0\xc9\x0cjP\xcf\x14i\xcb\xd5\xaa\xbd@\x9bV\x98\x11\xec\x94\xfe\xadu\xa6B'</t>
  </si>
  <si>
    <t>b'\xcd\r\xec&gt;\xd3\xa76!\xf1\xba\x16:\xf1s,R\x12\xf0\x8b\xc6O\x9a\xe6F\x7ffs\xc7R`\xc9D'</t>
  </si>
  <si>
    <t>b'~\x8b3\xc8\x95{_\xb1t3\x1d\xc7\xb8\xd4\xd4RT6\x8e\xe3\xf6.\xeb\x10 \xdb\xc2\xdd\x0c\x80\xd1\x91'</t>
  </si>
  <si>
    <t>b'\x03\xf4gT$\xcd\x9b\xde\x0c\x9bP\xbd@\x1aT\x0e\x9e4\x100\xc0\xf4\x84\x02^\xea7\xec\xdb\x83\x8c\xea'</t>
  </si>
  <si>
    <t>b'\x1cRn\x8eT\x93*P\xe1\xa6\x0b\x9f\xe2\xecgV\xe60=\xc2(\xf5\xc1\xbb\xbaO\x82\x06]\x9d\x90\x9c'</t>
  </si>
  <si>
    <t>b'\xa5f\xf1J\xd0\x90\x00\xad\xb3\xa8\x03\xd7\x1aU\xaf\x12\xfa\x8c\xb9\xa5\x03\xa6\x8fA\x03\xff\t@=\xf4r\xee'</t>
  </si>
  <si>
    <t>b'\x8a\xc7b#\xf9^\x91\x11\xb9\xa7q\x9fR7\xb4\x90\x9c{mpRD\x8e;\xf9\xb4\xe3\x9b"\x0b\x08\xd8'</t>
  </si>
  <si>
    <t>b'\xac\x05\x9c\xf1\xec\x0fC\xb7\xe23\xd0\x00{\x03\xa6\xd5\xca3\x1bHid\xd4"u\xaa\x807\xe8\xce\xe8\x90'</t>
  </si>
  <si>
    <t>b'o\xc3\x98F\x86|\xec\xd5\x93h\xa1+=_\xa0\xcc\x94m\xf9\x17\x8e\x8f;=\x0e\x8b\x9b\xb6~\xf6\xd6P'</t>
  </si>
  <si>
    <t>b'\xe2\x15\xc1\xaeT\xb0X\xb7IdH8\xecF\x9c\x97\xb1z\xe2\x18?\x8c\xf1\x08\xe4\x18a\xb7\xd9\x12_\xb2'</t>
  </si>
  <si>
    <t>b'\x1d\xaaR\x8d\xea\x93$&amp;\xaf\x8c\xc3\xee\x1d"k\xc3U/C\x9b\xd7\x85G\x90\xdb\xd6\xc20\xe2\x1d\xe5\x11'</t>
  </si>
  <si>
    <t>b'\xd4#\x81\x979LE\\\xa7QK\x91\xd6\x1d%Dc\xdf\xd1\x13\x98Y\xb9w%\xdd\xef\x82\xb2Bz)'</t>
  </si>
  <si>
    <t>b"\xf0PA\x1d\x9b\xe8\xfc\x1d{\xa5\xe4m\xa5F\x10a-B\x81\xc7\xfd\xe6&gt;\xba'\xb0\x13\x92\xba|t\xaf"</t>
  </si>
  <si>
    <t>b'\xefl\xedm\x92\x94Q\xd3\xae\x7f\x90\x12\xf5\x9ay)T\xabm\xb3E\xfb\x9f_+\xc1|\xcd\xc8\xbd:\x05'</t>
  </si>
  <si>
    <t>b'\xddG\xd3W\xfe\xa7\x86\xa9\xb6\xac5P\x85t\xed\xf6))\xbaF9\xa4\xb1_@\xed7\xaf\xda\xbb\xc8S'</t>
  </si>
  <si>
    <t>b'4B\xbd\x12{A\xb8\x9f\x958\x8eF\x89\xde\xb3\x8f\xc6\x8b\xe8aq\x12\x17\x96X\r\x7f.\x98rN\x18'</t>
  </si>
  <si>
    <t>b'\xbc\xc2\xfbX\xdf\x93\x9c\xb8@\xc0\xa8\x0b\xf6\x96\xf1\x87\x9b\x13PN\xf97]\xb3D\x98\xa6{j\xd9`H'</t>
  </si>
  <si>
    <t>b'\xec\xa4\xea\x7f\xd0\r\xe1\xc4\xaa\x19\x0f\xa6ej\xbb\xa3\xdb\xcck/`\xed\x96k\x94\xf4B8rr\xcf\xa5'</t>
  </si>
  <si>
    <t>b'#\xef6LdN. \xc4\xf6\x1f\x83#[\x04\xfe{=$\x8c\x7f\xe0!\xaeS2/\xcf\x0fb\xd9%'</t>
  </si>
  <si>
    <t>b'\xe2~L\xde%\x01\xe13S\xe3e\xd1\x03\x07\x8f\tT\xa6n\x8e:\x97T%\xebRs\xd7\xb4\x95P\xce'</t>
  </si>
  <si>
    <t>b'\xf4\x1akNlz\x97\xf6\xc8d\r\xdc\xccW\xf6x&amp;\x83\x98\x0e-`\x89\xdb\xb7\xfa\xe2\xb6\x02`\x02\xb6'</t>
  </si>
  <si>
    <t>b's\xab\xec\xcd\xf4\xda\x0e\xc8w\xc7l\xea\x18\xfb\xfd\xc5&amp;=\x99\xe5\xc6\xfa\x0c\xa1H;t\x9dWq\xab\xe3'</t>
  </si>
  <si>
    <t>b'a\x92:g\xc8I\x9b\x9fx\xab|\xf0\x17\xf6\xc38\xd6\xb3\xff\xac\xab!U\x8e\x19\xecj\x9c@Z\xf8|'</t>
  </si>
  <si>
    <t>b'8&lt;\')|\x0f\xb2\xecZP\x8b\xf6\x92\xee\xea\xe6*\xfc?\xaav\x01\xfd&gt;z\xb2}\x11"\xe9\xc3n'</t>
  </si>
  <si>
    <t>b'bl\x0e\xd4\x03i\xa7\xf2\x19F\xb4\x99I\x83W\x8d1\xcdo\xf2R\xca\xc7\xb3P9\xa6\x82\x14\xeda$'</t>
  </si>
  <si>
    <t>b'\x93z\xc2\x1f4\x7f\x1dT\xa2ORj\x02\xa0Wo\xb9J\r\x90X\x03H\x96\xdas\xf6z\xec\x008\xd6'</t>
  </si>
  <si>
    <t>b'\x9a\xdfQE\xbf\xa9\xf3I\xf1(y\x82\x01#\x0e\xee\xb4\xcb*4H\xbe\x80\x8f\xf9\x7f\x84\xd7w\xd0\xe1\xc8'</t>
  </si>
  <si>
    <t>b'P\\\xf8\xb3\x18\xac\xb7\xa4\xf0\xd1\xe1\xcb\x9f\xd7\xc6M5J\xa1\r\x0fz\x94#\x8b\xe7\xf8\x00\x0e\xbf\xb2\xaa'</t>
  </si>
  <si>
    <t>b'S@\r+~\xcb\r+l\xdbH4\xd0\x8a%\xe5\tE\xaa\x90n\xfa}0o\xc2\xc3\xa9ziv '</t>
  </si>
  <si>
    <t>b'A.1\x8e\xeeSs\xbf\xdb\xf0\xdb\xfe\x85\xd9\x92\x13;\x01\xaaS\xf3"\x99\x94\xcehv8v\xea\xb7\x84'</t>
  </si>
  <si>
    <t>b'\x9a\xc9Cz\x14\xc9\xfd\xb7#g\x90\xfa\x1cE\xc5\xe1\x93\x95?\xcf\xf7\x82\x11v\\^:b`|m\x06'</t>
  </si>
  <si>
    <t>b'C\xf3A\xc3\xdb\xd9&gt;B\x18k\xa6\xae\x12\xdfu\x87F\xb6MUcL\xb8\x84\xa1\xd2\xd6\xf5f^#&gt;'</t>
  </si>
  <si>
    <t>b'3[\x03\xed\x03Q\xb3\x1a\x02\x17\x96[Q\x10\x86j\x8f\x9c,\x07/\xd4\x87\x80\xf3\x82!\xc9\xb1\xe7MD'</t>
  </si>
  <si>
    <t>b'*\x17\xcb\xb5\x8ezfw\xa8V?I\x9e\x9bt\xcf\x02a\xfd\x9d=^\x8e\xc4\xf8\x8b\xc91\xe9I\xee\x06'</t>
  </si>
  <si>
    <t>b'\x98\x1fT\xa2\xd0\x7f\x15\xe4\x9f*\xfe\xbe\xd4\xa3\x01j\x0b\xec\x8a[\rH\xdalk\xdahn\x131\xb1\x86'</t>
  </si>
  <si>
    <t>b"D\n\xa6\r\xcfSQ\xf8\xcam\xb5x z\xbc\xc7\x86\xcb/$O\xc1\xd9C\x8c\x8e\x11\xc0'\xeb\xb0\xac"</t>
  </si>
  <si>
    <t>b'\x0fL\xfb\xf9\xe5\xc2`\x1e,9\xcd\xe5\xd5\x9cS\xbe]a\x0b\x80\x12\x8ePe\x07\xf3\xe2g-&amp;\xe1\x17'</t>
  </si>
  <si>
    <t>b'\xde7\x15_tg\x05tId\xe8\xba\x7f\x0e\xcd\xc4\x02\xb2\xab\xac\x98\xfd\xca\x0c\x9b)M\xdd\xb1=tp'</t>
  </si>
  <si>
    <t>b'\xde\x86\x80M\x8f\xbd\xdd\xd3-\xc4K\xc2\xbf\xc8\xfd\xd9\xa6e\x10C\x14\xd3&amp;\xc0\x8e\xed\x9f\xe5\x87~\x17\x16'</t>
  </si>
  <si>
    <t>b'\xabw\xd8\xf2\xabu\xcb\xd4\xda\x89,\xb1\xc4\x01\xa7\x01\xc8\xdfT7\xc1pm\x07\x0b\xcfFt\xeb\xa1\xa3\x1e'</t>
  </si>
  <si>
    <t>b"\xc4\xa1!\xacW\x80\xd8'\x17hd\xc0\x89nM\x11\x85\xa0\xc2\xb0\xd2\xa4\x9a|\x8ezc\xdd\x0b\xb9\xc4\xb8"</t>
  </si>
  <si>
    <t>b'\xdd\x9e7$\xf7\xc1\xb5%P\x1aV\x85\xb6\xbd\xf2\xea\x8b[\xd0\xd3;\xfd%\x02\xde\xfd}\x11B\xe5\xbd\xfc'</t>
  </si>
  <si>
    <t>b'\x89\x8d\xf6\xed\x17\xd9\xd3y\x06f\xe6\xe7\xcaT)\x02\x8cV\x0fn\x07\x16\xd84}\xcf\x1a{KMy\xe4'</t>
  </si>
  <si>
    <t>b'\x12\xc6nX\xb3\xc8"F\xc0\x1b@c\xac\x9c\xf8\xed}\x89\x18\xa7\x93\xed0\x82\xf6W\x9d2M\x19c\x98'</t>
  </si>
  <si>
    <t>b'\xf6\xc9\xcdL\x00\x94!\x0c)\x18\xc1\xe8g\xe1\x92\x06;\x82\x88\x8c^\x18\xe7\x1c\xe3 G@G%\x1dt'</t>
  </si>
  <si>
    <t>b'$\x8aQ\xf3P\xb9\x1f\x87\x88*\x01\xc7\xb2\xa2\x87\xd8\x80&gt;!\x91\x8c0\xb7\x1f\xf6\xf3\xde!h\xd9\x81`'</t>
  </si>
  <si>
    <t>b'Y\xec\xb6\xa7\xb0\xf6\x93\xe4\x01\xf4\xf8\n1i/\xcf\xfbr\xf0\xa8\xea[\xed\x14[\xf2\x7f\xb8\x01.L\xef'</t>
  </si>
  <si>
    <t>b't\xa2\xeb\xf0p\xc8pEj\xa5\x1e\x1c&lt;\x9eF\xdd\x82\xe4,\xe1q![\xc3\x10Y\xc8tXN\xdb\xfd'</t>
  </si>
  <si>
    <t>b'\xc1\xbb~\xe7\xaf\xa1\x88\xf1h\xa1\x02\x8fs\xee]\xd7@\x92\xb1\xe2z\xbb\xc9J#M\xa7Q\xb5\x85\x08\xb7'</t>
  </si>
  <si>
    <t>b'\x0b\xd9\xa51\xab\xb9\x1b\x90A\x1etn\xe7)\x1f\x93|\xbf\xa4\xe5]\x1e\xb8X\xb7j\x11\x9a\x15N\xc5&amp;'</t>
  </si>
  <si>
    <t>b'K\xf2F\x0c_\x86{C\xea\x97\x16\xcf[rQ\xcc\xc7\x02\x00-\xdc2\x7f\xfc}\x97\xbe\xac\xee\xd2n\xf8'</t>
  </si>
  <si>
    <t>b'S\xb4o\xd6]\xf0\x07\x998t\xa3r\xcd%\xe3\xf0M@\x0b\xf3\xee\xe6\xba\xfa\n\xd0\xeeN\xd2iU?'</t>
  </si>
  <si>
    <t>b'\x8c\x9d\x11\xdfL\xe2\x0c\x08&gt;Q\xe6\xa9\xe2\x18.\xc8f;\\\x02\xc8E\xe8\xb1\t)\xd7\xe35\x83BB'</t>
  </si>
  <si>
    <t>b'\x9a\xdd\xb9uC\x93\x04\xcd\xe9-\x80\x92\xda6,.\xd1@U*/T\\H\xe9Ue\t\x10\x8e,3'</t>
  </si>
  <si>
    <t>b'\x87\x93uJ\x9e\x055v\x07\xc4\x01\xcd\xa2\x18\xc9\xa0l\xa8\xb5\xb6U\x8aB\xda\xd2\xcd\x17a:P\xe7G'</t>
  </si>
  <si>
    <t>b"\xd8\xae\x91\xc7\xd3&gt;Z\x8f\xec\x1e\x9a\xde\xe8&gt;\xbaD\xda\xed\xa3\xcb8\tW\x83\x8e\xcej\xcc'-\xc0@"</t>
  </si>
  <si>
    <t>b'\x00\xc8;\xdf\x12mg\x86o\xecj\xc9eD\xfe~1\xf30\x9cQ\xad\x80\xa3\xcf\xefs\xbd\x81w\xdf{'</t>
  </si>
  <si>
    <t>b'm\x98\x07d\xf2\xfeS9\x82\x95t\xbbV\x8e\x1eVh\x93\xc5=\xbf&amp;\xd7n\tt\xa2\x97\xe6\xe7\xda\t'</t>
  </si>
  <si>
    <t>b"C_v\x89f\xbb\x1a\xe5@\xfe\xddH\xd3\xfe\x17\xe0\xe3n\x00\xcb\nNw6ZA\xfd'\x98 \x87\x0f"</t>
  </si>
  <si>
    <t>b']a9Xq\xd8h\x8c\xcb\xa5\xe8\xbc\x06I\xd6\x8d\xbcy\xef\xa1\x07($t\xbe:W\xa26\x01\xfc\xf5'</t>
  </si>
  <si>
    <t>b'\xce\x9e\xe6\xdb!\xf5A\xcd\xc01$\x98\x08\x0c4\xa1*\x1d\xe6\xe3a\x03\xb0%\xe3\x01\xead8^\x95&amp;'</t>
  </si>
  <si>
    <t>b'&lt;\xc4[c\xbe\xcd~\xe5\x95\xf3\xf1?\xf0y\x04+\xa1\x80o2\xe8UW\x18u\xddH\xf6T\xdb*F'</t>
  </si>
  <si>
    <t>b'\x8b\xb5\xd6\x8cy\xb3\xe6\xcf\xfa:\xa2\xabA+2\x9fA\xe1F:V\xa96\xfb\xa5\xec\\,Q6\x8d\x85'</t>
  </si>
  <si>
    <t>b'\x06+\x81\x90\x9e\xd9.K\xea\x07"D\xd6T\xe1\xcf\xa4\t\xf3i\x88d\xc7jq\xea\x05a\xc1\xb0N\xbd'</t>
  </si>
  <si>
    <t>b'\xc7\xa0qg/\xc2\xdeh\xd5\x97\t\xb3;*\x9f\xbe\xcd|\xea\x0f\xd1\xb4\x11\xaa\xf4H\xc1\xb1\x16\x9fMh'</t>
  </si>
  <si>
    <t>b'\xecl\x13\xa6\xbf]\xa0\xb4.j\x06\x95d\xb5-\xd7\x9e*\xf3\x8a\x8a\xaee\x88[\xd3\xc3\x81\r\xc7N/'</t>
  </si>
  <si>
    <t>b'2Y]Y\xe3\x81\x83\x90f\\\nB\x95w\xf9\x1b\r}\xe4\xb2\xb2\x87\x08\xd0V\x1a+1\n\xfc#\x04'</t>
  </si>
  <si>
    <t>b'N`\x9f*\xd9\xf9\xa3\xff\xd8k\xa7 \xd82\xdc\x95\xaa\xcd\xf2m\xccX\x83\x16\xbf\xf6\xa5\xbd\x93\xc3|\xd6'</t>
  </si>
  <si>
    <t>b"\x16au\x1ca\x01\n\xb2c\xe2\xe8[\xd3\xf8}|\xca\x11\xa9U\x08'CF;\x1di\x03V\x07\xfd\xf0"</t>
  </si>
  <si>
    <t>b'O \x9c\xe8\xf8\xb5\xf8\x7fW\xf3}\xab\xe4\xd5\xef0\xa8O,D\x81F\xcd2\xb7\xe9r\x1b5\xe725'</t>
  </si>
  <si>
    <t>b'\xc7\x034\xcb\xf6\xe0OU66\x0ej\xc3\xb4\xdf\xd7\x00zX\x84*d\x8bJ\x98\x86^\x18%\xa7%\xb8'</t>
  </si>
  <si>
    <t>b'f\xcf\xa8TNl\xc5b\x81r\xf5\xd25N\t\xa2\x81]%,L\xaf\x07\x80\xbb~2\x91\x1f\r\x82\x91'</t>
  </si>
  <si>
    <t>b'!\xe6\x07,\xc2s\xac9\xab\xc1]\xe1\xca\xafvk7_\xd5\x84mS\x8d\x98 \xe7m\x89\x9a\xfd_\xdf'</t>
  </si>
  <si>
    <t>b'6\x93\x03\xc8\xd1\xde\xdaZ{\x86v\x11\xb6ne\xec\xa5\xbf\xc3\x82~6\x8a9\xb3\x8ag\xee\x1d*e\xb0'</t>
  </si>
  <si>
    <t>b'\x17\x91c\x81?y\x97Z)\xddW\x05\xe1\xc2\xd0~\x84\xec//\xb35\x98\x94\xe2k\x17z\x07\x8d\xaf\xe1'</t>
  </si>
  <si>
    <t>b"\xfcG\xbe\xccy\x03u\xda\xfd\xa7~\x9f#\x1d\xd73\xc3\x87#LO\x9c}jz'\xeb\x14\xd7\xa9\x89l"</t>
  </si>
  <si>
    <t>b"f5\x00b\x8b&amp;\xc4&gt;\xdfSBK \xd0\xb9\xe7 `!'\xf8\xd7\xfd\xbe\x96\xe8\x9a\x02\x98O\x8c\x05"</t>
  </si>
  <si>
    <t>b'=Zi\xdeM\xc9\x1c"\x9f:\x94\xe6\x9a\xcd\xb2\x87)L\xbf\xdf\x1e]\xdb\x0b\xebRr\xc1;,TG'</t>
  </si>
  <si>
    <t>b'\xa0\xe6\xc2$J\x10~\xceLx\xc48\x1f\x0c\xc0\x9di\xae\x12v\xb3\x1f\x90\x94\xfa\xe6\xab\xcf\xd2M:\xb5'</t>
  </si>
  <si>
    <t>b"\xd0:|\x17W\xf1,\xe0 |\xc8'&amp;\xb4o\xe1\x8dA\xd9\x13\x9d\xaf\x04\xf2\xde\xd4Z\x96/\xd1\xb0$"</t>
  </si>
  <si>
    <t>b'\xf1\'\xbfV\xb8\x07\xc4t3\xa2\x8e\xf8\xfc\xcc*\t,"\xd9#\xce\xb1|\xdd&amp;~\x83G\x18b\xe9\x07'</t>
  </si>
  <si>
    <t>b'\x95\xd9\x16\xdd\x83p\x01*`\x04`"\n\xa5\xe3Rs\xb0\xe9\xb1;\xaa\xb8.`\xa7\xe4-_\xdc\x1b\xba'</t>
  </si>
  <si>
    <t>b'\xacHd\xb5\x92\x15(\x01n\x91\x13\x91((\x11\xe5\xec\xeeg@\xeb?\x97j\xba\xb5\xb0\xfd\xeb\xd5c\xd6'</t>
  </si>
  <si>
    <t>b'\xa1\xdf/"\xf5\xdd\x17\xf6\xff\xadX\xb4\xe3[\xe4\x00@G\xa0Lp\xe4\xae&lt;\xdbZ\x9f\x85\xbf%\xe0\x89'</t>
  </si>
  <si>
    <t>b'j\x84\xb9\xd3\x15P\x0c9\xbej\xdd\xfb#\x06-?\\\xce\x15\x9d0]u\xe7\xbe\x87\x8c\xfd\x13\xf4A7'</t>
  </si>
  <si>
    <t>b'\x89\x97\xc8t\xaf\xfb4\xcba\x17\xca1\\\x94\xf1\xd0\x1d\x82:\x13Z\x05\xa7\x04T\xe7\x86\xd2\xbd\x13\xc7\xa1'</t>
  </si>
  <si>
    <t>b'\xc2\xce\xd4\xf2\xb4\xce-&lt;\xd5\xebw\xb9\xa7\x12v\xd5@&gt;\x0eb\xd2\xc3\xf2t\x9c\xd8,i\x92j\xa2\xb4'</t>
  </si>
  <si>
    <t>b'\x859\x89o5.Y\x9c\xaa^\xfai\x8aVw3\x03\xa9,\xa5\xea\xbc\x1au\xe1\xb9\x9d\xff\x99(\x0e\xd0'</t>
  </si>
  <si>
    <t>b'@X\xca\x8a\xe4\xd8\x175\x97\x12Z\x8dje/\x1d8\x82hp\xac\xc1\x81\xa1\xb0\xf2\x7f\xf7YP\xde\x11'</t>
  </si>
  <si>
    <t>b'\x9fF\x9c\xd5\x12\xb4.\xed\xa4q\x0bH\xc7?Z\xfdkC\xaa\x19\x89\xff\xb1\xac\x0e\nE\xa8\xaf\x91\x9e\n'</t>
  </si>
  <si>
    <t>b"\x8c\xf5\xdc&gt;&gt;\xa6;);`\xd6&gt;\xd5\x7f_&amp;\x85\xbe\x9d\xe0\xa7\xbc\xe4jBL\x01'\xb8\x1b\xb68"</t>
  </si>
  <si>
    <t>b'\xb7l\x19\x11\xd2+216\xc5\xc4~|0vV\xa32\xf7L\x0c&gt;3c\xf1F592\xa9\xcfY'</t>
  </si>
  <si>
    <t>b'\xdd7z~\x1c\x00\xd8\xbb\xdd\x98\x83\x02\xeaL\n\x88\xffSc\x9e\xa8\xf6\x18\x97Ow\xc0\xf5j\xc5\xcf\xe2'</t>
  </si>
  <si>
    <t>b'\xedh\xb0\x8f\n\xaec\x1d?\xf7\x7f\xe2\x9d%\x9e\x9d\xf7G(\xe2\x08\xf2u\xe5\xb0\x86\xd5\x07H.M\x01'</t>
  </si>
  <si>
    <t>b'\xb5\xf8&amp;\xcc\x95\xfe\xc7\xa2\x8d\x17\xa1v\x8b\x8fQ\x8b\xb20R\xb3\xa0\x98\xe5\x94O1\xd3v\xe1\xbd\x0c\x94'</t>
  </si>
  <si>
    <t>b'b\x05\x81 \x80\x94\xe0\xdf1\x9a\xa9\x17\xd5Y\xcb\xfe\xf4\x98\x86[\xee@p\x9c\xbe\xeb\xe9\x0bH\x95\xa9\x1e'</t>
  </si>
  <si>
    <t>b'8]\xad\x02-\xfa\x9e\x83\x80f\x83\xe3\x87\xaf\xda\xee`f\x84\x07M\x01\x91\xd9\xdbX(\xe7I\x14\x95\x8b'</t>
  </si>
  <si>
    <t>b'2\xc3\x92\xac;\x8bAZ&amp;XG\xd7S\r\xa6\x9c\\(P\x818\x8c\x0b\xcd\xd9\xe2\xe2\xf4\xe0\x87\x05\x80'</t>
  </si>
  <si>
    <t>b'\xd0\x9fG\x07\x87\xff#|%D\xf0Da\xca\xb7\xf7q\xec\xe1\xcc\x12\x9e\x9b\xaf5q\xe2\x89\x8c\x1b\x8e5'</t>
  </si>
  <si>
    <t>b'\x8c \x83\xc8O\x95\xf0\x99\xa9\xd9\x98K~\x01\x9f\xb5u\x91f\xcd\xb2\xbd@\xcb@!\xe6\xef5\xd1?\xeb'</t>
  </si>
  <si>
    <t>b'\x0f\x07\xc0\xaa\x89w*n\xad\x1e\xaa\xf6\xae\xc8\xe1\xbfG9~\xcc\xc5\xe2\xf7\x1d\x98r4.;]\xda\xa1'</t>
  </si>
  <si>
    <t>b'\xea\xf6\x026\x94R\x94\x1c\x7f\x94\x12D\xba\xa7\xb3\x80\x84e\xa3G\xbbW\xbd\\\x9f\xb0\xf0\xb8ulZ\xd0'</t>
  </si>
  <si>
    <t>b'\xda\xbd\x02\x0e\x87%w\xde/"\x860@\xdd\xd4\xbf\xc6\x0ff\xc0\xfe50\x8d\xb5x\x91pX\xca\x81\xe4'</t>
  </si>
  <si>
    <t>b'\xef\x16d6d\xe7\xa1\xd5y"%G\x1b,N\xa9\x81\x115\xc0\xd88\xa4j=\xf4\xfdj\xa7\x0c\x8bf'</t>
  </si>
  <si>
    <t>b':c\xb7\xec\xc3p\x03\xc4\x00\xaa\xae\xee\xbf\xe4\x15\xa1o\x93\xb6\xa1#0I\xb4\x8bI&amp;H\xaci\x98\r'</t>
  </si>
  <si>
    <t>b'\xbd`N\xebUZ?\xab\xfa\x85\xa6\x8d\xcf\x8f|\x9bj\xa7\x08qVO\xd11\x129b#\x93p\xc3\x87'</t>
  </si>
  <si>
    <t>b'p\x03_x\x1c\x97U\x87Dj=\xf0(\xa2\x11i\xf8\xd1=\x96\\\x04\xca\xa8$\xd1s8([H\x9e'</t>
  </si>
  <si>
    <t>b'\xf0\xd1\x02\x98e\x0fEH\x12 \xb7\xf4\xf6(\xc9\x0c[P/!\xdf\x1aM\x91\xfc3P\xbem\xec+\xc4'</t>
  </si>
  <si>
    <t>b'\x1c\x96\t]e\xf1\xf4\x04\x9f\xab\xf7\x17\xdal\x7f\x1fl\x8dg\xc6\x841e\x17K\x81\xa27\x08\xd8\xb2\xf2'</t>
  </si>
  <si>
    <t>b'\x87\xcf\xc7"\x01\xbf\x9c\x93\xbdroR\x947\xd6\x93i\x06\xf3\x9c\ngg@\xbb\xab1;\xdb &gt;\xef'</t>
  </si>
  <si>
    <t>b'\xe3\x8a\x13\xddO)\xaaM\x82E\xc2\xef\t\xc9\xb4\xbf\xb9L#!\xbb\xf0O\xe7\xcd\xfa&amp;~\x90\xd1u\x84'</t>
  </si>
  <si>
    <t>b"\xcf\xca9\xe6?nQ\x0c\x9fn%\x88\x10\x18p\x9b\xa0B\xe2\xdaK\xfe\xc0\xa9'?\xb8{\x80\x11\x10\x9b"</t>
  </si>
  <si>
    <t>b'\xbcS\xc5\xc4\xd3\xa7\xa8Ao\x03\n\xcb-\xf0\\\xc3\x88\xa8\nS\xac4o n\xf8\xf6\x12R[{\x1c'</t>
  </si>
  <si>
    <t>b'\xc6\xa5\x8a\xa1\x19B\x83\xeb\x1f\xcd\xde)\x0e\x81\xda\xe5xaP.A\x0fB\xf2\x10\x9d&lt;z\xba\xe9\xdb\xee'</t>
  </si>
  <si>
    <t>b'\xe6\xfe\x1eO\xd6\xf2\x05\x0fT5\xe2\xf7\xa3\xaa\xfb:\x11\xf4\x14EL1\x84\x8d\xdd\x08!\xc7\xdd\x1c\x1cW'</t>
  </si>
  <si>
    <t>b'\xc8\xfd\xa9\xc0&lt;\x9a\x96WD!\x89\x1d}\xa9*^\x1aQ.}\x08!\xfa\xc5\x9f\x01\xea\xb3$?\xf23'</t>
  </si>
  <si>
    <t>b"\xfc\x92\xadx\x06d8'\xc8]W\xf6~^q\xa9\x9d\x9e\x90\x1afj\x86F\xce\xaaN(j'\x04\xf7"</t>
  </si>
  <si>
    <t>b'\x07e\x01qb\r\xc3\xb3\x8bY\xe2!\xf8\xc3\x84\xc8,B,m*\xdfK\xcc\xd7\x1a\x95\xecH\x0e[c'</t>
  </si>
  <si>
    <t>b'\xe0u\x13\x93\xf3\xdb[y\xf1\x08Ih?U-\xff\x84&gt;\x84\xb2B\xc4\x027\xbb\xed\xe1H\xbb![\x86'</t>
  </si>
  <si>
    <t>b'\x11\xbc\x06\xac\x8dp\x83\nZ}D\x06\x8dB\xcc\xe3p\xb4\xa1\xbb\x89r\xc9\x84\xb1\r\x1f\x93J\x95d\xd5'</t>
  </si>
  <si>
    <t>b'\x10\xfeH\xe3)\xd5\xbdX\x03T\xbaC\x86\xe2:\xab\x8d\xdd\xd8=ap\x04\x8f\x16c\xe3qU\xb2\x0e~'</t>
  </si>
  <si>
    <t>b'\xd3Pn\xf5\x9b\xe1N\r\xa3\xb9L\x01F\x01\xe1\xd7\x8c\xe8\x8a\xc8\x11\x80y\xf5\x03t?Z\xf5\xc9\x80\xb9'</t>
  </si>
  <si>
    <t>b'T&lt;}\x02\x05\xcbI\x83`\x1d\xa3\xc3\xda?[\xbb\xeda\x91&lt;\xde\x8et{\xe3j\x94&amp;\xf9r\x08\xb3'</t>
  </si>
  <si>
    <t>b'\x03\xd3&amp;5I\x02}\x85^e\xe3i\xe7\xa6\x88\xa4\xd9\xa6\x82\x9bP9N\xf2\xbd\x11\x9a\xd8Ux\xd6g'</t>
  </si>
  <si>
    <t>b"xY\xd9ag\xff\xc6\xe6}\x85\x8e\x97\x1e\xe8\x82'\xd6d\xa8y\x1a\xd1\xa9\xb6n\xd4,\xc6\xc4\x9c\x92t"</t>
  </si>
  <si>
    <t>b'\xc0\xe7n#W\xe2\xf7\xe2j\xbd\xef\x93%J\xf2[\xdf_E\xec\x01S\xdd\x1f%\x08\xa7K\xc2\xfe\xbd7'</t>
  </si>
  <si>
    <t>b'\n\x1fd0\xcd\t\xd2R\xa8Xy\xe5\xcf\x1a"K\x0c}f\xd0}_\x8c\x16\xe3\x9f\xf75\x93\xed\xbd\xaa'</t>
  </si>
  <si>
    <t>b'\xfc\xab)\x89\x12\xed|k\xb0&amp;\xae\xee\xcb\xde\xc4B/\x9b6+R\x98\xc7\x9d&amp;\xd2\xb6\xdf\xbbR\x06\x88'</t>
  </si>
  <si>
    <t>b'\xa6\xf6\xba\xf0?\x93\x1f\xfa"w\xbc\x14r\x83|2\xf1\xf3\xf2\xf6\x9d\xb0\xf5L\xb8~\xc6\x02\xda\xb22f'</t>
  </si>
  <si>
    <t>b';\x00\xae(\x08\xf1!@&amp;\xe1\xd6\x90\x12\x90\x86\xcf\x8c]\xa6\xbdY\xcb\x90\xcd\xbb"\xc2X\x12(\xad\xae'</t>
  </si>
  <si>
    <t>b'\x8c\\\x17?_g\xbc\x9e\xf4w:\x08\xec?a\xd9\xa2\x9f\xd4\xe9\xb9&amp;\x7f\xbbH+T\xc1SW/\xb4'</t>
  </si>
  <si>
    <t>b"\xcf\xc9\x05\x97\xaa\xd17H\x93\xfa\x8b'\xd3\x8b \xae/\x8fZ\xa1\xc4=\xcc\xf9\xf8\xee\xc1A\x87\x87\xc5#"</t>
  </si>
  <si>
    <t>b'n\xe1\xec\x8a&amp;\x9c\x81;&amp;\xfbT\xc9f\xf8(\x9aM\xb3C\xb6*\xc8\xa4\x02=\xe0e\xe6\xb9$\x8b\x93'</t>
  </si>
  <si>
    <t>b"\xa2\x8ew\xbeT\x82\x02g^`\xae\x07@Z\xb4vM\x02\xeb\xf4m8]g\x9d\xa8@J_\x8d!'"</t>
  </si>
  <si>
    <t>b'\xc3\xc0&lt;\xe2\xcdn\xb5\x8c\xa8\x9f\xb8&amp;\xfb\x02\x84\xd5\xc3\x7f\x01U\xa5\x1aw+\x1a\xd4\xe30\x8e\xc5_;'</t>
  </si>
  <si>
    <t>b'\xea\x7f\x7f\xe7\x0c\xe8\xbd\x96\xde\xa3\x97\xdf\xb0\x11\x8b\xce#m,\xc1\xdf\xcd7;\x8e\xe4\xe6F\x11,\xb0\xa5'</t>
  </si>
  <si>
    <t>b'\xe4\xd1\xbciv\xc13\xaf\xc3R~B_\xe9H\xef\xf5\x06\x87\x92p\x1b\xc0\xb3\xbf\x97YM\x06\x07\xe3C'</t>
  </si>
  <si>
    <t>b'\xd5\x06zRT\xc9\x02\x94G\x13\x90l\xa4\xff^j\xfe\x04l\x93\xeeW\x1cdgv\xcb\xdcSWp8'</t>
  </si>
  <si>
    <t>b'\xe4\xfb\x1f\x89qj\xdf\n\xc8&gt;\xde\xb6\xa1\xe6\x7f8H\x9b\x87 Y\xdb\xcf\x9b\x87\xbc\x83 \xe9\xdcC\x9c'</t>
  </si>
  <si>
    <t>b'\x01\xa1\xc1\x0e5\xe1]Y\x8f/&amp;\x04\xecB\xb7\x9d#\xee\x1c\xff\n\x1d&lt;\xf2\xb8\xd9\xe8\xc9\x0f\xea`D'</t>
  </si>
  <si>
    <t>b'\xd9TQ\xe8Z&lt;\xa50\xd8\xbc\xa6,\x13\xd0\x19\x99\xd1#\xb8\xd8C|K\xf5\xb0\x97\xc5\xc0(r\xecE'</t>
  </si>
  <si>
    <t>b'\xbb(q\x00\xb9\x83\x1a\xcd\xe3\x98\xd3\x81v\xe8$\x85\xe6J\x1e\xea\x9c\x7fy\x0f\xe5\x05\xaeIf\x90\x8bG'</t>
  </si>
  <si>
    <t>b'^KF\xb3\x95\x94\xfd4\xbf1%0`\xe7\xb3\x88\xd1\xfa\x1c\x1b:IG\x9d\x97\x9fjl\xa6\xba\xc6\x92'</t>
  </si>
  <si>
    <t>b'Wb\xb2\x1b\x0f\xdaRX\xcc\x00\x16\xb7\x12\xbf\xf2u\x97W\xfd0\x97y\x14\x0b\x91\xfc\x08\xea\xd5ARU'</t>
  </si>
  <si>
    <t>b'-\x01/\x89\xd8\xc1 \xf5\xac2\xa7\xc1\x95\xc6\xb5\x1f:\xe4^\xe5R\rgL\x9d&gt;\x98Y,a?\xa9'</t>
  </si>
  <si>
    <t>b';\x0ez\xee$\xfc\xfe$s\xbe&amp;\xab.\n\x88\x83Y^\xa0\xa3J\x10\xed8\x99\xb9\xb9;6\xc6S\x12'</t>
  </si>
  <si>
    <t>b'\x8b\xbf\xa4(L\xe7\t9N\xfb\x1b\xce\x83\x90\xa2\x1e\x80_\xeaE2\xfa\xee\x8b\x98\x13\xcc\x0c\x10\xda\xca)'</t>
  </si>
  <si>
    <t>b'w\xf5\x8d&lt;8\x822\xd6\x0b\xc7\xadbS\ts\xf6\xbe\xe8\x12\xe7]D\x99\xc6\xaa)pT\xd3/\x8cE'</t>
  </si>
  <si>
    <t>b'\xc5v9\xb8-\xc6G\xfd8\xb5\xc2\xdc\x0c\xff(U\x8c\xfa\xa7\x9c\x16D\xb6\x88\x84\xb7\xfff?UE\xfd'</t>
  </si>
  <si>
    <t>b'\x95L\xedr\xb1\xf18k\xe4&gt;\x03/\x9cl\xe5\xe4j\x9e\x9b\xf3~\x87.\xe1\xda\xf0\x90o\xcd\xb2\x0b\xde'</t>
  </si>
  <si>
    <t>b'\\q\xbcj\xea\x935\x12\x9ee\xa9\x88\x8f\xd3\xbf\r\x17\xe6oH\xe9\xbeH)F\xf6\xc3\x17j\x80\xdf}'</t>
  </si>
  <si>
    <t>b'\xa7\xb4\x8b\xd8\xfe&amp;\xf0a\x99\xe7\xcfD\xe7\x1fs\xfd6\xf7\xdf\xee\x96\xd5\xf4\x14(26\xe5\xe19UE'</t>
  </si>
  <si>
    <t>b')\x8d/\x8a]\xf9)\xbcL\x95ybG\x88\xa2Z\x1c\xf7\x92\xbb\xbdp\xd4g\xc3\x13\x8f\xc9\x0e\x07\xfe\x9d'</t>
  </si>
  <si>
    <t>b')\xcf\xa9\xb3P\x11MG\xc9\xce^\xf6\xd4z\xa4\x85\xea\xe8\x80~\x95\xac\xb5\x08\xde\xa8\xf9}\x89S\xe9*'</t>
  </si>
  <si>
    <t>b'}\x00\x87\xeb\xe6\x92\xcc\xe8(s.5\xce\xf8\xbbO\x92\xcd\x08\x9bX\xb1\x85\x1e\x9e1zO\r\xd8R\xa7'</t>
  </si>
  <si>
    <t>b'\xb1+$\xde\xb5\xe8pt\x92\xcf\xf2Nc\x92\x7f\xae\x16\x93\x15\x07c\x02\xf7|I\xac\xc4g;;D$'</t>
  </si>
  <si>
    <t>b'\xe2\xf1;\x0c\x00w\x9e@\xee\x1a6\xdb\xdb\xcc|\x04)_u\x7f\x13J\xc4\x06\x19\x93\x031\xa7\x00\x88\x93'</t>
  </si>
  <si>
    <t>b'c8\xf5\xa2\n\xd6\xf0\xd9\xb1jVQN\xa6-\xb17&lt;|\xf0\xd3u\xe5\x9b\xbcc\x01*\xb5\x80\x83l'</t>
  </si>
  <si>
    <t>b'\x99\x82\x0b\xcd\x9b\xf0H\xc4A\xa4[\tdB\xc50=F\xcb@R\x14\xe2\x13\xc7\xb1\x18]m\x02\xb0\xcb'</t>
  </si>
  <si>
    <t>b'\xc8i\xd7\xd3\x14w\xadR\x04[\x1e\x07\xdf\xf7_v\x9e\x0f\xcd?\x17\x930\xf8\xa6\xb8\x8e\xa8,\x1d\x9c@'</t>
  </si>
  <si>
    <t>b'\x1a\xc9\xcf@\x91\xb8w[\xae\x89\x13\x8fy\xfd\xc5\x8f\xbc\xa8\xfas\xd9\xaa]\xa7I\x84\x9d\x82\x92w\x86\xe6'</t>
  </si>
  <si>
    <t>b'\xa5\x16\x03s\x87T\xb1`M\xea~\xeb\xf9\xc1\x9c\xcf\xafs\x83}\x15X\xcb\xc0\x1cz\xf47\xd5\xf6\x08\xa2'</t>
  </si>
  <si>
    <t>b'\x88\xc8\xd3\\;\xe3(F\x95\xe0\xbf44\xac\xddS\xa0\xd4\xedQ\t\xf6{\x90\xb1\xedq\xaf\x99\x01\xff\x04'</t>
  </si>
  <si>
    <t>b'\xa6\x14\xc8\xb2\x12%\xf3\x94$\xb9\x903\x02#\tM\x04\x96\x01O\xf3\x93\xaa\xe7&gt;\xb7\xaf\x8e\x995\xccL'</t>
  </si>
  <si>
    <t>b'\xadV9\xd6\x0bk.\xacIW\x9e\x034\x98\xa8"?z\xf0\x1c\\\x81\x15\xf3\xd5n\x8a\x00\r\xd8c\xa2'</t>
  </si>
  <si>
    <t>b'\r&gt;"\xe4P\xf7\x836\x7fMg\xf8\xef\x08n\xea\x92\xf1\xf1\x04M\xed\xdc\xad\x08\xbc\t\x984k\xc8\xd8'</t>
  </si>
  <si>
    <t>b']\x98\x16\xb4\x8e\xc8\xf88_s\x17\x9eY:;G)n \xd9\x915\xb4\xae\x05\x14\r\x12\x9e\x1b\xd5\x7f'</t>
  </si>
  <si>
    <t>b'\\\xcb\r} \xdd^\xa6\xeb\xfe\xff\n\x90\xa0\x96\x04Q\xa3\xab\xb5+\xfa\xfeE\x9f!\xd0\x81(\x94\xed\xab'</t>
  </si>
  <si>
    <t>b',|\x91\xc6\xbd\x9a\x8b\xaf/ARp\x8f\x1d\x9d\x0b\x0b\x98\x9a[\xba\xd5P\x9c\x92\x0c\x8c\x8f&lt;Y\t\xd3'</t>
  </si>
  <si>
    <t>b'R4S\xf1I\xb5P\xa1\xb4*\xd1\x829g\xc4Yc\xf1F\xc0\x18W|[\xc2\x1eva\xf0\xec-\x13'</t>
  </si>
  <si>
    <t>b'!\xe6\xc6\xb25\x01\xfcU\x7f\xde}[\xcc2)A\x97&gt;\xef\xc9T+0\x0e\xd2\x1e \xd1/\xae\x1c='</t>
  </si>
  <si>
    <t>b'\x81T\xc6i\x9d\xa6\x87j\x85\xab\x1e\x87\x86R.\x15\xc7\x87\xc8\xfc\xb8q\xf8\n\x93o\xb4\xfe\x13\x89r\xa9'</t>
  </si>
  <si>
    <t>b'E1\xd5\xd1]\x11\xe6\xf8\xb3\xd3I\xb3]\x8b\xbb\xcb\x04&lt;\xe9\x86\x94\xf3W\xcb\xf0|A[\x97;\xae\xa4'</t>
  </si>
  <si>
    <t>b'w\xe2\xf9\x81\xaf\xe0\xae\xefXo\xfb\x13U5\x91\xd29j\xf4-\x1e\xb9\x07 \x04\xb9\xbb\xa4\xc9\xb7l\xc0'</t>
  </si>
  <si>
    <t>b"\xda2\xcf\x8e\n&gt;jz\x0e\xfa\xd6!E\xb9\x89\x02\xc5\xeb\xf0&lt;\x8f\xb1'\xb4k\x95*/b\x03\x90\xc3"</t>
  </si>
  <si>
    <t>b'\xd9\xd9JU\xd0\xf5\n\xfb\xabJz%Xizf\x8c\x8b\xfa\x17$\xf6\xd4\x16\x82h9\xef\xee\xa2\xf78'</t>
  </si>
  <si>
    <t>b'\x17\xd5\xd8]\xf8\xa6\xe0n\x89\xc4\xfc6\xe9\xf6\xe9\x89\x1f\xc3\xdb+\x16\x90.Q\x88n\xa9OiT\x95\x9c'</t>
  </si>
  <si>
    <t>b'\xc1mn36\x18\xd1\x05\x07`\xd6q\xbc}\x11\xd8\xec\x1d\x91d\x8e\xaa.\x1f\x81e!\x0e\\\x9a\xd6\xc5'</t>
  </si>
  <si>
    <t>b'\xb9\xc8iv\xd6T\x86E\xdb"\xdb\xfc\xb7\x92\xf0\x11\x14\x1fU\x9eW\xa5\xfbf\x0f\xd4\xb7\xa5\x16X\xb3t'</t>
  </si>
  <si>
    <t>b'\x17\x81Oh\xe8q8\xbe\xa1f\xae\x81O"\xf5\x01B\xa6\x99w\xc9c\xae -Y\xce\x91\xddpG\x02'</t>
  </si>
  <si>
    <t>b'\x0c&amp;/l\xbd\xfaW#I\\\x0c\x91\xd4\xcb\x91\x06\x8f\x1e\xaal\xb5\x088l\x86]\xaar\xc5\x17rY'</t>
  </si>
  <si>
    <t>b'\xcf\xd40!\x8e\xcd\xae\xc0\xc3B6[7Y\xd5L\xd0\xeb-\x17\xf3\x9f\xd6j \x1d}\x04\xc8\x1e\xa4j'</t>
  </si>
  <si>
    <t>b'`\x172\xc5\x10\x7f"ey\xf6\x8d\xfb\xac\'e\xa5\x0bW\x06%\xa5\x18\xdd\x1dze\xf9\xb015\xdb\xf1'</t>
  </si>
  <si>
    <t>b'\xb1\xbf/b\xd6\xe2\xb2\xc0\x1d\xa7\xcf\xdc*\x99z\xb8\\G\xfa6\x1f%1V75UK\xc4=f_'</t>
  </si>
  <si>
    <t>b'-\xde\x00S\x959&gt;1\x16-\xa6(\xd5{\xcf\xf5\xf9\x82a\xd0\x9ac\xdc\x03\xc3*\xde\xdd\x83J\x93\xf6'</t>
  </si>
  <si>
    <t>b'\x11\xb7\xd5;\xfe\x16f\x1b\xe2\xf6[$\x02\xd6\xb9\x90L~\x9b\xc3\xe9E~\xb3\x16\x861v\x10\xbf\x11\xbf'</t>
  </si>
  <si>
    <t>b'eVM)\x13~\xe3E\xce\x9a+\x94$\x18\x0b\xf8U\x7f\x95#Nw\xe5\xc0\xa2&lt;\x88\xae\xf2ui\t'</t>
  </si>
  <si>
    <t>b'\xef\xb4\xa66Z\x19\xa7\xd5\xd7\xd6\xb6e\x7f\xef\x9b}\x1c\xf7\xc6\xb0bx\x1c\x1eF\x1f\x86:\x81\xcf\xcb\x0e'</t>
  </si>
  <si>
    <t>b'\x8b\xd2\xe1\xccb\x17\xb3\x1c\xf8\xd0I\x1cz\xf6^\x9a\x03\x89)\x93\x88\xb6\xf4\x81\x8e\x84\xa2\x13\x85=^\xb4'</t>
  </si>
  <si>
    <t>b'\x18\x92\xa2\x96-\x19\xa3_s\x19 c\xdc\x90=H\xc7\x88\xb4D&gt;\xf6\x1b\x10\x82E\xef\xe93\xb6\x81\xa6'</t>
  </si>
  <si>
    <t>b"\xda\xc3\x06\x1b\x83A\x0b\x92'\x880\x12yiI\x90M\xbf\x00\xe8r\xb3&lt;o\xde\xe8m\xff:7\x86\xb0"</t>
  </si>
  <si>
    <t>b'\x06\xbc\x1b7\xf4\xcaW(\x13\x0e&gt;\x1d\xc7=\x855"\xc2\x8a:5V\xf6&amp;\xb8\xb9\xce\xf3\x81\x08\x8b.'</t>
  </si>
  <si>
    <t>b'n$.\x9a1(\xe6\xcf\xa3\xa8I\x15!/\xec\xb9h\x90H}[E\xd4\xc8\t\xe2\xbc\xc5e\xba9\x17'</t>
  </si>
  <si>
    <t>b'\xaaO\xa1\x96\xe7\xdf3\xfe,\x0cG\x19\x84\xa7?\x8c\x9e@_c3\xb9E\x9d\x88Tk.\x88J\x13\xaa'</t>
  </si>
  <si>
    <t>b'c\xbal\x1f\x9e\x1a#\xeeo0\xe8D\xde\xd5\x95x\xf6\x91\x89R\xf6\xb4\x87\x1c\xa6l\x19G7\xaf\xfd9'</t>
  </si>
  <si>
    <t>b'\x82\xdcn|\r\xaa\x9bQ,?\x9f\xc8\xcf\x0f]2\x1c\x04r= R\xa1\x8d\xe5Gbv\xab\xf6\xa4U'</t>
  </si>
  <si>
    <t>b"\xcd\xc1\x04\xd90'\xcdmc\xb5X\xd1\xc8.W\x08S\xf6\x02\xcc\x14)/\x03wl#IuX\x89\xc9"</t>
  </si>
  <si>
    <t>b'\x82\x9f8X\x8fI\x9f\x0e\xe7\xcc\xd2r\x1e&amp;[!f~\xca2\xbbi1\n/8\x9a\xd0\xc2\x98\xa4\xf3'</t>
  </si>
  <si>
    <t>b'g\x9e\xb2h\xdcz\xc8+\xe6\x11\xd0E\x80\xecI0\\\x7f\x0e\xf1\xa6\xdbw\xd7\xec\x17 \xbe\xb4\xfd\xf5H'</t>
  </si>
  <si>
    <t>b'\xa8]\xe7 \xf6\xec\xf2\x86\xfb\xe2\x00L}\xeb\x9b\x98\xa4N\x03\n\xcfUJ\x93\xc8\xbb_zg\xc1\x9c\xd9'</t>
  </si>
  <si>
    <t>b'\xb4\x80]\xb8pqw\xa8\xc9\x86\xcd\x847UE\x02f\xc8\x0eP\xb9\xa9\x7fs\xfb\x10M\x93Z3\xebb'</t>
  </si>
  <si>
    <t>b'\xc012\x8c\x0f\x86\xdf\xdc\xf9\x1f[ \xebJ1\xe8\xd7\xba\x13.\xe84\xf4=tU\x04\xae\xe6\xff\x86\xde'</t>
  </si>
  <si>
    <t>b'\x19Z\\\xa0\xea\xc3f (] \xcf\xa0\xefs\x89\xf4\xb71\x8b\xcb\xfe\x18\x9f:u\x99\xcf\x8f\x96\xf8\xa8'</t>
  </si>
  <si>
    <t>b'\x10\x82\x01\xf1\xe7\xcf\xa3i\xec\xb2\xa2\xb0 \xfc\xb0\xb9\xdc\x0e\tvg\xf2\xe3\x08EN\xd8g\xf3]x\x9d'</t>
  </si>
  <si>
    <t>b'E\x04\x81\xaf\x8a5@\xb4\xe1g\x0b\xf67EsIn\xda\x8b:I\x9b\xd8*\x89\xe8N\xa0\xf4\xf9\xe4c'</t>
  </si>
  <si>
    <t>b'\xefB\x98\xcb\xd6\xcbe\x93&lt;\x1bPMw\x16,;\xf7ag;\xf3\xc1\xa9\xb5\xd6`fo\x9e\xdfi\xde'</t>
  </si>
  <si>
    <t>b"+X\x82\xda\xa8\xf5\x93e$}-D\xea\x92\xb5\xa9'\x17\x96\xb5r\x96!\x9b[Y\x03\x1a\x1f\xb8\xfe0"</t>
  </si>
  <si>
    <t>b'&amp;\xa0jS5.M\xdb\x0c\xfb=Y\xf2jui\xe7\xb7?K\xb2\xc5v#\x02\x89\xaf\xc9s\x96\xfbv'</t>
  </si>
  <si>
    <t>b"\x9a;\x11-\x04\x03\xf8\x07 \x8e\xe3'\xd6\xf8\x94+\xfb\xe3\x19[\xe1I\xb0\xeb\x1eD5\xc8a\x9c\xe0\xf7"</t>
  </si>
  <si>
    <t>b'\xe2\xe8\xbd\xaeT\x1er\xcd&gt;h:H\xd0}\x08\xc8\xcb\xa7\xd2\xa6\xb8\xfb\xa9&lt;W\xdf\x80\x020\xb1\xc8\xdd'</t>
  </si>
  <si>
    <t>b'N~/\xfb\x18\xbdlvHM&lt;\xe7W\x11\xf2\xce\xa18h\xe5\x04N\xd9l\xeb\x9c\xf1\xbbdvK~'</t>
  </si>
  <si>
    <t>b'\x83\xc4\xe9A\x82\xc6\xca\xf1C\xd0S\x1ef\xb0.\xdf5\x99h\xfa\xf3\xd9\x1bLb\xfc\xed\x1a\xf8\x88\xd6\xe1'</t>
  </si>
  <si>
    <t>b'W\xda\x81[\xe4\xb7\xb2 \xf43\n\x8c\xb0\xf9a\x80\x8d\x87\xa0\x95T\xee\xb1%?x&amp;\xd6k\xb0z\xc8'</t>
  </si>
  <si>
    <t>b'\xd6\xce\x86D\xaeZ\x15\x86\x16\x87\xdd\xe5\xb1\n\xb8\x97\xdbp\xf0X\x01\x18\t\xe3\xe5A\x1a\xc8Q\xf7\x0f\xef'</t>
  </si>
  <si>
    <t>b"\x99\xf65\xc5\x90\xde\x91\x18t`'\xdf\x1e-a\xb6\xb4\xdd\xb1\x89\x9e\xf2\xa2\xf0\x8c\xb0p\x8a:\x083\x83"</t>
  </si>
  <si>
    <t>b'\xcd\x9f\x8a~\xfe\x88c\x88\xd6\x1d\xc67\x88Z\x15\x81\x07\x9f\xd7\x8d!\xedl~\xc4\xe8\x0c\x19\xf3\xc9Vu'</t>
  </si>
  <si>
    <t>b"\xba}G\x9c\xcb\x1c\xb3\xde!\x81\x9fm\x08G\x00_+\xf6\\\xff\xd0\xf7\xa0\xe6*T'\xeag\x17\n["</t>
  </si>
  <si>
    <t>b"\xbb8\xf9-\xf3U\xe0\xbf8\x0e'!\xdc\x94=\xc3\xc1\xff\xea\x16\xdb\x1f#\x1b-\x9cQ\xc1\xacJ\x99\xd4"</t>
  </si>
  <si>
    <t>b'\xc45\x03\x80pOl\xcc5\xd7\x0b\xad+\x03&gt;\xea\x93\xf3\xe8\xa1\xbb\x1f\xd6\xcf\xac\x9bvqooR\x1f'</t>
  </si>
  <si>
    <t>b'p\xc3!\x8c\x14b\x9c\xe3_\x0fc@\xd5\xd4\xce:)\x07\xdf\xae\xbf\x8bv\xf1\xccW\xb3E"E\xb0('</t>
  </si>
  <si>
    <t>b'\x91\xf5\xe3\x92k\x891\x0c\xafm\x0e\xc2`QEy\xbas\x8b\xca\xc5r\x16Z\x8e\xf3\xbbr\xfe&amp;\x1ev'</t>
  </si>
  <si>
    <t>b'\xa8\xa3\x88\x89\xa7/j\x14#\xda\x0b\xeb\xf0\xfe\xb9\x05\xce\xa47\x96\x9e\xa5\x9f\xdb^\xf1:\x8e\x91\x0f\x96='</t>
  </si>
  <si>
    <t>b'\xe8\x9f4\x072\xcfH\x05\x12\x93\x8fPZ\x18V\xef40\xa2\xec\x1d\r\xef\xa5\x93\x02\xbdu\x19&lt;v\x8e'</t>
  </si>
  <si>
    <t>b'\x9bz!yG\x1d%]\xc2\x1b`\x83\xca\xf4\x0b`R#(\xbd\xfb\x7fL5\xd7\x9b\x9e\x12\xfe\xa1\xe1\xad'</t>
  </si>
  <si>
    <t>b'\xfe&amp;\x1eHZ\xf10@\x13\xb9Z\xadxY\xba\tvZl\xd8g\xd0\x13\xfc\xa8B1Z\x91\x86\xa6\xec'</t>
  </si>
  <si>
    <t>b'3]\xf2\x87\xab\x02\xde\xd7A\xb4\xb8\xa1\xf4\xe1\x817P\xb6\x1f\xd9/\xb5\xc3~\xc5V\x86\x9b4\x1f\xb4s'</t>
  </si>
  <si>
    <t>b'W\xe0\xd9\xe8\x0fp\x19\xf1\x02\xb6\x11cz(9\xb7#w\xb4j\x8e\xe7\x9e\x89\x98\xe4@\x0e\xcb\xcf\xfcZ'</t>
  </si>
  <si>
    <t>b'$a1\xcf\xfa\x85j\x8f\xb7\xe3\xa8-\x13\xe8\xee\xc6\xf6\x1aI\xe4#\xa4\x9e\x13\xec1\x8e\xd7\xea3\x84&lt;'</t>
  </si>
  <si>
    <t>b"\x0b\x14\xf9x\xffq\x10\xb0 a\x11\xaf\x94r\x7f*\xcc\xe4\x11\xa5\xba\xdfs\xa7'\xd4Z?\x9f\xc7b\x95"</t>
  </si>
  <si>
    <t>b'\x1d\x90jaKT\xa1\xdd0\x86\xa8\xf9\xa9jd\xc01\xb9rG\xa5f\xd4\xfahY\xfd#\xdep\x87\x85'</t>
  </si>
  <si>
    <t>b"\xd3d.mt\xbf1\x185\x12$K9k\xd5\x81\xb0\xfa'\xea\xc6\xdb.\x01\xfd\x9b\xaf\xe3{\xf6\xf3e"</t>
  </si>
  <si>
    <t>b'\x83\x00d\xc1\xe3\xb21\xc7\x8av\x0b\xb0\xa6of\xf1NH\xfa\x81\xcd7\xd7\xa1\xa2\xfe\xad\x8e\x9d\x80!\xd1'</t>
  </si>
  <si>
    <t>b'\x8cF\x10\xb6\xad\xe4\xc4n\x1f\x1b\xd2R\xbcc\x1b\xbctN\xc9\xc6-\x12|4+\x81\xdc\x08\xed\xa6\xb0\x0f'</t>
  </si>
  <si>
    <t>b'Q\x81Mi?Bu\xdbZ\xc6 \xf1\xd6\xcd\x93\x15w\t\x13\x06\xf9\xe8C\xb5`S\xf7b\xec\xc0\x8b\xc5'</t>
  </si>
  <si>
    <t>b'\xca\xca\xcdb\xab\xc8\xae\\\xcc]\xf4\xafO\xf4U\xd9\x08\x1a\xd1/\xc9FF\x8b\xf0p\x13\xee\x1e, \xaf'</t>
  </si>
  <si>
    <t>b'\xda\x00\xe4\xac\x00\xb54\xfd\xeb\x11\xc7*\x08\x1a\xa0\x08t(@\x9b\xe7C\xfe\xe9\xa1\xa9\xafX\xa3WB\xbf'</t>
  </si>
  <si>
    <t>b'\x88W\xaau\x14\xce)\xaar.{@B\\*\xa9\x9d,\xef\x11\xd0\xdc\xeb\x8d\x04\xb7\xebuq\xb1\xc5\x93'</t>
  </si>
  <si>
    <t>b"-\xba\xf84@\x84L\xd7R}'\xaa\xeej\xd2\xf9\x18\xdd\x9d&amp;\xe23\xb3\x03\xa1\x10\x1d{\x1fG\x1b\xd4"</t>
  </si>
  <si>
    <t>b'\x0c\xa5\x118gY\xad\xce\xf08h\xfe\xaa\xf6\xfb\xce&gt;\xf3\xb1%\x02O^~\x1cp|F\xa4\xe1\xeb\xc1'</t>
  </si>
  <si>
    <t>b"'0\x01,\xa4;z\xf6\xdbh\xa0e\xd9^{H\x94\xd1\xbf.^\x10\x00\xb9\xc33\xde\xd4\xa4gO\x15"</t>
  </si>
  <si>
    <t>b'\x8du\xbd\xe3V\xd2k\x95\x80\n\xa2\x18\x1f4\xb25o9l\x1f\xb7It\x10\xe0\x0e]\x12\x8dQ&gt;\x83'</t>
  </si>
  <si>
    <t>b'9m\x17b\x81\xc4\\\xccy\\\xc9\x16&lt;\xa3+h%X\xd0(\xa37/A\x81\xc7\x86}\xa1(L\xf3'</t>
  </si>
  <si>
    <t>b'-a\xa9\xa5\xde\x99\x194\xb2\x1a\x90V0F\x07&amp;[6\xac\xcaeq\x81\xd5\x90\xb3\xf4@\xaf\xa1\x9b\xd4'</t>
  </si>
  <si>
    <t>b'\xbfq+Uh\xb2^\xf5\x98\xa9\x91\xb6cb}\xd7\x12)\x82\x9b\x8d\xe1g!Z\xad\xa7\xe5w\x18\xd89'</t>
  </si>
  <si>
    <t>b'8"\xb4\x1f\x9a$\xd1\x1a\xfbi\x80\xe8F@\xfb\x15\x91\xabE\x07~\xdc\xd6\x9b\x1e\x19lW%1t\xc4'</t>
  </si>
  <si>
    <t>b'`@,\xbe{\xcdU\xd9\xbe\xa3\x9d\xf5\xc5\x8a\xd2\x99\xd1\x9b K&gt;!\xe0\x81b\x1d7\xde\xb4\x06\xf7\xa6'</t>
  </si>
  <si>
    <t>b'\xd2\xbe\xdc\xa7\xe5\xe0\xf9\xe8\x84=\x99\xcb\xe7\xbf\xc1\x0215\xde\xb4\x85\xf9\xef\xfa4h\x0e\xfd\x8b\xba\x834'</t>
  </si>
  <si>
    <t>b'\xab\x998\x88\x06\x00o\xbf\xcb_Y\xb0ML\xa4\xc4B\xbb\xfa\xcbM\xd5\x0c\xfd\xc6|`\xb8\xfc\x82%\xa9'</t>
  </si>
  <si>
    <t>b':\xe93\x9e\x0f\xe6.\x9eg\x9b\x1e2\xc4K\xc9\xf2\xbd\x7f\xf8\xf7&gt;4\xf0G\xa7\x1f8\xe1H\x01\xf1\x15'</t>
  </si>
  <si>
    <t>b'\xadi\xf6sj1?\x9a\xdd\xa1\xaf1\x9fm\x92\xf8\xe8\x05\x97{\x0f2\x19\x91\xb0r\x99\xd3}0U\x9f'</t>
  </si>
  <si>
    <t>b'S\xc7\x8e\x99\xb0\x95\x02\xab\x16\x12\xe4\xd9\xa1\xf3\x07\x90|[\xa9\x98a_\xe2\x1f\x84\x13\xb86f\xc7\x8e\xd3'</t>
  </si>
  <si>
    <t>b'\xc8L\xd0\xc33\x85r\xba\r=\x1f\xe5Ru\x05\xe3\xcaZ\xda,\x8e\xd8X\x1a\xf5\xfa9\xcf+l\x03\xad'</t>
  </si>
  <si>
    <t>b'ir\xa9\x03Q\xef\x935\xb6\xb8\xb8\x1f]\x9c\xa3&gt;G\t\xe6=\x02\x08\x92H\xde\xf9\x96\xe2\xc3\xef\x15\t'</t>
  </si>
  <si>
    <t>b"\x16\x87~\xa6\xbcL\xb8#\xd4\x8f\x95\xe7\x1a\xc1\x1bQ| \xab0CZo\x9c'\xea\xb4k5{nB"</t>
  </si>
  <si>
    <t>b'\xc4\xf2\xd4)\x9cO\xfe\x97\x12"\xc1\x94\xd6nqFC\xa7\xfc\xf6\x82\x9d\xf0^%b166\xc9\'\xe9'</t>
  </si>
  <si>
    <t>b'\xc1\xf0\x18[\xd8\xad\xd9\xec\xb9\xc6\xf0\xe7gR\x12\x18\xa3\xa0\xc6\xbc\xbbi\x852eg\xee7\x83\xbb\xe2\xb3'</t>
  </si>
  <si>
    <t>b'u\xf7\xd3\xfd\xbbW\xa7\\\x1f\x89\x85\x1b#=\x96]m\xa0\xa2\x01\xd6\xa1\x08w\xdf,\xc5+\xa0\xd8\xe3-'</t>
  </si>
  <si>
    <t>b',\xc2A\x1c2\xc2b&lt;9\x84\x9b \xd3;sk\xf1\xf8\xba\xa5\xe0=\x83\xac*\x16@\xaa@\xf0;\xc0'</t>
  </si>
  <si>
    <t>b'\x16q\x89\xd9\xbb\t&amp;\x06\x07\x86\xae\x84\x13U\x82*_\x91e\xa3\xb5\x0f\xb3\xb4\xa3E\xc9\x8a.\xf8F%'</t>
  </si>
  <si>
    <t>b'\xf1\r&amp;\xff\x00\x12I/\\\xcc\xe5\xb6\x99\x08&lt;\xc3\xd4\xc2R\xa3\xbc\xc9\x1e3\xd3\xcb\xd8\xca8\xc6~&amp;'</t>
  </si>
  <si>
    <t>b'[\x1d\x05LK\xe5&amp;\xfbu\x98`\xcdPp\x8a\xe5fT\x92\x1bw+\x1541\xab\xbd\xc0&lt;\x06\xd6\xe4'</t>
  </si>
  <si>
    <t>b'T\x1d\x15\xae\xbd9\xed\x18\x1a\x04\xf1\r\x84\x91\x15c\x00\x81\xd9\xc2\x1e#k=\x1a\xb6o\x93\x9e\x95\x97\xf5'</t>
  </si>
  <si>
    <t>b'\x82\xc9\xff\x95\xf4\x1b\xeb4\xd5C\xaet\xd5\x82\xd7\x95\xda\x87b\xb9R\x94\xf0\xb1\x14!\xc3\x84\xb5\xee\x10|'</t>
  </si>
  <si>
    <t>b'_IA\x81/dfV\x82\xaa\xa6\xe8\x0f\xbeq5\x98\xd1\xecC\xabE\x16lf\x8d\xc0o\x83\x12\x1b\xa6'</t>
  </si>
  <si>
    <t>b'\x88\xf1,\xb2s#\x13w\x0c\xb7c\xacy\x96\t\xf2+[\x95\xf6\x1c\xea\x07]\xb3\xd2\xd8\xad=\xec\x04\xba'</t>
  </si>
  <si>
    <t>b'!9\xebu\x0bh\xab\xa7\xec_\xb4\x92\xf4`\xf9\x12E\x13[5\xda\xce\x90\xb2\xfd\xd6\x1a\xcaf~\xaeY'</t>
  </si>
  <si>
    <t>b'u\xb4\xd6\x9f\xd2\x16a\xa14\x0c\xc3\xb2\xcc\xea\xd0FhVxy\x15\xed#^\x06\x91\xbd\x1an,+d'</t>
  </si>
  <si>
    <t>b'\xb3\x96\xe3@\xc3\x08\x02\xa5\xb2u\x94\xe6\xfa\xdbD\xc0^Q=f |g\tR\x16\x10:\x95\xbf\xeaO'</t>
  </si>
  <si>
    <t>b'g\xb9\x00\xf5\xa0\xd2\x85H\xa4#c]\x9e\x1dUVz\xb7?\x01\xe0#`\xc7zh\xa4\xdaP\xf9U\x1d'</t>
  </si>
  <si>
    <t>b'\x18\x7f\xd29w\xcfm\xd3\x87\xfa\x9bR\x84&lt;\xdf\xb3\x89EO&amp;z7{\x84\x10HId8\xa3\xc9\n'</t>
  </si>
  <si>
    <t>b'k\x92\xc3\xa0P \xa0\xc1T&amp;X\xf5Y\xd0\xc9\\\x1cJ\x13-\x92\xa9T\x8e\xf8H\xd9\xddY\x08\x15\x10'</t>
  </si>
  <si>
    <t>b'\x1e\xa9\xcc\x1c\x94\xb1\xc9\xe0\x17a\xd0!\xe0\xc7\xc41D\xcdyw\x1e\x87R\xbd4\xd8H"\x81e\xdc1'</t>
  </si>
  <si>
    <t>b'5\xd1\x8b\xdc\x87\xdf2q\x05\xa35\xf5\x07\x8d[\xbe\x16#jB\xdd\x83\xdc\xa8\xdb1q\x04|Y\x85\x81'</t>
  </si>
  <si>
    <t>b'\xa7$x\x89\xbe\xc5&gt;5\xff;\xa1W\x84\xe6\xe2\xfa N\x9c\x90X\x85i(\xeam:\xf9\xe6q\x99\xbe'</t>
  </si>
  <si>
    <t>b'qhsg\x04E\x9b\xd1A\xd8\x08=#\x06\xd9w&lt;\x14\xa7L\xeb\x85p\xcaL\x8dV@\xcb\xa9\xebW'</t>
  </si>
  <si>
    <t>b"\x0b\xf0\x8a\x89c\xa7\xf0\xa1B2\xfd\xb2\xdf\x07\x0c\xadSlo\xd4\xe6\xfd\x80\x8c+u\x16'Cb\xfbT"</t>
  </si>
  <si>
    <t>b'Q\xf8j\xde\xbdk\xfbm~\x8ae\xa4-\x853\xcd\x94\x8a^^W\x87\xc7\x91o\xf4\xf0:\x9bY\xe6*'</t>
  </si>
  <si>
    <t>b'\xd5\x88\xa3q\x9b\xd5J\xf0\xebj\xe9\xab\xf2\x1a\xa6\xb6\xa9\xc8g\xd8\x04\x03fb\xaa$n\xb8\xa4&gt;\x8ak'</t>
  </si>
  <si>
    <t>b'\xf2\xfd\xddu\xcd\x94F\x9b\x9c\xb8\xaf&amp;Y_\x03gw\xc1\xc1!h\xd8\xa3\xab&lt;,\xc7\xf2\x08Y\xe0\xe8'</t>
  </si>
  <si>
    <t>b'\xa7\xc8X\x92\r;P4\xfa\xf2\xc3%\x95\xd9\xe5\xe8$\xab\x92\x16\x8e\xe6\x14L\x02\xe8\x8ef3\xfe\xee\xc2'</t>
  </si>
  <si>
    <t>b'\xe9-\xb07=1!\x9c\xd1n\xef[}\xdd\xa1\x01\xd5C\xb2p\x93\xd6j\x08\xdc-\x84\xb5\xdf&gt;\xeb\xb1'</t>
  </si>
  <si>
    <t>b'j\xa3\xa1\xa0\x8eNNv\x10\xe66\x19\x07\xe8=\xd0y\x9e\xb1M!\x8dR:\xfeX\xc7\x17\x9d[\x17\xb1'</t>
  </si>
  <si>
    <t>b'\xcc\xd5\xfb\n\xc3\xb4&gt;3\xfb@,\x13\x89\xf2D\x9a\x97z\xday\x97`\x0b8\x04\x9b\xd2yJM\xda\xac'</t>
  </si>
  <si>
    <t>b'\xd3\xdf\xbc\x05u\xc6\xfa\xa92^\x90\xbfI\xc2\x14\xbd\x0fru\xba\xb3\x1b\x90\xca\x03\x98\xb5\xf9\xd8\x0e\xaeB'</t>
  </si>
  <si>
    <t>b'\x17|9\xcf\x0c\xb7\x80\xbc\x18\xb3C\xa9\x0cHB\x7fI\xb7\xdci\xde\x9d\x19\x13\x95\xd6\xff\xd1\xfb\x06\x7fp'</t>
  </si>
  <si>
    <t>b"O3\x02\xd0\xe3\x8c'\x85\xd3\xb8\x8c\n\xc1\x16\x86\xd5\xa2I\xf4\xb7\xd9\xdf\xfe\xc3A\xd5\n\x01\xde~\xb3\x89"</t>
  </si>
  <si>
    <t>b'\xc9wp\xce\xe1NO\xbb\xeb\x02\xf8o?\xfe\x96\xf5\xe0\x05\x16\xd8\xafz1d\xea\xca\r\xb0\x1eur\x0b'</t>
  </si>
  <si>
    <t>b'\xf7?n\x98\xe2\xa5v\x1c?\xf7uz\xef\x90\xd0j}\xa0d\xca\xc4\x81\x02\xe7\x13o\xf4\x1fwW\r*'</t>
  </si>
  <si>
    <t>b'\xce\x9d5\xf9,\xfb\x13\x94\x8e\xd1\xf8$\xff-~\x9a&amp;\xad\x8b.\xaeEg\xe6\xf7\x81.\x83\r\xdf"\xc6'</t>
  </si>
  <si>
    <t>b'\x94\x8d\x02\xd1\xc9=D\xb2\x81\x8f\xca\xcd\x0bZ\xfb{9]\xd6\xdd\x9d#\x9f\xb4|\xbf\xa7$S\xc7}M'</t>
  </si>
  <si>
    <t>b'\x9d\xde&lt;\xaf\xad+p\x81\xc4g\x99\xff\xe1\x1f\xb0\xb7\xdd\x83\x94\xe4m\xfbK\xe3&amp;k\x85\x0b0\xe0\xc0\xb0'</t>
  </si>
  <si>
    <t>b"\xc8\xd0\xca`\xda8\xbbU\xfe@\xb4\xde\xda\x04\xbd%+/a',W\xae\x08\x027\xba\xa5\xe9\xb5\xd0\x8b"</t>
  </si>
  <si>
    <t>b'9\xc1\xde\xab\x8b\xedc\x00\x8a\xb01\xf7\xc2&gt;LP+E\xa57\xd17\x18\x85\x1cL\x17\xb7\xb4\x10K\xf2'</t>
  </si>
  <si>
    <t>b'\x1f\x8f\xd4\x04\xef\x18v\xb7\xd2\x9b6\x8c\xe8\x82\x11\n\x93g\xff\xa0:\x058O\x98\xbfnP\x1d\xf2\x014'</t>
  </si>
  <si>
    <t>b'K\xe4\x93.\xd6t,\xc9\xed\xd1\n\x7f\xd1\xa1\xc3D\xe5\xef\xea\xd0\xc2#\xbd%8\xd6\xf2\x93)\xc5\xb1\xe4'</t>
  </si>
  <si>
    <t>b'*\x15\xf9\xefk\x0c\xf3\xf3\xa39\x14\xde\x88\x1bg\x8a.\xf5\x0f\xdd\xc1\xc16$U\xe4-t\x94\x16\xa6\xcf'</t>
  </si>
  <si>
    <t>b';\xa0U\xd9\xba*\x813\xc8v?\xf4f\xbf\\%\xe9\xf3a\x99^\x8a\xf0\x1a\x83\xaa\x89&lt;u@\x03q'</t>
  </si>
  <si>
    <t>b"=\xa6I5D|\xc9c\xfb\x1f\xe9\x83\xd2h0\xd0\x04O\x17\x80N\xceSe\xd4\xe61a'e\x1f\xcc"</t>
  </si>
  <si>
    <t>b'\xd1&lt;\xa1\xe8\xa4\x18\x1f\xcf;\x8a\xbc\xa80\xba\xe31\x10F\xae\x16\x17\x14e\x83\xf1\xb0\xed\xdb\t\x19t\x16'</t>
  </si>
  <si>
    <t>b'\xfc&gt;8:n\x00\xb06\xf5\x0c\xe7\xf9\t\x8fe\xed\xc8\x96H\xbf\xc8\xa0c\x99k\xce|"l]\x87/'</t>
  </si>
  <si>
    <t>b'\xd2\xdf\xe71L\xe1\x08!\x7fY\xea^\xfao\xd8A;\xaa\xf1\x9b\x0e]U\xe5\x17RJ\xcb{j\x8e\x9c'</t>
  </si>
  <si>
    <t>b'$\xb2)\xb7\xa7mp\xad\xe3o\x96E\xe4j\xb1\x08\x16dX\xf6&gt;\xd8\xa9\xc6L\xeb\xd3_^:\xbct'</t>
  </si>
  <si>
    <t>b"L8\x17H\xe7\xdd`\x13/T\x12\xbb\xe0Z\xa4g\xd2\xd0\xa5U'\x0b\x15\x93uU\xdbr?\x16M\xe3"</t>
  </si>
  <si>
    <t>b'@X\x8a}\xb0\xa4:]\x0b\x05\xb2AO\xb5\xee\xdc\\\xe7\xa38#\x13\xf1\x12\n\xa2\x17\\\xedu\xe0\xcf'</t>
  </si>
  <si>
    <t>b'f\x98\xf4\xe4\x8f\xb07\x0b\xa7 \x0cc\xec\x18\xae\x97\x0fO\x0b\x0crE]\xc4\xcd\xba\xceZS\x8e6\xe7'</t>
  </si>
  <si>
    <t>b'\x86U\xf8\xfe\xca\x941f\xbb\xe1\xeb\xf8#w(1\x91G\xbdk\x19{k\x03\x80,L\xf5\xd8\xca\x1e|'</t>
  </si>
  <si>
    <t>b'\xff\xc2&amp;\xc6#\xad\xc6\xd1\xb64Zje\xfa\xf2\xaa\x1f\xe2\xd7s\x9e\xffa\x08\x10n\xa4cx\xbe.&lt;'</t>
  </si>
  <si>
    <t>b'\xb6\xfa)\x85\x1c\x1a\xb4\x1c@\x8c\x84g*\x8d\x8e\x16\xcf\xed\x939\xb4\\\xe4\x15\x92\x8eP\xce\xc4hO\x94'</t>
  </si>
  <si>
    <t>b"\xe0A\x88\x9b\xfe\x87\xc9R\xe4\xf6\xc9\xa0V\x0c\xf7\xdc\x00\xc1\x0b\x87E\xeeF/\x9d\x04\xe1w\x93e\xa2'"</t>
  </si>
  <si>
    <t>b'8n\\_\xc8\xab\xfd\xa9\xd2R\xcf\x94\x8c\xa1\x19 \xceQ\x87&lt;0\xfe\xb35nC!\x00\xca^\x1eF'</t>
  </si>
  <si>
    <t>b'\x18\xe8A\xf6yB\xe3\xaf\x90#2.V\xb8\x1e&amp;j\xb8\x83S\xd9\x1bi\x8eq3\x80/\x0c=\xfb\xde'</t>
  </si>
  <si>
    <t>b'\x0eU\x9cZ\x07\xcc\x08D\xbb\xde\x07c\xd2\xed\xaa\x9dx5\xffx\x11\x9b\x7f~\xacs\xafO\x7fB2\xaa'</t>
  </si>
  <si>
    <t>b'\xb8k\xa4K\x02"\x1f\xd2&gt;ELUht\xe7\x9bX\x1f\x1a\xa1,\xe1\x8e\x91\xefy\x92\xe1\xf9\x97\xd3\x11'</t>
  </si>
  <si>
    <t>b'\xe4\xf9\x89;\x1eN{9\x8e\xb1\xd7\r\xd9f\xdbb\xa2\x8f*\xbc\xb0\x98I\xd0\xca\x01\xf5\n\xd2gK.'</t>
  </si>
  <si>
    <t>b'\x08\xbaW\xb3\xa2\xecQ\x8e&amp;\x1cd\xb0\xb7=\xfcs\x18\xb3\x0f\xd3\xcf=\xfei}\xda&amp;\xf5\xd6\xe8G\x0c'</t>
  </si>
  <si>
    <t>b'\x10\xaf\xb1XJ\xbf\x14\x8a\x9b\xbd\x19*\r\xcf\x83\x94&lt;\xd0\xa4\xbc\xc2:~{b&amp;\xcb\x81]\xa9v\xa7'</t>
  </si>
  <si>
    <t>b'\x9d\x93M\xce\xces\xb9\xd9\xa8}q\xbc\xb5F\x8f,\xd9\x0b\xfe\xf4WI9L*\\,S\xa9p\xc0\xef'</t>
  </si>
  <si>
    <t>b'\xf4V\x91M\xa4T\xc2\xfd[\x1d\x8er\x1c4^\xb2\xba6&gt;\x1f\x96\x18_\x87L\x97g\x06\x98\xef\xcco'</t>
  </si>
  <si>
    <t>b'\x81\xbf\xef\x8b(H\xd8 A\x8d\xb2S\n\xde\x7f\xb4\x82h\x0e.S\x98{\x87&amp;\x13\xc0\xaf\xc4\xe5e+'</t>
  </si>
  <si>
    <t>b"ZIv=)|\xe3\x1b\xd5\x0b\xb7\xc8\xa7\xbc-\x87%\tQ9zA\xf7E\x04\xa5'(P2\x14O"</t>
  </si>
  <si>
    <t>b'\x8a\x18P\xb3\x9c\xa2\x04\x0c\xf7\x8d\xa4@\xd6\\\xd21o!\xe2D\xc9%b\x96(\xb1\xf79\xcd=\xa8c'</t>
  </si>
  <si>
    <t>b'\xa4\x19\xda\x1441\xf9\xc7\x9a\xa1\xb6\xf0\xcf\xa89\xdf\x0f\xcd\x9c0\xa2\n\x88\x02\x94\xa8\x8ep\x05\xa1Q\xe8'</t>
  </si>
  <si>
    <t>b'\x1fc\x0c{7H\x1d\xc4(1\n&lt;c5\xbd(O\xe6\x0e \xe7F\xe1;^\x9c\x18l\x8b8\xb5\x14'</t>
  </si>
  <si>
    <t>b'\x90k\xb6Kl\x83*!\x16\xfa\xe3\r)\xcc/@\xed\x0bF\xd7\xf7u\xcc\x00\xcf\xc8\x1f8\xcc\t\x8d_'</t>
  </si>
  <si>
    <t>b'\xd7k\x96({\xa3\xfd\xe4!\x17]\xee\xba\x96\x84\xc3]\xa8\x1c\xab\xf4A\xad\xb4&gt;\x88\xd4\x92\xa4\x92\x06\xc1'</t>
  </si>
  <si>
    <t>b'\x0bB\x9e\xaa\xc9 \xb2T#$\xb9\xa5A\x08\x9aI\r\xd0\x82\xf9\xd5F8d5L\xc1\xc8\xc2\xb1\xaf\x87'</t>
  </si>
  <si>
    <t>b"\xe26yf\xf1:\x0c\xe1\xb8\x08hZ\xc4\xa8\xf7\xf6\xab)\x7f'\xf5%\x07L\x04\xeb\x88?\xbc-?\xad"</t>
  </si>
  <si>
    <t>b'\xf3n\x19:\xf7\xffq*xOK\xcb\t\xc6y\xae\xdf2i\x06Vm\xe0L?\x1b[\xe1-\xa2\xe0\xed'</t>
  </si>
  <si>
    <t>b'\xac6\xe7\xbe\x0b\x06);\xefi\x87\xbf\xf7\xd6h\xd8\x8f\x1ar$J\x9c\xed\x13w\x0b}\xa6\x10\xd0R\xce'</t>
  </si>
  <si>
    <t>b'\xb0L+\x89\xc80\xf5\x8f\n\x86\x03\xb4i\x160\x1bZ\x9c\x92~c\x04f\xdc|\x9d\xb59\x18\xac\xc3\x03'</t>
  </si>
  <si>
    <t>b'\x8a\xb0\x99\xa97r:t]TZlDQ\xc7\xaeX{\x05\x9a\xeaq\xbe\xe2\xca\tU\xe1\xd0\xa9v\x12'</t>
  </si>
  <si>
    <t>b'\xb5\x06\x80\xc2\x10\x13\x98\xd3\x7f\x1dA\xc0\xb1\xdfJ7\x0b\xbdQ\xa0\x83h\xd9\xa2\xa1]\xf7\xd5\xeeL\x04\xdd'</t>
  </si>
  <si>
    <t>b'\xbb)s\x82\xf5U9\x04\xa3\xc5\x104%\xd6\x80\xa71\x8a\xdc\xbd\xba\xdb\x142\x06\x93K&amp;\x8d\x9c=4'</t>
  </si>
  <si>
    <t>b'\xc5\x93\xcb!:b\x15&lt;\xbfQF\xd9\x00\xd3\xc9\xe4x\xcf)\x1cN\x94\x04\xe2\x08\xa4o;\xd7,&gt;P'</t>
  </si>
  <si>
    <t>b"7KO\xff\x10\xe97J\xe1\xb2\xe8\xac\x05\xa5\x0b\x9c\x0cs\x10\xf5'\xc0 g\xbe\x10\xc9\xc6\xc9\x19\x9a,"</t>
  </si>
  <si>
    <t>b'\xc2\xe5\xab\xaaN&gt;\x90)\xd7B[\x11\x9a8tO\rk\x9f\x0b\xc4\xa37A\xa1\x8b\xb2\xd2\xb2\xa5\xf0\x07'</t>
  </si>
  <si>
    <t>b'9\xb4v\x01\xfdu\x84\xee\x01\x9a\x9f$\x86@\xbc&lt;\xfbx\xef\xec\xb3\xf0\xf0\xae\xdb\xd5Z\x8a=\x14a"'</t>
  </si>
  <si>
    <t>b'\x9b\xc6\xe5U\x04vD\xaf\xf7bA\x7f\x1f\xb0MZV\x01\tDT\xf9W\x0e\x03\x83B$\xf0\xf8\x1a\x9c'</t>
  </si>
  <si>
    <t>b'\xdaH\x11\xc7\x7f%\xedRA3\x08\xeb2\xa2\xd2\xb3a\x93\xbdsL\xd0\xd47\xc9\xa3\x8fW\xae\xb1/\xb0'</t>
  </si>
  <si>
    <t>b'\x99\x91TRf\n\xf7[\xacN\x89\xcepPs\x86)=\xbc\xee\x9b\x90\x02\x8f\xd4\x11\xcf\x97\x17\xe5Uq'</t>
  </si>
  <si>
    <t>b'\xf9y\r\x03{\xc5T\xc0\x8f\xe5X\x89\xd1\x19\x9c\x06\xb9\x98}s\xb6D\x1a\xeed1a\x9b\xb2\x809#'</t>
  </si>
  <si>
    <t>b'\x14Z\n\xae4;6R\xd6wl\x83\xf9\x87\x8c=\x82.Ta\n\xf0F\xd2Me\xcd;\x9cm\xb4\xff'</t>
  </si>
  <si>
    <t>b'\xfaN\xa8~\x92)\xa6\xc5\x87p\x05\x18~\x86\xc7\xc2z\x7f\xae\xd7&amp;\x00\xb4\xb5/V\xa2\xe0\xe5\xad\xc9\x1b'</t>
  </si>
  <si>
    <t>b"\x89WU\x16\x93T\xed\xdf\x0e\xf2b\x14\xef\x8a\xe9\xdcdy\x03\t\xd4\x10)\x91\xc5\xf8\x1d\xab'\xba\x9ff"</t>
  </si>
  <si>
    <t>b'\xde\x89;fl\xe8&amp;\xaat\xbd\xce\xee&gt;&lt;\x1b\x18K_\xc5w\xc6\x10\x14\xea\xb5]\x01\x8a\x904\xf4\x0f'</t>
  </si>
  <si>
    <t>b'\x18\xf7(9\xf8\x08\xdcUP\x1b\xf15\x97A\x87\xea\x80\xba\xa8\xe0\xe7\xe62\xd8\xe5z\x9f\xb4\x9c\xa7/&gt;'</t>
  </si>
  <si>
    <t>b'\x86`\xebd\xb3\xf40&amp;="c\xc3Q\xe4\xd3(\x08\xea\xfb\xb8&lt;\xd0\xf6\xf5i^\x18E\xc8\x8cz\xc5'</t>
  </si>
  <si>
    <t>b'\xf8`\x84\xdd\xdc\xbdyhIJq\xd9\xb7Fh\x9e\xb7\xb0%l\xd2\x175\xe5O\x84x\xeey](;'</t>
  </si>
  <si>
    <t>b'=a\x12P_\xb75\xb2\x96\xd1\xa8}+\xe7\xf6\x97[\x16\xba\xae\xd4\xe8\x91Q\xdf\xba\x7f;hY\xb0@'</t>
  </si>
  <si>
    <t>b';49\xf4\xad\xcb\xe7\xe7}\xdc\xecU\xb5\xa2\xc7j\xfbK\xc3\x1a\xfe\xea\xa8\x14\xee\xb6jh\x92\xd0B\xec'</t>
  </si>
  <si>
    <t>b'&gt;F}Y\x19j$*\xeb\xdfs\xcc6,GU\xad\x91\xc19\x8aP\xecf\xb6\xfd\x9f+\xcd\xb0\xc5\xc4'</t>
  </si>
  <si>
    <t>b'f\xb5\xb9\x92\x97\xe8\x93\xdb\x1b\xdc\\\xbb(f\xd5\xb2\x07\x1d\x9aq\xe8\x11\xf4\xb6R\\r\xc1\xf1\x9d\xce\x05'</t>
  </si>
  <si>
    <t>b'\xfe:\xda\xbf\xd1\xc9\x1fS\xc9i\xca\x93"\xc2u\x8d@c\x05\xa9}s\xb4\x1f ujY\xd9\xc3\xed/'</t>
  </si>
  <si>
    <t>b'\x10@\xd5\xf0\x01\xd9\xf9\x9b9\xf3s \xf1\x02m\x9b\x82\xeaM+\x80S-n\x1e}\xfa\x8f\xf82\x1d\xdf'</t>
  </si>
  <si>
    <t>b'r\xc8\x17\xc5G\x01\x0b\xaa\xca\xeb\x8dZPbR\xc7G\xcfsJU6P.\xd9\x16\x82\xe6\xb7\x08b\xa3'</t>
  </si>
  <si>
    <t>b'\xbf"\x19+\'#\xb3)\x82\xb3\x9b\x05\xf1\xe8\x80\xc8[\xde)L\x1a\x05~\xe0\xa9\xab,A\xedeN\xc5'</t>
  </si>
  <si>
    <t>b'w-\x8ba\xc8\xaf\xbd]\xc1_\\L\x94\x1a17\x83z\xe5\xb3BfwS^n\x83\x00{\xa9\xf1\xe2'</t>
  </si>
  <si>
    <t>b'@\xc2@\xd1\xa2\x9c&amp;JU\x9a:Q\xf1\xa1\x13$\xe3\x1b\xa3\xc1\x9c\x03\xe2H\xa7\xbf\x95\x8e\xbae\x00O'</t>
  </si>
  <si>
    <t>b'1\xb7{\x11\x12\r\xfe\xdc\xedtZ\x9aD1f\x87\x9d\xc7\x07r\x14\x1b\xfb\x9c\xe6\xf3\x06\xacq\xaap\x04'</t>
  </si>
  <si>
    <t>b'\x8e\x04\xd7\x13&lt;\xa4\x02`\xb0c\xe1\xd6\xd4\x85!&gt;.\x9eq\xe0\xd5\x8c\xde\xd2\xf4\xab\xb0\x8f\x8e\xdd\xd5\xbb'</t>
  </si>
  <si>
    <t>b'S\xf2"v\xbe\xe7\x83\xa2\x9a:p]\xd0+B\xbdx\x07u\xcfA\x14\x07\x95\xe4\x02\xf0d`q\xb8\x84'</t>
  </si>
  <si>
    <t>b'\x1e?\xc9\xfd(Kpy_\xc1\x98\xc3d\xfd\xbdF\xe6\x03\x03\x1a2\x07Rz\xba_#%\xe1D\x13\xad'</t>
  </si>
  <si>
    <t>b'\x85\x0f\xbc\xf7\xb2@?m\xb6P\xf9\xbd\t*\xbb}\xa8\x92\x00\xb3N0,\xc1\x1fBp\n-|\xe6\xb5'</t>
  </si>
  <si>
    <t>b'R\xa4\xa3a]q\xa4\xd0\xed\xfa Ad\x19$w\t\x08$\x93\xa0,\xb7A\xe6.\xfa:P\xd1\xafZ'</t>
  </si>
  <si>
    <t>b',\xe6\x82t\xec\xfe\x98U\xf3\xd2h\x89\xaf\xb4\xb4K\x1eX&amp;\xd7&amp;\x0c\xb8}\xc6\xca\x02\xd7)\xed\x1e\xf1'</t>
  </si>
  <si>
    <t>b'\xf7P\xcb?\xe8v\x19Y\xfe\xdf\xa1\xcfz\xae88n\xb9\xfc\xf8j\xe7/\x90\xc6\xeel\x15\x1c\x00W1'</t>
  </si>
  <si>
    <t>b'\x13\x1e"\x81\xba\x92\xe5v\t4\x8e\x15\x86#\xde\xfa\x87\xc4\xf7\xcfnH\x83\xa2O\xa4\x1cK.\xa7\xbeN'</t>
  </si>
  <si>
    <t>b'\xde\x85|!O\xae\xb2\x07=\x151\x93#g_\x83\xf1\xd1\xaf\xaby\x04\xe1\xce\x9f\x9d2\r\xb3\x0b\x1bR'</t>
  </si>
  <si>
    <t>b'3\x1f&gt;\x98\xbc\x9ey\xf4\x91\xaan$\x1fG+\xf1\xd6\r@\xc1q\xdd\xacE\xd7\xfb\xb1`\x13\xad\xff\\'</t>
  </si>
  <si>
    <t>b'\xce\x1d\x0cYu\x97&lt;.|\xbb\xf3\xdb&amp;\xac\xe3F\x0eE\xa6\xc1\x80G\xdd\x86R\\\xf0\x1a\xd5\xffK\xdd'</t>
  </si>
  <si>
    <t>b'\x02nNs\x9d\x82\x88\t\x13r&amp;\xd8\x02h\xedqY\x0eiN\xff\x1b\xa6\xfc\x1f\x89oP\xab6\x10V'</t>
  </si>
  <si>
    <t>b"d\xe1\xe4=\xd8'Y\xfeE\xab\x05f\x04QU\xc7\xaaP\x17\xb0\xa3\xff\x19\x98D\xfa\xcf\x9a\x08m\\\x11"</t>
  </si>
  <si>
    <t>b'\xad\x96\x0b(/j\xdbZ\x86\x17\xb8\xb5\xb2\xbc\x91\t\xdb\xf9y\xbf\xe73-\x00p\x19\xdb\xb6KtU\xdd'</t>
  </si>
  <si>
    <t>b'p\xa0bD\x14g\xab\xf8\xd3\x87\xf8Cz\n\xb8\xddF1\xcc\xf6x\x1d\x9a\x95\xa8\xef6\x9e\x82\xfc\xdb\xcb'</t>
  </si>
  <si>
    <t>b'/`\xf7=\xaa\xf0I\xa5\xcfp|\x08#\xd9\xbc4l\xf8\x91\x95R\xee\xdbO\x9f\xc8\r\xab\xb6B\x89\x1f'</t>
  </si>
  <si>
    <t>b"\xdeS?6\x1d\xe4\xe3\x971-}_\x8dHG\xfd\xe3a\xfa\xda\x08\xb4'\x8d\xc3\x8a\x85*&gt;\xda\x0b\x11"</t>
  </si>
  <si>
    <t>b'\xb8,s\xe4^\xe2\xc0\xb7\x02\x8aI"\xe7\x1a\xfey\x0b\x87\x00Q\xc7\x8f\x88cu\xcf\x8f\x81 \xb0\x0b\xcb'</t>
  </si>
  <si>
    <t>b'\xbcq\xbf\xd8\xdcuH\xa2__\x1d\x1a\xe9\xc2\x8e\x00|\xbd\xa5\x96\xcc\x90\xe3\xb4\x8f\x16%\xe8\x809\x17N'</t>
  </si>
  <si>
    <t>b'&amp;\x83\xf1-\x175\xaa\xe9\x8bv\xe8.\xea\xad\xfe\xe5&lt;"\x1c$\x0cr1 4\xc4-\xfe\x97\xd8\xe4\xae'</t>
  </si>
  <si>
    <t>b'~\x01\xfd\x06?%\x14H\x8b4q\x18\xebK\xc3\xf9\x02\x0f\xbc\xb5\x88.R\xd2\x8aT\xd4&lt;\xa5\x9f$\xa8'</t>
  </si>
  <si>
    <t>b"\xb2\xf2ha\xe2]\xd1\xd6\xf11\xea\x0b\xc5'\xb2\x8b\xd6\x1d\xb8\x85d\x1f\xb5\x8c\xab\x95\xcc\x00\xa1\x9804"</t>
  </si>
  <si>
    <t>b"'\xcb&amp;\xd6\xd5\xfd\x1a\x14\xfc\xe1\xe7\xe1&lt;37j[\xe3V&lt;C\\4;l\x0b\x9b\x86\xaf\xff\x98\xef"</t>
  </si>
  <si>
    <t>b'\x16;\xad\xc3\xfapw4\xa8\x06I\x81\xc4\xcdp\xd0\xc70\xe4\xef\x1b\xe3"\xce\x04\xad\xc0\x87\x10\xf5C\x0f'</t>
  </si>
  <si>
    <t>b'\xcf\xb4\xe2\xe2\x0b\x87?\xde\xe6\xebmo\xfe(\xa2\x82}\xc3+\xa9\xf2B\x9e\x82\xe2v\xfc#=oF\x88'</t>
  </si>
  <si>
    <t>b'\xcc\xd7\x81g@\x120\xe7\xe6\xb9L\x05\xdeA6\xef&lt;\x1b\xff/\x17\x7f:\xef3\x0f \xcd\x1d\x0f\xe3\x88'</t>
  </si>
  <si>
    <t>b'\xcdf*g\xde\xe0\x18\x96\x0cOw\xfd1\x93&lt;\x9c\xaa]~\xc7=B\xb3\xee\x9e\xd1\x9f\xc4\xd4\x9e\x15\x12'</t>
  </si>
  <si>
    <t>b'\r\x7f\xc5\xcb\x00\xc3\xce\xd23\\`\x8e\x88\xd8\x14_vS\xb4\x7f\x8c\xe5\x1b\xb1\x9c[\xbf\xc1\x7f7\x91\xbb'</t>
  </si>
  <si>
    <t>b')\x1b\xfdn\xdfh\xdd\xc1]\xc0\xd9\x05\x9ex\x8b\xb6\x87\x9b\\\x10:U\xf1\xcfo\x7f\xad\xb6\x7f\x96\xf0\xf7'</t>
  </si>
  <si>
    <t>b'\x7f\x13\xe9!ET0\x08\xf0\xa7G\x81\xd8\x86\x04f\xc74SU#.\xd9\xde\xd5\x7f\xbd\xe5*\x83&lt;\xea'</t>
  </si>
  <si>
    <t>b'%\x92S\x9f\x1c\xde\x93\xc4\xb1l_I\x9bqJ\x0b\xb0`?\xa6\xacZ\x1e\xd3\x97z\x1c\x85d\xaf\x9a\xd0'</t>
  </si>
  <si>
    <t>b'\xc8\rC\xc6\xb2N\x94\xb4PG\xd9\xf0\xba\xa4\x05\xe1*\xc3B\xdd\xc1\xf6n\xfd\xcb\xfb\x12\xf8V\x9f\x9eY'</t>
  </si>
  <si>
    <t>b'H\x19\x18\xe9\x11N\x7f\xe7\x83\xb6q\xc2\xee\xf6\x9aT\x87\x02\x9a\xc5\\+JU\xb2\x86x\xf7\x81[\x94\xd0'</t>
  </si>
  <si>
    <t>b'\x1f\xc7\xdf\xa9m\xa3u&gt;\xb8\xf1\x16\xa7\x8d\x17\xc6\xd3V)\xb1\xcfA\x10\xbc_\x90\xd3\xa7/\xc0\xe8A*'</t>
  </si>
  <si>
    <t>b"'q/\xa9\xdbG\x83\xb97\xf9\r\x15\xd1j9\x99\xe0\xda,\xe7\x07\xb7\\\xfaTY[\xfaC\xcc\xd0u"</t>
  </si>
  <si>
    <t>b',\xd3\xe2S8\x98\xaa\xc5\x85\x1cSj\x0cr7\xe8\\\xd9\x92k\x802%#\xf8i\xac\xbdaJ2#'</t>
  </si>
  <si>
    <t>b'\xf5^k\xe3\xa4\x91\x8a\xe2[7i@\xda\x0fU\x80d\x81V\x14\xfd\x80(X"\xd7\x9c\xcc\xb8\x99BH'</t>
  </si>
  <si>
    <t>b'\xe1\xc1|C\xbc\x15\xa8~\x9b0ac`\t\xcds\tY\x85$\x85\x9f7\x1c\x1dv#\xc7-\x83&amp;)'</t>
  </si>
  <si>
    <t>b'\xbc\xd9:D8*\x86\xa4\na\xc1\xd3\x9e\xe8\x96N\x1ac\xa4t\x01\x8f\x80A\xcd1\x8f\x84\x85]nR'</t>
  </si>
  <si>
    <t>b'\x968&amp;\xf6|\x1e\x8bE\xfd\xc1z\xfbL\x98\\\x8f\xb0\x1b\x07&lt;\xb1\xaaPS\xe0d\x9dc\x85;`\x17'</t>
  </si>
  <si>
    <t>b'\x80_\x87\xfb\x07\xbd\x11\xf7\x8c\xeb9\x98\xee\x91,H\xbd-\xff\xc7{\x98\xaa\xbd0)\xceE\x94cw\xdb'</t>
  </si>
  <si>
    <t>b'\xd7l\xbcl?\xd5zm\xbe\xa7e\xdc\xc7\xc6\xa4\x06\x8e^\xc2\x18^\x10\x04!\xc5\xa3]\xe7\xe9\xe5\xe5\x93'</t>
  </si>
  <si>
    <t>b"\\\xcdG\xaeM\xbb\x86{\x8dH\xeak\xaf0'\\@\r\x13\xf7B\xc3bY8\x86\x98\xc9\xa5\x80]\xcb"</t>
  </si>
  <si>
    <t>b'S\xdb\x11e\t\xb6\xc5(\xb1b{\x91\x07\xbfP\xb7\x00\xdd\x13\xee8I\xf0\x06+J\xbb;\x8dV\xc3x'</t>
  </si>
  <si>
    <t>b'\xb9\x9e\xcf?M\x88,\x91\xc3\xa83\xe5~F0\xfc\x13.\xbb\xd7$x)hN.\xfc\x02\xadV\xf2\xb5'</t>
  </si>
  <si>
    <t>b'6\xf2\xc1\xde\xbaP!\xe1\x854gN\xcb`\x17\xcaSj\x06\x13NO(\x9c\xc8&lt;\x13\x91\xcaH\xf9\xab'</t>
  </si>
  <si>
    <t>b'\x95\x196\x80\x08\x02b\x7f\xe9I\xf78X_\x8aQ9\x0e\x8b\xe3\xdc\xaa \xcbw\x84\xef\x15\xf8\x1fc1'</t>
  </si>
  <si>
    <t>b'\xad8\xbb\xc2%c\xfd\x1e\xe0\x86\xd7\xcc\x8bC\x9b\x89\x85\x90\x10\xa3Vx\x94\xe1\xcd\x13\xd9\xb6^\xf0"\xd3'</t>
  </si>
  <si>
    <t>b'n\\\xae\xd8\x0c\xd6\xc1B\x1e\xee\x8ahG\x87\xe5\xddA\xaf\xf8PnbA\x1e\x9dLL\xa2\x12-\x1f&amp;'</t>
  </si>
  <si>
    <t>b'\xa0\xc7i\r&lt;\xdb@\xbb\xea\xc2\xd7\xe2\xde11\xf1h@\x84\x90\x7f\xe5\xda,\x9cjO\xe2\x924\xdb\t'</t>
  </si>
  <si>
    <t>b"x\x0f\xdb\xb0'\xbaIftc\xc7\xcc\x15\x89\xc1zc&amp;\xcbI\x17\xe5_\xb4\xcc&gt;6\xae\x1a\xb8h5"</t>
  </si>
  <si>
    <t>b'\xe4@\x99k\x9cKi?\xc9\xf8&gt;\xe3@M\xdf\xad\x010\xdf\x10\x1a\xda \xb4\xda\x88^\x04\xe6)\xbf='</t>
  </si>
  <si>
    <t>b"\xabj'\xaf\xe7\x97a\xac\xd3\xf8\x87\x9e\x0f9\xf5\x9dy\xa8\xa1\xf3\xc3\x1e\xb6J\x18[\xcaL\x18\x88\xd8l"</t>
  </si>
  <si>
    <t>b"]\xdc\xe3Q\xa8M3\x13eb\xf8\x10RC\xc9\x92A\xffh\xd5\xd7\xc5\xc5\xc9A\\ \xb4i\xdf'\xaa"</t>
  </si>
  <si>
    <t>b'-\xa8\xf2\x16_\x8d\t$\xcc\x80\xaf\xcf\xd8\\^\x8f\xff\x8bya\xd8-\x11\xd1\x92\x1c\xcd\xb4\x08iE\xd6'</t>
  </si>
  <si>
    <t>b'\x12NP\x1a"\xb2 \x87^\x15\x81\x07\xcb\x96\x0e\xd8\n"b9-\xac\xa8@-\\\xd7\xcc\xe8\xb7)\xac'</t>
  </si>
  <si>
    <t>b'1\xa5A\x05\x99sz\x05\xe0\xf1\xf4\x83\xff046@\xdej\xe2\xebB\xa97n\xd5\x1e\x96\x1d7J#'</t>
  </si>
  <si>
    <t>b'\x9c\xe0\x1b\xe5\xd9\xcbaq\xd0*\xe7\xd56\x08;K\xcfG\x80U\x1e\x1e\xecPS\xa9\x8b&gt;\xec\x02\xa9U'</t>
  </si>
  <si>
    <t>b'\xb2\x90y\x0c|m\xbe\xd1\x82\xb4~~N\x9a;\x9b\x01\xd4\xb9nU+sj,\x11\xab\xcc\x0cU3\xed'</t>
  </si>
  <si>
    <t>b'\xe1\x15\x97\xe1e\x16\x9c\x11\x89\xe25t\x99\x80|\x98p\xe9?\xec\xcd?l5\x18\x85\x9eQc$n|'</t>
  </si>
  <si>
    <t>b'\x82\xbe\x99\x12\x82\x9d\x92\xd1\x12\xb6\x83\xdbvwb\x1fH\xe4\xbfFr\x1d\xf9\xc7\x14\x03\x81\xcb\xa8\xf2ub'</t>
  </si>
  <si>
    <t>b'\xf3\x18\x86\x94\xa0\x83,v\x8aZ\x96\xc0\xdaz\xa4\xff\xb7:\xe0\x14\x04\xccK\xa1\xef\x1c\xdd\xfc\x82\n\x8a\x00'</t>
  </si>
  <si>
    <t>b'~\x95[\x0e\x16\x94\x18C&gt;\x9a\x14\xe8#\x86\xec\\i\x9c\x01\xcb\x0b\xbc7\xad\xe1$7\x0cm\xc8\xafi'</t>
  </si>
  <si>
    <t>b"?\xbc'\xdd\xfa\\\xd5\x97)&gt;\x10\xf0\x062\xcb\xebg\x01\x10\x105j\xbd\xed\x19\xf6\x02\xb62m\xd8p"</t>
  </si>
  <si>
    <t>b'w.\xd2/\x88Q\xe5\xbaF\x04~\xad\x1a\x94\xe1\x12\xfa\xc1~\xf0@uF:@B\xa9\x1d\x85\xdd\xbf:'</t>
  </si>
  <si>
    <t>b'\x93l|\xf0\xaf\xef%\xd1C\xdd\xcd\xc7\xa3\xb51 \xc0\x07\x1c\xffn(\xe3\xb8L\x96\x99\x84\x8b\xa6\xf6\x97'</t>
  </si>
  <si>
    <t>b'oc\xc8\xfa\xf3\xd7Y\xf8\xaa;\xef\xbf\xae\xf7u,8 J\x87\r\xc0\xda8P\xc1#wm#\xdd\xaa'</t>
  </si>
  <si>
    <t>b'l\x8cP\x15\xab:\x0c^%\r\xe5\x94\x90)7k\xbc\xe4\xbc^1\xc1D2Tx\xb0\xb1\xbc\x7f&amp;\xb3'</t>
  </si>
  <si>
    <t>b'\xf8\x89\x15\x9eVzm\xbb\xa7K\xc6\xfdp\xcf*&gt;_v06\x859\x94\xf5\xe1\xf8\x9e\xa5\xfa\xd3\xeeP'</t>
  </si>
  <si>
    <t>b'\x97/^\xc7\x0f\xf0\xb9\xce/\x84\x9f\x05\xdd\x9e\x16J\xaeo\xe7\xeb\t\x95\x90\xfd8z\xe0\xfc0\x9f\xf6,'</t>
  </si>
  <si>
    <t>b'\x19;i\x05\xa9\xdd\xf8\xa78\xff\x15n|\xdd\x97ef+\xa3\xf2\xf9\xcd\xf6\xaa\xdb\t\xb0\x9eD\xf4\xc5\xf9'</t>
  </si>
  <si>
    <t>b'\xa9\xf6\x90\xc1&gt;\xdc\xc5\x8d_\xa9H@\xa5j\xd8\xda+\xe8\xff\xb9\xf4\xd4@{\xe6\xb4\xd63\xcd)\x02\xd7'</t>
  </si>
  <si>
    <t>b'\x8b\xea\x9f\xadM\xc66\xe5\x1f\x87\xc8)-\x8b\xa9\xb9\x0cy,v\xef\xc0\xb8\xa2mK\xa9\xe54\xff\xf1`'</t>
  </si>
  <si>
    <t>b'Vo\x9b\xf9\xf7\xf2k!\xf2h\x9c&amp;[jo\xab\x19\xec\x9c\xfb%\x85\xcc\xd8F\\\x05t\xcf\xf1\x06*'</t>
  </si>
  <si>
    <t>b'L\x153\xe9@\x0bi\xbdT+W\x1e\x18\xe9\xb2W\x14\x9a\xd3w\xbcW\xd9\xa6j*eK\xf5T\xfd\xf3'</t>
  </si>
  <si>
    <t>b'\x96\xdc\xean0\x15\xeb\xfaf\xf2\xf3\xe1_\x00\xa7{\x1c\xe6K\xb0\x1d5l\xf9\x931\xbb\xae\xf4$\xeb\xf3'</t>
  </si>
  <si>
    <t>b'\xa3\xd0\x9f\xd3\x82\xa2\\~]2\xf5q\xe1}bwx\x82\xab\xf4\xbc\xf36\x9b\xd9\t\xa5uq\x01y\xae'</t>
  </si>
  <si>
    <t>b'fN\xdd\xfe\x18o03\xfb\xacc\xbb/\x940\xf4)G\xa9&gt;-\x1e\xbfe)\x15,b.\xea\x8b\xae'</t>
  </si>
  <si>
    <t>b'`\xfc\xbf-`H\t5\xeb\x89ga\x9d\x9f\xdf\x04\x97\xd0\tr(\x83\xd2\x01|\xc0\xe3{t&lt;&gt;F'</t>
  </si>
  <si>
    <t>b'\xbc\xcc\x9d\xdal \xcc*&gt;\xce\xe8)\x89\x85V\x07bmX\x0c\xf5\xd5\x1fGHd\xa4\xfa?\x02\xbe\x87'</t>
  </si>
  <si>
    <t>b'|3\tV\x9b$\xc9\x04\xaa\x0f\xcb\xf3\xa2#\x12\xb2\xbf\xd3\x99{.s\xb9\x9c\xbb\x88c\x02%\x9e\x11p'</t>
  </si>
  <si>
    <t>b'[\xbfH\xe1T\x08\xe7\xfe\xe9\t\x88l\xd1\xa47P\td\xb8\xde&amp;\x9f\x0f\t\x01X\x0e`\xc6Rf\xe6'</t>
  </si>
  <si>
    <t>b'k\xee\x0b\xacZ\xc22\xff\xc1\x16 \xc5S\t\x98X\x7f6\x8f\xf6&amp;}\xb8\xd4G\x8a\xf1\xc2E,\xa1\x9e'</t>
  </si>
  <si>
    <t>b"\xfc5\x99\x14\xae\x9f\xdd\xf9\xb7&amp;\xfb\xcb'\x8a#W9\xa4\x95\xc2\x12\xdd&lt;\xba:\xa4G\x1f\xe8T8\x88"</t>
  </si>
  <si>
    <t>b'\xab[\xac\x81\x1b\xc3\xb2\xb0\xf0\x02\x90\xac\xf7\xc2\xc9\xf5\xa7\xa7\x9f\x9f\xdf\xd0\xfc^\x07\x02a\x9d\xd4\xe14y'</t>
  </si>
  <si>
    <t>b'2\xa6\x8c\x97\x1d\x0fc\xb1\xe39\x01\xae%(\xab\x1d\x94\xd5\xee\x14\x7f|q\x03\x1d\xab\x1d\x1dz\xce\xe4S'</t>
  </si>
  <si>
    <t>b'L\xc4\xa93\x05i&gt;3"\x96\x00\xc8Pr9\x1e;\xa9L\x1dtzKE\xb1\xd7\x8f\xb9\xceB\x8f\xcf'</t>
  </si>
  <si>
    <t>b'\xc6\x97\x9d\xae\x8e\x01\xd45F\xb9\xb2u~+LS\x08.\xf1\t\x02\x1dL\xf1\x93\x11\xbe-\xc7\xa1t\x17'</t>
  </si>
  <si>
    <t>b'?[\x05\xe6\x0b\'\x1eT"D[CL\x1a\xc7y\xcau\xdf\x96\x0b5\x87\x7f\x94\xd8\xa0\xa2@\x88;r'</t>
  </si>
  <si>
    <t>b'\xbe$\xd4\xb8\x0f\x8b3%\xe0#]a\xd1^\x1e\x18\xae]s=\xa9/ON\x83#(\xed`-\t\xd4'</t>
  </si>
  <si>
    <t>b'\xed\xa4\x87\xff\x1a\x19\xa7\x15\x013\x9a\xae\xae\xbc\xa0\xcc[\xbb\xbc\x15\xb7Scr\xd4Yg\x80\xb6\x91\x00H'</t>
  </si>
  <si>
    <t>b'L\xb2E\x0cI-\xc1y\x1c\xaf\xd3\xf2.\xbd\xa9\xc6\xae\xf1#\x1bA\x9c8\xd7#5\xdfC\x8de\xea\xf1'</t>
  </si>
  <si>
    <t>b'\xb9\x90I\xc15\xd7\x95\xc9\xf5\tW`\xe8&gt;\xa3\x12\xd9\x8d0\xe2\xcd\x0cO\xc0\xe1v\xd7\x16\t\x11S\xba'</t>
  </si>
  <si>
    <t>b'V\xe7\x1d"\xfdY;\xc0\xc6J&gt;4\x08\xbbp\x153\x9f&lt;\xfd)I=\x089\xcf\xeb\xc7\x9cz\xf6\''</t>
  </si>
  <si>
    <t>b'\xd3\x13\x9b\xa1.\x95\xdc\xeb\xb5l\xbcu\xac\x9b;\xce\x88\xa3E:a&amp;\x91\xdd\x8bW\xd8\xe0\xde,\xe0\xc9'</t>
  </si>
  <si>
    <t>b'wL\xa6\xfe\xcb&gt;b\x82\x0f\x80f^/\xad\xeb\xf3,\xc1\xd4\xfd\xb2R\x14\x98\xec!\x1fz\x87/\xd3"'</t>
  </si>
  <si>
    <t>b'\x02\xcc]&amp;\xeeF\x8f\xdd\xbcaW\x14y\x92\xe0\xd8\xbcx\xe4\xd7\xfb\x98\xc0\xb8\xa0\xa8#5\x9a\xc7\xf3\x85'</t>
  </si>
  <si>
    <t>b'\xc8s\x9dQ\xb7\x05\xa0\x16c+s\x1aR\xaet\x17z\xebKq\xff\n`RX\x16V\xcd\x0f\x1c\xdfm'</t>
  </si>
  <si>
    <t>b'y\xacw\xa2\xec\xe0o\xa8\xe83\xb8\xc1\xd3T"\xd6r\xa6\xd6\xf8Zh\x19C\xf6O{\xeba\x1cu\x16'</t>
  </si>
  <si>
    <t>b'k\xccs\x9f\xe4C\x10\x02u\n\t\xa3Se\xc6Y}\xef\xe9@\x9b\x00\x8aC\x9f\x15|Z3\x8b\xdb\xf8'</t>
  </si>
  <si>
    <t>b'k\xa4QL\xd8Y\x02!\x12\xf5\xe8P\xe4\xc2\x9e\xd7\xc7\xa0\x82=`j}N&lt;\xe1\xf6\xc7\xe6\x9b\x11\xfb'</t>
  </si>
  <si>
    <t>b"\xa2`'\xd0\x1dl\x15c(\xf3|\xb6\x89\x93sDu\xd0\xbf~\x8eT\xf3+o?\x00;\xc0\x9f\x19\xe1"</t>
  </si>
  <si>
    <t>b'\xbc(\x1e\xa5\xb4\xd4\xfb{\x1e\xd7\x8d\xbe\x8ba`\xc1u\x9b\x86\x91\x1b\xf3`_\x83a\x0b\x08\xf2\xe7\xf9|'</t>
  </si>
  <si>
    <t>b'\xfd\xcd\x03\xed\xbe\xdc\xb5$\x01\xb0\x13&gt;\x08\xce\xe8\xc9\xe8(\xcf\xa5\x92Oh\x96\x98\t\xeb\x19k\xb6$\xc9'</t>
  </si>
  <si>
    <t>b'\xf8\xd98\xab\r\x92IG\x11^\xb7w5\xe8\xa77\xe9\x06\x9e\x00\x14\xd6\xcf~\xbc\x8eu\x17\xdf:|6'</t>
  </si>
  <si>
    <t>b'+\xaa\xe8)\x93\xbe2\xc9\xf5\xfa\xf97\xd2\xb5&gt;\x8e\x8c\xabh\x00\xb1\xc2\x8ewP\x92\x0f+\x93\xeb\xa4t'</t>
  </si>
  <si>
    <t>b'\xe3O\x08\x8b\x13\x1b0\x1c\x91z\x02\xd4\xa7Q\xe8\xce\xc6\x94\x7f;\xb1\xf6\x0e\xbd-\x8f{\x82zV\xcaQ'</t>
  </si>
  <si>
    <t>b'\x9e&lt;\xbf\xf3&amp;\xef\xc1\x88\x8cF\r\x94g\x80^\xbc\x08\xed\xb4\xef\x83\x8f\xa5\xca\xfa\xcf:t\xff\xe6]\xa7'</t>
  </si>
  <si>
    <t>b'\x80\'q\xa47\xff\x83,\x8f\xcc\xd6\xf0!3j\xda\x0b\xbe\x13\x90\x96"+G\x17\xcd\xa2?\xc3\x0c\xbb\xda'</t>
  </si>
  <si>
    <t>b'\xc8\x11TI\xcf\x9d\xa6\xb5\xd2%$`\x8b*8 \xfaj\xdc\x9b]\x8b$\xb7E\xd2\x86\xba\xa7\x9a\xf0\xed'</t>
  </si>
  <si>
    <t>b';a\xdd\xf8\x020\xf5#\x13\xc6\x02q\xd1\xa3\xa1\xe8\x97\xb7b\xe6;=Q\xc7\xfa\x93\rro$\x06\xd0'</t>
  </si>
  <si>
    <t>b'[\x88-_IiliB\xe8\x96ka\xaa\xc1\xdc\x0f\xc6K\x8d\xfe"Z\xf6\xa5\x04z+\xb5\x08/`'</t>
  </si>
  <si>
    <t>b'\xd2\xf3\xad\x84\xa0\x17W\x9c2\x81\x88\x86\xd6&gt;\xbf\xeb\xd0\x82\xf4\x87\xb5&amp;;\xc1T}9\xf8\x19\xe9\xe6\xda'</t>
  </si>
  <si>
    <t>b'[\x80X\xeb\xcfM\xda\xad\x9d\xd8\x021\xa3\xfbt\xec\x89\xc0\x17\x1e\x0fLU\x16\xa4s\x04\x1b\x10Kf\x02'</t>
  </si>
  <si>
    <t>b'\x02\xb0g\x15\x87\n\xa2hm\xc2\xf1\x88\xb0\xc3]\x90vr\x10\xc1-\x80\x80\xf7\x9a\xe96\xab\x0f\xe1=\x93'</t>
  </si>
  <si>
    <t>b'\x82!r\xe3\x9b\xd3A\x1f\xb3W\x18\xc3\xdbw\xd2\xe2\x85Cu\xe1\xa4\xd0\x87\x11\x86\xc6\x1a\xc6\x8c\x01\xdd\x1b'</t>
  </si>
  <si>
    <t>b'L\xc4\x9b\x8b\xcaB=\xd1\x16\xd3o\x9fh\xb33\xbb\xc8@\x93f\xe7&lt;J\xda-t8tP)vM'</t>
  </si>
  <si>
    <t>b'\xa2\xcc\x1f\xdf\xe8G\x94t\x19v(&lt;\xe0\\\xce\xe2\xd1F\xf7\xac\xcf\x98hU\x81\xf6\x19\xe6\x0e\xb3;\xa0'</t>
  </si>
  <si>
    <t>b'\xd73\x9e\xaf\xa9t\x10\x82\x9a\xe3\xa2\xc1\xd5\x9a?\x9d\x9c\xb6C\xdf\x7f\xea2\xe4\xce\xba\xb0\xe1\xbd8\xf4T'</t>
  </si>
  <si>
    <t>b'\x8d{\xda\xe2\xd6d\xd2\xb2\x02\xbc\xeb\xe7\xef"\x9f\x96[\x93%8\x96\xa0T\xf5&amp;\xbd\xf9\x0f\x8f\x15 \xfb'</t>
  </si>
  <si>
    <t>b'\x1b?!\xc3,@\xe9+\x8bp\xeb\xa1q\xb9\xb3\xf6\x10~\xb3\xaa\xa5t#+t\x86pr\x98\xcb4Q'</t>
  </si>
  <si>
    <t>b'\x8a\\\x91\xbeb\n\x86"`\x7f%\\c\xcd\xed.\x93\x8b\xf9@\x1b\x88\xa6\x8c\x0e\xe0\xa1\xbd\x95jm\xaa'</t>
  </si>
  <si>
    <t>b'\r\xdc\x1c\x9d\xe5\xf0\n\x95\x7f\xed\xf7\xab\xbd\xfe\xd3C\x0bA\xb9\x03d\xed\xa2\xbb\x85\xb3^\x91-\x0b\x03]'</t>
  </si>
  <si>
    <t>b'[\xf7f\x0b\x00"l\xe7\xfd\xca\xa48\xedtu\xa2_u[\x82\xdb\x99xh5\xa3\x960\xe2\xee\xed\xac'</t>
  </si>
  <si>
    <t>b'\xb9K2\t\xcb\xd3\xf2\r}\x8b\x15\x17.xP\x87u\xc6\x8f\xdd1\x87\xc1\x0em\xfc\xf6\xc6V\x80\xb9\xc5'</t>
  </si>
  <si>
    <t>b'd\xb2{\xeb\xcc\x89X\x19\xf6\x06\x91O\xf4l\x8b\x89W\xd7\xce\xfb\xaf\xf1JS\xc2pf\x9f6\xf7\x94\x9d'</t>
  </si>
  <si>
    <t>b'7\xdf\xd2S\xf5\xa0\x90G`c\\\xeb\xa0\x1ey\x8fL\xaf\xf8\xfc\t*k\x85\x1f\xb8\x18k&amp;Y\xf1\xbd'</t>
  </si>
  <si>
    <t>b'\x07\x7fus\xb7\xec\xce\x0e\xba\x8a\x83P(\xeb\x08Y\xea\x14\xebCz\x11\xe0n/\r\xca\xd2\x86@\xcb\xf3'</t>
  </si>
  <si>
    <t>b'\x87s\x9d\xd9\x98\x15\x07\x0f\xb6G\xf7!\x08\xb1\xe8YS\xa6\x99\xf5\xd4\xdc\xb1\xfd\x80\xa0\xe3a\x94Vp\x1c'</t>
  </si>
  <si>
    <t>b'\r\x0e\xc8lX\xb0\x15Qfx\xcf\xbd\x823\xdb\xc8\x8f\x86\xef\n\xd4\xceT\x80\x17\xfc+\x95\xfcj\x7f\xa0'</t>
  </si>
  <si>
    <t>b'\xf6F\xf1z\xb1\xf0\xbd\x9f2\xfe\x17`o\xb0w]!\x8e\xf4\xe6@ox\x07\xf3I\x06\x12q\xff\t\xd0'</t>
  </si>
  <si>
    <t>b'jB\xbf \xc9h\xd2q\xb7b\xde\x89S\xa7w:\x99\xcb\xdd\xf5\xe3\x01F\xd0&amp;\x97\xa3;\x10e\x97\xc9'</t>
  </si>
  <si>
    <t>b'\x19\xc4K\x0b\t\xc4\xf0\xa9a\xd14\xd4r\xcb\x0b}\x10u\xfc\xb9$yO\x1b\xca\xf7\x1d_(\x03\x93\x9f'</t>
  </si>
  <si>
    <t>b'\xb2\xdc=\xaf-\x12W\xb1\x1a\xda&gt;\xbe\xc5\xd4&amp;\x9e\xc1k\xac\xe4\xf7\xa9\x90\xda6\xe7_ $@\x82\xab'</t>
  </si>
  <si>
    <t>b'l(\xd0\xb9\xb8}R\xd7n\x03-\x8c"\xac&gt;\x10\x84\xcf@Z\xb5\xa1\xfc\xeb\xaa\xeb\xcf\xfd\x01rQ\xd8'</t>
  </si>
  <si>
    <t>b'\xc5t5\xdek\x18\xf2\xfb\x08\xb1\x1c\x92\x08\xd2\xd7\xaeo\x85&gt;v\xc5XL\xc4Q\xbc\x10O6\xdc\x9e\xb3'</t>
  </si>
  <si>
    <t>b"\x0b\xfc\xc5\xa7$0\x18\xa0@\x96d@5\xf9\x86\xf2UC&amp;5L\xb9'\x0f\xafj.\x875\xbf\xeb_"</t>
  </si>
  <si>
    <t>b'\xa9\xe0\x17/\x8ar\x96[)\xf9m\x82\x925\x96\xd0\xf3\xd4]\xda\xb8LpU&lt;\x9d\xb0\xfe\xd0\x13\x9e\xbd'</t>
  </si>
  <si>
    <t>b'A\x8b\xc34\xe5o\x7fK\xed)m\xe7y\xb7\x1clJ\x8a\x96\x95\xcb\xc2P\x0bW&gt;\r\x0b\xdf\x18O\xbe'</t>
  </si>
  <si>
    <t>b'\xc1q.\xb2\xd96\xc5\x83\xb6\xe7\x11\xb5;\xf8q^\xe5\\\xe3\xa2\xfb\xa4d\x00}\x8e\x95F\x82\xe8X\x82'</t>
  </si>
  <si>
    <t>b'fV)t)\xa8\x1b\x04\x81\xa37\x12-\x84\x05N9J\xab(\x0b\xa0s\x87W\n\xf5\x90\xe0\xf6\xca\xf2'</t>
  </si>
  <si>
    <t>b'\xcdm\xb9n\xbd\xb0\xac\x06Q|\xfd\xc73r\xfb&gt;\xd9J9\x7f2}\xb8\x0bK\xcf\x86i\xdb\xcb\xd9\x97'</t>
  </si>
  <si>
    <t>b'D[\x0e\xfb\x1d\xfft\xb6@a\\\x7f\x0ca\x86\x9f\xb6\x07\x95\xc4\x9c\x10y\x83#H\x1f\xaf\x05\xech~'</t>
  </si>
  <si>
    <t>b"d\x17\x8c'q\x87z\x1cm\xfaz\xad\xbcJ]\xaa+\r\xf8\x05fd-\x83\x9d\xe7\xd5\xae\x16\xee1\xad"</t>
  </si>
  <si>
    <t>b'\x04\x99CF{\x82n\xff\xd5&amp;\xcf\xa5\xa0\xb9\xeb\xbbhm\xc2h^\x10\xa2\xd0\x04GKu\xae\xea\x93&gt;'</t>
  </si>
  <si>
    <t>b'\xd4wE\xe2\xaa\xd0:l\x1d\xef\x07\xcb\xc9\xacW\x1253\x9f\xf5\x86\x04\x99{\xfb\x00\x16\xdc\x04\x8cl\xf6'</t>
  </si>
  <si>
    <t>b'!\xea\xec\xe6Z\xa8\xd0\x7f/\x94\xddx\x840\x13\xfc\x11\x0cE7\xe4\xad/\xe38\x06\x0fa\x85gdj'</t>
  </si>
  <si>
    <t>b'\xf0\x84\x8fT\x9f\x9bX\x13&lt;J\xf7B\xfck\x13\r\xbe{\xb5k\xaa\xd7\xb6T;D&amp;\xd3+\xb6\xa5\xab'</t>
  </si>
  <si>
    <t>b'{\xb2\xd6\xd0\xb0&lt;1\xb6\x7f\x1e\xfc\xd5\xd6\xdd8N/b\x04\xe0\xd0\x13\x89\xe1\xd6&lt;\xc9S-}\xc6\xbc'</t>
  </si>
  <si>
    <t>b'\x13uCH\x0301\xec:_P\x9c\xe3\xbc/w\xea\x81i\xa8x*Z3L\xff^7\xc4\x8a\x17\xb3'</t>
  </si>
  <si>
    <t>b'S\xe4\xd3"\xef\xda`\xad\x7f6\xc8\x1c\xe5P\xe0~\x8d 8\xec4W\xb1Lm\x17\x02$\x16\xa8e\x10'</t>
  </si>
  <si>
    <t>b'?\x17m\xd8:\x17&lt;e\x00\x81\xdbc\x03(\xbd\x1b\xf0f\xf1\x0f\xad\x89W&lt;l/u\x7f\x8c\x9b:\x13'</t>
  </si>
  <si>
    <t>b'c\xbe\xd0\xbd\x0c\xe4H\x9d\xbbn\x1dY\x12\x1e-\xd5\xcf0\n;\x05\x94\xf4\xb2\x01"\x06\xb9\xe6x\xd8f'</t>
  </si>
  <si>
    <t>b'r\xc2\x87\xaa\x90Y\xea\x9e\xb3\x8b\xff\xa0\xe9\x96\xb4\xec\xc9\xfe\xee\xb0\xbd"\x0f\xe0\xffr!r\xa7_Mg'</t>
  </si>
  <si>
    <t>b'\xa3\xadm\x81\xd3?}\xea\xc2\xc3z\x07\x86\xc1o7\xdcp\xb4\x11o\xf5&gt;)\x83\xd2a\xc7\xd916\x95'</t>
  </si>
  <si>
    <t>b"}\x1e\xfb\x82\xf5\\\xd9'\xc6\xd0\x1d\x80\n\xca\xfef\xaf\xc5\xbd.\xb0\x92\xf7\xefE\x1fP\xd7i\xbc\xb5\x05"</t>
  </si>
  <si>
    <t>b'\x104/\xa3\xf8\xc3Bt\xcc&gt;$\x92\xb5ZP\xf6\x9a\xd5\xce\x84\x10I4\xe7\xa4\xe6\xc7s\xa9\xf8\xe81'</t>
  </si>
  <si>
    <t>b'b\x16c\x80\xf9\x87\xee\xd2\xf3\x11\xbe6\x07V\x9e\xf7\xec\xabCEu\x904\xc1~k\x14\xa3 \x1c\x00\xde'</t>
  </si>
  <si>
    <t>b"F\x9d\x15\rM\r@\x8dr\xa0_\xe4`-\x84\xdfc]\x8e'\xaea\x85\x80\xfe\x97\x12\x16,\xe6}\xac"</t>
  </si>
  <si>
    <t>b'\x06\xa0B\xd5\xdbd\xa8\x88\x19\xc1\x86.t\xfb\x90{\xfb \xa2-\xfei^\xf18\xd1\xeb\x80C\x05K\x16'</t>
  </si>
  <si>
    <t>b'\x80\x9eh*\xff/\xc2\xe67\xde\xcc"I\xe1\xa2\xa6O\xd2y\xf96\xa9\xa7#\x85\xe9\x19\x04\xd0\xb5\x843'</t>
  </si>
  <si>
    <t>b"\xa6fG\x85NG\xa21\x04\xa5\xa4\x93\xe5\xe1\xca\xb8\x85b+e'\x88\xc2\xc3\x18I\xcb\xcf\xe2G\xb0\x81"</t>
  </si>
  <si>
    <t>b'4\xba\x8c\x02\xf0j\x15\xdcI$\xfd\xb2\xf5\xd4&amp;P\xd39\xe3\xfb\xab\xdd\xd8`\xf6\xf6\xe2:\xd8\x97\xc6\xe9'</t>
  </si>
  <si>
    <t>b'=*\x8a&lt;\x11\xe1_\xda\x08\xc5\xe6\xeb&gt;\x08\x00\xb3\x11o\xc8\xd7\x1cj\xc8\x90\xa8\xf5i\xff\x8d\xe2\t\xde'</t>
  </si>
  <si>
    <t>b'\x95.\xc5y\x06\xd4\x8d\x19I\x92;Z\xc2H\xf0\xde\x01\xdc\xede\x84\xed\xe3\xb2\xe8\x0eW\xc9\xffs\xdf\xc5'</t>
  </si>
  <si>
    <t>b"\xc5\x96\x92&lt;KF\xd4\xe6\x05^\xa5xh!\x01\x1frg5\xe12\xeb\x1bm{O\xba\x0c\x81'^]"</t>
  </si>
  <si>
    <t>b'{W\xb4_\xca\x07\xed~ \x0ff3\xa4R\xfd\xb7\x86\xce#\x91!+q\xcf\xba&gt;\x8d\xec\xcc\x08\xce\xf9'</t>
  </si>
  <si>
    <t>b'y\xd5\xc8\x84Sp\x1dPZ\xa44x\xcb\x059\x064\xdal\x05\xc7F\xc7\xdb[\x92l\x06\xf2\xb2pd'</t>
  </si>
  <si>
    <t>b'\r\x8c\x8b\x0b\xadW]\x85\x99-\x9fW\x92\xdd\x93+\x9b\x86\xda\xae\x8a8\xe8\x9d$q7\xd1\xdd\x89\x07\x8b'</t>
  </si>
  <si>
    <t>b']\xb7\xe8\x0c\xfd9\x96\x94;\xa6=VP\\\xcf\xd2n@\xc2r\xb8\xab\x11\xae.#b\xb8g\xc9"\x1c'</t>
  </si>
  <si>
    <t>b'\x92\xb2f\xc1\xbf"x\xe1\xd9u\x94\xd3w\x17\xd7\xe9\xb8$\xf8\xbd\x9c\x00V\xa29T)9\x19\x8f\xad\xd8'</t>
  </si>
  <si>
    <t>b'\x9eq\x87\x11;\xdd$\x83\xf1\xf2m\xfe\xd1!P\xc4\xea1#\xe4\xcc\x02X\xa6\xce\x80F\x02P\x8a\xe8n'</t>
  </si>
  <si>
    <t>b'\x91\x13\xb6\xecc`\x82;\x18\xd7M\x1f\xfd&gt;y\xd6 U\t%\x8d\xb3(+3H\n\x87&gt;\x85(E'</t>
  </si>
  <si>
    <t>b'/\xf1/\x1a\xeb\xb2\xeb\x96G\x94N-40\xfeq_\xc8k;\xf3\x97\xaa^t\x1d\xf4\xfcz\xe3\n#'</t>
  </si>
  <si>
    <t>b'\xa4\xcd\xe78\x8b\xb9\xb5\xaa\xd8^\xba\xd08\x84Qm\x11+r\xc8\x9f\x9a:\x9d_\xb7\xe3\x86\xeec\xcc\x93'</t>
  </si>
  <si>
    <t>b'\x11s\x00T\xe6V@o\xf9\xe6\xf3\xbfHz\xf1\xf6\xd7\x1f\xf4\xce&amp;U\xd4UOL\xfd\x8d\xf5n\xa2;'</t>
  </si>
  <si>
    <t>b'\xe7\rl\xa6-\xd9\xe4\xf7\xb9\x03@\xac\xd6\x8e\x05\x1d1\xc0~d \xac\x91e\x94\xd3/\xc93\xbat\xf1'</t>
  </si>
  <si>
    <t>b'\xe3\x8750\x07\xf8\x88\xb80g\x8f\x82\xa5\xea\xd0\x85\xcd\x8aR\xc5z\xca\xa7\x95\x8b\xafx\xd3\x9e\xbf\x083'</t>
  </si>
  <si>
    <t>b'm\xd1nL\xcaMB\xf7\xb3\x00\x0f\x9c\t\xab\x83\xf2\xf1\x1d\xb2\xa8jT\xc4.^\xaf\xa0\xd0\xceR,\x82'</t>
  </si>
  <si>
    <t>b'?Qu]\xf3\xc5w\xc21\x9fI\xd1q\x88\xd9\x02\xc5\xec\xb9h\xc0W\xf3{k\x99\xd9\xa5:\x1c{g'</t>
  </si>
  <si>
    <t>b'\x1a\x17-t\xc0\x1eG\x00\xfc\xad\x9e\xa5op\x06A\x0f\xddE\x93\x07Z\xcb\x7f\xf9F\x06\x04\xed\xfe\x85W'</t>
  </si>
  <si>
    <t>b'\x0c\x9c\xef\x1e&gt;\x0fu\x8co\x9ee}&lt;\xe7e\x80@\x87}\x8b\xb9\xbe\xf5\xbcF\x03\x91,\xbc\xbd\x80\x8b'</t>
  </si>
  <si>
    <t>b'\xe4Y\xb3\xfd]\xc6\xafUe\xa9\x16\x98\x88\xc0\x8d\x95`\x17\xe9\x9f\x7fbk(\xe1\x1e\x1e\xa0t\xa5\xb6\x13'</t>
  </si>
  <si>
    <t>b'c\xd8\x05\xfa\xb3\xab\x13CK\xb6U\x1fh\xd4\x11o\x1cU\xa5\xb4*\xb3L\x10nz\xef\x13l\xf4.+'</t>
  </si>
  <si>
    <t>b'p-\xea\x017\x15\x94\x95l?\xd857\x8d\x14C\xfe\xc7@\xa2EFK\x01S\xbb\xae\xd3\xf4m\xf1\xfc'</t>
  </si>
  <si>
    <t>b'fXf\x07+\xba\xcd`&lt;7z}\xf6+(\xa9\xe0\xcd\xf0\xe7\x12Dk\xc8\xfbC\xa3\xbf\xe9b\x92\x8f'</t>
  </si>
  <si>
    <t>b'\xd5\x8akZ\x18\xa3\x1f\xb7\x9d\xf4\xd60nv)\xf7az@S\x00\xb9_"\xd1\x988&amp;G\x0c\xd14'</t>
  </si>
  <si>
    <t>b'K\x17\x17\x87\xd5\xf2W\xa8\x15\xc1\x086\xe40!n\x9eM\xd5\xbdr\xe3\x1c\x9d\xaa\xd5\xc3\xa3\xaa\xed\xff\xb8'</t>
  </si>
  <si>
    <t>b'\x01&amp;|\xd0\x085\x91D\xf7\xcb\xa5\xdd\xd4\x93o\xbd\x01\xce\x168\xc6\xae\x1f\x00\xc4~g\xe9\xfd!\xe3p'</t>
  </si>
  <si>
    <t>b'Ke\xae\xd3UBY%\x83\xd5\x97\xd2\x05\x00\xf1\x83\x85\xd0\xbbo\xbc\x96\x12\x9e\xc3&lt;\x13Pe\xe3@\xd5'</t>
  </si>
  <si>
    <t>b"z\t@\xa9\xa2\x15U\xb2\xcd\x9f[9\xc4\xfd\xf89\x85\xdcc!\xce=\x19m\xc9'?n\xd9\x05G\xfe"</t>
  </si>
  <si>
    <t>b"_\xe0&lt;\xde\xd26*\xc7'\xa7\xbe\tj\xc7\xe3\x90\x9e\xca\x85\xa5\xa7]#[_d\x8c|\x15\xe5\xd8\xd0"</t>
  </si>
  <si>
    <t>b'\xd0C\xfe"N\xe3\xca\x19\xda\xf4\xb9\xf2\xa8\xe9\xf4P\x89\x1f\xb2\xf8\x04\xd8&amp;\xbb\xc0\xea\xf6\xf5\xbf_\xd6\xb8'</t>
  </si>
  <si>
    <t>b'\xb1A\x80\x04\xaaORh\xea8\xf6\xc0\x1bm_X\xefdd\xc5\xe2D\x82\xf1Z\xfd\xde\xe0o\x80?\x9b'</t>
  </si>
  <si>
    <t>b'\x15\x13\xd1\xe2\x91\x8a;\r\xbd\x8a\x1d\xe5\x04\x99e\x15\x00\x92\xa4A`d\xeb\xddC\xceF*_5\xd7\x97'</t>
  </si>
  <si>
    <t>b'C\x8a\xcd)\xcb8w \xe6\xde\x17\xfb\xe7?\xcaR\xcck #:\xe6\xecxL*\x14\x08\xeeM@\x0c'</t>
  </si>
  <si>
    <t>b'F\xff"\x84\xbe\x8c1\xf7\x80X\x96?\xc9\x0b\x87O\xcf\xd7\xb9\xe0h\xabJo[\xabh\xac&amp;\xbf\x8bw'</t>
  </si>
  <si>
    <t>b'\x14\tJ\x95!\xc2\xfc\xa4\x7f\xdck\xdc\xa9\x1fC\x13K\x88n\x01\xd7#\xbeio\xdd\x0f\xe0\x92\xdbZ5'</t>
  </si>
  <si>
    <t>b'\x85\xef\xecT\x9d\xe2l\x8e\xa0A\xc3\xc3\xd3\xca\x03\xe0\x9e\x1e\x9cQVg\xc5\xf4\xb8\xe6\xd9\xbc\x05m,\x1f'</t>
  </si>
  <si>
    <t>b'0\x98KI\xe5\x02\xcc\x8f\x98v@sA\xf0\x14\xd5]\x9e=\x0br\xb3?\x0b\xbb:\xc2F\xd8i\xfaH'</t>
  </si>
  <si>
    <t>b'\xb2\xfc@$o\xbf\xad\xe4\x0ez%]\xbe,O\x064P\x86!N\x9a\xe3\xb2\x85~\xdb\x11\x90\x83^\xe7'</t>
  </si>
  <si>
    <t>b'm1O\xe6\xe2\x94\xe4\x84\xa3c\x1f\xb1n\xc95$fH\xa2\xb7\xf8\x12?/\xe4\xdb*T\xe5)\xfc2'</t>
  </si>
  <si>
    <t>b"\x80\xf9M\xf9\xc7\xdc\x97'\x04\x10/\x88\xf5M\xc0\xec\x90Sw[\xb4FC\xa1\xd7yr`\xee\xad\x1f\xd4"</t>
  </si>
  <si>
    <t>b"\x0e\xd7\x87\xa3\x95\x15\xad\x915h\xde\xcf\xdc\x14\xcf6[\xf6\xa9,,\x9d\xf7\xf01\x10\xd8@'5\x06\xae"</t>
  </si>
  <si>
    <t>b'\xc4\x83\xff\xe1\xf4\x0f\xe5\xc91\x97\x90\xad\x04"\xa82\xab\xa3\'R\xe7tpXN\'\n\x02\x14\xd5;\x88'</t>
  </si>
  <si>
    <t>b'\x80x\xbdh\xf4cM\xb3\xb9\xf7j\xdfn\xdd{\xdf\xfd\xc3T\xf1D\xa5\\\x01\xa1\xdf\xf2\\\x80\x16=\x89'</t>
  </si>
  <si>
    <t>b'\x85.\xba&amp;2g\x98\xb5|\xf7\xe7\xc6"\xaa\xd1m\xd4g\x85u\xcf\x9an\xe1&lt;O\x0fc4c\x96\xd6'</t>
  </si>
  <si>
    <t>b":\xc6(o)U\xe0\x8cl\xdf\xe2\x16\xc1\x7f\xe32\xc58bZ\xaf\x1dq\xa9\xf4\xa6#'\xcf\x18\x16\x12"</t>
  </si>
  <si>
    <t>b'r\xaa\x86/g\xcd\xec\x11\xc5\xf0\xca}\x98\xa2#@\xc5\x83\xc1\xfc5\xa2\x1fO\x02\t\xbdQ\xe2\x95\xc2\xef'</t>
  </si>
  <si>
    <t>b's5\x9f\x8b~a/\x8bac/"\x05\x98\x90\xbf\xf00\x9c\xe2\x14\x1c\xd7d\xad\xfe\xb0\x86\x83\xc3=s'</t>
  </si>
  <si>
    <t>b'+\x7fi\x86\x82\xd5\x98F\xbfy\xaa\xb5%\xdb\xa8-\xe4T9\xf2A\xed?\xd9O\x0f\x90\xff/\x9f\xf6\xb9'</t>
  </si>
  <si>
    <t>b'\x91\xc8\xc4\xdb=\xcdC\x90\xb8\x85u\r\xbb\x08_\xdfI\x1b\x1a\xc9\xb6$\xc5\xa2o\xfc\x81Q=Z\x90\n'</t>
  </si>
  <si>
    <t>b'\xe1\xf0\x17\r\xcd\xf6V4\x9cG"\xc4\xcbb/\xa5\x9c\xad\xb7$T\x1aF8 \xe1=\xde\xf7\xb0b\x1d'</t>
  </si>
  <si>
    <t>b'&lt;\xdc\xd2"+\xdd\x14\r\xfb\x9c\xaa\x1e\\\xb6\x16\xaeP\n`D\xe7{\x83\x8bB\xc54=\x8d\x1d\x15i'</t>
  </si>
  <si>
    <t>b'\xa0#i+\x0f\xbejf\xbf\xe2\xa8\x9a\x02\xf2\x16\x82\x0c.o\xa32T\xcd\xd4\xdf\xd1\xda.\xdbod\x91'</t>
  </si>
  <si>
    <t>b'X\xdb\x8d\xc1\xbb\xd4\xa30]\xb8sW\xa1%\xd7\xec\x9c\xd8\x8d\xc4\xd86`\xc9\xfd\xc7\nvu\xecb\xe2'</t>
  </si>
  <si>
    <t>b'\xb2\x08\xaf\x94\xc8\x9e\x82)\x12\xff4\x9b\xe3D6\x06\xca\x12\xac\xc4\xd7v\x1a\x81\xed\xea\xeds\xeb\xaf\x9d\t'</t>
  </si>
  <si>
    <t>b'\x00J\x8c\x1dk\x06\xc3\x91\xfc\x0cl\xe4g\x86\xbal\xd3I|\xa9\x12v\xf1A\xdeK\xd0\xa0\xab\xf7\xb5\xd3'</t>
  </si>
  <si>
    <t>b'\xfb\x16V\xb4\x16\x87(\x0b\x90`\xca\xbe\xf5\x91\x89\xcf\xc3\xb6\x9e\x84\xb2I\x18H\xb9\\+i\x00KK\xf0'</t>
  </si>
  <si>
    <t>b'-\xa4$8\xf3\xde\xe3\xbf\xa6/\x1d\xcf\xac\xd6oCaP\x1e@\xf0\xbe\xa2\xfa\xbb\xd0wlp!\xa6\xbb'</t>
  </si>
  <si>
    <t>b',\xdf\x85\x8al\xb2/p\xd4\xf8%\x8b\x98\xd0\xd1&lt;th\xe1FZ\xdaDk._\x87}\xe1\xc9\xa1M'</t>
  </si>
  <si>
    <t>b'\\`\x00\xbb\xa6\xb53T\x02\x0f\x8bM\x1a\x97\xb0\x1d\xbe\x934\x11\xe1\xc7\x03\xc0 \xe4v\x14|\xed^n'</t>
  </si>
  <si>
    <t>b'\xdb\x1bU\x11\xe0$\x952!i\x9f\xb3#rH\x02\xfd\xe9\x13\x13\x1e\xca\x83\x9d#\x82\x83\x10\xc1\x80\xd2\xca'</t>
  </si>
  <si>
    <t>b"\x1bSF\xddul\x10R\x8c\x7f\xffVO\xcap\xe1s'\xf1\xa1\xc4S\xedb\xf324tG\xf3[;"</t>
  </si>
  <si>
    <t>b'\x1c\xadF\xb8\xde\xa1J8\x8a\nITD\xee\xce\xd0\xbej\x84O\x8fC\xea\xe51\xee\xf9/\xdb/\xb8}'</t>
  </si>
  <si>
    <t>b'\xd4\x8cas\x93w\xed\xde\xd3\xa2\xbd\xbf\x80\x07f\xe3h$\x17rn\xee\xc9\xb6?\xbf\xf6\x0c\xd7\xde\xaf\x8e'</t>
  </si>
  <si>
    <t>b'\xe4w\xdd\x98\xfb!\xf1Nr\xf4\x0c&gt;\xc0N\xa6qPz\xddn\xa2\xebl%P\x87\xa8\x0c8\xc2I6'</t>
  </si>
  <si>
    <t>b'\x97bd&gt;\xd2y\xfb4\xe1gL\x08\x89\xf5\x82G[7i\xb6\xd1-%*\xb8\xba\x86\xa8\xaf\xfa\xd2J'</t>
  </si>
  <si>
    <t>b'P$\xb4A\x0f$Z\xec\x15\xe6osf\xee\xe7\x06V\xbf\xb1\xa2\x8e&gt;\xda\x85_3\xb4\xe4i\xf6\xb0\xd5'</t>
  </si>
  <si>
    <t>b'b\xd1\xf2\x05m\x94\xef\xbf\xad0\xd2V\xa92X\xf5\xed24\xf2\xe3b?\xdc\x86eF$\x06\xa6\\\xe8'</t>
  </si>
  <si>
    <t>b'P\xdb^E\xae\xa9\x16.\xfd\x11\r)\xa6_\x88\x90e\xe5\x12^\x9fS8\x9a\xf7\xeb\xe5\x8a\x08\xce\xf2\x11'</t>
  </si>
  <si>
    <t>b'uv\x99e9\xba\x1d\xd16/Z\xb8 !v\xb0p\x8d\x82H\xbe\xf0E\xdf\xa9\x98w\xaf?&lt;\x11R'</t>
  </si>
  <si>
    <t>b'|b\x86k\xee\xcc\xadC\xd7\xf0\x1b\x8b\x02\x03\xdf\x03\xbd\xac\xda\xd5U\xabH\xc2OF\xce\x90\x07\xefON'</t>
  </si>
  <si>
    <t>b'\x0eZF\xc4\xb2\x16\xd4\xec\x0eA\xd2\xc2\xe3 \x08S\xf6I\x98\xc8|-,c\xe5\x80\xeb\xdb\xaf\xfa\t\x93'</t>
  </si>
  <si>
    <t>b'\xe4&amp;^\x9d\x10\xf0\xae\xe3&amp;\xb1\x04*ht\x0f\xfb\x06\x02\xa5R\xb8QhC\xbe\xb0\xc5\xe4\xc0\xaf\xca\x17'</t>
  </si>
  <si>
    <t>b'\x08-O\x03f\xb6\x86\x02\x15[\x93\x0f1\xbf\x15\x1e\xcf\xe1\xc7\x08\xf3\x16&lt;\xf0\n\xb5\xc4r0\x87\t\x7f'</t>
  </si>
  <si>
    <t>b'/\xd7\xdd\x85\x0ev\x0e\xa6%3\xba\x86\x15L.\x97\xf6O\xb2\xa8H\x93y\x1eP\xbc\xe311\xff\xe5|'</t>
  </si>
  <si>
    <t>b'\xfe\x08f\xa3\xbe\xea\xdb\xfe\xd4\x08\xb3\xe6g\xd3%j\xb2F\xe4\x84?\xd6\xd8^\nfU\x91!\xc9\x05a'</t>
  </si>
  <si>
    <t>b'\x8e\xef\x0e/t\xa1\xd9\x8fL)\x96\x91\x154&lt;)\x94\xc1\xbc7\xabE;\xe1\xc5\xb8\xd9)\x91\x97\x03('</t>
  </si>
  <si>
    <t>b'\xc8\xb7\x04\xc1\x89&amp;u\xac\x17\x0c\xb27,\xe0\xeajB\xac\x98\xa5\n*\xa3\xad\xa4u\x0fD\xde9\xafi'</t>
  </si>
  <si>
    <t>b'\xb7\xf8\xb7mI\x93\xe1\xd1`:\x17:%\xb5,P\xc0\xf8\xaa\xaa\x9dS\xf1\x93u\xee\x8fCr\x00\x8e\n'</t>
  </si>
  <si>
    <t>b'qL\n)\xdf\xf0G\t\xab\xd0\xb8w,\xeb\x94\x04h0Ql\xe8[/\xf5_@\xf1;k\xfd\x98v'</t>
  </si>
  <si>
    <t>b'\x01Z\xbd\x12\xb9\xbef\xaa4\x99\x952\xcb\xb1\xa1\xd7\xf1\xd4\xd6\xe7:\x95j?\xa3\xbe\xd7I\xba\xe9\x12\xc9'</t>
  </si>
  <si>
    <t>b"[G\xec\xcd\xae\xd0)\x82\xc4\x97[#\xee\xa8\xd4'\xba\x1bR\xcb\x9a\xf9zR\xe0r\x0f\xc52\x89\xea\x91"</t>
  </si>
  <si>
    <t>b'\x85\x08\xc7\xce\x12\x11!e\xd2\xc1~\x8b\x06\x84\x13Et|\xe2x\xd0\x08\x85\xa6\x9bm\xb2Yl\xfc\xda\x1b'</t>
  </si>
  <si>
    <t>b't\xde\x04\x9c\x1a\xb5\x0e\x1akr\xc7I\x89\xe8o:^\x020 [$\x8by\x96\xe2\x0f\xc2*\xb6\xceT'</t>
  </si>
  <si>
    <t>b'd"Z\xd4\x87\xea\x14\x8e\xc6\x9b\x1a\xe1\x92\xf1\xa9\xb7\x06\x19\x14\x80\'j(/\x84W\x1a\xb6\x14x\xac+'</t>
  </si>
  <si>
    <t>b'X\xa7\\ y\xf8\xd4\xb4\xf9\x99\x98\xe3\xa0]r\x143\xdf\x16\x07\xc8{r\xffK\xe0KJk\x81\xdd\x16'</t>
  </si>
  <si>
    <t>b'H\x942\x11\xeb\xaf\xd1\x8e#\xc0\xc7\xafd\x8b\xf3\xe5\xc9\xb3\xe6\x883u\xcd\xd5\xd6,AvU\x03v\x90'</t>
  </si>
  <si>
    <t>b'\xd5f[\xe0I|Y\x9b\x12\ts\xb5\x97Lh\xd7\xac+E\xd5\x81h\x89\x8d\x82=\xceu7\xbayj'</t>
  </si>
  <si>
    <t>b'\x9dG7\t\xba\x044FI\xda\xd48\xc8\x0e\x0e\xf5h\x9b\xf7T}\xd3\xfe\x82\xa6\xebzj\x00\xa3\xad\x7f'</t>
  </si>
  <si>
    <t>b'\x0e\xa1\x91\xfb\xb7\xb7\xe7\xeb\x97\x8d3\x08f\xac\xbeT5"J.\x93D\x95\x02\xc8\xc6[kz\x88:\xc3'</t>
  </si>
  <si>
    <t>b"ZP\xc0M\x8f';e\xf6\xf6\xc5Ko\xc2\x1e\xdcO*K\x7f\xc4#@!\x97\x99\xc7\x19m\xb8p\x9a"</t>
  </si>
  <si>
    <t>b'oZ_\x1c\xdd\x92\xd8{\xda~9@\x8c\xad\x87\xe36\xe5&lt;e\x07g\xce\xfdB.\xb6\xf6op\xe8%'</t>
  </si>
  <si>
    <t>b'\xb1\x80X\xfd\xc0\x00\xf1\x954*z\xba\xf5\xff\xeb\xf6\xecmk7YAGE\xf7-,\xca\x1bIM\x87'</t>
  </si>
  <si>
    <t>b'm)\x99\x84\xb5\x94\xa9N\x1e\x19\x9f\x12\xbd`m\nA.6\xf8\xca\x1ed\xe4A1\xc8T\xfc\xc18f'</t>
  </si>
  <si>
    <t>b'0\xfb\xfa&lt;\xc8\x92&amp;?\x8f\xd2\xee\x9b\xe7)\xfd\xa8x\x10\xe1g\x8a\xedR\xee\xa4\xe4\xa8\x89h\xd1O@'</t>
  </si>
  <si>
    <t>b'\x8fG\x8fd\xafg\xf0Q\xe6\xbb\xe6\xe8\x92\x11\\SNO\xe8E\xca\x91a\xb9\x0c\xbb\xcd\x9b\xd1\xdd\xee\xd3'</t>
  </si>
  <si>
    <t>b'!\xaeO\x7f\x0b9\x05\x8a\x1f\x8f\xd3\xdeC\x12B\x1f\x9d\xf3\xe8:\x0b\xfb/4/.[Y\x16\xc1u\x14'</t>
  </si>
  <si>
    <t>b"d'32\xf1\xf5\xb1\x1c\t\xc8\xc2\xa7\x14By\x8c\xe2u|\xe3\xdcl\x19\xaeb\xce#G\x981\xfbx"</t>
  </si>
  <si>
    <t>b'$[7\xb9\xc4\x84\x9b\xb91\xfc\xa7Cz\x19\xc4\xa9\xa8\xc8\xe0\x16\xbc\xbf\x1b\xacy\xdc[\xd5\x0b\x88\xb7n'</t>
  </si>
  <si>
    <t>b'm-\xdc_t\x8fp\xa2\xcd=\\\xd2\xde\xde8\xf8\xfd\xa1\x87\x03\xd0_ma\xeeO\x908F\xaa~H'</t>
  </si>
  <si>
    <t>b'a\x16d\xdf\n\x06\xb1\x0f\xb33\x80%B\x1b\x10Ai\xc6.\xfd\xfe%\x8d\xcf\xe2\xbfsyt\xb0s\x90'</t>
  </si>
  <si>
    <t>b"TO\xe3\xaf'V\xe6uo\xbbj`\x9bm\x9b\xa9q\x84\xf5'\x1fi{\x14\xe5nF\x06\xb5\xcf\xc7\xbe"</t>
  </si>
  <si>
    <t>b'\x18\xcd\x1dYw\xb3Z\x85h\xab\xbe\x91e\x0e?y\xc4\xe4\xdcR\xa14\xa4\xa3\xfd\x0c\x19\xa1-M\xad\xea'</t>
  </si>
  <si>
    <t>b"\x86\xa7\x98\x15' I\xb6\xc6\xd136\xa6\xdd\xa0\xdaa\x91^\n\xcc\t0\xd2.i\x0c\x8f{be\xa9"</t>
  </si>
  <si>
    <t>b"\xc2Y\x95\x8f8dY\xadZ\xc2]\x06^`\xdc\xf2\xb0\xda%\xaf\x16)\x84EY\xc9\x10'\x87\xe8\x9fl"</t>
  </si>
  <si>
    <t>b'\x1b\xfc*Q\x8ci\x15u\xf4\xd4\x04\x18\xb5\x1e\x81w\x15\xdc\xdbe`\xbfo?\t\x9c\x87\x08\x1b\x06\xb6)'</t>
  </si>
  <si>
    <t>b'\x11 &amp;\xf2\xac\xf2y\xea\xc6\xb2#\xf7\xb2o\xa4\xa6\x05\xc94\xe0\xd9*i\x87\xc8\x9e\x974\x9d\x84ha'</t>
  </si>
  <si>
    <t>b'Yn\x83\xbd\x07\xbb\xeby\xa8U6\xa52pw\xd21\xce\xce\xeb\xc8R\xe6\x1e{&lt;\x06v,\xb7J\x8c'</t>
  </si>
  <si>
    <t>b"E\xb5\xac\xad\xfa\x07\x9f?\x88,\xf7\xd18\xb0_Ebo\xe0\xb3\xf9\x85l\xb8\xe3\x08T'\x97\xeab\x9b"</t>
  </si>
  <si>
    <t>b'\xea\xf2\xfd\xfa\x16\x9a\xf9\xde\x03%|\xb0\xa8d\xfa\xe9\xd4\x1d\xeb\xf2~\x0eR"\xe5\x05\xa2f\x1f\x03\xd2b'</t>
  </si>
  <si>
    <t>b'~\xdd\xbe\x0eT\xef\xc4\x14\xcd&amp;s\xb1\x1ar\\\xdf\xc71P:\x91\x89\xe7\xc4\xfa+\xd3H\xe3 M\x07'</t>
  </si>
  <si>
    <t>b'j\xe7^T}Gt\xf1y7R\xf0\x0fZ\x97\x879H\xb9\xecbx\\-\xf3b\x93\x9f*R\xd5\x83'</t>
  </si>
  <si>
    <t>b'\xcd\x84\x93S\xbe,\xd3\xcf\xd8\x99\xe0\x90\xed\xa6\x9a\x14\xca\x1bd\x91v\xb1OA\x8a\x94\xeb\x11\xd3\xe9en'</t>
  </si>
  <si>
    <t>b'j\x0b\xbf\xa0Xr%\xab[\x9c\xd8\xf7i\xb9\x99\xfb\x07\x9eW\x82\x12\x1d\x01b\xeb\xcc\x01\xb3\x9cGv\xac'</t>
  </si>
  <si>
    <t>b"V\xba\xea\xa3\xdaH\xda\xd6\xbcj\xbb\x83\xdf\xf6k\x07\xdd\x9a6`\xc1'9\xccgY#^\xea\xe7\x08\x14"</t>
  </si>
  <si>
    <t>b'/o\'\xa6\'\xca\xbe\xed\xc0Wx\x11h~3\x01\xea\x00\xf4\x99\xdf"=\xe0\xb4~J\xb6\xd3V=@'</t>
  </si>
  <si>
    <t>b'\xf3[\x9b\x1a\xbc\x96\xc9\xf5\xaf\xb6\xa3\xc1\x96dY\xc7\xc5iI\x89\xed7\x0b\xf8n\xd8T\xf5\x8e2\xad\x90'</t>
  </si>
  <si>
    <t>b'\x06*\x89\xecB\xcd\x91\xee8\x0cpv\x9d\x81\xe6\x04c~\x88g\xa2\x07=\xb7\rAs\x12\xefk\x14\xbe'</t>
  </si>
  <si>
    <t>b'Mx\xec\xc9\xaa\x17u5\x91\x87\x9d{\xc5\x13\xf1k\x9e\xa3\x8c\x00\xe7\xce\xb2b\xcd\xb4\xe4,\x92\xda\x81 '</t>
  </si>
  <si>
    <t>b'\x8b\xc0\x8f0Y*\x81.A\xaat\xdeC\xb8\x1a\x9c\x8c\x9a\xc5v\xa9\x8c\xbf\xf06\xa6\x15\xb77\xf2\x17)'</t>
  </si>
  <si>
    <t>b'\x87\x89,\x8ee\x00\xc3W\xb3\xdc*\x0fHCE)E\x87t\x909\xef&lt;\xaf\xd5\xb8\xd6G9\xa0zI'</t>
  </si>
  <si>
    <t>b'a$\x99QF\xff\xe9\xeeL7a\xf4\xbcz\r-\x15v\xf4\xa9\xb5\x8e\xd9\xe0\x8cq\x17#\x80\xe9\xcb\xeb'</t>
  </si>
  <si>
    <t>b'U\x14A\xe4L\x84\x01u\x0e\x84\xae\x95\xbc\t\xcf\xd2\x93=D\xf4\x086\xa0\xe4\x0b\x1f\xb7p\xb4J%B'</t>
  </si>
  <si>
    <t>b'\xe3\xcf\xe1\xfb\x99&lt;\x95\x11\xfd\xe7z)d*\xb9\xcb\xa4\x1c\xcf\x0fN\x8b\x86\xc9\xa4cI\xe5\xbd6\xf0M'</t>
  </si>
  <si>
    <t>b'\xfb\xab\x90j\xba\xba\x9c\x86\xdd\xc1\xdb;&gt;\x0f\xdb\xdb(\xa8U\xcc\x16\xdd\x97F\x108\xfe\xaa, h_'</t>
  </si>
  <si>
    <t>b'\xc8\xff\xc3.W\xf7\x043(\x0c\x93\x86\xd0\x02\x11-1\xa0\xcf*\xb2\xc2}\xcf\xc0\xe8D\x83\xe1b\xd1\xb5'</t>
  </si>
  <si>
    <t>b'5V\xf4A\x00\x88(v@\xc7~{V\x82r,\xde\xe4 \xac\xdei\\\xb6\xee\xb0/\xcb3{\xa8Z'</t>
  </si>
  <si>
    <t>b'^\x80G\xf0\x15\xff\xcb\x9c\xb7Rg\xb9[\x1a\xe0g\x80!?\x86\xfa5\xa5\xa8D\x066\xab:\xeb\x98\x10'</t>
  </si>
  <si>
    <t>b'\xe9=\xaeO\xc9\x95\xc5\xbe\xc6\x05\x9e\x88\x05\xb4e\x84\xd3)\xa7\xb0\x16\x19\xfeR\xe1/5\x93\tM^\x9b'</t>
  </si>
  <si>
    <t>b'\xf6\x8dN\xaf\x8eHL\xc0\xdd\xb3\xe9\xbb\xa51d\xc5\xd9\xa9J\xe7|\xc7D\xb6\xa6\xfa\xa4\xa0\xd9\x9c\xad\x01'</t>
  </si>
  <si>
    <t>b'9\xba\xad\xea\xe8R\x83m\xa9\xbe\xb6\xf9\x0b_\xe4\n\x12\x1f\x91\x16\xd4\xe9A\xca&gt;\t\x16m\xde\x9a\x06\xae'</t>
  </si>
  <si>
    <t>b'&amp;\x18\x19a\x98\xe4\x98\xae5\xfan\x18O\x1ds\xc1\x07\xe3c\x1f\x88\xb0\x82\x01\xf7\xcc\xda_\xf5;\xa5-'</t>
  </si>
  <si>
    <t>b'\xc9\xd8\xd8\xed\xa1\x0e^\xb8ZN}\x03\x06\xe2\x96\x02\xbe\x0cih\xde`c\\o\x13\xd9\x12\x15\nQ@'</t>
  </si>
  <si>
    <t>b'\x92O\x86B{\xf5]"K\x19\x93.\x88\xde\xc5\xaf\xce\x81\x8c\xbb\xf8\x12\xba\xd2Z\x18\x9d-\xc0:\xca$'</t>
  </si>
  <si>
    <t>b'H\xcf%0m\xcf\x02\x85*\xbe\xa3\x1f\xfb\x1e\xa7M\\\xd9\xedi;\x19\xb6\xf0`T\xe0i\xd0\x16F\xf9'</t>
  </si>
  <si>
    <t>b'\x93x\x96\xee\x94\x04\xd7\xf8H\xbc\x84\x04y\xcdh\x97a\x17%s=\x9cO\x9d\x13;\x93\xa2\xdf\x8aL,'</t>
  </si>
  <si>
    <t>b'\xff\x05\xde\xd0\xfb\x1e\xfb\xff\xdaQf\x92\xa3\x1eId.d\xdb-:M\xdb\x91\x88\x9d\xe7\x0b\xd9WT\xf9'</t>
  </si>
  <si>
    <t>b'\x7f\x13)*\xf5K.\x11Y\x80%\x8b\x89L\xb0;\x9c\x99\xd0\xe5\r\x1b\xaf\xd7\xbc\xe5\x1aF\xb0\xc3\xc0"'</t>
  </si>
  <si>
    <t>b'D\x07i\xe6\x82\x9cA\xc46\xfe\x88\xfa%9&gt;&amp;\xd1(wy_\xc3\xcf\xdf6\xa5\x12\xb7\x03C\x83\xfb'</t>
  </si>
  <si>
    <t>b'(\x12\xd3&amp;\xd0\xf4\x07Q\x90\xd2\x1c\x9f\'\xa3\xbbl8\xd2\xf2\xdf;M"\x9b\xa8\xa2\xa6YY\x08v\x85'</t>
  </si>
  <si>
    <t>b'\xea\xea\x8c\xc1\x1b\x82$\xd5|\xae`\x05?$bJ}\x85\x15\xaf\x10+P\x8f\x0e\xd7\x9b\xa6\nQ\xab\x85'</t>
  </si>
  <si>
    <t>b'a.\x1e\x7f\xa1$M\xeb\xc6\xdbB\x10q\x17u"\xe6\xe2\x11zGQd\xde\x00\x86\xde\xef\xf5\x1e3\x93'</t>
  </si>
  <si>
    <t>b"\xed\xd5\x91c\xfd\xd7\xed'\x89\xbap\x10\xe8B\xceD$\xcen\xedi\x12\xb2U\xc0N5|\\\xe6\xe5\x07"</t>
  </si>
  <si>
    <t>b'J\xda\x9d`8\xea\xab\xe1\xd8I\x97\x87+\xa0\xd8XW\x1cy\xe6\x8as=\xc7\xaf\xabMy\xfd\xe7\xb2\xb2'</t>
  </si>
  <si>
    <t>b'\xec\xcb9\xe4\x086\xc8E\xb4e\xc6iGuJ\xba\xa9\xaeTd\x12R\xc4\xee\n\xad\x15\x04\xcb\xbc\xbd\x92'</t>
  </si>
  <si>
    <t>b'\xcfo\xa5\t\x06\x18j\x18\xa2\xc0]\xc6\xfb$\xae\xcbQ\x1b\xcbF\xf6\x0cW\x89\x15\xed\xa3s\xd1\x0b\x1e\x95'</t>
  </si>
  <si>
    <t>b'w\xda\xa7\xf1\xf7\xcfKZ#\x05\xab\x8eet\xf3R\x1d\x8a"\xce\xa3\xc6\xc9A\x19O\xc9Uc\xeb\x11='</t>
  </si>
  <si>
    <t>b"q\xcf\xd8\xc6\xa1\xadtc\xe00\x1a\xf9\x1e\xee\x9bx\xb37\x08\xbd\xae\x1a4'\xbc\xc5oo\x84\xbc\xf6\xf3"</t>
  </si>
  <si>
    <t>b'\x08\xbfM!9\x7f\x85\r\x99hK\x8f\xbe\xa6\x1b\x99\x8aqt\x84\xbb\x94u\xd7\x01r\xbc@:\x19\xde+'</t>
  </si>
  <si>
    <t>b',\xd6\xbd\x99\xa7\xfeA\xfba&gt;\x94\x1e\x0fe\x973\xfa\r\xe1K\x8f\xa7yb\x14\xafQC\x80\xf8E('</t>
  </si>
  <si>
    <t>b'd@\xa3\x8d\x13(%\xda\xea&lt;\xe7\x06\xf3\x9c\x1f\xea\x90lv\r\x10pn\xeb\xb4\x9a\x8e\xd8\x9dA\xb6\xf4'</t>
  </si>
  <si>
    <t>b'\xda\x8e\x10\xff\x9a=_J\xa8\x18\xd9\xce\xa9Q\x0e\xee\xa4!\x87@\xa4\x15o^\xcf\xb5\xbc\xcd\xccl\xd4S'</t>
  </si>
  <si>
    <t>b"}\xdd\xe5q]\xc7\xe9\x1e\xb2)\xed'\x17\xdf\xfb\xec\xf0\xacg\x91\x1c\xdd\x84\x88\x82\xcc\r\x9e\xb0\x9a#\xdd"</t>
  </si>
  <si>
    <t>b'\x8d\xae"E\xd4\xdb]Eq\x12]\xfd\x1e\xc7\x00\x84J\xe1pBd\xf1e\xfd\xa3!6\xe9k\x81L@'</t>
  </si>
  <si>
    <t>b'\xff\xd5Oy1\x94^}W\xdb.k\x9c.\xf65\x8b\xfd\xc9\x82\x14\xa2\x8c\x96\x80O\x0b\xedgBH\xb4'</t>
  </si>
  <si>
    <t>b'i\xf4\x8b\xea\x17po#- \xd6\x1d\xf249\x88\xac\xe2Urt+H\x01-\x97\xc2\x15\xce\xf5\x11\xdd'</t>
  </si>
  <si>
    <t>b'=ic`(W\xb2\xf5\x9e\xbd\xab\xe3$\x00\xb02N``6\xf4W0\x8c\xb8\xb8\t\x1b\xe4\xd6\xabu'</t>
  </si>
  <si>
    <t>b'\xbf\xd5\xe6R\xc5\x8c\x00j\xba\xff\xd3\xb6L\x81\xcf\xbb\x89\xb2\xf8\xa6Bg\x8a\x8d&gt;\x1f\xeenF\xa8oz'</t>
  </si>
  <si>
    <t>b'\xe0P\xf6\xfd\xaa\x9a\x1e\\\x9e}*c"D\x82@Ht\xeai9Pb\xeb\x0c\\\xa3\xe4\xee\xe0\xe2\xa0'</t>
  </si>
  <si>
    <t>b'Qp\\\xee,\x98\xc2,\xfbPM\xa4\xd4%\x1d\xf7^I\xfbP\xd7\xe0\xfa{8\x16\xbd\\\x1c\xc7\x03Y'</t>
  </si>
  <si>
    <t>b'\xbb\x1c\xf7aLb\x8a\xb8\xdc\xf4f\x18izR\xcb\x114\x17\x95S\xa8\xf6As\xe1G1\xff\x0c\xd1\xa0'</t>
  </si>
  <si>
    <t>b'\x10;\x81}r\x12\x809\x08\xaezh\xafn\xb7 \xa0v\xaf\xfbf\x9f\xe7b.\xfab\x87\xef\xcb%Q'</t>
  </si>
  <si>
    <t>b'\x94\rk\x81\x12f\xae\x11#U\x1e\xed5\xed\xf8g\x94X\xb6\xfdQ\xa6\xb8\x16\xee\xa6j\xdeK\x9c\xc3\x91'</t>
  </si>
  <si>
    <t>b',~\xe0\xb3\x1e\xcc\xe4\xd3\xdeJ\x9dFJ\x8d\xe3&lt;\x84\x96\xf2&amp;\xa7\xf1\xe1\x8a\x04\xf67Ze\xc1\xc95'</t>
  </si>
  <si>
    <t>b"\xb1\xf0\x0c\xf4\xb5\x15\x16'5\x10\xeb*\xdb\xf5\xf9\xb8\n\x95t\x8e\x89\x08\x81\xc8c\xe5,\xc1\x9c%9\x89"</t>
  </si>
  <si>
    <t>b'6=\xf8\xf3\x08\xcb\x05M\x90\xaef\xfa\xb2\xe6Hg\x81\x10+Ro\n\x8c\xc5&lt;z\xf9\xae\xf4/\x15\xa4'</t>
  </si>
  <si>
    <t>b'\x9f\x9d\x98\xfe\x1dlu\nD\x847N\x02m\x0c\xd0\x0f\xd6\xa0\x0c\xa7\xc4O\xb1\\8w\x80\xc5U\xe0\xf1'</t>
  </si>
  <si>
    <t>b'2\xa0\n\xbc\xc5d\x0c\x14\xa0\xc7\xa6q\x07\x0c\xd0\x95\x94\xf3.pO\x0b\xc7\xf9\x03h\xe7Y\xfd\x96\xd8\xd4'</t>
  </si>
  <si>
    <t>b'\xf0o\xcc\xdc1\xf1#\tz\xc0)Z\x9a\xee\x81Db)\xae\xf4R\xd6\xf8\xbd\x8a\x04\x8c&amp;\x14\xd43\x88'</t>
  </si>
  <si>
    <t>b"\xba{\xbeS\xd2\x92\xbc\x9e-\\\x1d\x07\xe2xb\xd2\xaa'f\x07\x11\x84!\x03\n\xfd\xccF\x16\x01\x8f "</t>
  </si>
  <si>
    <t>b'\xcd\xaa\xffw\x9e\xb9R\xb1\n\xc3\x9b\x07\\\x1a\x13\xc1$8"\xdb1j\x10\x15.\xac\xdan%\xc8\x00\xfa'</t>
  </si>
  <si>
    <t>b'B&gt;T\x1a\x84$\xd0\xb5&amp;\xb4\xce\t\xac&amp;\xe3\xc7\xaa|]\xec`\xdd\xc4\xa6`Y;\xd7(sj\x82'</t>
  </si>
  <si>
    <t>b'\xa9\xdd\xed\xe9\x16Q\xe9)\xcf,:o\xcf\xca\xc9z\xccx=\xb5m\x9a{\xa1\xfe\xec\xc3\x1d\xe0B\xaf\xff'</t>
  </si>
  <si>
    <t>b'M}\xf9\xf2\xed\x9f&amp;\xf1{p\x8d=\xb5\xa3G\xb5\xa8\x05\xc5!g\xb8Q\xcd\xe2\xd8\x9b\xd3j\x07\xac\x1f'</t>
  </si>
  <si>
    <t>b'\x90\xeb\r\xfe\xb4D\x93T\x99\x8fC\xd6\xedE\xd0B\xa7N*6f\tD\xc9Vg3-\xa1\x97\xea;'</t>
  </si>
  <si>
    <t>b'\xc5z\xfd\x14\t\x9b\x12:k\x1b\xdc)#\xa2/\x04\xfd\x88?\xd9\xb7\x14\x87\xda \xe6\xfc\xdb0\x85z\n'</t>
  </si>
  <si>
    <t>b'\xa5\xff\xc9\xc7\x82\x0eZ\xc6\xdb\xf9\xb0\xf3"\x831\x18\xe9\xa6x\xa6\x1c#\xf3)o?]3E;\x88+'</t>
  </si>
  <si>
    <t>b'\r\xd6!\x98|\xe8bq@u\xed\x12l?R\x8a$\nJ\x85\x8a\xb9n\xf8\x05\xd9\xa1\xd7F&gt;)\xcc'</t>
  </si>
  <si>
    <t>b'\xd8\x8c\xa9\x82\x91\xa6\xe60\r\xc9\xadIF\xf5\xbb\xd1\xb4p^\xd5)#\xdb~\xab\xc5\xe9\xfa\x8e_\x84$'</t>
  </si>
  <si>
    <t>b'\x1cZ\xb7\x92\xb0\xa7\xc2,\xd7Iv\xb9X\x81xT2S\x8f\x84\xa4^)\x8cBr\xbdR0@\x02\xa3'</t>
  </si>
  <si>
    <t>b'u\xc4\xe7\x1d\x04\x9e\xd5i\xa6\x83 i\x01\x9c\xbbL\x075\x07\x16H\xcf\x9c\x0f\x9bW\xd6;\x96\x00\\f'</t>
  </si>
  <si>
    <t>b'eo\x99\xaei\xca\x0c]b\xbe\xb3%\x05\xca\xa5\x85\xfdi~ \xa7\xa8M\x95\xb5\xb28Kc|-\xa4'</t>
  </si>
  <si>
    <t>b'b\xda\xcd\xe0\xa5\xe2R\xe7\x99*0\xf9h\xae\xe2\x9d\xc9\rW&lt;p,\x1fr\x8d\xd6d\x03\x94j\xf5\x8f'</t>
  </si>
  <si>
    <t>b'SX@\xb2\xe9\xb3)Y7\x17s\xbfL1\xbf\x8f_\xa5\xde8\xfe\x17\x18\x8d\x13\xaeZCu\x90\x10\r'</t>
  </si>
  <si>
    <t>b'\xd14W\xc7!\x11\xae\xfb\xef9\xa11\xc56\xe9\xbfBH\xb2\xaa\x00\xc1\xbda(\x03\xf8\xdch\xd8\xd9\r'</t>
  </si>
  <si>
    <t>b'\x98\x07\x97iKj\x0fm\x99\x89A\xcf\x04\xb6\xa9\xef\x08\xe8@\xdf\xa3\xef\r\xaeI\x8a\xd4\xb4\x8f37\x03'</t>
  </si>
  <si>
    <t>b'\xa6\x08\xa1G\xb3\xcdM\xa1\xa3k\xbb\x1d h\xd7\xe9\xeeO\x86\xb6\x14\x7f&gt;\xa9Z=\xf9\xf3i\xdb\x04&lt;'</t>
  </si>
  <si>
    <t>b'\xed\xd8]\x90\x1f&gt;\xe1\xfd\xfb\x9cov\x10\xc1`.\x8dg\xdbVV\xfe\xdc\x12\xb8\xcc,:\x14\xbc3x'</t>
  </si>
  <si>
    <t>b'i\x16q\xe7S\xa5S\xea\xfe\xe1f\xcd\x11\xab\xce?\x9f\xb6\x7f&amp;e\x0e\x0f?\xf5\xbe3\x93\x8bR.\xda'</t>
  </si>
  <si>
    <t>b'~9\xe8zS\x1e%O\x84\xe9\xa0B"d\x85S\xe3\x82\xdd\xa4\x8aQS\x9d\xc0\x8d\xab\xb5q\x12\xfe\xca'</t>
  </si>
  <si>
    <t>b'\xae\xbe\xcc\xbf;\x01\xd9&amp;\x04\xf9\xa6\xb9P\xe6\xc0\x0fP\xd7I\x1c7\xfa\x03/\x84\xe0\xb4i\x81\xd7\x10\xf8'</t>
  </si>
  <si>
    <t>b'\x1c\xa1\xc4\x7f\xcf\xd4\xfe=@\xb3\xdc\xbbZ\x19\xf56\xa8\xd6\xaewo\x19\xa4&gt;g\x1a\xd2\xc5\xf5:\x9c\xcb'</t>
  </si>
  <si>
    <t>b'\x01\xc7\x81\x9a\x9f\xb7\r\x84\xffhp\xe0\x04\xda\xcb\xef\xf5I\xddU\xc9\x96F\xcfh{c\xd6.y\x9cP'</t>
  </si>
  <si>
    <t>b'M\xd4@\xb0r69\xdf\xe9}\xf2\xa8\xbf~\x8f/\xa3\xbfD7\xceQ\xf5t\x86U\xe1\xc4}\x83Z\xfa'</t>
  </si>
  <si>
    <t>b'\x85X\\\xe5\x0e\xbf\xe9\x1c\xa4\xc3\x93\xa3\xed3\xbc\x0bL}\xd0y\t\xef\x95(\x99\xdf\xb4\x9b\n\xa6 )'</t>
  </si>
  <si>
    <t>b'O\x95u#\x960\xb8&gt;n\xca!\x0b\x85yG\x86\xbfk\x18\x18\xc3D\xa0\x82\xc24T\x1e\xbc\x08\xe3!'</t>
  </si>
  <si>
    <t>b'\x00\xf3\xf3\xce\xe4\xb80\xe2?\xea\x06\x0c\xfa\xe2\x10@\xa3\xdd\xa3.\xe3\xf2\xc3!\xf2z7\x80\xd2\x16\xdau'</t>
  </si>
  <si>
    <t>b'&lt;\xd1:\xca\xa8\xa6\xc4!\xc1\x83\xf6\x1acl"\x15t\xbb\xdb\xe3\xd3\x84\xb3\r\xbc\xc3R\xcaB-\xf9"'</t>
  </si>
  <si>
    <t>b'D1\x15\x08\x88\x1f\xbe?\x1d\xb8?\x84=\x8bQy\x9a\x07\xb4l\xb0h;=\xd4__K~\xa2\x00A'</t>
  </si>
  <si>
    <t>b')\x8f\x9f%=\x0b\xbb\x13\xc3\x08\x1c\x83\xb3\x14\xd7\x99\xbc:\xf2\xd6\xe6\x84\xe7\x154\n\x81;\xcb\xfdy\x1c'</t>
  </si>
  <si>
    <t>b'\x0b\xfc\xea\xf2Bl\x17\xdd\tM\xf0\x03\x83\x00Xc\x0f\xb3KM\xbfjc\xd0\xa9\x89\xb5\xa0L\xcc:5'</t>
  </si>
  <si>
    <t>b'\x15\x88\xe7\x00\x0ba\xccdft*\xcd(*\x83f\xa0N\x88$U\x01\x1f\x9d\xda,\x82!\x99N\xbc\xef'</t>
  </si>
  <si>
    <t>b'\xbei\xd13&gt;\xc0\x03\x9c"\xc4\xf3bZ)\xfd\xedg\x9a\x96\xcf\xa2&lt;\xcd\xd7\xb6p\x0f\x11\x17\x1cIr'</t>
  </si>
  <si>
    <t>b'\x0e\xf2\x19Y\x89\x00\xe2\xf4\xa1\xcc^$\xaf.\x17\xe8\xa8r\xd2Z i~K%Q\x98\x00\xf3\x12\xc1\xc8'</t>
  </si>
  <si>
    <t>b'\xfd\x17\xdbd\x1cr\xc6\xab&gt;\xe8\x029E\x0f`r\xd1\xcf\xda[Vr\x95\x1c\xae\xd8\xfc\xd5\xdc\xa2\x83L'</t>
  </si>
  <si>
    <t>b'\r\xc5\x13V\x9d\x8c\t59\xfd\x91(\xc4B\x03-M\xf1\xbb\xc7\xd6\x1b%\x08}\x9b\xcfH@\xe0\xaa&amp;'</t>
  </si>
  <si>
    <t>b'&gt;w\n;Ys\x15\x13\xb2]\x0f\xe6p\xf2P\x0f\xd2&lt;\x0fz\xa5\xdf&lt;X\xf4\xdb\xf8\x8c\xa7s\xd9\xc6'</t>
  </si>
  <si>
    <t>b'\xc24U\xeb1\x1dK\t\xb0\xf7\x06\xe5q\xf0\xd8\xd1\xefW\x18_\xaa\x078A+\xe0\x1e\r\xfa)/o'</t>
  </si>
  <si>
    <t>b'!+\xca\xb8\x95\xb9}A\xef\xadh79\xaf\xcd\x99\x18\xce\x82\xbc\xd8\x1b\xb9\xda\x96\x82\xa5D;\x1b%\xe9'</t>
  </si>
  <si>
    <t>b'\xf6\xcd\xc7\r\xaa\xc9\x9e\x15W\x1f\x8e\xf0\xf3\xab\xe2S%Ps\x10\x83\xf7\xce.%\xcd\xe2[;\x90\x99\x85'</t>
  </si>
  <si>
    <t>b"5W?\x8fD\x80\x9e\x12 \xe7\x1b\xf8\xf0a\xcf6szt\xc9\n\xddJ-\x98\xd5'\x01I\x99\xa4\xc4"</t>
  </si>
  <si>
    <t>b'\xa1P\x88\xe4D\xa9\xc5m1\xaevd\xc9z\xde\xabhE%\x8d\xa1wk#\x80\xb9\x08\xfc\xec\xe1\xc4.'</t>
  </si>
  <si>
    <t>b'\xdd\xb6\x98\xf4\xfb\xba\x10\xf0)\xadL\xe1\x19\x97\x98K}\xf86a\x82\x17c\xa5\xbb%\t"\xfc\n)$'</t>
  </si>
  <si>
    <t>b'\xbc\x1ei\xaf\xe1\x1dx\xbfZ\xe17)\xc9^\xdb\xc1{\xcb\x91?\xc7Ms\xd3\x16\xb8gd\r\t3N'</t>
  </si>
  <si>
    <t>b"\xfc\nIe\x18\xb7\xd9\x034\xc1\x9bW\xa6|'\xaf\xa1\xfc\x988\x1b\xdd\xa3\xff\t\x08\x0c!Kf\x97\x02"</t>
  </si>
  <si>
    <t>b'\xc0\xc5cZ\x92\x13)\x99E 2\xcc\xb2z\x8d\xdf\x11,\x90\x17?\xf5V\xe9\xbc&lt;\xd7\xc2\xbdM&gt;\xc4'</t>
  </si>
  <si>
    <t>b"s\xd1\xf9\xf2A\xb3ln\xcc\xc1H\x83\xb0\x03\xdcE\xfdT0i\x84f\xd2c'BN\x04{\xa2\xbb\x80"</t>
  </si>
  <si>
    <t>b'\x02\xda\x10\x94j\xbeI\x93*\x95|\x13\xab.Y8T\xb5\xf7\xc7\x07Z\r\xf3("OG\xd3\xe1U\xc6'</t>
  </si>
  <si>
    <t>b'\x05\xee\xd3\xc6\x14\x8f"\xee\x05/\x92\xb3\x11\xeb/\xc4\x07\x92M7\x13\xd9\tU\xe04\xd1\x121\xe1q\xf4'</t>
  </si>
  <si>
    <t>b'\x96z\xee\xac\xf1\x9b\x01\xe7[\xab\x8f/^\xc4\xd6&amp;Y\x1cOc\x97e\x97\x07o\x82\xc0V\x88\xfc\xbd\x0b'</t>
  </si>
  <si>
    <t>b"\xf7\xa9\xc0Z\x12\x04V\xc8t\xe4S\x05\x1e\xfc/\xc9\xa0\xf7\x98\xaf-'\xfb\x9e\xac\x8f(@\x99\x1a\x92\xe5"</t>
  </si>
  <si>
    <t>b'\r\xc2\x8b\xfa\x9f\xc5\x8eUY\xd8\x01\xe9\x98\xd5\xb0Q\xb7^\xf1|G\x91\x15\x13\xe2\x8eb\xcf\x82\x82\xc0`'</t>
  </si>
  <si>
    <t>b'\xc8\xafy \xd5\x86\xaf\xb7p\r\x06\xa1#\x93C\x89\xd91\xe3t\x03\xb4G\xe9ET,L\x8e3\xfcO'</t>
  </si>
  <si>
    <t>b'\xf37\x96\xb0\xa9\xd0\x89\xa5}\x11\xc2\xbf\xf6\xa8\x15\xac\xd4Y\x17}kh\xec\xe2\xe1\xf5\xa5\x00Q?.8'</t>
  </si>
  <si>
    <t>b'_Z\xc7K\xff\xc6\x9a\xfb\x8d\xc5yeGE\xb1\x07y\x91\xd5\xdc\xe6\x08`s\xdfB\xcf\xd2=\x1f\xce{'</t>
  </si>
  <si>
    <t>b'\xa9p\xa9\xc2\xd5q\xa2i\xd6\x9f9#\xe1y\xd9\xed]\xd3\xef[(J\xe8\xa6\xe9\xadW\xc6\xecr\x08\xba'</t>
  </si>
  <si>
    <t>b"L\xb3\xe9\xd4\x99YQ\x84'5!\xe3\xcb\xe4!x\xe08\x86\xdd\x91v\x95w\xff\xc6\xb0\x1e\x94\xd1K\x82"</t>
  </si>
  <si>
    <t>b'\x8c_q\x1a\xa0\xec\xe8\xbe!\xa6@\x88\xd1 \x9b\n\xb2Z\xb6\xd8C\x96\x97\x16\xc7\x8b\xab\xa3I\xcb\x0cA'</t>
  </si>
  <si>
    <t>b"/\x84\xc2j\x853p\x10\xe0\xd5=v\xf9\xe4 \xd1X\x0fy\x19\xb3S\xd2\x12:/\x14Vr\xad'\x97"</t>
  </si>
  <si>
    <t>b"\xd8\xadi\xbcn2\xda\xaeP\xe6\xaft\xb4|\xef\x86\xee\xe3\xe6\x1b\xefc'\xfa\xcf\x04\xabM\x92\xb0\x88\xf2"</t>
  </si>
  <si>
    <t>b'\x16\xbf\xfd\x1e\xf2i\xd9\x0cx#\xc7\x18\xf6\x0c\xb5/\xa0vS\x8c}\xa1f\xe9\xdf\xcaF-JQ\x98\xbc'</t>
  </si>
  <si>
    <t>b'\x8b\xb2\xfe9\xa9\xf6E\x80\xf4\x80\xdfM\xd9\x95-\x06\xb2,\xf6\xae\xfe\x1a\x9bYJ\xde0~\xdc\xb9\xe4\x96'</t>
  </si>
  <si>
    <t>b'\xa5\xc3\xa9/\xad\xc4\xf1&gt;T6R\xe0\xd4\xd0\n?p\ru\xc2\x03\xaa\xb8\xe0\x84\xa4\xa2\x91#\xed\xbf\x1a'</t>
  </si>
  <si>
    <t>b"\xc5\xd4O\xceD\xd5=\xa90W{\xf6\xe9\x0eE\x8b'\xaao\x13\xb3b\xaa5#O\xa5\xa1,\x9d\x8b\xb0"</t>
  </si>
  <si>
    <t>b'\xd70 +\x8b91\x8e9\x19\x84tK\x04q\x1e\xc9\x14\t\x96&lt;\x86\x0f5P&lt;\xfaC\xcc\x8c\xaeE'</t>
  </si>
  <si>
    <t>b'h\xf2(\xe27&gt;L\x03C{\xd8\xac\x88b^\xfc\x86\rw|c\xc8i\xc4r\xbf\xce\xc5\x98\x83\x8e\x02'</t>
  </si>
  <si>
    <t>b'2\x1cf0\x8e\xee\xe9\x7f\xd1\xda\x88\xa3\x12QI\x07D\xd63#\x8dYT\x82\x89c|\x13N\xb8i\xab'</t>
  </si>
  <si>
    <t>b'\r5\x8dz\xa5d\xcd\x13\xfa\x87\x86\x06g~\xa4\xf8\xfb(\xd53\xbf*\xe6l\xc6\x17\x12\xac\xf0w*\xd7'</t>
  </si>
  <si>
    <t>b'\xe8\x94?]\xe3e\xcb\xfc\xae\x0c&gt;\x0b\x89\xc6\xfa\x10\xb5XTl\x1d\x980\xef\x95\x01v\xd1\xfa\x00\x0f0'</t>
  </si>
  <si>
    <t>b'\xb1\xc7\xcc\x06\x92\x99_|\xe8\x1c\x1bc2H{^\x06C\xaa\x0b\xca? \xee]GGh\\\xc5\xf9\xb0'</t>
  </si>
  <si>
    <t>b'\x06A\x05\x15zLU \xbcK\x02V$\x84U\x9d\x0e\xa5}\xadR\x83\xc0\x8b-\xbcLY\x01\xb0\xc0\x03'</t>
  </si>
  <si>
    <t>b'\xc2\x101\x92\x9a@Vf\xbe\xb9\xf8\xd5\xbc\x04&gt;\xd1\xe3\xf2\x0e\xd87\x13\xde)\x1au\xe9\xf3\xd6(y\xca'</t>
  </si>
  <si>
    <t>b'aM\xa2\x9c\xc4\xa7}\xf2\x1a\xde\xa9N\x00\x95\xb9R\xd0oC\x8e\xf6 \t\x9b\x9e\x89_\x9b\x86~h\xfc'</t>
  </si>
  <si>
    <t>b'a\xf4\xee\xb6q\x9f\x009\xbb\x1a\xe6\x80.\xb6\x90\x1b\xd6[\xdb\xa0W\xa4\x9f%\xa3P\xbd\xeb\xf7pEL'</t>
  </si>
  <si>
    <t>b'\xdb\xa40\x06\xf3\xb51\xed\x96\x86a/\x1a\x1a\xa0\x0el\x9e|\\\xa2a\xb6[\xef\x87u\xba7\x91\xfe\xc9'</t>
  </si>
  <si>
    <t>b'(=\x8d\x91K#*\xe1lq\xd9NR\x14`\r\x1f\x8d\x05\x14wA\x14\xfc\xed\x80\xa0\xa6tS|\xc9'</t>
  </si>
  <si>
    <t>b'\xde\x82\xb2Dx\xa5]f\xdc\x02h\x0f\xe1\xa75\xcc\xcd\x9cY\xcf\n\xefK\x02\xc6\x82\xcf7\x11\x99\xba_'</t>
  </si>
  <si>
    <t>b'\xfc\xe7-\xbc\\fQB\xbb\xe0$\xef\x99\n|\xa1}\x9a\xb6+\xae\x04c`\xb7K\xab\x9d\xa3\x8a\x17F'</t>
  </si>
  <si>
    <t>b'\xf7\xd0\x931\xa3\x93\x00\x11\xcb\xef,\x18\xfb\x16\x15&amp;\xa8\xd4Lj\xe1\xbd&amp;4\xc0\x00\xa4\xb5z\x00\xe6\xd3'</t>
  </si>
  <si>
    <t>b'\x99\xb5rV\x0b\xb9X\x83l\xa9\xe6\x9b\x0e\xfd\x17\xf3\xb5\xe2b\x89\xc6\xcf\xed\r\xdc\xdb\x12\xa2\x8a\x104-'</t>
  </si>
  <si>
    <t>b'\x16\x96\xac\x82a\xb1\x8dF\xe5\xd33\xa9\x9e\x1f\xd4\xa7?t\xf6\xed\xc0dV\x94q\x1eV\x06\x136\xf3\xeb'</t>
  </si>
  <si>
    <t>b'\xc1\x07\x1b\xf5;!\xb6\xfc\xc3\x9dcf\x90\xb4\x0f}F\xaes\xde\xad\x1b\xc7;\x16\xc14\x1eu\x99\xca\x12'</t>
  </si>
  <si>
    <t>b'\xf5\xeb\xbb@x"\xc4\x8e\xa9\x18C\xc6\xf9\x98\xdb\xdb\xde\xc9x\xf1.H\x8c\xf1"\xc3\x1a\xe3\x9c\xe4\x8b4'</t>
  </si>
  <si>
    <t>b'\x8fe\xa4\x10,|5\x8fL\x03~RO\x81W\xcb\x87\x7f\xb0\xba\x16\xe6\xbe\xf3v4@X\xb5\xe4\xc3t'</t>
  </si>
  <si>
    <t>b'\xb0\xc9\x99)\xd3k\x04\x9d\xf1\xa3|\xec\xc3\x96\n8\xedx\xb6\xe2Clu\x10\x85\xe4W\xc1\x16\xb8\xcc\xcb'</t>
  </si>
  <si>
    <t>b'\xec\xf90\n\x01:iNg\xbb\xdc\xe6\x9a\x85\xd5\xd3\xfe\xc8\x80U\x1dD\x0f\x9b\xbe\x1a\x90\xebR\xbdt\xff'</t>
  </si>
  <si>
    <t>b'x\x97v \xff\xaa}\x01eF\x0b\x17z\x90\xf2\x00\x8c)\x0el\x82\xb9i;L\x85\xf2YT{\x17\xe1'</t>
  </si>
  <si>
    <t>b'\xbcy\xbe1\x95\x86\x1c\xc0\xa4\xb4\xe4S\x9f\x16\xf4\x00\xb1\xa9QL\xad\xde\x91\x92\x98\xd8\xfa\x01\xc2^M\xeb'</t>
  </si>
  <si>
    <t>b"n'` \xd2\xa7I\xc3\x87\xfb\xa0\x83`L\x0e\x19\xd3&gt;\xdd\xacx+k\x87\xde\nH\x07\x0e&lt;\x15\x15"</t>
  </si>
  <si>
    <t>b'O\xea\xca\x9d\xbc\x98\xe2iS\xbf@\xd6%M\x04_\x1f\xee\xdd\xcf\xebO\xd7r\xb8\n\xc8j\x9ewz&amp;'</t>
  </si>
  <si>
    <t>b"I\xc9\xbe\x88'\xd6\xa7\x96\x81\x9a\xcc\x1d\x06\x0b\xea\xb5#\x12O\xe4\xf1~P\xbf\xec\x82O}\xe2\t\x84\xaf"</t>
  </si>
  <si>
    <t>b'\xb1\r\x7f\xf9\x0c\x97\xdb\xf7\x89(%\x03Pq}\xf8S\x044\xd6\xa5\xf3\xa7\xfeI\x9dW\x01\x83\xda\xed\xd0'</t>
  </si>
  <si>
    <t>b'\x98Q\xb0n\xa0\xb2\x89\xe4/\x9d\x9bSV\xefi%\xe53\xd4\xa897\xdd_\x8d\x05\xb6\xdfEXA\x9d'</t>
  </si>
  <si>
    <t>b"\xde\xbc\xcc)\xabGR\xbb\\\xc7\xe6\xe3\xdclB\xd0\xa4W\x8e\xaa\xf0&amp;\xd9\xc4\xf6\xe6B'\xa7\x19\xbdK"</t>
  </si>
  <si>
    <t>b'\xfd\x0eUb\x19\xe2E\xb8\xb3\xd3\x18\x03G\xda\x8d\xc0\x86b\x12\xaf\xf5$\xa3\xbf\xa5un\xcaoG\r\xc5'</t>
  </si>
  <si>
    <t>b"d\xa5u\x84~\xf4j1\x8d\xb1\xd0\xd1\xeb\xfeRl#\xb9'\xf2\x1eut\x83$\xd3\x9c\x8a\xe3\xb4\xfd:"</t>
  </si>
  <si>
    <t>b'6\xc1\xa6Xs\x92^o&lt;m\xe0\xe5\xbe\x9d\xaf\x99\xdc\x7f\x8c\xbb\x9bl\x05/\xb9i\xfbT\x9bF\xfb\x08'</t>
  </si>
  <si>
    <t>b' \x1d\xc4\x96\xf7\nw#\xca\x86\xc4\x16L\xe0^\xbe\x12\xccw\xc9\xb4\xa7o{\xf7!\xc5Z\xe7\x86\xf9\x84'</t>
  </si>
  <si>
    <t>b'\xb8\xca\xa6G\xe5\xd3|\x19\x0e\xb7u;r\xc9\xc1\x98\xb1\x06D\xd0^"\xc6CAi\xea\x12@\xf8\x01\x96'</t>
  </si>
  <si>
    <t>b"r\xe7t[\xdd\xde\xd5KJu'\x84\xc7\x89\xae\xa8\xea\n\xec\xa9\x19\x85lE\xd5\x14\xe4\xfa]\xd8+\xae"</t>
  </si>
  <si>
    <t>b'{\x92\xff3U\x95\xd4\xb1\x8f\x10\xc1\x11+#\xff\xd3\xfe\xf9\xd8\x8aC\x17\n\x80\xcc\xf0,0\xc9\xfa\xabS'</t>
  </si>
  <si>
    <t>b'\xc4\x96P\xea\x12-\xec\xb3\xf8qJ\x02;\x81\x96z\xa8$M\x01z\xc8\xdf&amp;t]\xacO\x11\n\t\xc7'</t>
  </si>
  <si>
    <t>b"_\xf8\x91,\xb5\xbe\xad\x16\xa2\xcd'\xbcQ\x8e\x94\x8b\x1b-Bw\xe2\xf9\xf6b\x85\xceF\xb1\xb0\xe2\xf5\xb2"</t>
  </si>
  <si>
    <t>b'ICF9\xae\x7fJ\xf7\xca\x00\xea\xfbK\x06\xe7g\xda\xe1\xfa\xbddQ\xdfy[\xbbuA6Y[\x07'</t>
  </si>
  <si>
    <t>b"\xff'\nA\xe2\xc4B\x16\x8c\xd2\xe5#G\xd5\xd6\xdd\xba\x0b\x80\xf0\xc9\x99j\xab\xaf\xdc\x9e8\x08\xbf\xbe\xf0"</t>
  </si>
  <si>
    <t>b'\x1b\xa6\xb3\xfe\xf3\xc7\xf3@_i\xfeg\xaew3se\xf4\xc3\xc8q\x1eb\x01\x89\xa9\xda\xabO\xe5\xd47'</t>
  </si>
  <si>
    <t>b'\x86\xec\xdeY\xcd\xe5v\x06!\x11\xb2371\x03\xb7?\xd9\xe0\x05\x1bL\x99o]\x91\n\x98\x05\xba)\x82'</t>
  </si>
  <si>
    <t>b'\xaa\xd4\n\xb1\xed\rW\x1a\x9b(A\x10+X042\x0b\x94\x8a\x0b\xd9\x8c\xcej\xf5\xbe\xd85\x93\xfc\x8d'</t>
  </si>
  <si>
    <t>b'\xef\x02\x91\x17e\x19\xadD\x0b1\x19\xeb\t7\xdb\\&amp;{V\xa5\x86\x14\xbd\x87\x9a5\x11r\xff7\xca)'</t>
  </si>
  <si>
    <t>b':\x9c\x9a\x8e\xb7y?i\x03\xe0\xec\xc2\xeeqn:\x98C1\x13\xb0\x05$/\x15\xa5\xf6\x82\xab\x8e^\xa8'</t>
  </si>
  <si>
    <t>b'I\xe3 L\xaf\x82\xc9\xc1Cu+\xa6@g:\xe8\x8d2\xe7\x04\xea\xbfY&gt;~B\x9d\xac\x8d}Z\x17'</t>
  </si>
  <si>
    <t>b'\x89tPV\xfa\x7f\xa4\x9d)\xd8\xc3Y\x193r5\x00\x0f\xe2\x91\xe2\x9aw\xd9\xe6F\x16\x8e\xd1Y\xcb\xf9'</t>
  </si>
  <si>
    <t>b'L=\xef\xc7r.\xf7\x7f\x1fg\x99\x9d\xff\x97\xae\x80\xc5;\x05\x98\xc0%\xa4\xb0\xb4+\x07!T\x87\xe5\xf0'</t>
  </si>
  <si>
    <t>b'\x10L\xc0\x80qT\x97\x99^w\xc9\xb0\xe0\xf5\x8a0(T\xdf\xc5\n\xff\x0f\xf4\x04\xf6\xb2\x9ea\x93\xb6\xd3'</t>
  </si>
  <si>
    <t>b'o\n\xa6\x87\xfbT\x92/S\xee\x10\xb0^9!\xdcL_\xc7$\x80\xd6\xb7`P\x82\xbe\xac\x81B\x85L'</t>
  </si>
  <si>
    <t>b'\xfe*\x95B\xf9\xff\x8a\xcai22\x0f\x99\xc5\xac]r\x19\xfag\xd8\xfcV\xeb\x14%\xc1\x19/\xb1CH'</t>
  </si>
  <si>
    <t>b'\xf50\x1c\xc9\x80\x01\x0f\xdc\xa0\xb4s"F\xe9i \xda\x9a\x98g\xe6\x02)G\x8an\x0f\x12\x0f]\r\xa9'</t>
  </si>
  <si>
    <t>b'\x1d\xa2\x8d\xcf\x05\xba\x9d\xd2s\x81\xda\xf8M\x1b4Q"aZ\x1dr\xa7\xb82\xf94&lt;\x18\xb5\x9en\xf8'</t>
  </si>
  <si>
    <t>b',\xde%s\xd6&amp;n\xa1\x92\x0f\xbf\xce\x06\xc9\x91\x02\x14\xa8\xf2\xe6\x05=u\xb4\x1f\x1f\x10i\xb3&gt;v9'</t>
  </si>
  <si>
    <t>b'%\x1aO\xa3(?\xa2M*\x93{\xd9\xb2\xc2*\xbe|Pc\x93\xfa#\xb7VDK\x8ar,\xca\xb5\xfc'</t>
  </si>
  <si>
    <t>b'\x94\x94c\xf1\xe7\xff\xf1A\xd4\x89\xb4\xecuF,g\x18\xcc\xec\xd17\xcaav\x85\xce\xd7\xff\x9b2\xc5\x9d'</t>
  </si>
  <si>
    <t>b'\x81\xe4\xa6}\xaf\xdd{c"\xfc\xaac\x82$Q/\xa0&gt;,\xd5sUw\'g\x17\x98\xbf\x85{\xb1$'</t>
  </si>
  <si>
    <t>b"\x16~\xff\x8eE\xf1\xce\x1e\xc1a\xbd'\xac\xda\t\xb2Pj\xad/\xc9\xbf\xf0\xf7\xc8\x0f\x13\xfd\xaa\xcb\x15\xe4"</t>
  </si>
  <si>
    <t>b'\xaf\x0f\xa9\xf2\x18\x04\xafI\xe1|m\xcd#\xf1\xb4:\xef\x04\xe4\xbd\xc8\xa1e\xf0oM\x0bR\xe5cc\xf9'</t>
  </si>
  <si>
    <t>b"[\xeby\xea\xa5\x8ed9\x11\x83G`\x11\x06\x14l\xbbu\xcb\x04\x0b_\x17q\xb6?d\x9c'\xe26\xda"</t>
  </si>
  <si>
    <t>b'\xbf|\x94\xf6@5\xac\x94\xba\xba\x9e~\xb2TM\xcf\xa8\x11\x82\xac\xc8\xb5\x9d\xfb\xc7\x01Z\x133\xb9\xa7R'</t>
  </si>
  <si>
    <t>b'.~a`\xc1\x18\x86\x05\xbbz\x91\x12\x1a\x8e\x12qFl\x9c\x11\xf5c\xae\xc1M\xf0\xa6\xf2\xadOk\xeb'</t>
  </si>
  <si>
    <t>b'`\xf1\xfc+T\xec\xf0\xd0:\xb8\xd4\xc3\x83KN\xcc\xc8\xd1\xdb\xaf\xb7\xa7\x1c\xb9\xe4\xc3W\xdcQ`\xcc\xb9'</t>
  </si>
  <si>
    <t>b'\xb9\xbdej\x98\xaf:an\x95c4\xf5;\xcf\x92\xe7\xa8\xda\x9cj\x9bi\x99i\xa3=I~\xa0%\xe7'</t>
  </si>
  <si>
    <t>b'\xa0k)$\x13[\x8a\x80\x99\t\xd4\xc5\xa1X\x18H\x91\xad\xb64\xf0\x08\xcc\xa2Cs~18\x05\xfef'</t>
  </si>
  <si>
    <t>b'\xff4\xa8\xda}\xd4\xef\xef0\x1a\xcf\xe7\xb5c\xb3\n\xe4.7\xe2\x1b\x08.I\xd2q\xeap\xb0F\xebi'</t>
  </si>
  <si>
    <t>b'\x88\x8f\xf2\xa5J\x14\x01a\x89\xccUu+\x1c.\x08\xdb\xf1&amp;H\xcc\xf9{\xc7Q\x0bYCd\x0c\xdbC'</t>
  </si>
  <si>
    <t>b'\xe5NOm~W\x07\x0b\xebm\xe6\x1dy\x0f\xcc\xca\x98*\xa1[T\x0e\xba\xe2X\xf0\xa2\xa0P\x06\xb1\xb6'</t>
  </si>
  <si>
    <t>b"?]'&gt;\xde\xea`\xcc\xca\xac\xd4S\x85\x9brI\xdaN\xc0\xe6Y\x9b\xdd*:\xc7\xed\x1e\x03\x0e\x8d3"</t>
  </si>
  <si>
    <t>b"C%\xfd\xcf\xc2\xd6\xa9\xa0\xdcq\xa2#`\xd7_j\xc2]M'\xc0\x83\x05r\xa6&amp;] \xcd\x07\xc1\x8f"</t>
  </si>
  <si>
    <t>b'\xd4\x00\x10\xa6~\x9f%\x91\x83\xe7\xc9.\xa8\xc4}^+?FH;@\xda\x1d1\xd3P\x81\xdb~\xb8c'</t>
  </si>
  <si>
    <t>b'.\xa8\xc6\xa1\xefp\xb9.\x06vIB\xcc\xec\xeb\xcb\xe4\xdd\xd2\xd7\x15\xd2\xbbL\xa5\x1f\xf1~\xde\x1c\x04\xcc'</t>
  </si>
  <si>
    <t>b':\xed\xd30R\x88+\xd7\xac\xcbo\x10\x12\x18i\xe0\xfd\xa2\x98\x92\x08\x10\xc5K\xddQ\xa7\x0e\x1a\x8a$\x0c'</t>
  </si>
  <si>
    <t>b'~\xa9\x063\xba\x16\xfem6\x14.6F\xb1\x14\xe0\xaa^\x17\xb1\xd0j\xc9\xbd\xa1\xb7\x19\xa84\xa0\xe9\x86'</t>
  </si>
  <si>
    <t>b'\xb4\x051-\xb2\x02O\xdf\xaf|\xf2\xdc\x91\x97\xea\x9aZ4\xce\xbf8&lt;\xc0\x18N\xe0\xe0\xa5[\xad\x96\xb2'</t>
  </si>
  <si>
    <t>b'\x14\xd8\x1f\xfct\xc0\xc3\x14\xaa=I\xb91\x15C\x8d\xfc\xe5\xe1\xf1\xaa\xcf\xc8\x9ajL\xf6V\x00n\x06\x8c'</t>
  </si>
  <si>
    <t>b'L}\x9eJ\x8f^\x0c\xae\xb7\x0f\xd9\xa5\xa8\xb2\xff\xe2\x83\xb5~.Q\xe0\xe6z\xcb)M\xc8)"\xc1\x1c'</t>
  </si>
  <si>
    <t>b'\xd8\xa2\xd9\x13\xf8\xd7X|.\xe1=:\x96F\x18\x8d\x88\x03\xae(\x1a\x13,\xd89\xf3\x15|\xae\x15\xeb\xf3'</t>
  </si>
  <si>
    <t>b'\r\xebks\x88\x8a\xd4\x8f\n2\xf2|\xb1c`\x95w\xa6\x10\r\xfd\xa3\xa8\xf6\xb4\x95J\xde\xa5\xe8\x9d;'</t>
  </si>
  <si>
    <t>b'\x10\xc6\x16\xc8c\xc6bm\x11\xfd\xa5\n\x03\xf6\xb7R\r\x9a\xcd\x88\x19\xc7\xb8\x9b\xe28&lt;q\xc1\x87\r\x80'</t>
  </si>
  <si>
    <t>b"\x86'\x18\xfc\x7f*\x97\xa9U\x16\xfe\xa4\x12\x1c#\x92#]\x88\x90\xe0M\x06\x00\xfb&amp;4\x8a\x1bF\xdb\x19"</t>
  </si>
  <si>
    <t>b'1\\\xcb\xa9\xb2c\xf2G\xe2\x14\x9e\xa0dC\x1c\xabdCf*\x96\xea\x06\xa1\x8d\x81\x13\x84\r\x90\t\x9b'</t>
  </si>
  <si>
    <t>b'\xc3,\xa3\x9a\x9f\x7fZ\xbf\x15e\x15\x16\x83}\x8b,\xc7\xeb8\x81\x0f\xa9.\xc7\xd0\xb3A\xa9c=*\xeb'</t>
  </si>
  <si>
    <t>b'\xa2\xbbdS\xbbnY\xa0q\x8c\xfd\x9d#\xe5G\xa7Aj8\x02,\xf0\xd8\x19H\x89=\xd0\xc2\x17\xb7\xc1'</t>
  </si>
  <si>
    <t>b'\x87\xe2"\xcc\x04\xb2\x14\x95\xaf&lt;\x06\xd4){\x05\x94\x83\xde\xa8)R\x80\x93\xb0b\x07[\xc3\xc7\xcaqM'</t>
  </si>
  <si>
    <t>b'Q\xc3\xe74\x91\x8ehrQP=\x94B\x06\x9c\x9b\xa4\x8d\x85\xab\xef\xf9\x8f\xa8\xd0\xc3\x90S\x06\xc5`\x95'</t>
  </si>
  <si>
    <t>b'\xf4\x02^\xe8\xa6t\x0c\xf2\xb7\x9e\xf8yi\x90h\xd3\x12\xbc;\x02\xc2\x1b\x98B\xcf\x80 \x17D@\xfd8'</t>
  </si>
  <si>
    <t>b' \x83~\xb3\x87\x1c\xed\x8cY\xb1\xf0w\xc4\x8d\x19\xcaZ\x81\xe9\x969\xed\x05[hVp\x17]L\xbe\x81'</t>
  </si>
  <si>
    <t>b',\x0c;\x10\xe1\x9f\xa2ME\x83\xf2\xe5\xe0\xbe\xaa\x92\xec\x04\x9e$\xeb\xee$@\x9c&amp;\x8a\xa6\x19@\xea-'</t>
  </si>
  <si>
    <t>b"\xca\xce\xc2C@\xac+X\x18\xe2\x8d\x1a\xcc\xdc\xbfg\x9b\x08I'\xd0\x82\xda\xeb\x1b\xbc~ \x01\xc7\xef\x89"</t>
  </si>
  <si>
    <t>b'\x87\x92\x9c\xbc\xdd1\x06M\r\xb9\xfe\x07R_\xe9\x91;MA\xd93Bl\xc9\xd0\x00\xd1\xe0\xbe\x18v\x9c'</t>
  </si>
  <si>
    <t>b'\x7f\x18\x9d\xd1\x03\xca\xe2\xa2\x0f{&lt;:\xfb\xe6\xa6\x94\xc9\x0f\x10?\xbe\xfa\xdc\xa7c\x16=P\xc7\xfa\x9fh'</t>
  </si>
  <si>
    <t>b'\xdas,[S\xd8]&amp;r\xda\xa3\xc1xQ\x92&gt;\xaeX\x1b\x87\x94\xbe\x7f\xcd\xad\x97\x85=\xb9\xc3G5'</t>
  </si>
  <si>
    <t>b'\x88\x88g\x9d\xd2\xe0\xf8\xdf\x9e{iy?[gJ\t(\x8a\xab%\xd8\x81\xdf\xaf0k\xbc\x07\x94\xc1\x1d'</t>
  </si>
  <si>
    <t>b'\xdb\xc3|\xcd8Fv&gt;\xcbv=\xae\xc1\x8b\xaak4\xc4\x80\xdb\xc6\x1cf\xd5\xe3\xd3\x9a\tY\r\xaf7'</t>
  </si>
  <si>
    <t>b'@\x84\x11\x9aE\xd8=\xfc\x01\x98\xc6\xd5\xab\xd2{LO*\xda\xdf\x05\xb9c\xfcF\x9cD\x96R\xb5R\x81'</t>
  </si>
  <si>
    <t>b'[7z\xfe\xc3\xbe\xf6\xb5)\xb7X\xd2kY\xb2\xa7\xc7\xa5\xa2\xbc\x0e&amp;a\xf4,_\x98\nE\x05\x11\xd5'</t>
  </si>
  <si>
    <t>b'}\xcb\x8b\xddw\x8a\xe3\x97\xb8\x15\xdfk\xac_\x8a\xdb\xe8\r|\xd7\xa6&gt;\r\x08\x9c k\xec\xa1\xf8\xef&lt;'</t>
  </si>
  <si>
    <t>b'\xd5\xc6\t\x82\xcai\x05b\x16\xf4\xf1A\xce\x83\xd8\x83\x0f/\xcd\x1f(\xcb\x17\x8dX\xaf\x82\x8c\x7f\x15\xb8M'</t>
  </si>
  <si>
    <t>b'\xbf\xe5\xf0\x1a+\xe3\xba\xc28*\xf1\xf1\xc7k\xdc\xe4.\xcd\x03\xfa)\xbc\xf8\xe0\xe5:\xf6\xaa\x88#\xb2\xee'</t>
  </si>
  <si>
    <t>b'\xf1\x06\xba\xde\x17\xee\x8b\xda\x16\x06\x85\xdeU\x9f&lt;\xf8\x877b\xd3\xfc\x05\xd7\x06\xcb\x90h3\x8d\x91\xff-'</t>
  </si>
  <si>
    <t>b'\xccXw\x8b\x93\xf6\x0cgY\xff~\xe4\x18\x9a\xa7\\C\xed\x7f\rI\x8en\xd8\xe4\xad\xc6\xb2*\xa8\xe6&gt;'</t>
  </si>
  <si>
    <t>b'\x81\x8e=\x1e\xf5\xc88\x8a\xe1\x9e}"\xfb\x07C\xd8\x1d\xe8\xf6\xbe\xe7y\xbas\xb4\xabf\x98\xf2\x17\x87\xd5'</t>
  </si>
  <si>
    <t>b'\xa1\x1c\x85\xe4\xe5pN\x049\x12S]\x80/\x17\x0504L\x81\x02\x93\xf7\x80\xabp\xd1g\x87q\xac\xfe'</t>
  </si>
  <si>
    <t>b'\xcb\x97\xa7\x87\x02\xc3\x9d\x1b(jRw \x9eNX%%\xf0\xb6\x1a*\x8d\xbd\xedT\x04\xe8\x03\x85E\xaf'</t>
  </si>
  <si>
    <t>b'\xccI&gt;\x10K%\xe9\x16\xf0\xabR\xa6\xb7\x16!\xe7 \r\xc0M\n\xa9\xbb\xd4\x0f\x81@3\xe9\xce`\xa0'</t>
  </si>
  <si>
    <t>b'\xf4n\x11\xc5\xdf\xcc\x8c\x14\xe9?\xefq\xe6\xf15\xca\xeed\xc5\x02\xf3\xaa\xa6\xf5s\xe5`\x07\x9aC\x80k'</t>
  </si>
  <si>
    <t>b')x|\x85\x0e\xb7\xa1\x14\xe1\xf9\xe9u\x00Q\x9aCJ\xdb\xc7Z\x84A\r\x1bv\xc4~\x1ct\x1d\x93&lt;'</t>
  </si>
  <si>
    <t>b'\xbc:\xd8\xc0K\x1b\xe6V \xa6~}\xc8I\xec(?\x03\xb7u\x16\x84\xdb\x80nS\x1dg\xc9U?\x8e'</t>
  </si>
  <si>
    <t>b'\xc0\x074\xd8\x14=%g7\x82\xaaC.\xf3d\xe09\x9d\x08\xe3\xe03L\xdb\x0f;\x8e\x81\x10\x93\x81\xed'</t>
  </si>
  <si>
    <t>b'\x98\xdbI\x9d\xae\xb2[\x8c\t{\xf1\x1e}:Iw\x01\x82\x7f\x05\xda\x03\xbdg\xef\xceiV\xb9N\x8a\x8a'</t>
  </si>
  <si>
    <t>b'r\xf5Y\xc5\xb58\xd6\xf3\xdb\xed\xdf\xdc iPXU\xf1\x19Y\x89\xab{C\xcd\x9df\xda\xb0\x94j\x07'</t>
  </si>
  <si>
    <t>b'\xa6`\xe7Z\xf2Y\x86\x1a\x11\xd2\x94\xca)\xe6\x8d\xa4\x01\x14\x9cja\x7f\x15\xcay\x84\x9d[z\x9e;V'</t>
  </si>
  <si>
    <t>b'\xe7\xa2\x9f6\xc6\x8b-"\x9e\x1b\xb29Z\xca3\x89S\xcd\xf2\xf1#\xba-\xfe\xd8Z\xe0@\xc8\x0c\x15\xe3'</t>
  </si>
  <si>
    <t>b'V\xdf \xc67\x01\x84F\xf7\x83\xb4k#6\x11\xa4\xdf^\xf8\xf6u\x83\xeagP\xe5!e^\xd8\xe9\xf5'</t>
  </si>
  <si>
    <t>b'\xc2\xc1T.\x16\xcb\xca \xd0\xb3\x03|[\x18\x84\xa2\x94\xb0\xf4\xb1\x86\xb2\xc8\xf7o\x0c)\xacK\xd5\xb7$'</t>
  </si>
  <si>
    <t>b'\x11\xe9S\xc0\xbc\xa8\xc0\xaep\xfaj\xf9\x98\xe3O\xf7?,\x9d\xae\xc3\xf1!\xca\xd9\xd7\x80\x86\xcdb\xb8A'</t>
  </si>
  <si>
    <t>b'!\xba\r8\xe0?m\x00\xdfV\x91\xf6Rt\xb7\x1dW4\xc0Cto\xa7\xdf\xbd\xbdci\x9d\xd1\x8ex'</t>
  </si>
  <si>
    <t>b'H\xc6\xcc\xe4&lt;\x827"\x02\xf9\x05\xf8\x8c\xa0\x0f\x91x\x7f\xd2\xf9\xfa\xbe\x18\xda\xfc\x0c\xf3\xb6\xa36\xb0\xa3'</t>
  </si>
  <si>
    <t>b'\xf56\xe6w\x9ew\xdc\xcc{\xa8\xd5\x97b\x99\xcdNA\xd0\xaei\xd9o\x03\xb5\x12\x17\xb8\x8d\xe9\x9b\xe0\xb7'</t>
  </si>
  <si>
    <t>b"\xf37J\xd7\xf0C\xf7(\xbc\x1d\x85\xc6\xff'\x7fT\xf5a\x1c\xa1\xc3\xc7\xbe\xb30\xd6\x03\xb5qa\x86\xdd"</t>
  </si>
  <si>
    <t>b']\xa2\x0c\xbf0\xd2\x88(\x00EVq\xae\xd7\x1a4\xc3X\xdd\xd5H\xd8\nV\r%\x82\x1b\x87P\xa4U'</t>
  </si>
  <si>
    <t>b'\xaa\xf6e\xdc\x83\x86\x9eo0$\x10\xb20&lt;\x1f\x08q\xfc3iU\x11\x1f\x9d\x11c_\x10&gt;LM\n'</t>
  </si>
  <si>
    <t>b'G\xa2\xf0\x9f\xa7\xc7!\xf0j`\xd0\\\xd3\x03\xc8\x84\xea\x92\xbf\xdf\xf0ve\x82\x86\xce/\xec\xe9\x1a\xf5B'</t>
  </si>
  <si>
    <t>b'uk\xb2l\x87\xc4\x06\x92\x12\x00\xb9A\x848/\xad\xf1\x99\xa9\x90\xc5k\xe9\x96\x13q}@\xb2\xce0;'</t>
  </si>
  <si>
    <t>b'&lt;|f\xc0!\x8e\xc5\xa4$\xb8a\xdf\xcb\xce@r]\x04I`\xa9}\xe7\x83\xa9\x8eU\x99cZ/\r'</t>
  </si>
  <si>
    <t>b'\x858\xc0oy/:\\ u\x03\xd9\x85\xacY\x01\x02\xb9\xb5]\xbe\x18\x89\xef\t\xc9\xa2\xbf\x10Dz\xd6'</t>
  </si>
  <si>
    <t>b'\xb6\x837)\x10:\x1fW\x13z[zE\xf7Qp\x03\rEn\x8e\xb5\xdd3\x07\xe2u\xb1\xff\x9a=f'</t>
  </si>
  <si>
    <t>b'bkYDL(\x14e\xe0|\x99h\xdf]\x83{\x95\x9f$\xb3s\x03\xa1\xa2\xfc]\xfav\xc9\xb8\xc7;'</t>
  </si>
  <si>
    <t>b'\xe7\x0c6\xe0}\xac\x11\x8a\xc9\x97)\xb0\xec\xbc(r\x7f)\xe5 \xf9\xea\x89\xba\xfa2s\x054W\x8br'</t>
  </si>
  <si>
    <t>b'c\xca\xa3\x8a\xb6\x95\x98#\xdfF\xd2\xf4#5\x04;\x87\xbe\xbd\xc3\\u\xbaW\x05\xbe&gt;\xc6!\xca\xa1.'</t>
  </si>
  <si>
    <t>b'\xb0K\xdc\xcc\x97\xc0\x81y%|\xd5\x88\xdfpb\x10\x11[\xae)\x90\xd3\xb4M"ls-\xa9E\xe5\xb5'</t>
  </si>
  <si>
    <t>b'&gt;\x06\xfdH\xf2\x96\xf9\x7f\t\x8f\x87\xe0`Y\xaf\x8e\xee&lt;y\xb8\x13\x8e\xe7-\xb6}t\xa8k\x7f1\xb3'</t>
  </si>
  <si>
    <t>b'\xff\xd2\x84\xa6.\xda\xe4\xe1b\x04\xa2Z\xc5[_\xa6_\x95y\x92d2\xa89\xae\xec\x83p\x88\x1dg{'</t>
  </si>
  <si>
    <t>b'g)\xd5D2\xbd\x00\x94\x9f\xfb\xa6\xc5\x1d\xf6\x84\x01]3&gt;\x08\xb71\xa7q=Y\xc5\x81\x13\xb5+O'</t>
  </si>
  <si>
    <t>b'u\x1b;\xeb\x88\xd1\xb9\x85\xb4\x134\x8f\xef\xb31W\x05c\x8dH&gt; GG\xc9\xe0J\x82\xde\xe3\xb5\xcd'</t>
  </si>
  <si>
    <t>b'\r\xecDA\xc7P\xf2\xc3\x07\xb9E\x8b\x92\xe0\xe1\xe7\xf7\xe9y\xa4%\xf8\xbc\xd0x\x7f1\x86\x1e\xe3\x0c6'</t>
  </si>
  <si>
    <t>b'.\xbb\xf3|\xf1\xe1\xf1\x1b\x86\xef\xb3\xc7\r\tj`\x16\x9d3=S\xd8&amp;R00\x16\xbb\x987\xdd\x17'</t>
  </si>
  <si>
    <t>b'\x0e\x03\x8b\xd9\x80\x8b\x1c\xf0\xd0V.\x83\xa9\xbebX\xa9\x1b\xa5\xb1=\xc3}\x90\xc5\x0b\xa2\x0e1\x1e\xadZ'</t>
  </si>
  <si>
    <t>b'\xda#\xd8Q\x9b\xd3\xe9\x16\xcaX\x1b\x95F\x9c\xe0\xb8K\x94\x80 P\x84\xe7\x94\xc7=\xcd?^1\xd49'</t>
  </si>
  <si>
    <t>b'LKa=\xb7R\x80\xd4\xad\x9e\xce(\xe6\x8d\xd5\x14\xd7~\xe9\xb5\x85XW0o\xc0\x87r\tvd\x02'</t>
  </si>
  <si>
    <t>b"|q\\\xe8o=q\xc2\x9bX\xeb\xce\xf1r\x96\xb2(B\xd7\xe5'\x1d\xb0\xf5N\xd9\xdb\xf1U\x86\x1d\xaa"</t>
  </si>
  <si>
    <t>b'xS\xdcGr\x1a\xbe/-\xc80\xd8\x1d\x92z\x17\xc94F\x10x\x84\x97\xb71d\xe4e\xfcg\x8cw'</t>
  </si>
  <si>
    <t>b'\x9a\x05\x0cD\x1f&amp;\xa5\x89y\xf8\x0bt\x81+\xd3\xe5\xf1V6\r\xef_\x82\x8a\xd9[3 &amp;,\xd0*'</t>
  </si>
  <si>
    <t>b'z\xd1\xad\xf7\x19Oo\xa3\x97\xea\xb9\xad\xe31\x92 \xaf_\xc9RN\x83DU\x90\x02~u~D=.'</t>
  </si>
  <si>
    <t>b"\x9e\xd0\xa5PX.Z\x98l\x96\x9b\x90N\x7f\x10]\x89\x03\x9b\xe5K\x19\xd0\xc4\xcf{\xb3'\xa7\t\x9f\xc9"</t>
  </si>
  <si>
    <t>b'I\x92\xf3F\xe0\xb2\x0c\x0e\xbc\r\xb7\xff&gt;\x07\xb0\xd1i\xc1\xb2\x01\xe5\xb8}\xc26\xac\xb4\xc6\x82||\xc0'</t>
  </si>
  <si>
    <t>b'\x88y;-\x8e\x0eu\xfa\xff\x87fg\x8a\xbad~\x0eT8\x7f\xffS\x89)\x0e\xfa\xd8e\x05\x151 '</t>
  </si>
  <si>
    <t>b"\xa3\xadP:\xacM'\x88\xdf\xfb\xfe\x1e\x94\xa9\xdf\xa2\xaf\xc4\xde\xe3\xf0\xednW8\x92 pG\n~\xf3"</t>
  </si>
  <si>
    <t>b'r\xd5\xbag\xc8\xd4H=e\xed\x93\xf8;:x\x8f\xb6^\x1a&lt;\xd7K\x93\x89\xacL\xeeI\xd8M\x9c\x91'</t>
  </si>
  <si>
    <t>b'Mu\xf7\x86\x1d\xe9\xd7\x0c\x98\xa6\xf7#\x18bWe\xcaUW:0\xde\xb9\xf7:$(\xba\x86(\xc0q'</t>
  </si>
  <si>
    <t>b'\xae)\x9b\xeb\x8dKP\xc9l\xb8\x90\xcfq\x1c\xe7\xbf\x8e\xcd\xbdq\x95\xe2\xae"wVL\xbf\xde\xac\xf6\x02'</t>
  </si>
  <si>
    <t>b'\xef\x07eh\x9d\x11\tE\x95p\x17`*K\x9e\x9bC\x02\x02\x8e\xe7\x0c\x1d\xdb*F~\xb4\xdf\xe3\xf5\xe9'</t>
  </si>
  <si>
    <t>b'[\x87\xae\x82]\xd5\xbf\x8d#\x8dv\x90\xb7Z\xf6K\xc0\xdb1\x153q\xf6\x80\xb16\xff\xbe\xfe6\x01M'</t>
  </si>
  <si>
    <t>b"})\xde\xb2!?\xc2|\xb2\x0b\xcay\xb5b\x92\x8c)\x10\xe0e'\xdez\xefw\xac!\x8baX\xc9\x92"</t>
  </si>
  <si>
    <t>b'\x1e\xc1?\x0b\x0e Hv\xc8\xee\x00i\xe6\x99\xc6i\xaa\xbc\xc0\xc5[8\xd1\xeb \xc9\xa6\xbd\xf00\xe7\xc3'</t>
  </si>
  <si>
    <t>b'6d\xf5\xac\xff\x87E?`\x86(\x1a-3}\x88\xdc\xad\xfc7qs\x1bE\x89p\x89\x07\x8b`\x04\x9f'</t>
  </si>
  <si>
    <t>b'\xa1&lt;=\x1d\xf6^!\x04D\x11\x12\x9c\xa2\xde\xfd\xd7S\xbc,\xe2\xbf29\xf3\x1b5\x9d&gt;\xa4N7\xc6'</t>
  </si>
  <si>
    <t>b'\n\x1af\x9dX\xa0\x11X~5\xa2\xf4\x8f`\x0e\xae!\x03\x91\x9f\xe6\xa9z\xdf\x05\x9a6\x08\xfc\x12e\xff'</t>
  </si>
  <si>
    <t>b"G4n\x1dI\x15\xf1\xaa{8\x81\x86\xb0\xbe&gt;\xde'\xf2l\xads\xb2\xfe\xce\x16\xfeh\\*\x04\x1d/"</t>
  </si>
  <si>
    <t>b'd\n^\xc4\xb0\x88\xfcN\x13^\xfc&amp;\x80\x04\xc0\x14h\x19\xbc]Kav\xd9\x99e\x84\x86R\xb00G'</t>
  </si>
  <si>
    <t>b'\x13\xae\x7f%\x0eE{\xedQ\\\xe0\xe2\xedv\x0c\xa8\xee\xedP\x7f\x08\xe5B\x18KImZX\xf4\r\xd3'</t>
  </si>
  <si>
    <t>b'\xb0$\xf7\x1c\xdb\x8c\xfb\xca\x92O\r\xe4p,\xf6V\xff\xa6\x07\x1dC\xad\x05\xb7\xdb|\xacyy\x9df\x1d'</t>
  </si>
  <si>
    <t>b'\xccs)\x19\xb0\x04\xd0o\x02\xb1h\x91\x90\xb05\x7f\x05\xbb(\xd7\xce\x82\x93\x14\xec\x93\x82i\x9dl\xb2\xea'</t>
  </si>
  <si>
    <t>b'\xdf\xc9\x9d\xeb\x160\x90&lt;k6\xacK\x85\xda\x80C\xca&lt;\x94g$\x82\xc3i\xe5\xe2\xd6u\xfc\x96\xbd\x06'</t>
  </si>
  <si>
    <t>b'\x97m\x8e\xd6\x02\xe7Y\xb6N\x874\xa9\x0eN\xd4\x10\x04@\xd5\xcd\x07\xd6r\x1d\x19\x12\xa7\xe0\x1b1\xa8\xc0'</t>
  </si>
  <si>
    <t>b'ETqe\xd9\x9d\x0c\x91\x7f\xc0\x12\xb8\xa88\x14\xd7\x8c\x83H\x81\x00-L=HE\xf2\xc8&amp;\xe5\xa2-'</t>
  </si>
  <si>
    <t>b'\xf3\xba\xe1\x98(\xd2\xab\xef\xbe\xca\x8a\xab\x8cA\xc8z\xf7-\xb97\xcd\xc64\xe4\xff\x92 \xaf&gt;\xbbF\xdc'</t>
  </si>
  <si>
    <t>b'\xbd\x99\xdd%\xf2\x99\xb0n6\xa1XA\xb5\xb3\x022us\xe5BQ\xfeI^\xb0\x05\x11\xc6\xda\xe2ie'</t>
  </si>
  <si>
    <t>b'\xc7\xb4\xbd\xf6\xde\xce)\x10#\xb2\xba\xc0\xf2L\xfc \x82$)\xf6\x11\x81=\xf57\xacO+\xa0S\xd8\xea'</t>
  </si>
  <si>
    <t>b'\x9c\x9c^\xc3\xfdV\xd3~\xfa\xb7%\xf3Ld\xc6\x98J\x1d\x1bG\xb7\xb0\xd8\xe5\x1d1g\x9a\xa5;\xd9k'</t>
  </si>
  <si>
    <t>b'7Ps\xcb\x12o\xf8\x16,\x15M\xb2\xe4\x9c\x94D\xed\xec\x7f"{\x1avYC\x07\x81\xb2\x9c\x8d;z'</t>
  </si>
  <si>
    <t>b'z\xd1\x81\x8c|:W\xc9\x12\x85\x95$\x1b\xc7\nn\xd2`\x87r\xb2U\x8b\xb0V%\xf8\r\x0e\xfe+.'</t>
  </si>
  <si>
    <t>b'ZS\x9f\xfb\xf8\xdc;\xc5\xd3\xd9m\x95sH\x02\x90_g\xe9m\xaa!\xf6\x8c\xec\xf7\xc9k\xa7\xd3\xd7\xb1'</t>
  </si>
  <si>
    <t>b'\xdcn\xcfR\xd8\xab\x0e\x01\xe5\x9aC\xdc1e\xe7\xdeW8#*&gt;\xcc\xf6K\\^w&lt;\x86\x1aj\xca'</t>
  </si>
  <si>
    <t>b'\x1a\x02k\xe2\xe9\x07\xaa\xc2\xbf\xaf\xdd\x142#M\xa2BTpp\x02\xe7\xf4\xbd1\x0c\xb9\x15X\xad}\xcc'</t>
  </si>
  <si>
    <t>b'\xec(t\x91\x81\xed\x0b)u(\x0c\x8d\xf7H\x84h\xf6\xb6n\xca\x16\x9e)\x0b\x06\xb5[\xeb\x98\xc4\x00\x18'</t>
  </si>
  <si>
    <t>b'\x12\x8b\x82@\x98\xcc\xff@\x1c\xad;\x00\x94\t\x14\x7f\x15/\xf6\x7fy\x90p\xf9\xfc \xfdz\xc2\xacb\xa1'</t>
  </si>
  <si>
    <t>b'\xd4\xae\x01\xc8\x15VHU\xf0\xdc\xa7 q\xe0\xc1\xe5\xafR\xea\xdb\\\xba\xfd\xc3\xd4\xf2S\x93\x01^\x02\xca'</t>
  </si>
  <si>
    <t>b'\xd4\xec;\x13\x0bM\xf5fK?\xd3\x0c\xfc\x90H \xd7\x07\x01\xba\xf2\x16\xcf\x02(\xef&amp;\xc5\x9c~-\xf6'</t>
  </si>
  <si>
    <t>b'\x0b.\xf0Z\xf9B\x82\x1b\xa2s\x13\xe7,\x9d\xad\x1eV\x08Q1\xee\xb0k\x0e\xb8\xa2\xbc)\xe7c\xecR'</t>
  </si>
  <si>
    <t>b'O\xd2G!\x01i\x9e\x0e\xfc\xa1\x17K\x7f\xa3\x02f\x91\xb31\x82Y\xbd\x12b\xdb:\x7f\x83\xfd?_\xb8'</t>
  </si>
  <si>
    <t>b'\xadlG\xc4\xb1\xdc/Q6\x1e\xcd5\xafU\xack\x07V\x93\xc6\x97Y\xa6\x10\xcfC\xad\x8cb\xd1\xd4\xe5'</t>
  </si>
  <si>
    <t>b'\xca\x8d\xddQ\t\x0e0\x95\x88\x13\xefg\xf0{\x88\xd39\x8e\xa2Ml\x85\xc0m\x1e\x87\x16\x0fA\x8e.9'</t>
  </si>
  <si>
    <t>b"}\xab\x07\xc8yG\x9bEr\xef\xb7\xc8\xd9\xdf\x12\x85\x7f;\x04s\x93\xf1\xd5\xf2\x1c\xcfZr)g'*"</t>
  </si>
  <si>
    <t>b'\xfd\xb2\x96\x9b/\xc49\xa4\xd6$V\x88m\x00fd\xbf\x0b\x01\x10\xef\xfd\x1e\x8a\x1c\r\xd3\xdeN\xdf-['</t>
  </si>
  <si>
    <t>b'\xcc\x1e\x8d\xee\x885\x8d\xe1\x04 _\xfa\x97\xcc(\xe7\xa9\xb9\xe8\xa6\x8a\xb23\xaf\xd1G6\x12i\xac\xe0\xb6'</t>
  </si>
  <si>
    <t>b'\x86\xe5\xde\x8dZ\xce\x91\x94\x1d\xbe\xcd\x00\xd7Y&amp;N\xda\xc6\xc9&lt;j\xfc\xbe\xe5\x1a\xaa\xc4D\xc7&gt;jT'</t>
  </si>
  <si>
    <t>b'\xe8O\x03\xb8\xd5D\xde\xba(o\xa4s\xae\xe7\x9b\x07i\x1c[\x06\xea\xad\xba0\xc9\x85!\xcd5\xff0\xdf'</t>
  </si>
  <si>
    <t>b'xn\nR\xa6\x1b\x01\xd44\xe9\x8c\x06\r\x18F\x7f\xddj\xef\xc8&lt;\x10\x7f\xd5\xc2I\xcfG,\x15\xcf\x8a'</t>
  </si>
  <si>
    <t>b'\x82\x98\x86u\xb0\xa6\xf8\x1c\xbf\x7f\xf0\n\r8Rg47]\xc1&gt;\xf7\x82%\x1d\x08\xe8\xe0rY\xe8E'</t>
  </si>
  <si>
    <t>b'\xf0W\x9db\xe5\t&gt;\xbd|\xb1\xe9\xe4\xc8;^c\xf4\xd3\x88\xe9&amp;\xc9\xb78\xdc\xab\x13;;\x0e\xa3\xde'</t>
  </si>
  <si>
    <t>b'\x98\xa9\x08$\xf4\xf1(\xc3\x93@*(\x1d\x00}\x14P8\xf3\xea\xee\x03y\x89(O\xe8\xa6\x96\x18Mb'</t>
  </si>
  <si>
    <t>b's\xf6q\x1fwj3\xd1\xd9R\xc5\x8f^7\xf0]5\xac\x92\xa7\x97-q\x1d0\x15cG!\xfd+\xb1'</t>
  </si>
  <si>
    <t>b'2e\xbe{\xcefm kb\xee\xd4e1\x82\xb9h\xaf{\xb3V\x85v\xf45\xbd\xe6\x9fU\xf5\x05E'</t>
  </si>
  <si>
    <t>b'rV\xee\xdfc\xe9iY\x13S\xb9\xe8\x06\xfeI\xf3\xa7\xc7PV\x0fN\x93]4\xf7\x9bn\xa6\x0b\n\xa3'</t>
  </si>
  <si>
    <t>b'\xa3\xd8\x93\xdfC\x07\x17\xea\x02c\xdc\xbb\t\r=27\xaa\xb9B\xd6\xe6mSwo\x8b\xf9\xd9\x1a\x12*'</t>
  </si>
  <si>
    <t>b'\xfc\xbe0WM\x9d\xdbaj\xbf\x9d\x9a\xa4-8\x02L\x9d\xb6tR\x05\xb2r\x97\xca\xe2\xcd1\xd8\x80E'</t>
  </si>
  <si>
    <t>b"\xae\xc8\t\xd4\x9b\xcee\xd2\xe9\xb6Z\xf959\xfej\x97\xa9'9\xe3\x9e\x10\x89Y\xe2O}L\x9c\xa6\xb0"</t>
  </si>
  <si>
    <t>b'\x8e?\x91\xc9c%\xa6\x8c\xf0\x8c\x14=\x96\xf8\xe3\x7f\xd1\x90\xee\x9c,\x8f\xf2/9\xaal!\x1c\\z8'</t>
  </si>
  <si>
    <t>b'\xbf\xdd\x07ra0\xe3\xde7-\xc5\xee&lt;\x189\xab\x97\x12\x8dv\xff\xc3\xbe\xb39\x85\xd4"a\xa1\x1c\x95'</t>
  </si>
  <si>
    <t>b"\x84\xb7MzE\x10\xdb\xeb\xbf\xc3\xa0\x9a\xd86 \xba\x82\xae\x906\xa9\xb0\x1f\xca\xe2'\xad6$\x93,\x81"</t>
  </si>
  <si>
    <t>b"3\xc2\xb8\xf1\x80\x99\x90*'\xfc\xd4\xe7'\xb4\x95\xa3(_\x84&lt;\x0f#\xd4\r\xbb\x1a0\xda\xd4N\xebi"</t>
  </si>
  <si>
    <t>b'\xf1\x91P\x8c.\xe4\xda\xba\xfb\xac\x83.d\xc2\xdb\xdcw\xa4\x15\xa7\xdb\x8b\x1d\xa2\x07\xf3\x1co\xd1\x85d '</t>
  </si>
  <si>
    <t>b'9\xa3\x1f\xec\xc5&gt;t\x03\x19\xe7\xefV\x86\x89L\x08v\xa8\x80k\x1a\xd5\xc4n\xad\xbbo\x83c\\~a'</t>
  </si>
  <si>
    <t>b'\x1f\x8f\xb7k\xa27\xa4\xe3\xde\xba\x12\xf2q\xe2\xea\n\x0bH[G\x0f\x11\x18\x8az\xb9\x05\x11\x8b\x99\xf1\r'</t>
  </si>
  <si>
    <t>b'\x0e\xc3\xed\xc3\xa1sa\xe5%\xf4a;\xb9\x16{\xe4Ap\x8b\x97V \xc3\xdfh\x81\xe3V\xba\xc7=0'</t>
  </si>
  <si>
    <t>b"E\x08\xa2B\xf8\x19\xd5\x81\xf6\xe3\xec\x1b\xc9,v\x15\xe9\x86_O!\xf5\x7f[\x01\x12\xec'\x93@\xaa\x0e"</t>
  </si>
  <si>
    <t>b'\xfe\xed\xb5\x07\x075\x1bz\x9b\xaa\xc6\x0cs\xc7\x80\xc8\xafj\x1b\x97\x00:\x83\xf3W\xe7\x14\xe3\x95\r\x8d\xcc'</t>
  </si>
  <si>
    <t>b"Be\x9eS\xd3!\x99[\x87\xdd\x01\xa87\xdc\x03s\x83y+l\x96\t\x07\xd8)\xeb\xa9'\tKK\xe6"</t>
  </si>
  <si>
    <t>b'l[*9\xda\x98\xca\xa4\xdd8\xec\xa8\xa0\xb4\x9e\xa9\x96!\xef(\x90\xaely\x97\xc3\x92`\xc7X\x05\x13'</t>
  </si>
  <si>
    <t>b"T'\x11vZ\xa19\x1ey\xab\xc6\xc8\x94\xaf\xa3\xe2\x9a\xdf\x9d\x92[\xe2\xdb\xca\x0c\xc6\x8f\xb8G\x9bj\x80"</t>
  </si>
  <si>
    <t>b'\xc4u\xe01y4\xa6O\x0b3\x8a\x19\x05S\xe9\xa3#\x8d\x06\x18\xca_&gt;[v\xebP\xac2^\t\xd3'</t>
  </si>
  <si>
    <t>b'D\x82\xdd\x84\x01\xab\xad\xe8\\$\xcc\xb3\xde\xde\x93\xd7\x0fE\xb5\xb0Y\x92\xfe\xae\xc7\xf0(K\xb9\x15\x08\x96'</t>
  </si>
  <si>
    <t>b'v\xdd\xbb\xe6A`\xac\xc73p\x14AE\xea6U\xd5\x9e\x07\x04L\t\x96&lt;\x87\xa9\xf8\x9bu\xba\x1c\xb4'</t>
  </si>
  <si>
    <t>b'U\xe4E\x99\xee\x17\x8f\xd2\xfd\xf5^x\x94\xe9\xfb`\xc3VNki\xa9\x94U$\x88\xc8]\xd1$3\xb9'</t>
  </si>
  <si>
    <t>b'#\xeeI\xa3\x81\xaf\xd4\x03\xdc\x87\x8a\xe6\xc8\xe3\xa6\x9a|U\x1d\x1d\x9bT\xd9\xc3 \xc7\xc6o\xf0\x01\x88\x1a'</t>
  </si>
  <si>
    <t>b'\xf0"b\xf2\x0f\x9b\x81\xeb\xe8d\xddz\xa6\x85m\xf9\xdd\xaa\x90\xd9\x9e\xdal\x0cf\xd7\xc7\xfe\xa1 N\x1f'</t>
  </si>
  <si>
    <t>b'\xb6\xb7\x83\x9d\x101\x8d\xa3\xf2^_\x1d\x8eJXB\x12\xad\x9e\x15\xd5\x9d\xf12\x91\xa8;\xd2F\xadw4'</t>
  </si>
  <si>
    <t>b'\x96{#\xed\x0f\xd34\x82\xe2\x17\xe2T\xc5+\xd3\x17&gt;\x08\x90\xc5\xaa\xc3\xe7\xac`\xfc\xa7&gt;\xcd\x00\xe4&amp;'</t>
  </si>
  <si>
    <t>b'\x18\x07}o\xce\xe9G\xc6zr4\x1a\xdb\xec\xab\t\x94\xe9\xf630\xa8\xe7yOD\xf8\xda}\x1b\x06K'</t>
  </si>
  <si>
    <t>b'\xfb!\x88&amp;}\x8d\t\xccB\x0fK\xbb9Q9C\xd3\xf8\x1f\x86_\xb7z\x1bd^J&lt;\xf7\r\xcc\xbd'</t>
  </si>
  <si>
    <t>b'\x1fT\x05&lt;\xc4N\x92t5\x94\xcb\xd6\x97\xbexa\xbf\x8fw\xc3\xb8\x18\x16\x8cY-\x15\x02\xd27(\x9d'</t>
  </si>
  <si>
    <t>b'|\xddWI\x19\n;\x96\xa6%\x00\xc2\xad\xd5\x15\x03\n~\x83m\xd8Eq\xe4\xc9\x0fT\xdc\xfc_\x0b}'</t>
  </si>
  <si>
    <t>b"\xfb\xee\xcd\xc2\xaf.|\xa8\\\x84'\xa0\xf6\x81\xe0\xe3P\xae(D\xed\xa8`a'#\xfe0\x8b^\x07D"</t>
  </si>
  <si>
    <t>b"\xc1Ba\xc8c'*\xa8}\xe0r\xec\xc2(\xf4R\x0e\x06\x12\xd1\x15\xf4Z\xd5\x1c\x01\xda\xe5-\xc0\xf6v"</t>
  </si>
  <si>
    <t>b'N\xe2\x92\xe1F\xb2\x94\xdd\xe6\x017p\xd7\tFYR\xb2\xd9oAS\xd4|\xeaU\xdc\xdd)\xcf\x9c\xa0'</t>
  </si>
  <si>
    <t>b'\x8f}\x1f\x9a\xd2\x9e\xd3\x95\xcf)\x165\xfeO\xad\xf3\x9e\xe2\xfa&amp;\xb1r\x952\xb3\t\x0e\xb2\x98_\x9e\xbd'</t>
  </si>
  <si>
    <t>b'\x97\x9b\xd2\x03~*\x0bV\x8a\xe0\xb7X\x96\x88\xdc\xc3w\xb8\xe8\xe8!\xb1|\x07\xe1\x0e3z\xac\xa2\x87\x90'</t>
  </si>
  <si>
    <t>b'\xdf\x88`\xc8\xba\x91\xe6U=\x02\xab-\xb6\x15u\xf40\x05\x1e{=\x06X\x93b\xd1\xf0\xf2=\x98\x17\x07'</t>
  </si>
  <si>
    <t>b'&lt;\x96\x86\xc6\xf2\xbf\xdf1\x03\xff\xb6t\x0b\xec\xe0\xbfi\xf1\xde\xca\x1b\xeba\xee\x84q\x8dD\xe0\x98\x85{'</t>
  </si>
  <si>
    <t>b'\xaf\xac\x8d\x1fyu\x84#j\xfd+\xa2\xa7\x93h#\x02\x12\x1e\xd5*\x08m\xf2:\xeb\xeb%H0- '</t>
  </si>
  <si>
    <t>b'\x97\xc5q\xd5e\xca\xa1b}\xf8\x14\xc7\xcd\xeb\xaeo9\x9aw\x93\x16,\x9869x\xb8f\xbb\xf9\xc3\x07'</t>
  </si>
  <si>
    <t>b'\xd4\xae\x13\xadph\x04W\xb0UbaL#\x13\xe6\x81\x036\x163\x17\xb7%\x0e\x0c\xffA\x16&gt;\x82|'</t>
  </si>
  <si>
    <t>b'\xe7AU\xc3\x18\xa1\xe8\r\x9e\xb9\xd4(a\xe9K)\xac\xee\xa1\xe59\xef&lt;\xaf\x84A$\x90\x02V\x08\xf4'</t>
  </si>
  <si>
    <t>b'C\xc2\xa0\x8dg/^AW\xd0\xe8(0VF\xaas\xd2\x91\x07\x85\x1fC\x1c\x19Y\xf7\x9dV\xd5\xed\x83'</t>
  </si>
  <si>
    <t>b'\x00^\xf0\xfa\xde:?\xdf-\xd1\xbc\x14p\xd8\x07\xc2[\xbb\x1a\xe2\x88U\xaa\x88W\x19r\t\x9f\xf8\x02\x11'</t>
  </si>
  <si>
    <t>b'{\xcfJ\xe1\xa7I\x85x\x07\xa0W\x9ejQ\x83\xfa\xd4\xdd\xe1q\x8d\x19`0\x15`Z\xab\x8f\xb0\x8cG'</t>
  </si>
  <si>
    <t>b'u\xd6\x03Z\xc0i\xd7\xd82\xbf\xb4z\xae\xd7\x04S\xe4x\xe5\xd1BA\x19\x9c\xa4\x8c\x05\xa8\xee\xb5\x07\x83'</t>
  </si>
  <si>
    <t>b'\x88\x9ak\x96\x1ar\x0f\xb3\x0f\xff\x89E\x80\xe1\x12\x97\xe3\x9c\xac*+\xd9\xd6\xae\xe5\xfb(B\x93O\xdc\x1a'</t>
  </si>
  <si>
    <t>b'&gt;a)R1\x8bv\x12i\xc2I|7\xd4E\x8fW\xed\x06;\xcbr\x96^\x93O\xcd5\xe9/\xa5\xec'</t>
  </si>
  <si>
    <t>b'\r\xa6\x1f\x81\xcd\x1aAY9w49\xf3D\x18\x8c\xd3mp\t\xae\x9e\x9fg\xa2;\x87\x12B\xe4\x879'</t>
  </si>
  <si>
    <t>b'\xc3F3\xa8k\x1a\xf4\xa7/\x1e\xdc+\xfb\xf2\xcc(tL\xc6\xd1l\xec\xcdy\xef&gt;,[\xa6\xc3wh'</t>
  </si>
  <si>
    <t>b'5\xf1&amp;h\xa0\x1b\xc3\xb02A\x90E\xa1\x9a2\x0c(\xb5\x16\xf71M/\xed\xe1f\xc2\xe6\xa1\x99.\xd4'</t>
  </si>
  <si>
    <t>b'\xc7\xb7\x0c\x84\xeb\xf4\x0f\xe4&amp;\xb7*\xa9E&lt;?\\\x93\xc2\x87\xa9)\xfaW\xf3obiE\xb32\xc0\xfd'</t>
  </si>
  <si>
    <t>b"\xe5\x07\x07\xf7q\xacm\xcbM\xc4\xf3\x19\xf5\xf1\x97X\xba'j\xaaC\x159?\xbb#\x12\xc3z\x11\xfb\xdd"</t>
  </si>
  <si>
    <t>b'\x1f\x8e\x18k\xf4&amp;t\xe3%y\x90UF\xbc\x13\xf5\xa7\xe5W\xfa&amp;\x07J\xe2\xfe\xc2{&gt;\xed{\x8f\xb8'</t>
  </si>
  <si>
    <t>b'\xd8\x0eX\x8bPYQ\xb9C\xc4^\xffI_\xa5_\x0cRI\xed/\xd7m`_[e\x16\x81\xbcD&amp;'</t>
  </si>
  <si>
    <t>b'fm$\xe1&lt;\xe4\xb5T\x1fG\xdf\xcc&amp;\xe2\x933r#\x17\x00O\xc4U\xbc\x17j\xd3\xb0\xca\xf2\xc1%'</t>
  </si>
  <si>
    <t>b'&gt;&gt;G\xa9+\xc2\x15cZg\xa2\xcb\x10\x10\xb0$sn\x13LP\xb3\xe9\xad^\xc4\x12N\xe4R|\xcb'</t>
  </si>
  <si>
    <t>b'\x1a\xa8=^g\x1d\xad\xed\x97\xfb\xb0\x07\x1b\xbe(\xab]\x1d\x93:%R\xac`\x87^q\xdbN\xea\x98n'</t>
  </si>
  <si>
    <t>b'\x11\xaf\xc3\xf6+~R}\x03\xce\xe6Vz;\tqgv\x9dA\xd6\xd6\xfee\xcb\xd9/-&gt;\xaa\xd5\xc5'</t>
  </si>
  <si>
    <t>b'\x91ExR\x97\x17\x04\xec\x1b\x9d?m$P\x02\xb2q\x03\xedl\x86\xad\xb9\xea!\xc1DB\xff\x1f\x83\xd7'</t>
  </si>
  <si>
    <t>b"\xf1\x16jW\xa1\xb8\\\xea\x1e\xea\xfd\x9e\xb0\x17\x97\xd9\xc5\xe2\\'\x11\x1c/Iy\x17g\xe2\xfdj\x98\xe0"</t>
  </si>
  <si>
    <t>b'\x9bx@p\xb5\xb1\xae\xc3\xc1;\x9b\xe7J\x17s\x807\xbb\xf4!\x08Z\xa1(\x05\x15\xbc\xbc\xa2\xe4\xdeq'</t>
  </si>
  <si>
    <t>b"\n\x18\x07*IM\x03\x91\xa3'\x957'\xe7\xa2;\xa3:K\xc0\xc7Bs\x9f\x8a'\xdb,VX\x0f\x8c"</t>
  </si>
  <si>
    <t>b'b/\xd8&lt;\x9c\xdb\xc2\x18\x81\xc4\xdei\xf6"\x84\xbc\xa7\xd2\xd7\xc4\xd6\xa521g\xc30\\j[\xdc\xbf'</t>
  </si>
  <si>
    <t>b'\xb8\x07\rr\x1f\x086\xb8\x87h|\xd3\xf1\xf21\x02\x8c;\x12\x9c\xbd\xc1~&gt;y\x99\x1d\x87\xddD`b'</t>
  </si>
  <si>
    <t>b'pC\xdd\x85\xec\xb5\xf4\x0f\xe9t\x04\x82\x97j\xfcV\xfbL\xec|\xc9!S\x16\x8eZ\x98jz\xaf\xf7\xa1'</t>
  </si>
  <si>
    <t>b'{\xafsr\xba\xfe\xf5\xef\xc1\x0c\xa7\xd3\x9ex\xcf\xc3\xe8\xa7\xcbc\x14PA]\x00\xb0&gt;\x12\x1dce?'</t>
  </si>
  <si>
    <t>b'\x8e9\xaf\x90\xf5\x19#Y\x1f\xc8\x9f\x82T\xd7\x8d\xd8[^\x81\x9f\x89\x06\x87\xc0\xc1r\xcd\rv\xe6\x9a['</t>
  </si>
  <si>
    <t>b'o~\xe3\\\xc4\xb8\x08\x16P\tGH\xd2\x04\xc1\xcd\xa8\\\xf5R\xe0\xe4D\xac\x16\xdaW\xc3\xb4\xaa\xd4\xd7'</t>
  </si>
  <si>
    <t>b'\xb1\x9a\xaf\x9a~\xc5\xfdR|\xf6z\xb7\xfdI\xf9\x12H)C\\\x18\x81\xc2\xae\xe3\x91\x1e\xbe\x11\xfc\xca\x8d'</t>
  </si>
  <si>
    <t>b'\x9a\xe6\x8d\xe0\x1f\xa0\xdc\xb6cwG\x10\xb9\xb5g\x12\xcbJ5I\x16\x10;gH\x1f\xc0\x7f\xbb\x02^\xf1'</t>
  </si>
  <si>
    <t>b'\x06&lt;q\xf3.\xc7\xe6(\x8cc\xe6B\x18\xaa\xdc\x12\x95\xad\xc8^\x9ed\x1dGs6\xa9\xff\xf1Zp\x07'</t>
  </si>
  <si>
    <t>b"cg\x07\xd3\xe6]G\xee\x1c\xd4'\x91\xa5\x89\x95\x8dt\xf0\x9d~\xd3\x06/\xd2\x8d:uU\xc68r\xe8"</t>
  </si>
  <si>
    <t>b"L\x00b\xfe\x85'\xc9{\n\x16j\x8cQ\x0f\xd7\x12\xb1\xfa]\xec\x1fh\xd4/]L\xa2\xc3z\xf9w\xaa"</t>
  </si>
  <si>
    <t>b'\x08\x17^&gt;\xc8C\xc4\xf3\x92-\xb3NA\xef\xf7J\x11!&lt;Z\x14\xadh\x1d\xb0\x17\x0f\x12\x8ei\x8c\xdd'</t>
  </si>
  <si>
    <t>b"\xa9G\xb9'\xd1\xe6\xf8\xd76\xca\xc8\x88\xf0fDo\xb8J1LG\x8ai\x90c\xde\x1e\xffVW~\x8a"</t>
  </si>
  <si>
    <t>b'\x9f\xd2\xb8Q\xf4l)uXO\x1a4\xa9\x10W1\xb8k\xd25\x14\xbf\x90w\xf0\xe8\x8b\xde\r&lt;\xc0\xa5'</t>
  </si>
  <si>
    <t>b'D\xe3f\x97x\x831\xc50\x97\xcd\xea\xc5S\x99i\x96\x1aA\xff\xf1\x83\x85X618koh\xb0\xa1'</t>
  </si>
  <si>
    <t>b'\xb8$\xbb\xb0^%\xe9\xe0\x91\xf1vg\xbe\xe9EGen\x98\x86\x1f\xff@\xd3\x9b\x8c0\xd5\x95\xdc\xfb\xed'</t>
  </si>
  <si>
    <t>b'\x9a\x05@\x8f=\x97\x036\x81\xc7\xf0\x80\xa4(\xc6GP\x89I\x95F\x8a\x04\xd4\xbf\x9b`\x1e\xc7\x8b\xe0,'</t>
  </si>
  <si>
    <t>b'\xa9\x94\xdf\xd9}l\x06\xf9\x19mv\xfdy\x96\x99=\r\xda\x08\xacW\xfbb\x84\xc6\xc7\x8ca`\xbdcz'</t>
  </si>
  <si>
    <t>b'\x91\xef\x93Da\xa4\xb1\xa3\x98\x85\xa8\xfen\xac\xed&gt;*T\x94\xa7\x19\xdf\x94]\x9d\xb6\xcb\x8f\xb3\xda}\xff'</t>
  </si>
  <si>
    <t>b'\x0e\xd0\xf9\xb1g\x0b\xc51\xdd\xf1\xc6\xac~\x86s\x1d\xbb\xf4\x0c}\xbf\xdb\xf4 \xf3\xd0\xc1l\r0M\xf8'</t>
  </si>
  <si>
    <t>b'\xa2\x11\xc2\xaf\xf3\xce*3\xbc\x1b\xfa[\t\x8eJ\xe2-\x00\x1e\xa3\x1a\xe7\xe6!\xa1\x91\x919\xe6\xc1\xcb\x16'</t>
  </si>
  <si>
    <t>b'\x80\xeb\xc16r\xa7\x15\xdf\x17\x89\xae\xf5p\x16\xfc\xb3\x82=!\x80\xdd\xd6\x18\xe4\x8b\x93\xbd\x92K\xba\x13\xb4'</t>
  </si>
  <si>
    <t>b'E\xf8\x90\xe1\x0c\xd0\xe7T\xba\xfc\x16\xb61g\xc0\xfeR\x1371o\xd8\x1d\xa7\xe1Z\xd0\x18\x94$\xac\xdf'</t>
  </si>
  <si>
    <t>b'\x95=\xccgj\xe5\x81\xbf\x80\x1e\x0fHu.\xb5\xf6\xb6~`\xa0\xd7zA\x83\x0e\xe1r\xf8\xb1\x04\xa7\xd9'</t>
  </si>
  <si>
    <t>b':\xe7`\x9e2^\x8f\x0f\x97\xce\xd4\xaf"\xab@]%\x8b\x9ax\xb0\xdeZ\xf6\x9b\xf4;2\xbb\x05\x91\xfd'</t>
  </si>
  <si>
    <t>b'\x12\xed\x95\x98e\xf4\xde\x03\xa3\x1a\x0e\xc6\xd5GE~T\x12g\xd9bR\xd0\x8f\xfd\xf6\x08\x88\xe8Tf8'</t>
  </si>
  <si>
    <t>b'\x83\xd5\x8b\x92q\xc3y"\x91\xe4H\xf3,\x8c,\r\x17\xad\xffu4\xc8\xe3`\x10\xdb\x94\xf3\x7f\xc65\xbb'</t>
  </si>
  <si>
    <t>b'+\xb5\xe6ld|\x9cY+\xd5\xe5\x9bG,SI&amp;\x81\x93\xfa\xb4\xb8^=\x83\x96l\xf2X\x89rc'</t>
  </si>
  <si>
    <t>b'WF\xc4\x95f\xc3\x8cNn\x1a\x9a\x13g\x1b\xfa\x84\x87\x92=\xdb%:\x97\xd0\x10\x04\xd2\x81\xddy*Q'</t>
  </si>
  <si>
    <t>b'\xc3\x94\x95\xb1\xc3c\x96DU\xbc\xf7\xabs\xf6\xdf\xde44\xa1\xef\xfe$(\x81\x1f\xd5|G\xa6\x02x\xfd'</t>
  </si>
  <si>
    <t>b'\xbfU\x9d\x84K\x07\xd4\x94\xe4\x1a\xcb{6\xac\xe5\xbc\xccI\x860\xb2\xd4\x93?\x11:\xf5\xa0\xdf\x10\x19\x1f'</t>
  </si>
  <si>
    <t>b'\xb8\xbfT\x86\xca \x8c\xfc\xb8\xd6\xf8m:(D\xba\xf6\x83\xa6\xca\x9c\xdf\xba\xeb\xc8\xa9E^L\xc2\xe4\x80'</t>
  </si>
  <si>
    <t>b'\x9d3\x80V\x00\xffcs9\xbf\x00\xda\x9e&gt;\xbe\x99\n\x96\x00\xbcj\xcf&gt;\xf1\xd8\xf8x\x90\x92\xd8\x13\x0e'</t>
  </si>
  <si>
    <t>b'6\xd6;e5\x10\xf1}$W\xab\x9f\xc6\xa1s\xdcfli\r\xc6\xa3\xea}\xda\x1bq\xe9\xad\x81\xe8|'</t>
  </si>
  <si>
    <t>b'\xed\xc9\r\x0fK\xb4-a]L\xf56\xaa0\xd7\xe2\xb5*\xd0Xj\xeb#\t\xed3\x84\x12i\xdc\xa2a'</t>
  </si>
  <si>
    <t>b'r\xbe\xc9\xb9\x07\x94\x89uk\x87\xba\xd8\r n\\U&amp;\x0f\xf8q11\x97\x0bE\xd9\xe9\x93\xce\xfc\xc7'</t>
  </si>
  <si>
    <t>b'\x83|\xf0$q\xfa\x93\x07r\xd4\x98C\xb6\xf4\xcf\xa5\n\x9b\xce\xd6\xa1\x04\xce\x8e\x9e\x9f\xc5\xeaZ\x16\xd2\x9a'</t>
  </si>
  <si>
    <t>b'\x07\xc2\x90\x9dm\x0e\xa5\xdc\xfd\xff\xd2\xbev\xc0\x1a\x02\x1c\xd7 \xe6\x8c\xc0\xd3K\xdd\x85\x8a\xb3(\xff)s'</t>
  </si>
  <si>
    <t>b'\xef\x03\xb5\x9f)\xa70\x00C?\xca\xf6@_Q\xb8\xc5V\xc0|\xb8i{ \xf6\x8bk\x94\x80&gt;\x1eU'</t>
  </si>
  <si>
    <t>b'\xd2\xe1]\xd3\xdb\xd2\x06\xf4QE\x8ecF\x15\xe8\x7f-\xfbJ\x9a\xd9\xa7OP\xb1\xb1\xa2d\xa7\xd27v'</t>
  </si>
  <si>
    <t>b"\xe0\xdcw\xc2\xef\xf6\x91\x1a\xd0\xc8*\xce\xc6\x08\xd6\x1f\n2\xb8\x01\xf0~\xf7\x1f\x98{\t\xd5'$C\x9d"</t>
  </si>
  <si>
    <t>b'\xd4\xe4\x03\xbe\xca\xd3\xb1%\x13\xe9z\xe1\xe47\xde\x00\x8c\x12n\xcb\xe2\xa3\xfb\x96\x86&gt;\x1a\xdd\xf8\x8a\xa5\x87'</t>
  </si>
  <si>
    <t>b'\xd5k\x81W*\xc8m5V\x0b\xac\tL\xc2\x13*\x10\x95\t\xcaP\xa7\xf5\x91)\x18{h\x93\xa1\xb1\xe2'</t>
  </si>
  <si>
    <t>b'\xcf\xd3\x80\xa2\x00b\xa7/\x81\xbc8\xf1\xa2\nC\xd1D\x92\x92\x9a,\xc3\x07\x18\x10\x92\xa8\x1c]\x7f\x95\xcd'</t>
  </si>
  <si>
    <t>b'\xd5\xe2\x9d\xff\x07\xe7\xf6\xd0-@\xc9g\xfb\x15J7dQ$G"\x8a\xaa;\xd1h\xbcR"a&amp;\xe5'</t>
  </si>
  <si>
    <t>b'\xc7\x1d\x8d\x9b\x08\x1f\xb7\xd0\xe0\xae\nE\xfd\xadLY\x1d6\xdf\x88(\x90\xb3&lt;\x96\xa0Eg\xa5\xfa?\x04'</t>
  </si>
  <si>
    <t>b'\x81\x87*\x8f(\xea\xd7\xa8\x95\x00\x1dP`Z\xc4\xab:d\xca\x1d\x8cVX\x96)\x05\x17\x0c106\xeb'</t>
  </si>
  <si>
    <t>b'v)\xb8Q\x90s\xb9\xc6\xe1G;k"\xd5\xf8\x82\xdduR\x0fY7UZ0\x169\xd0\x9c\x06l|'</t>
  </si>
  <si>
    <t>b'\x0e\xe3\x01\xae\xfc\xb0,N\xa5ez\xae\xca\x134z\xaa\x0fb\xfe\x85\x9f\xd5|_\xb6[\x15CU\x0eb'</t>
  </si>
  <si>
    <t>b'\xd2j\x19,\xcf\x8c\xac6+"\\/&lt;\xfaF\xb0]w\xe3/\xa5\x82,\xb5\xf3Q\xb8B\x8ba,X'</t>
  </si>
  <si>
    <t>b'\xd1\x04\n+\x9co{\\\xc2\xd3\\3\xeb\x88\xc4\xe94J\xef\xd4\x03\x0eu\xfaLv\xa1\x8b\x81T\x17\xe9'</t>
  </si>
  <si>
    <t>b'#\x19\xb3\xec\x04\xd0\xd76\xd8%\xfd\xa2\x89,w\x92"-\x07\xd01:b`\x10\xd4|#\xa3\xe3\xa6}'</t>
  </si>
  <si>
    <t>b'\xa7j~^ \xa0j\xfe\xcak\xc8|\x9dM\xd1\xb7!o\x0e$J\x06/\xf5\x17\xfc\x02\xaeUH.$'</t>
  </si>
  <si>
    <t>b'\x9c0\\L\xce\x01\x1f\xa2\x93\xd4\xaeG\xbc\xb8\n\xadN\xd6\xd5\x88\xef\x7fe\xbe\x08pvh\x8d\t\x0c\xab'</t>
  </si>
  <si>
    <t>b'd\nS\xf5\xd1\xbe=\xd7\xd8\xac\xc6\xbc~\xbc\xc8=\x9dg\xe8\xb7\x83\x9a\xe2\x84"\x18\xff\xa3\x8eo\\x'</t>
  </si>
  <si>
    <t>b'\xc3\x8a`l\xa7qc\x1c\xc4\x12\x93\x1bfl\xd6o$\xa0\x9d\xd8X\x9fV\xb3-&gt;\xa4\x80Z\xd3\x1f='</t>
  </si>
  <si>
    <t>b'\x16\xe5\xc7v\x93#\xe0\xa0m\x05\xd0\xa1\xbb3\x89\xa8I\x0f\xb9`V\xa5\xe0\x17\xf1\xa4\xa9&gt;\xcb&amp;\x93\xa9'</t>
  </si>
  <si>
    <t>b'\xfeQ]:\xb0\x19z\x11l#ax\xfd\xac\xad\xa6]\x9d\x91*\xe5k\xe9\xf5O\x96@\\\xf9?\x83\xaa'</t>
  </si>
  <si>
    <t>b'5#\xfd\xb6\xa6\xbd\x88\xe1\x83\xdbl\xa6\xbfl\x83&lt;d3\x83%J\x99 \x0fh\x82\xb3\xf3)\x8f\xf6r'</t>
  </si>
  <si>
    <t>b'\xf9\xe7\x0f\x92:\xdbkj\xf3\x172\x81IWf\x08\x955^\x9d\xb7"\x93}\x9ba\xf0\xcf\x0b\x90v\xbf'</t>
  </si>
  <si>
    <t>b"(\xea\xdaRFe\x0ep\x9e G\x81\x08(`\xb3'\x895*\x15\xb9+\xb6\x9a\x83\xbb\xe4r\xa1\xeb\xf4"</t>
  </si>
  <si>
    <t>b'^pyI\xcfn{\xa4\xcd\xfd?jz\xf9\xbd\x91\x12\xad\xeb\xe4\xf9\x90\x94\xcd;\xc0\xcf\xfd\xce4\xa4\xe9'</t>
  </si>
  <si>
    <t>b'\\\x1b\xf8&amp;V\xacDW\xa3cC\x82_\xd2\xf41\xcc\xbc\xab\xfc\xfb\x19\xee\x95~\xac$S\xad\xcd\x0e\x19'</t>
  </si>
  <si>
    <t>b'\xfa\xb5\x08\x95\x8d|\x14\x08n\x7f\xbc&gt;\xd7\xe2\x07\x04\x91"6\xc5\xdb\x16&amp;Q*\t\x17\x1fV\x9b)\xa0'</t>
  </si>
  <si>
    <t>b'\xce\xbc\n\xe6\x86R\xfb\t{W\\\xdd\x12\x13\x17\xe0`x\xb1=\xc6x_\x9cj\xd7\x9a\xfc\xe6\xd2Yu'</t>
  </si>
  <si>
    <t>b'\xf4\x11\xb7\xd2\xc8R\x8b\xf0\x12\xb1\xa0\x9d\xba\xef\x96\x12\x1c\x95\n\x9e\xba\x0f\x04\x14S\x0f\xba\xc9\x8c\x05\xf5O'</t>
  </si>
  <si>
    <t>b'\xa5\x04\xac.\xdf8\x972&amp;\x7f\xff\x89Y\x18\xf1}\xf2\x17!\xd8\xa9j\x08\x90\x1f,\xb4\x91\x88\x9bn\xf7'</t>
  </si>
  <si>
    <t>b"\x0c\x98\xaaEf%4N\xdf#_\xa2?\xc00\xb1\xd80\xdb\xc5\xf7\xfd{:\xc9SA'J\xa4'8"</t>
  </si>
  <si>
    <t>b"9K\xeb\xd0;;\xdck\xe4\x87^\xcch6\x06\x02\x8f\xe8\xc8\x9azR\xcf\xa3\x1e\xaf\xa0\xd7'0\x11\x03"</t>
  </si>
  <si>
    <t>b'\x97\xad\xd1N\xd5\xa87G&gt;-\xec\x8a3\xdb\x00\x90\x10\xd3\xda\xce\xc0\xccq\xaf\x19 \xb8U\xbbO=\x87'</t>
  </si>
  <si>
    <t>b'\x1a\xc9/\xb4\xe3D7\xbb\xb4\xf3\x1f\xd3{\xc2\xbc\xe9qQ\x1e{\xdc\xbe\xb7\x86\xcfO^^\xb4\xef\xa7\x89'</t>
  </si>
  <si>
    <t>b'\xc31\n\xa78\x16\xf3\xfb\xfe\xef\xf5v\xd7J\xd2\xd6S^|B7\xd1[\xd3\xae\xdf\xb4\xc6\x90\x04\xd5R'</t>
  </si>
  <si>
    <t>b'\xc8\x83\xed\xcc\xb1Z\xb0~1!\xcdL\x86\xd3\xa8,C\xc5\x1b\xf6\xa4\x9bDP\xc3\x80G\xa6S.1\xfd'</t>
  </si>
  <si>
    <t>b"'\xce\x87|\x8f\xba\n\x9b\xb7Qh.nl\xc1|P|a\xf1V\xf3\xf8\xda\x9d.\x8d\xbegc\xa5\x92"</t>
  </si>
  <si>
    <t>b'\xf0{\xa3\x8e\n\x83$7\x8d\x9d9\x0b\x0b\xa19\x83\x04\xb3\xa4\xe4\xaf\xf9IUX+\x87\xddn\x17D\xb4'</t>
  </si>
  <si>
    <t>b'A\xc6=\x92Lx\xf0.~%\xc8\xf6W\xf7\xf2t\xe2\x98\x0c\xe2\x8b6\xc9\xf3g\x9e=L\x87h\xf7\x02'</t>
  </si>
  <si>
    <t>b'\xa5\n\xe1\xf5\xaaA\x067\xa9\x0bE\xcb\xa3\x90.G\xccJ\xce\nF\xac:\xcd\xde\x15d\xd1W{\xd8c'</t>
  </si>
  <si>
    <t>b'd;#H\xa1v(\x0etzS\xb4\x7f\x91\xd4`\xa2\x9c\xcf\xbd\x05\xa6\x89G\x9d)rq\x14\x88\xa7p'</t>
  </si>
  <si>
    <t>b'\xa1\x9bP\x05\xae\xe3|Z\xc9\xaf\x88\x0f\xc5\xf3\xb7c\xf8\xe9\x96\xd7\xc4\xaf2Uk7\xc5I\xb4N^\x96'</t>
  </si>
  <si>
    <t>b'\xa17\xb6\x1b3\xa4\xa3\xc2\xa25\xb5\xb6@\xe8\xbb"\x890\x86\xedx?\xd2\x93\x15\xc3\xcf\x7f\xcf\xf0\xd3['</t>
  </si>
  <si>
    <t>b'H\xbcE\x06\xe7BU\x12&amp;\xa2\x89\x18\x00i{R\x13;o\xfdk\x88\xcc\x7f\xd2\xff\xf9\x196&gt;\xa6\xaf'</t>
  </si>
  <si>
    <t>b"\tx\x9f\x9f'N\x7f\xe9Y\x1ejC\x13]\x95\x80D\x06k\xfb\x81\x93\xc0\xf80\xb9a\xe1\xc0\xd8\xa9\x0b"</t>
  </si>
  <si>
    <t>b'\xe4\xad1\x92\xfe\xab\xaf\x83{@\x87\xa6\xdc\x9e\xc3\x8b\xc9\x98\xe0\xba\xc8}\xaeT\x1d\xecE\xf7+\x8c\xad1'</t>
  </si>
  <si>
    <t>b'\xa5(\xc3\xff\xc4\xf8\xadI\xd5s\x14\xd1$u\xd5\xc8\xbb\x851V\xab\x8d\x18\xfd(6H\x80\xc5\x82i\xdd'</t>
  </si>
  <si>
    <t>b"\xbb\xf4\x03\xac5\xef\x9dJ\xa5Y\xf2\x8c\xafW\xaf\xa0\xd8\x92\xa1'\t\xbc\x9f7\x8c\xb9F]\x94\x1a\xa9{"</t>
  </si>
  <si>
    <t>b'7,\x941\x81h\xabAo\x01KC\x87k(\x7f?\xc2|\xf6]\x07\xab\xd6;\x99\x92Ud\x07\x9c\x95'</t>
  </si>
  <si>
    <t>b'&amp;\xc7\x9c\xde\x97\xafz`\x1eQ\x16eG\xb1f \x07\xec\xd1L\xf7;\xf9V\xd6\xa6V^\xd2\xe4\nj'</t>
  </si>
  <si>
    <t>b'\xcc\xcf\xf7\xb6\r\xb1\xd4\xac\x132\xa5-\xad\xab6\xe3\x19\x8aX\xa2W\xd3\x94\xc8e\x9b\x1f\x19r*\x1c\x1f'</t>
  </si>
  <si>
    <t>b'G\xd0\xbd\x1b\x02I\xc9\xdd\x0f2\xa6\x99\xb2\x0e\xd0\xe4F\xef&amp;H\xae\xb1\x0fLW\x9e\x99\xe7\xd8\xc60m'</t>
  </si>
  <si>
    <t>b'\xee\xdb\xf27\xfd\x94\xc5\xc7\xcc\t,p\xeb\toOj\x97\x0e\xce\x8d\xd3\x9e\xe7\xcd\xd2\xb2\x10\xbd\x8cn\xde'</t>
  </si>
  <si>
    <t>b'\x8dZ\xd8x7\xd8\xc9l\xac:&amp;1?D\x96\x9a\xaa\x8c\xf1\x7fZ\xe7\xc5\xd5E\x8f\xfa\x0e\xa6\xd5e0'</t>
  </si>
  <si>
    <t>b'\x84\xb1B4&amp;\x96R\xb7\xf28\xc9\x9d;i\x07\xdf\xd7\x19\x01\x0f\x14\x9bw\xb4;G\xfcB\xb5\xb5d\x0c'</t>
  </si>
  <si>
    <t>b'\x8b\x08U\xbc\xc2*\xc0w\x1b\xf0\xac\xbbX\xb9\x91\x92t=\xce\xcbC%\x9a\xef\x95G\xc94\x1bO\xa6\xfc'</t>
  </si>
  <si>
    <t>b'uk\xd3\x80\x98\x14\x1c\xb6\\\x0bwV\x94h\xd3\x8c\xba)\x7fi\xd0\x877ic\xab\xfc\x9f\xa2\x03\xb8R'</t>
  </si>
  <si>
    <t>b"\xe3\x83J5V?\xd8\x13\xc1\x18\x98\xcbV\xd2\x0c\xc1'\xad\xca\xf1\xa4\x99\x16i\x02\x15M\xd0H\xca\x16Q"</t>
  </si>
  <si>
    <t>b'\xdeE\x9f3\xb92k\xb5\xcb\x1b\xa5\x97\x1e\xf6\xa1\x00\xd8\x16z{}\xea\xd5\x8b$1\x05\xf3({\x90\xdd'</t>
  </si>
  <si>
    <t>b'\xd5^a^\xe9\r3\x81\x9c\xb8\xd9O4\xea\xb6\xd7&amp;\x06Q~!\xa6\xd4\x86\xf3\xaa\xc9\xe02\x91\xaf\xbf'</t>
  </si>
  <si>
    <t>b'\xa4\x0f\xb2v\xe4\xb06\x8b\xf8e\x87\xf3l\xbaz2%\xf5\xc0\x14\x9d\x8c\x00\x88g\n\xc7F\x7f\xa1\xec:'</t>
  </si>
  <si>
    <t>b'\xe9\xd2\x8fIia\x05\xec\x86\xc0K\xeeDj\xc7\xdaTd\xbb\x01\xadJ\xc4\x05\xb5\xdan7\xe8\x1b\x95a'</t>
  </si>
  <si>
    <t>b'\x93\x06\x85[|5\x9b\x9f\x8d\xb1\xc7\x0e\xf0\xdb\x1fHay#\xa5\x85\xa4\xc4\x13\xc3\xe2\x90^\x9f\x9b\x9f\x13'</t>
  </si>
  <si>
    <t>b"\xb8\xc1\x969W\xd4DC?\xdd\xe1\x89eev\xd1\xa4P&lt;\xf9\x07\xfc=7cI('\x0f\x8e\xa11"</t>
  </si>
  <si>
    <t>b'&amp;+\xebQ\x9c\xec\x91\xb1\xadH\x9a\xbcl\xdc\x96b\x00fPt1)\xac\xf9\x0eR\x11*\x19\xf2/\xce'</t>
  </si>
  <si>
    <t>b"\x98\xc3\xc1!\xf4\x85\xb0\xb7K\xc7J'\x8c\xfc\x9d\x05\x1b\x8a\xcfK\x01\n(,\xf3\xcf\xb8\xe1\x91\x1bK\xdb"</t>
  </si>
  <si>
    <t>b'1[|%\xf9\x9f\xf72\x8a?\x17\x08s\x95,%P\xa1k\xc6\xfe\x15\xcck\x1c\xab.)\xc6\xbd\xc4\xf1'</t>
  </si>
  <si>
    <t>b'\x0e\x1f\x9cN\x08\xa7\xa5s\xf1\xd0\xec\x06v\xc9/&gt;L\xc8:W_V\xd5\x1b\x96\x9f5(w\xe6\x89\xcd'</t>
  </si>
  <si>
    <t>b'\x04Nn,.[{s\xdc8\x8fB\x1c\x05\x86-\x0c\x94\xf4$i\xd5]\xb6p\x97\xd6\x11+\x0c\xc6\xbd'</t>
  </si>
  <si>
    <t>b'\xb4\xb6\xb3&lt;\x96"\x1d;\xff\xed\xaf\xb5Q$ \xcb\xeb\x9a\xd4\x94\x80;\xfa\x8fx\xad\xbe\xda\x1dJ\xf0\x06'</t>
  </si>
  <si>
    <t>b"t\xb4\x0cj\xa4\xdc\xb8\x13uO\xb0t\x7f=\xbf\xbd\xf2g\x80\x11\xcd'Y\xcdP\x03\xd9[\x95\r\xda\xe6"</t>
  </si>
  <si>
    <t>b'\x8a\x95O\x12\xa3\xc1\x83\x1f\xb5\xd2J\xaa\x90\xbep(\xf0\xfa@\xcd\xfd\x19\xf6\xe3g`\xd9\xa1V"{V'</t>
  </si>
  <si>
    <t>b'_\xaa%=&lt;\xd6L\xc9gQR\xf4\xa4\xff\xc5^\x10\xca\xf1/\x95\n\x96,)d\xce-\x9a\xe2)\xbd'</t>
  </si>
  <si>
    <t>b'\xbc\x1d\xf6\xb4|~\n\xdb3\x06\xba\xc9\x8e\xdb\x1a\xab\x1az\x11\t\xe6\x00WM\xfdiT\x8c\xb6\xb2\x93C'</t>
  </si>
  <si>
    <t>b'\x14I\x06\xac/"\x07\x07\xfd]\xefI\x9f\xdd\x12i\xc4#\xe0\x16\t\xcf\xf0\x88\xf9\x1f\xa2h\xe0\xf0\xc6\xf7'</t>
  </si>
  <si>
    <t>b'\x8d\x92\x0c\xb6L\xd9\x856\xd3U\x9c\xbc"\x1c\x19M\xfb\xfd\xc9NE\xc6\xfdP{\x9a\xcf\xc2t\xddG\x8b'</t>
  </si>
  <si>
    <t>b'a\xb6\x97_\xf2b\xe9\xa2b\xc6p\nGP\x984D"\x9e\xb62\x01\xd8\x195\xa3oh=\x99@\x91'</t>
  </si>
  <si>
    <t>b'$n\xd8?\x98\x00=\x01\xa8QF$\x87\xedy\xe0\x10\xb0\xc6xR\x93\xe3\x81\xaa\xff\xa8\xb4(9\x89d'</t>
  </si>
  <si>
    <t>b'h\xcd+9\xb9\x87.{,&gt;\x9f\xbe\x12O\x87\xe2\xeap\xa1\x02#%\nQ\xbaY\xfe9\t6\xd3\x89'</t>
  </si>
  <si>
    <t>b'\xa9\xf7\x92\x1anI\x07\xde\xb1\xe3\xe9\xb5H\x10\xea\xcf&amp;\xdav\xddF/\xce\x89\x87D\xac\xeaQL[\xcc'</t>
  </si>
  <si>
    <t>b'nBD\xe3\xd5\x05\xeeV\xfb\xb8\xd4\x0e\x81W\xfa\xc6\xaeP5\xd7\xef\x1b\xac\xfd\xb6W*\x13\xa1\xa18@'</t>
  </si>
  <si>
    <t>b'J~2\xe90\x0f&amp;#\x19\xfdS\x9dBj!\x0eS\xfd\xd5\xd8\xc1\xb6TjJ\xeb5\x17\x9f\x7f\x04\x9b'</t>
  </si>
  <si>
    <t>b'\x99\x19\xb8\xda\xce\xc2\xd8\x05\x13\x13\xe2!(c\xb5\xf7\x99\x9e@\xb3|\x99e\x1a\x82}\xa5\xf4\x04\x1b\x06\x18'</t>
  </si>
  <si>
    <t>b'\xf9\xfd\xb8r\x91\x85J\x16\x05a\x0c\x91\x1cy\xb0!\x04\xafU\x01\xe2\x9d\xcd\xfby#2\xdeL\xe6\xda\\'</t>
  </si>
  <si>
    <t>b':Xua*\x82\x112\xe6"\xf0\x0c\xcf6\xaf\'c&gt;\xc1\x7f\xfd\xcf\xaa\x7f\x82\xfd\x10\xe4\xafJp:'</t>
  </si>
  <si>
    <t>b'~\xc6G\xb6\xd91\xa4\xdb\x8bn\x01r\x1aW\xec:\xe6C$\xb29\xbf\xb3\x15&amp;B\x9b\xd5\\+\xf0\xd7'</t>
  </si>
  <si>
    <t>b'pv\xad\x1e\x1d\xe0\xc9\xcc\xa4\xda\xce\xe6\x84k\x0e\x0e\x0c\x1d\x951\xb3\xacq\xdbB\x88v\x89\xbeZ)\x89'</t>
  </si>
  <si>
    <t>b'\x17\x9c\x11\xbf\x11S\x9a\xd88k\xc7\x9d\x82&gt;9\xab\x80\xbe4\xc1^\xfc\x94\x82\r\x07\xecsb\x9f\xe5&amp;'</t>
  </si>
  <si>
    <t>b'\x085\xbb\xd3+\x1f\xa0\xc5K\xc1\xb1\xeePX\xd3s\xca\xd9\xce\xbb\x9a~\x07\x04\xe6\x19\t\x92\xfd\xf6s\x07'</t>
  </si>
  <si>
    <t>b'\xf1:=(\xaf\x8dF&lt;\xa6\x92gb\x9b\xd3\xf6$\x9f\xb3wD\xc6%\xbb\xdc\x00\x01\xb4\xf2\x9f\xdc\xb8\xaf'</t>
  </si>
  <si>
    <t>b'Fx\x0f\xeb\xadU\xe0\x9f\xbf\xfb\x8fQs\xe8\x94\xcev\xe2\xef\xc2q\x0b8=\xc3\x08\xaa\xa2\xa4=7\xf8'</t>
  </si>
  <si>
    <t>b"\xf9\x1d\x99\xaf_v\xe1\xd3D\x92')\xdf\xff\xc8\x9eou\x030!\xe6u\x19ah?\x1a%&gt;\x18L"</t>
  </si>
  <si>
    <t>b'\xa36\x8d\r\xa9\xa5\xb2\x91\xcf\xc5Z\x91\xcc\x9cnP7:Z;`0\xf7\xc5\xf6(5\xfa!i\xbf\xc3'</t>
  </si>
  <si>
    <t>b'-#\x95Z\xe8r\x1d:\x10\x88?h\xd2c\x16\xc9\\\xbc\xbep\xbb\xa2\xb5\x7f\xfeBT\xa9+\xe6\xa3\xcf'</t>
  </si>
  <si>
    <t>b'\xa0F\xb5\x1d\x88\xb3\xbdp\xe5\xa2L\xa0\x17\t\x83@\x18\xf5\xde\x83Y2O\xc9T\x06\xf9\xd4"\xff\xf2H'</t>
  </si>
  <si>
    <t>b'/aB\xd6A\xe8b\x15\xfc\x9c\xa5\x82\xe0q4W\xc8\xe9\xbc8\xb1nd#\xda\xd6\xbb\xb1\x16b7\x9d'</t>
  </si>
  <si>
    <t>b'G*\x07\x11\xbe{\x07\x95\x97{x\x04\xcc,\x82\xee\xd8!*Z\xb9\xcd#\x01\xaf&lt;\x95\x9e\xaf\xc9\x0ck'</t>
  </si>
  <si>
    <t>b'O\x02\x82\xd4\x94\x13\r\xee\xde;\x9aF\x8e\xe9\x86\xed7\xd2\xe9\xe3T\xa6(n\xc1E&gt;1Uv2\xc2'</t>
  </si>
  <si>
    <t>b'\xed\xf3\xe1h\xba,\xf5\xab\xa3|\xfb$4\x7fp&amp;{l7\xa5\x84(1\xf1\xec\x04\xf5\xacp\x8b\x17z'</t>
  </si>
  <si>
    <t>b'\x1eX\xbeq\xa9\xc6\xe7\x9dL\xe2\x15\xdb\x16\xd5\xd2\xda\xff\xb6\xe7\\\x8czF\x9b\xf8\x0ef\xea\x8c\x8d&gt;\xe0'</t>
  </si>
  <si>
    <t>b'b\x01\xb5\x82\xbb`#\xde=899\xccg\xcdu\x05\xa1\xfe&lt;\x12\x9c{\x06\xe3\xcaB\xca\xda\xea\xc6O'</t>
  </si>
  <si>
    <t>b"\xf7\xfd~\x08\xf1B=\x93':\xb5z\xb6\xf5)\xb0rA\xe5\xd2\xd6N:\x1cP;\xca\x1aZ\xfc\x08'"</t>
  </si>
  <si>
    <t>b'U\x13pt\xa9\xfb\xec\xf2R\x05\x9b\xa3\xa9\xc8\xdb\x91\xf9\xae\xca\xe7nH\xdb\x16\x9cF\x9abV\x88\x9f\xbc'</t>
  </si>
  <si>
    <t>b'v *\x81\x17\xd2^\xc4!\x9d.z\xed\x1d\xb9RddG"\xd4\xdf\xd6\xdb#\tT\xb8_\x9a\xa9\x9c'</t>
  </si>
  <si>
    <t>b"\x96\xa4\xbet\ri\xb5\x02\x94\xeb\xee'\xba3\xf1+\x0cm\xbf}\x11p(\xcc`aYP[\xbb\xbd\xfc"</t>
  </si>
  <si>
    <t>b'\xc1o\xcd\xcb+K]\xe8B\x02\x11"\x9b\xd7\xcb\xed\xaa3y\xb8.:\xdd\xcc\x98\x00\xa83x\xf2\xd1\xe5'</t>
  </si>
  <si>
    <t>b'\xd6\x1a\xa2\x97\xb4\xc7hL\xa6\x9d\x10\x01\x07"B\xdb~Q\xd2\xc5\x1aX\xa7@\n$\x86\xd5\xb0\x85V\xb0'</t>
  </si>
  <si>
    <t>b'\x00s&amp;\x84ck\x0e\x8aW\x84w\xa9\x92&gt;\xcc\x9fH\xe7\xb9\xe6\x7f\xdb\xbb\xa4\xb7\x1f\xe3\r\xddL\xb4\xd5'</t>
  </si>
  <si>
    <t>b'%\x01\xaet\xa8t\xf5\x85\x82\xcd\x9a\xf7\xdf\x9bx\xfe\x90\xc2\x87\x88\xe9\x03\xee\xe7e\xdbVM\x15\x04&lt;\xf1'</t>
  </si>
  <si>
    <t>b'\x8fS\xb2\x95\xd6\xa5\xa7\nrl\x86\xfe\xe4\xc9\xed\x14\xe4#\x89\x03\x9c\x81\x87\t\x1a\xdf\xbdeO\xa2\x86v'</t>
  </si>
  <si>
    <t>b'&amp;\x82-\x8e\xf6\xa6\x1e2\xdf\xf1Q\x8e\xb1\xc1\xac\xfe4\x1a\x97\x83\x1d@J$\xe6QN\xff\x0c\x97,\xd7'</t>
  </si>
  <si>
    <t>b'\xbfB}.\xf8k\xe9\xee_\xc3\xb4\xbe\x90D\xa7\xe9\xd3?\x00\x0cW\xfd4\xddRs\x80\xa6A\xfdG\x01'</t>
  </si>
  <si>
    <t>b'\xa2U=R\xed\xe3\xdd\xd5-qtj\x03Od\xe8\x88\xb1\xfa\x13\xaf\xdd\xc1\xa3\x9f\xdbF\xfd\xd9\xd9A\x99'</t>
  </si>
  <si>
    <t>b'T\x9ft\x99\xf9\x16\t|D\xbb\tUk\xa5\x14\xaa\xf6\xa9Z\x9a\xea\x00\x0c\xc2\xa1\xd6\xeep\x19I03'</t>
  </si>
  <si>
    <t>b"\x8d\xa8\xcb\x82Y6\x92{Hf\x9c'\xff!\x17u7\xd5\xbf/$\xb6pA8\t\xfc\xf4\xcb\xa5x\x8c"</t>
  </si>
  <si>
    <t>b'\xfa\xcb\xda,\xf3G\x93s[\x15\x9f\xef$$F\xd7{\x87?\x96T\x15G\xee\x9e\x14\xd6\xdc\xf3\xdfz\x99'</t>
  </si>
  <si>
    <t>b'\x80B\xe3\xd7\xea\x81\xce\x8e\xb49\xa5G\xf1\xa2\xdd-LS\xbc\x1a\xcc\xd9\x05\x99\x85S\xe5Y4~\xba\xc1'</t>
  </si>
  <si>
    <t>b'\xcc_\xc5/}f\xe4\xfa\x17{\x82/\xa11r;\xf4+\xd9$\xd8\xe6j\xe6\x0e\xf9\xdc"\x19\xce\x8bi'</t>
  </si>
  <si>
    <t>b'F\x95f\xe9*\xd6\xdca9\xfe\xf7\xc4\x0f\x17k&lt;\x87\x9e\x0b\xb3\x98\x19d\xc7\xcb\x1a\x83"\n\x0fv\xb4'</t>
  </si>
  <si>
    <t>b'\x19rQ\x86\xb1\x8dI\xbe$\x87\x95\xfc\xa9\xfb\xef\xf4[\xf2\xdc\x9c\xd0\xed\x19\xa0\xf0\x81\\\xa9\xa1\xf1T\x86'</t>
  </si>
  <si>
    <t>b'Q\x8d\xb0\xc0\x06cf\xac\xcc\x1d\xda\xe2\xc2q\xbd\x1b9\x10\x1b\xe9}\x14\xc9\x8aF\xc49\x7fk\xdf\xf0^'</t>
  </si>
  <si>
    <t>b'\\I#@\xe8_\xaa\x19\xd5u}\x14:I3c\xa9L\x1bz&amp;\xcd\xd6\x83\x9cA\xa5JB\x10\x95\xe5'</t>
  </si>
  <si>
    <t>b'\x1f8\xc9\xe2a\xb0\x95\x88bcS\x9b\xd6\xf3\xe6J\x91\x894\xdd\x0b\xd4\xe7\xbc\x12\xda;@\xa8\xe1E\xcc'</t>
  </si>
  <si>
    <t>b"\xd0\xedy1\xbe\x02\xd9b\x0e\xf5\xea8\xcc\x0bV\rv\xef\xaa\xd4r'\x88\xd1R\\}\x9b\xdb\xf1\xb7\xca"</t>
  </si>
  <si>
    <t>b'\xb06c\x8a\xb2^\x02\xa6\x8b\x9eaa\xfc\xc45\x18@\xd68\x03e\x93\x14\x83\xb5\x89\x0f\xef\xfd\xeb\x00\x0c'</t>
  </si>
  <si>
    <t>b'\xf0\x8d,Z\x1c\xf5\xd5r0B]w@\xb5w\xbc\xa9$U~\x1e\xa1\xe48\x0b\xf6\xe3\xf9\x1a\x80\xbc\xea'</t>
  </si>
  <si>
    <t>b'zy\xcc^\x1b\x16acB\x89\xba?\xcf\x94\xeb\xa0\xb4\x05K\x1d\xdf\x9cd\xf73\xa5qv\xf3\x9bTK'</t>
  </si>
  <si>
    <t>b'/0\xad\xd4\x1aT\x16\xc4\xcf\x84\x8d\xce@\xa6\xf8\x95WUG\xdd\xea\x89\xc1P\x0e\x06?\x8fEE\xc9P'</t>
  </si>
  <si>
    <t>b'\xf0\xf9\xd1\xc8#X\xeb\x8d\x0e\x0f\x8eW\x06}\x1e\x85\\\t\x8d\xed+\xcbK\xa2-\x120]\x0e\xc3C_'</t>
  </si>
  <si>
    <t>b"\x9b@\xedi;\x85\xe8\x16z'YDi#&gt;i\x12\x94\x9d\x9e1\x9c=\xbd2{\x8d\xd2\xdf\xbe\xd6\x92"</t>
  </si>
  <si>
    <t>b'\xc4\xa8\x88[I\xafg\xab\xecx\xc0#\xbb\x8ct\xb2\xbea\x99{\x9d\xb4\xb8\xd7\x00\xc7\xd1\x86\xc8U\xb7\x1c'</t>
  </si>
  <si>
    <t>b'\x7f\xdep\xc4 \xe4\r\xcaZ\x99 \x84W\xe7S\xb8\xb8\x1eLR($\xc2\x03\x92A\x97u\xe6Z~9'</t>
  </si>
  <si>
    <t>b"\xd4n\x08_] &gt;#\xbe\xd5j\xb7\x0e\xda'\xbd\x7f\xd6\xdc\x88\x8d\x1c\xbbdT\xf8\x8d\xd2\xf9B\xfd\xd0"</t>
  </si>
  <si>
    <t>b'\xb1\xcc`\x1b\x93\x10p\x9a\xe7H\x1b\x86\x06\xc58\x84t\xca\x91\x91\xcao\xf9_\x83\x16\x1esA\x96\x9e\x07'</t>
  </si>
  <si>
    <t>b'\xcbw79\x16\xd5\xf0k(6\xf8m\xd3\xef.*\xe8s0\x03_\x1f\x17\xa0V\xben\x8b\xb1\xbdS1'</t>
  </si>
  <si>
    <t>b'\xf6\xc0\xef\xfe\xc8d!\xe6\x07K\x97N\x89Or[\xd21\x89\x81\x18%{Ht}\xce\x8a\xd1\xc1\xf0\xda'</t>
  </si>
  <si>
    <t>b'\xe9\xc3\x8d\x02\x08\xcd\xf2\xbd\xa5o\r\x18\xc0\xc0\x1a?e\xd0\xd0\xeb&gt;r(\x15\xce3o^\xe1my\x0e'</t>
  </si>
  <si>
    <t>b'y"\xc6\x9a\x95\xa8\x9fS0}\x84Yc\x97\xb5\xc0\xfbH\x9d\x88\n\x88\xc9\xc7Im\xe5\x19H\x83\xec\xae'</t>
  </si>
  <si>
    <t>b'+\xe5\x95\xfdu\xa4\x97=\x18~\xb6\x07\xfe\xc9\x8f\xc2\x10\xc8R\xa4\xea\xa6I\xbf\xbb#\xba\x00Hd\x8b\x17'</t>
  </si>
  <si>
    <t>b'\xf7\x8b\x8c0\xd7\xca\xc3\xc6\xb2\xc2\x97\xb9\xa2{\xffhO\x97\xc3\xc33\xde\x1f\x7fp\x9e\xa8#\xba\xdc\x82O'</t>
  </si>
  <si>
    <t>b"\xe0J\x92)\xb9H\x99\x1e\x13\x06\xc4:\xa7\r\xad\x88\xce* \\\xd8\xbdF\x00%\x14\x12\xab\xd0aV'"</t>
  </si>
  <si>
    <t>b'L\xee\xcd\x8a\x7f\xd3\x8d\xb0\xfa\xcc\x93R4&amp;\xb8\xae\x88\xa9\xbe\xdeXv\x9d\xceF\x05\xd8\xab\xe7\xc9\xca|'</t>
  </si>
  <si>
    <t>b'\xad\x9f\xfbLj)l\xf0m\x95G\xd5\xcf\xf3\xc6\x00\xa8\xbfD\xc6~\xae\x0c\x06H&amp;\xee\xd81%y\x9b'</t>
  </si>
  <si>
    <t>b'\x18\xa4sv\xc13\x03\x19\x00l\x80\xe3m)\xa2(X\x94\x8e\xf42\x91\xcaR\xc0\x12\x89\xbe"\x94\xa1\xea'</t>
  </si>
  <si>
    <t>b'\xfd\xbe\x96!S\xe5U%\xc0s\xd5\xdd\xde\xd9/yB\xb7\x14{\x9d\xfe\xed\x04\xc4N\xf5\x16\xae\xe7\xb4\x17'</t>
  </si>
  <si>
    <t>b'\xaf\x837\xb4\x88\x919\xd4\x9fT0\xd2\x1f\xf5Vwy\xd2n\xfa\x9c\xb8\xa1\x94\xc5\x1f\\7?o\x06\xc6'</t>
  </si>
  <si>
    <t>b'\xf4\x13\x9a\\\xf1\xd4\x8e%XUa9j\xfe\xbf\xe9\x88=\t?-\x98\xea7\x95\xceJg\xafJ\xd4\x9e'</t>
  </si>
  <si>
    <t>b"NI\xe1h\x16\x97l\x92{\xbfs\xe7('+\xcb\xcf\xe6\x07\t$P\\[\x05\xfb&amp;/\xdf\xcb\xeaV"</t>
  </si>
  <si>
    <t>b'\x00a&gt;\xec\xf62^x\xa4Z\xa0\x8f\x1cH\xecpsQ\x7fE\xb6\x0e\xfd\x0c\x1b\xf5\x1cT\xf3\x98}_'</t>
  </si>
  <si>
    <t>b'\x87\x92V\xc7\xabm\xf2{yD\x95P\xc6P\x18\xa9;\x9c\x02\xe7*j*\xbb\xa1\xe6(\x01\xcd&gt;\x05L'</t>
  </si>
  <si>
    <t>b'\xf4\x14\xe1\xf8\xd6\x1d\xcd\xberO\xf3|a\x97\xf7\xf4G\xc1E\xf0\xaa\xee8?h\xb9\x15Dw\xeb\x89\x92'</t>
  </si>
  <si>
    <t>b'\x97\x18\x1a\xa2/\x18\x81*\x8e\xc6`\x03x\xf0\xdc\x95l\x89P\xe89\xdb\x96\xd4\xc7WS\x05hPh\xd2'</t>
  </si>
  <si>
    <t>b'LQ\xb8w"^\xc6\xae\xe3\x14\xa6\xbeGo\x1e\xb9\xc3g\xca\xd0\xeaN\x17\xd7\x8dd\xe0\x1a9\xdf\xee\x8e'</t>
  </si>
  <si>
    <t>b'h\xb7\xbb\xebj\x82(\xfd\x13R\x0f\x84\x9e\xa6\x9a\x87\xbc\xb2\xe5\xf0H\xc1\x988;\xa2\xbc\xedvo\xf3_'</t>
  </si>
  <si>
    <t>b'\xfe\xa4\xfa\xfbC\xa9\xfa\xd5&lt;\xdd\xa4\xff\xec\xaa\x1e\x8b\x15\x92\xc5\x99\x7f4\x066\xb8\xe3:nt{\xde\xe8'</t>
  </si>
  <si>
    <t>b'\xbdL\xf3R\xee\x8b\xbe\xe7\xec\xd3\xe7\\\xdey\x94/\x91\x02\xae\x12$q\xfd\x93\x1eue\xbe\xca4\x160'</t>
  </si>
  <si>
    <t>b'\x913\xab 9\x999\x80 z\xc7[\xf6yB\xb9\x1c\xbb\x8f\xf6\xad\x19\xba0*\xd8\xbdD\x8c8\xf1E'</t>
  </si>
  <si>
    <t>b'\x9f{H\xaa\x8bn5\xeaH&amp;\xdf]:#\xff\x82vKa\x08SO+\xe4\xa6S\xad\xff\x1b\x18\xca\xb9'</t>
  </si>
  <si>
    <t>b'\xe2N2\x14\x12"\x10\'8\x02d\xc8\xafE\xc7\x14\xd4\x1c\x08\xc7\xfdPV\xba\x17w\xe6\x81\x9b\x17\x1dV'</t>
  </si>
  <si>
    <t>b'|\xc6\xf5T:\xf3\x12\x00\xb9-\x83U\xd0#\x1a\x92\x02\x88\xf9\xce_B\xb3\x00\xc5X\xadfd\x86P\xf8'</t>
  </si>
  <si>
    <t>b'\x88\x14\x08\x11\x03\xdc\xf2$ z\xf0_W\xb6!\xdd\xdd\x88\x0cFTh\x1cw\x81\xfc\xce\xbb\xa0Ns\x88'</t>
  </si>
  <si>
    <t>b"\xe6}\r.\x83\xfc\xdfK\xa6y\x07\x1b\xca\xea\xbc&amp;\x0c'#\x91\xd8?\xb6\xc6\x94\xca\x05\x7fm\xfbA*"</t>
  </si>
  <si>
    <t>b'\x84\xa7Fi;\xb3\xee\x96h\x00\xc8\x855\xbfP\xb6\xfcyt=k|h\xdb\xf3d\xa8I\x94\xfa\x0e\xd4'</t>
  </si>
  <si>
    <t>b'\x91Y\xe4u\xd4r\x87\x07$\xa7b\x80\xd4\r\x8d\xad\x97\x15\x11\xbf\xae\xdb\xaf\xed\x87\xa4\x89\x01\xf2\n\xc7\xc8'</t>
  </si>
  <si>
    <t>b'm"\x81\x8ai\xd4\xc2C\x0f\xe5M\x12\x10I\x0c#\xa6:\xaa9\xa2\xbbT\x90\xb8\xac\xea\xf8\xbb@\xa0\''</t>
  </si>
  <si>
    <t>b'\xa1J"\xc1\x08\x8ce\xfc\xb1\xb1\xd6\xe2/\x0f\xd6|uG,q\xa7m\xe5z\xaeh4\xb1\x11\xf0\x10\xab'</t>
  </si>
  <si>
    <t>b'\x11IQ\x92\xa0\xa6\xec\x1e&amp;p\x942\xb3\x00s\xa4\x04\xf3Em#\x0e/\x1a\xe9w\xa3iB\xf8\x04\x18'</t>
  </si>
  <si>
    <t>b'\x8d\xda\x7f\xd1\xa7\x84qF&amp;q\xe5/z\x8e\xde\xe3\x99Y\x1d\x88,~\xa4:\xe8"\xe8KV\xe0\xb1f'</t>
  </si>
  <si>
    <t>b'\\\x05\x0b\\\x9f&gt;\xad\xf1h\xfe\x9d\xd2\xb0O\x1e\xe33\xd4\xa7\xa1&gt;\xc8\xc6\x19H&gt;\xc3u\xdb\xcd\xba\x85'</t>
  </si>
  <si>
    <t>b'\xa4&gt;{\x1d\x8e)\xf4\x85\xca\x07\x93B\xf3\xdb\xb7R\xbe\x15DP.\xb8:D[C\xcc\x92\x9cO\x9c\x8a'</t>
  </si>
  <si>
    <t>b'\x05!\x94w\xf8\x82J.7\xaf\x7f%e\x9f\x97\x0f\xde\xdc\xe0\xbc\xaaJ\xe7\xd9\x8f\xd7\xe2\x83D\x15\xf8a'</t>
  </si>
  <si>
    <t>b'H\xec\xb1\xeeF\xc2\xb8\xeb\xcd\x10\xb0ez\xf9\x13\xb3\xb5@_]\xde\xefN\xc6 .}\x178\x0bS@'</t>
  </si>
  <si>
    <t>b'\xa4\x8bj\xec\x1ei\x13^\x98v\xef\xbe1\xea\xf4A\x8d\x0c\x8f\xff\x91\x0e~\xb9\xa3m\xf5X\x80jQ\xab'</t>
  </si>
  <si>
    <t>b'\xeav\xe3Q\xfcy&amp;\xfe\xf0\xe1\x1d\x91O\xf4\x85\x94\x01\xc8X\xf9u\xc5\r\xdfso\xc5QCG\xa0$'</t>
  </si>
  <si>
    <t>b'\x83\xf2\xe6\xd9%\x01\xae\xebs\x9e\x1e\xf8\x85\xcex9\x94v7\xde\x89\x1e\x0e\xd6\xd0[\xf4Qh\xf3\xda\xd6'</t>
  </si>
  <si>
    <t>b'\xd9K;Ng\x85[6\xc8\xbc\xec |\xd6\x86Np@\xc0R\xa4\xfb\x1f\xac\xc8\xc7Gc\x04\xb4\xa5\x17'</t>
  </si>
  <si>
    <t>b'\x10\xef\x84\x81\x1d\xfd\x9a\xaf\xe1\xcf\xa4\xc9\xaeB\xb7\xcd\xb6\xed|}\t\xe2\x9e\x94\xfe\xf7\xf5\n+qd\xf9'</t>
  </si>
  <si>
    <t>b'\xb3\xdb\x90\xc9\x87\xe2u\xf6&amp;\xad\xc4\xa4\x89\xe3\xdc\x92^\xdeA\xb0-\x88G\xdb\x82\x9e\xc8\xed\x96KMZ'</t>
  </si>
  <si>
    <t>b'\xdd9V\xf8K.\xca\xb1}v!\x84+\xc9\xaf\xbf\xd6\xec\xae\x8a\xe2k\x81\xe3\xba\x8a\xd5\x90\xf6\xcb\x8cH'</t>
  </si>
  <si>
    <t>b'\x16s\xb9(\xf4\xc3\xe9\xdaj\x10\xc4\x1d\x99x\x10\x08\xe4?\x9a\x1d&gt;B\x17\xd0\\NX4\xcb\xce\xd9g'</t>
  </si>
  <si>
    <t>b'\xc1\xe8\x8c\xbf\xd7w0\xb6~\xb8\xf2\xfa+\xdd6\x04\x86{S)\xcc\xfde\x06&amp;\xb3\xdf\xa1\x95\xa6\xdc\xa7'</t>
  </si>
  <si>
    <t>b"\x01\xdf\x85\xee\x8d2@P\xcc\xc6\x04x'\xe27\x08\xb5b?86\xe0\xfe\x8b~8\xdf\xbc\xe1\x13\x07\xb7"</t>
  </si>
  <si>
    <t>b'\xb1{\xdf\xf0\xdep\xa8dAk,\x9b`\xba\xdc\x82\xb6"\x7f\xcf0\x82-&gt;" \xa0\xfd\x87UU\xc5'</t>
  </si>
  <si>
    <t>b'\xc6\xa6Wn\xd3\x80Y\xd8=\xb4\x1e\xd9\r:nzP\x1d\xf2\xf7\r\x8ag\xe8\xb8l&gt;W\xede1\x05'</t>
  </si>
  <si>
    <t>b'\x81\xd1{\xe1\xd5A&gt;\xeaT{\x98\xdcd,\x8c\xd4\xc8\xcfh`\xb6\xee\x11\xfe\xbe3WT\xbe\xce_\x8d'</t>
  </si>
  <si>
    <t>b'L\xce\xb9\x0cW\xb4\x13\xf5sL\x06\x92[lL\x16\xee7w\xfe\xc2\xe2\x08\x8c\xd9\x96c\xc47\xab\x12\xe5'</t>
  </si>
  <si>
    <t>b':@\xa4]z\xa2\xf0\xac\x98\xca\x00&amp;\x8ax\xeb\x94q\xea\x9f\x0bmmKx\xfb\x90r\xcb\xb8\xd3\x94\xc6'</t>
  </si>
  <si>
    <t>b'\x19\x9b\x9ff\x1b~\x93\xcf\x01\xd8\x915\xdfQ\xef8\x1c\xbc\xd5U\ri\x91H\xac\x95-\x11\x7f\xec\xd5Z'</t>
  </si>
  <si>
    <t>b'\xae\x0e|\x9c\x0fg\x8fD\x02\\\xc8\xa6L\x17\xde7S7p\x8e^\xe6\xa0\x7f-\xc4&amp;`\xd4\xb2\x80\xee'</t>
  </si>
  <si>
    <t>b'\x0bV\xab\xf6\xe8\xb0\xfb\x81\xf4\xb7\xce\xb6\xc4\xc7\x1de\x00\x9fzY\x1e\xde\x05\xcfO\x07\xe8\x10\xc4\x0fT\xb6'</t>
  </si>
  <si>
    <t>b'\x14\x14(\x8a\xfd\xcb\xda2\x17\xc89Q\xeb$~\x98\xd7\x0f\xc9w\xd5\x17\x14\xbb\x80\xd2\x9b\x93\x96\xa8\x12&lt;'</t>
  </si>
  <si>
    <t>b'\x81\xc5\xdb7\x8b\x8a\x91\xce\xa5\xe3\xb0t\x15?\xdf\xbfT\xbc\xff\xfe\xb5\x00A\x15\xce\x05\xccW7l\\\xb7'</t>
  </si>
  <si>
    <t>b'9\x18\xbeU\x94\xa17\xb6/\xce\xf8B\xa3\xe0\x7f\xee\xe3\xb2\xb4\xa9\xa9\xab?X\xad\n\xed\xfau\xa4@\x05'</t>
  </si>
  <si>
    <t>b"\xc7&amp;#zK\xe8\xcc\x11\xb8\x8d\xb0\x02\xc7H\xd9\xf0\xe9f\xad\xce\x04'TDv\xa8\x14\xd6\xae\xc3\xa7\x13"</t>
  </si>
  <si>
    <t>b'\xdf\xc4\x90\x85\xec\x197\xad\xf3\x06A8\xc6\xb6\xb1&lt;&gt;!*\xb6\xb42\x8d\xbb\x93r\x8flw\x84\xcby'</t>
  </si>
  <si>
    <t>b'\xfd\xe8\xf6\x19\xadc$\xbd\xf5\xff/\xaep\xcf\x8d\xba\xba\xb7\xf6n}\x04I;\xfa\xa2\xa5\x9bZ\xbf\x86c'</t>
  </si>
  <si>
    <t>b'\xb9\xbaN1\n\x8c\xab:O\xf3\xe1W6\xa6\x19d\xfb&gt;\x82R\xa1\xbb]\xff\x0f\xf3U\xda\xcdh#\x8b'</t>
  </si>
  <si>
    <t>b'\x9fn\xb0\x9c\xb8\xd1F\xd7(F\xd1C\xaa\xaf\x01\xbcRh\x92\xfc\xaa\xf9\xe8\x88\xc8p\xfe\xc9\n\xd5\x8f\x07'</t>
  </si>
  <si>
    <t>b'\xc7\xe8\xfd]\x0c\xdf\x15\xf6\xf3\xbf\x87%\xf3+\x94.\xfd\xa7\x16n\xd7\n\xdc\x0f\x99\x06\x02\xc1P\x97[\xa4'</t>
  </si>
  <si>
    <t>b':\xbel\xeb\x15$\x96\x96X\xb5Bep0~={\xee\x00Y\xc0\x9a\xe2\xdbWO\x0be+^Y\x11'</t>
  </si>
  <si>
    <t>b'\x04\xd4\xe9k\xed\x8a\xf1\xc3P\xe1\xf4\xea\xefc\x00\xa0\xad\xf5!\x0e\x13\xe0Ekk\xfd\xe8\x8es\x9c?&amp;'</t>
  </si>
  <si>
    <t>b"\xcd\xf4\x00\rO\x03\r\xc7L\xfb\xca6j\x93k\x98\x93\t'\x080\xce)@ar\xe75\x0b;r\xc9"</t>
  </si>
  <si>
    <t>b'y\xe74\xadh\xbe\xe8@-\x8b\x87\x17\x9a}\x05\xbcq|\xf2l\xdc\xd1\xa3\x8f\xd3Do\r\xac\xf1\xd5\xd7'</t>
  </si>
  <si>
    <t>b'F\xd7\xf9"H\x1d\x9d\xd0K\xffao\xb4@\x98\xfd}\x9cP\xc0\x8ac\x83\xd0W\xaaF1 Gc\x88'</t>
  </si>
  <si>
    <t>b'_\xf9\xf7\x98u\xda\xae\xf7T\\\x8c\x8c\x8f\x18\x16\x0b\xf9\x9f6\x8f:E\xce\x0e\xfa\xe5\xfeKM\xf1e\x87'</t>
  </si>
  <si>
    <t>b'\xda+\t\xd2|\x8aNy\xf2"\xa7}\xa2|bc^-?6p}\x1bWe\xa2\x0e\xaa\x1a\x1d\xc9\xf8'</t>
  </si>
  <si>
    <t>b'Q\xd2(\xc0\xb1\t_hg\x1cR)\xe5\xd8\xeeWB\x06\x9e\xce\x01a\x97\x8c\xad\x88\xdf\xd7Y\x86\xdcV'</t>
  </si>
  <si>
    <t>b'\xfb\x99\x85\xb7\x92\xc7\x1f\xc9\x97@\x93 *\x10\x96b_\xb9c\xa0\xd6\xfe\xee9\xe0\xa2~~\x8a6\xbf\x80'</t>
  </si>
  <si>
    <t>b'\x92\xd83bAn,\x85\xcejm\xe8-\x92T=\xdeu\xa4\xf8q\x16KRq\x7f\xa2j\x1c+\x88\x07'</t>
  </si>
  <si>
    <t>b'Y\xae-T*@\xf1\x932\xdf\x922\xbe\xa8v\x0e\xab\x91\x12 \xd4\xd4\x93\xa2&amp;\x90f\xf5\\l[)'</t>
  </si>
  <si>
    <t>b'\x83\xf8\xb1_\x03NuaVT)L\x17\xff\xfb\x0bH\xb4\xcbdc\xebWi\xd9cg!6U&lt;\x90'</t>
  </si>
  <si>
    <t>b'0\xc7\xee\xfd0\xb2%\x7f\xe8J\xc8/s\x00\x86\xc2\xfb\xef\x0f+\xea\xc5v\xc3R\xc6}r\xaa\xed"p'</t>
  </si>
  <si>
    <t>b'\x136r\xad\xfdw\x01D\n\x9e\x95X\x00\x93D\xd4/\x13\x95\x01\x94\xfc\xfb.m`0\xe2\r\xae~\x05'</t>
  </si>
  <si>
    <t>b'&lt;m\x02\xa03\xe3\xe1\xa2\x07\xbf\xd9\r\x0b\x1aB\x8d\x11%\x9a\xdf$\xd8\x06\x86\xbdQ\xf2QS\xf7\xc3\xa7'</t>
  </si>
  <si>
    <t>b'X\x88W\xbf)(\xb5\x02Y\r\xdaf\xefb\xe2\xf7o\x0b/\xdb$oo\xe0\x99ro)|w\xf1\x83'</t>
  </si>
  <si>
    <t>b"T\xf0\xab\xfb:\x9d\xc1\x8b\x070A\xb6\x190\xff\xcf\x94}\x8aXl\x10\xc7q\xdc\xa6\x18'\x0b\xae\xdc\xac"</t>
  </si>
  <si>
    <t>b'\xb6v\xcc\x03\xaf\x84\xf3\x10\xbb\x1d\xedzUDF\xa1q\x80\x0f\xc3\xf6&amp;\xc8\x04!\xe8\xbd\xf0\xa8\xef?R'</t>
  </si>
  <si>
    <t>b'\xa8\x03m\xfd\xcd\x98\x1a63\xe6\xb0M{\\\xcb\xf7\xc8\x02y\x9et\xa9T[e\xb5W\x84\xd8)n\xf0'</t>
  </si>
  <si>
    <t>b'\xd5\xe1\xc3\xc4R\xe8{v\xd4\x96M-1\xbd\xcf\xe4\x00\x10;\xc8\xee\xa3h\x98\xb0\x8b\xd1\xfa\xa0\xca\xc2@'</t>
  </si>
  <si>
    <t>b"\xfd\xcb\xab\xda}v\x8c\xa4R\x07\xb99*\xcf\xe1;'\xaf/\x1cn\xb0\xd8\xd4bh\x0b\xdf\xe1\xeb\xabX"</t>
  </si>
  <si>
    <t>b"\x95\xd9Z!\xfd\x9fb:E\xff\t\xc9\x91;\xea'\xdb\xb1\xf8\xbe\x99/\xdb\x028q\x0c&gt;u\x1a\xfe\xa5"</t>
  </si>
  <si>
    <t>b'\xb0\xa5qHe9\xe0\x93;A\xcaV\xed\xa9G\xcb\xeb\x18\x8c\xafzi`p\xd3_\xb0\xf5\x9a\x8e\x99\xf1'</t>
  </si>
  <si>
    <t>b'&lt;u\xdexMr_\xe4\x07\xb6AQ(m\xe5~\xfci\xa1\xca\xe1fQf\x90\x8b\x81\x05,U\xa6\xc8'</t>
  </si>
  <si>
    <t>b'\xf7\xe7\x0eH\xb9(\x047h0]8}\xa6}\x88\x86\xe4\x80AgR\x98;\xaf(\xaa&amp;\xe1\xdf\xb6\xdf'</t>
  </si>
  <si>
    <t>b'z\xc0!\xc1(N\x91,\xac\x80\x13 \xf5\xfe\xbb\xfa\x84\x998\x17\xe2G\x89\rKr\xa29\xdfl\x19\xfd'</t>
  </si>
  <si>
    <t>b"\xe3'(\xb0WnZq\x8a\x1a.\x9e\x93W\x9e,I\xe4\xd2%\x97G\x9d3\x9b\x82\xa80D\x1d\x81\n"</t>
  </si>
  <si>
    <t>b"\xc2[\xaa\x11NSO\x01&gt;k0TfT'\x07\x0e\x94\x1f\xb5\x08\xae\xc7\xdcA\x19\x18\xdb\xe6\xd0\xbc^"</t>
  </si>
  <si>
    <t>b'W\xb2\xb6\x1b-\xc4\xef\xb7\xc6\x8e\x91[\xb6\xb6t\x82\xb9P\x81\xa17\xdbI\xbb3\x96\xdb\x93\x8f\xbeu6'</t>
  </si>
  <si>
    <t>b'g\xe0c\\9\x83\x14\xb0\xbce\x9aU\x10\xe6w\x02/\xc4!c\xd8\x7f\xee#\xdc\x1b\xb1q\xc9\xb8]\xcb'</t>
  </si>
  <si>
    <t>b'\xca\xd7\xfb\x99\xec\xef\x91\x1f\xdd\x1e\xc7\x10\x05H#\x1f\xb3\x11V\x9b\x15\xe4\xec\x8e\xa1\x13\x93\xa9?\xb6\x8e\\'</t>
  </si>
  <si>
    <t>b'\xcb\xe5\x07\x96R\xb3!\xdf\x02-\xf9\xdae\xd2yMAbv\x9b\x85\n\x81\xf0\x1a\xa7q[\x18\x10\x0c\x93'</t>
  </si>
  <si>
    <t>b'\xc1:\x8a\xdb\x87\xc5-\x7f+q\xaa@n\xacg\x98\x14\xc3W\xdf\x86X\xc9\xe0K\x0cG\x02\x87\xc84\xeb'</t>
  </si>
  <si>
    <t>b'\xb3\xff\xdc\xa9\x02\xfe\x87C\xe4\xee(\x82\xf3F\xb4\xd1\xd6\xad\xfd\x9c\xef\x867\x14\x1fmW\xd2\xb7Y\x8c\xd4'</t>
  </si>
  <si>
    <t>b'\xcej\x98Z\xc5\x0b\x8d\n\xe4\x05\xbbo\x9e\xb4-\xd8?\xe3\xfe?7\xf6f\xd0\xe0\xe5d\xcf!%v\x17'</t>
  </si>
  <si>
    <t>b'@\x19P\x06\x91\x852\x1ct\x95(*\x94vP\xa2\x9c\xb1\xfd\x7f"v\n}\x90\xc2\xb1\xc6\xd9\\&gt;\xa3'</t>
  </si>
  <si>
    <t>b'\x82\xa6\xb0\x87\x85V\xd3:\x10\x8eET\xcc\x05\x04\xd0\x7f\xd8`\x80\xe26\xb1\x03\xa9\x03\x8c\xac9\x9e[Q'</t>
  </si>
  <si>
    <t>b'\xe2\xc0I!Wy\xc0:"\xad\x1d&lt;\x1d\xccQ}\x01\x89\x92~\xb4\xbb\xad=?\x90\xde\x92/UWH'</t>
  </si>
  <si>
    <t>b'\x1a\x84\x99{\xea\x85\xad\x13\x88SM\x8cT\xcdf\x92)V\x08qi1\xe8azEC\xb7\x01t\xe1 '</t>
  </si>
  <si>
    <t>b'}\x0c\n\x9aC\xc6\xce7\xf0\xcc!N\xbf\x9f\x9f!UJN\x1b.\x08\xe1t\x82\xe6x\x15\xdc\xa565'</t>
  </si>
  <si>
    <t>b'{\xf8Os\xbd\xc1\xab\xbf\xd7\xa3\xdd#b(\xf2\xc3a\xec\xaePRI\xeb9q6\x8e\xf8\x80w\xacO'</t>
  </si>
  <si>
    <t>b'\x1f\x10CUZE(\xc8\x8b=\x04\xed\x8dq\xbfk\x94\xd9\xd1=o\x9a\x84\xbc\xed\x16\x0b}\xd6\x94\x19$'</t>
  </si>
  <si>
    <t>b'\xc0\xd2\xb1\xbeap\xcc\x08\x01\x9br\xd4\xa1\xa7$\xac\x988\xa9]\xaf\xb6L\x06\x8dq\xfd@\xd0\xc29\x1d'</t>
  </si>
  <si>
    <t>b'\xc0\xdae_\xd1\xe4\x9e\xa8\xfb\xc5\t"5\x85\xc4\xbf\xe2_;vDM\x11%\xd7\xbd\xe7\xdby\x16h}'</t>
  </si>
  <si>
    <t>b'\xc4\xe4\x1c,\x80:\xf1N\x95\x17|\x80Q)y\xb1\xd6\x1eR\xc5\xa1\x01[\xdb\x90R\x81\x13\xb1\xe2S\xdb'</t>
  </si>
  <si>
    <t>b'.\xb5\xa9#f\xae\x0b\xcb?\x1b\xee\x95\xc9\xc0d\x05\xc4d\x89\xcbp\xff\xde\xe6\xcad7\x00=O\xd4\x14'</t>
  </si>
  <si>
    <t>b'0$N\x97|\x02\xcb\xe3\x89\x01\x1f\x8ex\xaevQ\xf6\x9b\x862\xee\xedM\xa1\xe9\x87\xec\xcaI\xf9~\x0e'</t>
  </si>
  <si>
    <t>b'v\x9dga\x00t\xebM\xcd^\xbc\t+\x97\xb3\xb22\x1cP\x8en\x0e-\x00A\xef\xce\x87\xc4\xa4(D'</t>
  </si>
  <si>
    <t>b'\xb4\x9a\xe1\x00.\xc9a\x11\xb3\x89\x02\x895s\xf9 f\xf0\xb9\xc5\x95\x18\xe7\x847\xe5\x00nJ\x98\xe7\xc9'</t>
  </si>
  <si>
    <t>b'm\xd7\xe0\x87\x90\xfe\xce\xae\xa9\xfc\x87\x871Q\xf0\xeb\xa4l\xa5F\x11\x1bKF1\xc9VR\xc3]\xd0\x95'</t>
  </si>
  <si>
    <t>b'\xf9\x8a\x0b\xd3^~\xf5\xa3C\xe3\xbe\x158V\xeb\t`&lt;\xb9\xf01uO\x00\xf5\x90\xde\x1e]\xcb\xf5Z'</t>
  </si>
  <si>
    <t>b'3\x87\\\xefU\x19\x1c\x10\t:\xaa9\xda\xa7\xff]]0\x88\x0f\xbe\xfd\xc9\xa5\xd1\x81\xfd\xb2\xd0\x08]\xdd'</t>
  </si>
  <si>
    <t>b'\xde\x8f\x92\x11\x90\xaf=\xdc\x98\xaa\x06\xf6\x7fi\x84\x8f1\xfa\xc6Hd\xa8\x9b\xb3\xd6\xb9#\x03\x97\xa6\xf9\xee'</t>
  </si>
  <si>
    <t>b'F\xfb\x07\xc1\xb0\x9fCz\xfbM\xac\x12Z\xd4q#\xc6\x1e\x00@O\xb2?\xbcN\x92\xb0!\xe5\xcbf\xcf'</t>
  </si>
  <si>
    <t>b'\xb3\x98\x19\x8b!\x93\x1b-\\\xf8g\x17y\xcd\xd1\x1fs\xdf^k\x1e?\x14\x88K\xb0s\xcf\xfa\x9e&amp;\x9b'</t>
  </si>
  <si>
    <t>b'i\x02h\xb9\x1c\x0c\xcf"\xb6\xa6\xa0\xab \x1bS\xfe\x83\xac\xf1\xd9\xa9&amp;\xedg\xf2\xb2(\x02\xb3\xa0\x9a\xd6'</t>
  </si>
  <si>
    <t>b'\x8e?9\x82\xe6\xef\xfcsT\x841\x91x]\x87%\xaeY?\x1fD\x16\xb4\x08\xb5\xdc~\xad\x15\x03&lt;\x9e'</t>
  </si>
  <si>
    <t>b'\x12\x0bM4\xca\x17\x1a\xcf\x11x\xec\xe7X\x90]L\x08\xd6\xc0"#\xef\xb9\xaa\xfc\x88:\x08[KG\xea'</t>
  </si>
  <si>
    <t>b'\xc2\xccU3\xfe:@\x0e\xa5\xd0\xa5\xe6\xc0\xa2\xb7\xa13\x95\x912\xb7(\xf5=\xc3\xb6\xf8\xc0\x10z8O'</t>
  </si>
  <si>
    <t>b'\xcel\x81\xf6\x91\xac^\xba\xc6_\x9b\xac\x90\nw\xa2\xd8;D\xa7\x86\xbe\x12\\\x8c\xa9\x9e\tC\xe5\x87\xf5'</t>
  </si>
  <si>
    <t>b'%m\x8a\xddNQU;\x06\x143&amp;\xb8~C\xcc \xc8\x1eT\x02|\x14f\xf2\x1eVK1.&lt;+'</t>
  </si>
  <si>
    <t>b'e\xe0\xe9Uk:\xa6\x9d\xbeN+\x1eC\xf9\xd4J\xe1\xc9D\x1e\xcf\xcf\x89\x1b\xc54*\x1d\x8c\x91\x82F'</t>
  </si>
  <si>
    <t>b'\x1d\x87\xd68\xea\xad\xdcU\xb6_\x95\xaeT\x89\xadE\x87dtZ\xf1\xd3\x15S\rv\xb9\x13\xa4~\xb5E'</t>
  </si>
  <si>
    <t>b'E!\x8e\x0c!\xabg\x0f\xa1\x15\x1d1\x8e\xaa\xcc)\x9fn\x8b}\xfd\xc2\xd7;l\x19\xfd\xa1\x05_\xbcQ'</t>
  </si>
  <si>
    <t>b'\xa9 &gt;vq\x83i{Dt\x05\xa4\x96\x90"\xf2\xb0\x14\x0c\xb2\xfe(\x0e\xb74(\xe1O\x1f7\x8b\xee'</t>
  </si>
  <si>
    <t>b'v\x84.7\xcd\xb9%X\x9c\x96\xb6\xaf\xd6\x94\xda\xf1\xd1\x02\xce\x86_\xe16~\xb7\xd7\xaf\xb3\xde\x05\x8aA'</t>
  </si>
  <si>
    <t>b'"\x9cX)#\xa4MRY\xa7\xf7\xca\x84\x8d\r\xd4\x81\x07\xee5\xd8\rh\xa0&gt;\xc66/J\xf58\x90'</t>
  </si>
  <si>
    <t>b'\xc4\xa1I\x93\x8f^\x1a\x04o\x8f\xb0\xd2\xc4\x8b*\x82\x88S\xa4\x99-\xc1\x9c\xd5&amp;5\x1d\x16\xd6Y\xccX'</t>
  </si>
  <si>
    <t>b"\x99\xc2B~nr\x9d'\xba0\xab\x96\xd9\xe0\xca\x9e\xeb\xf7&lt;\xd8\xf4\xd9!\xdd\x14\xdc\xfb\xa4\xfd%d/"</t>
  </si>
  <si>
    <t>b'&amp;\xeb\xfc\xbe\xda%\xe6\xcc\x13\xd8\xee\x1eD\xb1\xad\x0cj\xb3$\xb7\x85\x00U4\x0b\x96\x7f\xee\xba[\x0b\xfe'</t>
  </si>
  <si>
    <t>b'\xba\xdb4\xf0\xbb\x03\xbd\x9e7\x82(\xa1\x1e\xaa\xe3o\xfbx\xdc\xbaM#\x19rzB\xc0\xc9\xab\xeba$'</t>
  </si>
  <si>
    <t>b'\xbe\xf0~\xb2\xfa\xc5\x16\x88\xeb\xbe\xd2\x01I]4\n\x8a\x01\x97\xec&gt;Z\x96za\xe1\xbf\xc3\xeb\x96or'</t>
  </si>
  <si>
    <t>b'\xaaRM\x9aW\xe8\xbf\x99\xb8\x7f\x9cG_\x02\xea\xe6\xd5\xe0\xcd\xaaFW\x0c\xf7l)\xb0\x90m\x02Pl'</t>
  </si>
  <si>
    <t>b'\xbe\x9c\xef\xe2juv6/H\xbf\x0f\x02d\xe4Trd\x88e\xa7\xc5:\xce\xd7\x9bJ\x0bW\x8e\x02n'</t>
  </si>
  <si>
    <t>b'8}\xb6\xcd\xa0\x00#\x1bk\x0b\xc2_$\x99\x89+\xfb\x10a\xf5*\xc9\xad\x16,/\x82\xad\x0be\x83\x0f'</t>
  </si>
  <si>
    <t>b"\xd5\x0b\xac\xa1\x0e\x01|7l\x87\xb2t\x01\xcftq'\xae\xcf\xd2\xcd\xf4YUj0\x87X5\x08\x99s"</t>
  </si>
  <si>
    <t>b']5)$\\nE\x1c\xf2M\x16\xb4\xd8\x88\x15oN\x99\x04\x07\x8d6w!\xd23\x98]\xcb\xc0\xdf\xb5'</t>
  </si>
  <si>
    <t>b'\xcf#&lt;\xe0w\xa3\x96C\x9f\x14\xacTd\x8b&amp;\x82\xc5\xb17\xb7N|\xa5\xba\x00\x9b#\xc1\xd6\xb3\xee\x8f'</t>
  </si>
  <si>
    <t>b'_\x19{\xfe\xccC\xe9\x04\xb4\x96\xef\x13\x83\x1c\x15+\x96T\xb3m\xb1KnW0R\xd8\x05\x16\xa9\xb8\xfa'</t>
  </si>
  <si>
    <t>b'8\x1f\x8a\x96\x9fY\xfd\xcd\x11\x0f\x19D\xb9\xc0\xee\x86\x84\xd8\xd6\xf2@\xb0\xfd\xf1\xc38r(\xf3g\xed\xc5'</t>
  </si>
  <si>
    <t>b'\xf7k\xdb\x86\t\x80\xcb\xdax\x17\x1f\xc5\xd1\xac70\xc8L\xd2\xbe\x9c%^\x9d\x82\xbf\x13\x11\xbd\xa3\xf4I'</t>
  </si>
  <si>
    <t>b'\xab\xde@\xcf\xe4\xfa\x9d\xcc\xc7\x94\xad\xd8O\xb7\xac\xfd5\x0ce\xb4da\xf4\xd8\xad\xc2j\xb8\xb9W\xcf~'</t>
  </si>
  <si>
    <t>b'\x86\xae?\xf8Q\x0e3M\xe7g\xc4\x07\xd26h\xe5\xc57\xcf&gt;\xfd\xce\xab\xe40N\xfaa\xbb\x08\xda '</t>
  </si>
  <si>
    <t>b'\x89\x8a\tJlG\xe3\xa0\xb3\xdcS\x83\xc2\x1e\xad\n\x19\x07?\x8c\xe0N\xcfu\xcc:L?.~q\xd5'</t>
  </si>
  <si>
    <t>b'1\xcf\xb2\xd3.\x9f\xc2F\xa0\xd6\xa0\xf7:\xb6\xfc/\xa7\x82\xa6\xd9\x80\xda\xda\x97b\xd6I\xbb\xff`7\xa4'</t>
  </si>
  <si>
    <t>b'O\xdeT\x05\xfb\x98\xbe\xb9\xee\x82B\x15\xf0V\xdf\xba\xadLI\xa1\x15\xd1&lt;\xc6\x01o\x94\x1by\xd7\x04A'</t>
  </si>
  <si>
    <t>b']+\x9d&gt;\xbfM\xbf\xef\xf3\xc6\x99)d1\x82J.A\xb5o\xbd+K\x02$\xc9\xf5\x13\x86\xdd\xf4q'</t>
  </si>
  <si>
    <t>b'H\xdc\x1a\xc7\xa1\xda\xa4\x00\xc97\x1f\xb7\x02\xa0\x88W\xc2 \xc2\xd8\x1d1v\xa8\x9b\x85ZCnm\xd97'</t>
  </si>
  <si>
    <t>b'\x8a\xfd\xe9\xeb04\x87\xb7\xd9\x9c\x06\x15c\x06\x1e\x9f*G\xd3\n\xa1\xff\xb6\xe8\xf3\x10+&amp;.\xdc\xf2\xd5'</t>
  </si>
  <si>
    <t>b'r]YX\x07\xd5\xbe\n\xa41\xaa \xbdg\xd3\xf7\xb2\xb3c\xb6\xabU\x8d87\xe8\x8fN\xdb(+\xb7'</t>
  </si>
  <si>
    <t>b'\xb3(\xc0L\x92\xe5\xba?\xab%\xca\xcdL\xf7\x91l\x86(bI\x8cwEMK\x95;&gt;H+\\2'</t>
  </si>
  <si>
    <t>b'{\xa5\xe3\xb5\xca\xc0\xe8k\xcadsT^\xfa\x9d\xd6\xd8*\xc8\x1a.4]\xc9\xb4o\xa6\xce/$\x13e'</t>
  </si>
  <si>
    <t>b'S\x80\xebs2\x88\x17\xd6\x91\ny\xde\x9a\xd5}\\\xa4a\x05\xae\x0e]  q\x9d5\xe8\x80\xa3\x82\xad'</t>
  </si>
  <si>
    <t>b'*\xaf\x8c\x9b0\xe3\xca?\xc5&amp;\xbd\xf3$uD\xb0C&lt;\x9cT&lt;\xff\xf0\xb3O\xa7\x1a\xfe\x1b\xcdu\xa0'</t>
  </si>
  <si>
    <t>b't\xf5Z\xb9\x98\x14\x8f\x92\x16\xd8\x944\x8c\xecL\x82{j\xc59\xa0m!D6E\xe9\x0e\x14 :\x10'</t>
  </si>
  <si>
    <t>b'0QgZ\x16#1\xd0\xdb\xca\xfdL!\xfea\r\xc3\xdfY\x81vJ@\xc6\xd2\xf5\xa5\x16\xea\xebHG'</t>
  </si>
  <si>
    <t>b'\xbdj$^Lt\x98Q\xb9\xf6\xe2\x7f\xefr*\x0f?FIu8\x91&amp;\x96\xbf\xd7%\x94\xfb\x84\xbd\xc6'</t>
  </si>
  <si>
    <t>b'f\xea\xb4\x00\xa3\xc7#\xd4G^\x99\x1deJ\xc5\t\xfe\xb6C\x93\xdc,?:\xeb\xae\xfb\xee~\xcd\xb4^'</t>
  </si>
  <si>
    <t>b',\x03\x15\xb3\xc1d,\xa5c\x90&amp;\xea\xc3f\x89;\xe9\xac\xbb@\xd9&lt;\x08yz\xa9\x9a\x99$\xb1\x1d\x07'</t>
  </si>
  <si>
    <t>b'\xa1\x9cJ\xa7\xe7n)\xaf\xec\x92\x82t\xbc\x0e\xf2\xd7O\xb4\xbc\xb4l0\xe0_\x06\xea\xa06\xba\xe7Od'</t>
  </si>
  <si>
    <t>b']\xfa/\xee\xcb\x15\xfe\x08\n\x03a\xb32\xc9;\x08\xf6h\xf7b\xb5P D\xaa\x15\x97\xa1A\x8c\xea\xaf'</t>
  </si>
  <si>
    <t>b'8\x02\x02\xab\xad\xf5\xc9\xa7\xd9\x8d\xb3\xa7;\x9c\xed\xfbl*\x120\x1f\xb0\x96\x86\xce9fO\xea0\x14\x87'</t>
  </si>
  <si>
    <t>b'\x99]\xf5_\xc8C1L\xdd\x94-R\x02,"\x15Ni\x8d\xab\x9e?n\xdeW-\x1c\xc1\x99\x9dr2'</t>
  </si>
  <si>
    <t>b'\xee\x05\x0c\x87\xd5\xed\xd1\xeeg\xa4\x81\x9a^u\xb6\xccip.\xf9\x08\xff*\xd2#\xc7&lt;\xa8=M#\xe9'</t>
  </si>
  <si>
    <t>b'OZ^\xf8\xda\xf9_\x19\xe5^6H\xc17\x17=k\xe50\xc0*t\x15\x19^&gt;\xa4OJM\xe0\xa0'</t>
  </si>
  <si>
    <t>b'Ny\x02N\xc9\xb0`\xd9\xfaJ\xb6-\xc6C\xdd\x0b\x16^\x02:3kf\xee\x08v/Y\x9c\x13d7'</t>
  </si>
  <si>
    <t>b'\xf1\xd5\xe0\xeco\xb2\xf7\xb8\x8a\xc6y\xa2\xf2\xd8^\xdc\xe4\x8d\x89\x01\xa2\xdb9\xb2&lt;\x14_\x9c\xcb_\xf6\xb7'</t>
  </si>
  <si>
    <t>b'\xdc\x19\xe8f{8\x7f"\xfb\xa6\x8c\x88\xb8R\xd0\xd1\x19YT\xa5\xfd\xcd\xdd\xaa\xe3\xabI\x8a\x93I\x85\xc9'</t>
  </si>
  <si>
    <t>b'\xea\xb5\xb2\xd34s_\xa7!\x04\xeeC\xc6\xec\x1a\x92"r1\x07\x85\xcf\xbb\xf3\xc1\xa9\xe6\x12\xdc\x86\x8c\x08'</t>
  </si>
  <si>
    <t>b"\xaem\rB&amp;\xfa\x84\x81Uv\xbb\x93\xfa\x94\x01\x9e\x19\xa48\x9f\x87\xe4$\xbab\xca'_\x0b\xb0\xc1&gt;"</t>
  </si>
  <si>
    <t>b'\xa9\x04#\xf6\xa4D{\x88c\x9a\xb9\xe8qiA\x98\x83\xd0\x18\n&lt;\x087F\xef\x82\xa5\\!\xdd\xb7\xac'</t>
  </si>
  <si>
    <t>b'\xad\x81Si~\xfeV8\xb0)\x80\x92\xf1kU\xc6\x96\x0c\x05]\xa6:\xbc\x9d1\xeb(\x8f"\x8b\xcd\xfe'</t>
  </si>
  <si>
    <t>b'\x8e2\xdbtu\xd2"\xf4j\xa3\xe6`\x92\xbdd\xaf;\xc3"]\xf9\x9f\r\x96\xc4\xd0\xeaP\xe8\xb4\x8f{'</t>
  </si>
  <si>
    <t>b'\x1e@\x03b\x0f\x0b\x14\x1a\x9a\x8f\x89\xa5\xad\xa2Z\x1b\xe9\x18\x04\xf9\xdcNH\xd3\xf8\x7f\x1d\x19\x86x\n\xc8'</t>
  </si>
  <si>
    <t>b'\xc4\xe4\xad\x95\xd6\x9f:\x14\xecw\xcea\xaf\xaf\x80\xec\xa3\xc9\xc6\x8e\xa3\x8a\xb8\xc2j \xcf\xc0\xb0\xb8\xdb\xf5'</t>
  </si>
  <si>
    <t>b'\x811H\xcb\xbf\x04n\x85\x17x\xf1\xbf\x96!)\xde\xd2\xadI\xfa:&lt;\xf1N\xf1\x99l\xd2\x0c\xe2\x8d\x1f'</t>
  </si>
  <si>
    <t>b'\x06\xb8\x98\xf0\x1a\x9dYU\x8eO\x10J\xe1\xd0\xff\x8e\xbd\xf5\xdc\xdaK\xbdHC\xdc\xb1\xa2j\xed8\x1c\xf8'</t>
  </si>
  <si>
    <t>b'\xa6\xeeoi\xb6\x0bE/\x9e\x9dc\xbf\xf2\x19b~\xc1\xccUT\\\x88b\r\xd0Z\xf1\xe3R&lt;\xed\x14'</t>
  </si>
  <si>
    <t>b'\xd1\x07m!M\xa4E5EF\x15Cz\xa39"\xa6}\xde\xc4&lt;\xc3\xee~\xa2\x9bM\x9bA\x9c\x99\x84'</t>
  </si>
  <si>
    <t>b'r\x88$\xcb\xb6t9\xe2$9\xd4;w\xf1`\x083\x81&gt;\x9b!L;@\x9b\xb8\x183\xa3}\x9a|'</t>
  </si>
  <si>
    <t>b'd\x12]\xdd\xb0?\xebJ\xc7\xfd\x8d\x06\t6\xd2\xd3_t\xc7\xd6\xed\x89\xe0\x98\x87\x06]\t\x01\xf4\xc4\x9b'</t>
  </si>
  <si>
    <t>b'\xe9wd\xb8{\xfb&lt;]s\x7f\xf0\xab\xae\xf1\r?6% \xb2\xfa\xd9\x85\xd3l\xf1\x1c\xf5\xbaA=\x8e'</t>
  </si>
  <si>
    <t>b'8\xa7K\xf8\xb9t\x9d\xf4\x1f\x07+\xe7\x04s\x1f\xeb\xd1Q\x7f\xbao\xde\x9c\x13\x99!\x86\xf6)|\xfc6'</t>
  </si>
  <si>
    <t>b'T6A\x1c\x96\xe4K\x99&amp;\xec\x11s2YsSy IF\xe8\xc3PD\xc7\xda\xbe\xea\x0cM\xd1\xe5'</t>
  </si>
  <si>
    <t>b'\xc0\xcb0M\x9c\xb5\xdf\x08\xc2\x07\xda\xd4\xe8b\x1d\xa7#C\xf4\x87(\xbe`\n\x18%\x85\xd41ey\xbb'</t>
  </si>
  <si>
    <t>b'\xaev\xf0\xdf\x8f\x1cl-T\x17\xe2\xc0\\\xe4\xdc.\xaf}$\xa3\x1b\xfaB\xb6]\xf2\x92\xa19\xbfr,'</t>
  </si>
  <si>
    <t>b'\xc0\xa64\xc7\x01\xe8\xee\x82-\xe6R\x18\xc4\xc1t\xb9!\xc0\xdc\xd5a\xae\xc87\x96\xeeP\x87\x15 &lt;\x8b'</t>
  </si>
  <si>
    <t>b"d4\x0fz\xa9\xcd|\x07cN\x96\x805k\xdaA\x97\xeb\xb7\xb3S\xb2\x98\x81'a&gt;\xdf\x19:\x90\x85"</t>
  </si>
  <si>
    <t>b'\xa9\xf6\xc4D\xb2\x98\xf4\xc4\r\xcfF/\x88\xb0((\x99\xc1\x9cY\x868\x16\xaf\xb6{x\x91\x91\x17&lt;+'</t>
  </si>
  <si>
    <t>b'\xfb\xe1\x1f1\xa4b\x91\xec\xb9\xde\xb695\x1e\xe1\xd3\xff\xa8\xac\xa8\x19\xa8\x86\xd1\xc6\xbb\xe8-\xa7\x90\xc6E'</t>
  </si>
  <si>
    <t>b'a\x9f\x9e\x10\xf1,\x0c\xdc\xde \xfej;\xb47\xee\xaf$\x94a\xb3\xf7 wt\xd7\xfbwy\xd5:\xf2'</t>
  </si>
  <si>
    <t>b'\xb2?9\xf0\xe8\xd4k\xb6_\x9d\x81\x0bB|\xc7D\r\xfd\x8c\xba\xb7]\x9c\xf5P\xa0\x19\x96t\x04b\xaa'</t>
  </si>
  <si>
    <t>b'\x04\xbcsze&lt;t6}\xbe\xdfig\x91\xc91"\x1a_\x94\xb1\x8d\xf9\xb3\'\x8a\x17\x99\x1dW\xc2A'</t>
  </si>
  <si>
    <t>b'\xcd^5D;\xbc\x0f\xf3Y*\xb2\xec\xf0\x1d{\xf0\x08\xe0\x89\xf5\xb6\xf7\xc0\xcf\xf4\xa2\x98\xc2\xa2\xaaI&gt;'</t>
  </si>
  <si>
    <t>b'\xe3\x99;\xc0\x0cOs\xb7\x1f&gt;\xa0\xbfM\xe8\x7fA\x83\xab\xbf\xfc`\x87\x88\xa8 x{\xf2\x83\xfcV\x89'</t>
  </si>
  <si>
    <t>b'\x8f\x9e5a\xde\x83@\xfaP1\xc7\xbda\x7f(B\x18&gt;\xa9Y\xc9\xca\x934y\xecYJ\xa1\xd4\x10\xd4'</t>
  </si>
  <si>
    <t>b'2\x1c\t\x84K\x16\x06\xb6\x07\xbdx\xf5\xd2X\xbc6N\xca\xec\xb8\xb0Hr\x88\xed\xd1\x84M\x84\x85\xec#'</t>
  </si>
  <si>
    <t>b'D\xfdq\xf2\x90H?\x9f\xb1y\x83\x0f\xfbe2\x91,\xba\xdasc\xdcE\x11\x0c\x8bb\xd4Kp\xf3\xbf'</t>
  </si>
  <si>
    <t>b'-\xe9\xf5\xd0\x1bR\xa5\xd3\x99W\xa0|\xd9Y\x88\xba\xbb%\xc3\x079\xb5J\xd0\x8a,\xd4\x82Z\x07\xf3\x1e'</t>
  </si>
  <si>
    <t>b"\x1c\x88\xf0\x15nGf\x05\x9f\x0c\x05\x17d8gd\x90\xd2\xc0\t~\x05\x89'\x0bp\x80n2\xef\xdbR"</t>
  </si>
  <si>
    <t>b"\x18\xf7\xae\xc7=\xc1)Y\x9f\xcav'\xa4?\xa1\xcb\xa2\x1apf@\x18'5l\xf4l\xed\xbc\x0f\xae^"</t>
  </si>
  <si>
    <t>b'\xf2\xdc\xe9\x06|\xafA\x81\x0b\xb5G\xfa\xdaK)\xa9\x19.IoL\xc2\xce\x04\xdf.\xe6j\x9cDn\xbd'</t>
  </si>
  <si>
    <t>b'\xe9\xac\x1bc\x85@\xa0-H\xd9\x1d~\x05\x00\xc4N&lt;G\xbcZ\xab \xdbjYo\x92\xf1_\xcb8\xec'</t>
  </si>
  <si>
    <t>b'O\xcb\xa7\x92\x96?\xb9.wA\xe3/\xd0\x97\xb2+\x96\xdb\x8a\xeb\x955TW\xd6v\x7f\x95B\xa6\xe7\xda'</t>
  </si>
  <si>
    <t>b'^\x94\xb9{\r/\xda\x9a\xba\x95}ry\x17\x1e\x1e5.M%\x97\\\x05\xd4\xeb~\xdb\xce~vbw'</t>
  </si>
  <si>
    <t>b'\xb1#?\xf1:\xc8\xe6\xa1\xec\x99U\x97\x03\xed\xe8:\x08\x13\x04\x0e`\x90\x9a\xd4\x1f\x1dG\xfe\xfe\xfcd\x07'</t>
  </si>
  <si>
    <t>b'\xf7\xd5,k\xa6\xad\x82\x97\xe5h\x99\x1aH\x8f\xb5T\x16\t\xe0\x0e\x0eqY,c\xe4*R\x0e\x91}B'</t>
  </si>
  <si>
    <t>b'_\x0fA\xada|X\xc9\xdf\x7f\x07;K\xc2\xc9J\x8a\xf0\x18S\x00veV\xa4\xfd:\xac\x80\xd8\x8fx'</t>
  </si>
  <si>
    <t>b'\x8cx\xd5\x9d~\xea4\x92\x99\xb30\xc1\xb3c\x9aYA\x11\xa0\x80\xa1M\x8611\xc2\x02\x1b !k\x97'</t>
  </si>
  <si>
    <t>b'\xdc#\x0ca\x971\xcbm\xb4)\xcdA\xe5\xc9(\x93\xf361#``\x8f\x11\xf5\xd3\xb9\xf1\xbf$\xbd\xd1'</t>
  </si>
  <si>
    <t>b'E\x89\xb8\xb4o\xa1\xd6\x91ME\xac \xd8\x99\xeel?\x14B\xca\x93\xa6\x98Z\x8b\xad%\x01\x98+iO'</t>
  </si>
  <si>
    <t>b'g\xc2\xe5\xc01\xe6H\xd1\xe5\\\x8a\xb1\xe3\t\xf7\xd9\xd9\x96%#\xf0\xb4B\x13\x16\xdc\xf3\xbe\x93\x98&amp;\r'</t>
  </si>
  <si>
    <t>b'.\xc3S\xd3A\xac\xb3U\xc5O\xe0\xe8\xc5\x11\xc6\xc0|\x15\n\x10\x01\rB|z\xdc\x9e\xdd\x02\x95\x96@'</t>
  </si>
  <si>
    <t>b'_=Pz\xb6\x1eL\x82T\xa8\xf1\xc9B\x05\xf1n\xfc\xd2\xc0\x81ZE\xacZ#\xa4\xce\xa2\xb1\xa6\xfeE'</t>
  </si>
  <si>
    <t>b'\x8d\x1a-@L\xb7\xb3\x8eg=\xb3`S5\x18\xcc\x14I\xf7\xa8,\x07\xaa\x98\xba\xc3n\xc0\x04\xd2\xd1\xcf'</t>
  </si>
  <si>
    <t>b'E\xc1\xc4\x06w\xf2\x19&amp;\x90\x86x\xc9\x9d\x0c*\x8b(t\x95k\x0e+\xb92\xbe\x91h2\xc2\x9c2F'</t>
  </si>
  <si>
    <t>b'\x93\xa8\xde \x11\x17D\xcbwa\x13\x8a8\xeb\xbc\xc3\xb8\xd0\xc7o\xaeU)\x98\xff\x0c#I\xeb\xe8\xe2z'</t>
  </si>
  <si>
    <t>b'}N\xaa\x10B\xedL\xcb5N\x92\xb0cJ\xa8Pw/X!\x7f.U+\x88)U7 \xda\x9fi'</t>
  </si>
  <si>
    <t>b'\xa1\x16\x15\x87&gt;P\xdd\xb3\xc1\x96\x90L\x92^\xfbK\xb7%\xbc\x8f\xee\x03\x9a\xa7.\x1b~\r\x93p[e'</t>
  </si>
  <si>
    <t>b'r\xdf\x11\x02\xdc\xf8\x96I\x13\xc9\xf1\x1f\x16m&lt;\xc9t~\xc0\xa4\xa6\x9f\xf8\xfe\r\xfdBl\xc5\xfdj\xa1'</t>
  </si>
  <si>
    <t>b'D\n\xf7\xb9\xb4A\xf3\x19\xd2w\xb0.\x00\xb5O\x1f\xe8\x9c_\x99\xcb\xebSiQP\xf1T\x0cM8\xb4'</t>
  </si>
  <si>
    <t>b'\x8e\xb8\x96\xad\x89\x11\x1b\xa2\xabS\xa6741=\xc8\xf5!\xa7\xf8:\xdc\x93\xd7\xe3\xf3\x07m\xb7B\xd9\xfe'</t>
  </si>
  <si>
    <t>b'N\xb8U\x1b\xd2\xa5\xae\xc89\x03\x08\xf7\xf8\x1d*Q\xa7\xf6i2?\xbd\xa7&lt;\xb2\x80=\xa1i\xfc\x95\x86'</t>
  </si>
  <si>
    <t>b'\x85\x80Xz3\xa7\xf2\xa1v\xf4\x89s8E\x03\xf2B8\x06\xce\xfa\x8dL\xfbg\x8c!\xd5\xf5\x83S\x11'</t>
  </si>
  <si>
    <t>b'D\xbc\x8f\xa9\r\xc4\xaaZO\x12\xb3_2\x13j\x0bW\xf3H\xea e[2\x92\xc6p"\x00\x86\x99\x80'</t>
  </si>
  <si>
    <t>b'L\xdb\xf6\x97\xd7-\xd9\xbe\xcc}\x01l\xb7\xe1\x8f1\xe2\xf2\xb5\xb4\x07\xccn\xf4~x\xcd\xbf\xca1\x06\n'</t>
  </si>
  <si>
    <t>b'fyQl\xf1\x18T\xe7\xef&gt;\x95\x07\xe0\xb8\xc5!\x807\xd5\xc6\xd4\xecq\xd1[\xe1\x07\xe3)\xd2\xc7\xf2'</t>
  </si>
  <si>
    <t>b'\x1d\xb3A\xf2\xdb\xa7|\xa9#v\x0b\x0f\x0ft\xb7e\xbb\xb9\x98t\r\x9bW\x83\xa3!\xb3^\x1e\x8b\x1b\x0f'</t>
  </si>
  <si>
    <t>b'\xc6\xc7\x93\xef\xbd\x14\xc1\t\x98!\xc0\xfe\xf0\xab\xbe\x81H\x7fg5(\xf1\xf5we5b\x18\x97W8\xd6'</t>
  </si>
  <si>
    <t>b'\xb6j}\xd1\x80D\xc0D\r\xde)\xdb\xeeQ&gt;\\\xf3\xba]\x9al\xbb\xacy\xbe\xa5\xb1\xf5\x9e\xd87\x1e'</t>
  </si>
  <si>
    <t>b'|\x8b\xfe\xcd\xbdf\xda\x8f\x8eN\x03\xfc\xf7\xb1&lt;5\xb4x\t\x1d\xb2Z\xccK\r\xd9\xc1\x86\xec\xfd\xce\x1f'</t>
  </si>
  <si>
    <t>b';%\xb9\x88\xf7\xf8\x8c\xed\xc0D\x1aF\x8eb\xe2\xba;\xc1\xeb\x18\x9e\x90\xf6\x8f&lt;\xcc\xa4\xe9\xf3}\xafj'</t>
  </si>
  <si>
    <t>b'\xce\xe2\xea\xb5\x18\xb5\x869\x99\xfe\x04z*\xe2 /\xe2\xbf]^T\x06\x97\xb3\xfc\xd6\xdfm\xca/M+'</t>
  </si>
  <si>
    <t>b'\xec\x85\xbd\xe4\xe9\x8d\xf57\xddX\x9b\xedwg+KY\xa7\xb7\x89D\x95\xd1U\tby&gt;\xd6\xe2\xe0\xbf'</t>
  </si>
  <si>
    <t>b'20$\xfd\xe9\xb6\xf0\x1a\n&amp;\xaa\xa1\x98\x06R\x13;\xd0&lt;\x1b\x12\x1c\x8d"\x1d\xc4\x87\x1b\x99-\xf17'</t>
  </si>
  <si>
    <t>b'\xb1\xf7\xc5\xc2\xdc\xcd_|\xee&gt;z\xc9\xfcc\x96y\x08?XS\xbc\xa8*V\x9f\x0b\xb2_rL9\x97'</t>
  </si>
  <si>
    <t>b'0\xe2\x0c\xe5\xe0\xa2\xed\xf7q!n9\xf7H\xb4\xe8\x18u\x03V`\xc6\xb0\x02\xbd\xb1\x18\xa2O?~*'</t>
  </si>
  <si>
    <t>b'\xc7\xee\xbe\xf7\xcaP\xd5@{G\xac\xc7jb9\xa7\xc37*~\x9f\xed\xb7\xaa:\xb06M\xbc\n\x0b&lt;'</t>
  </si>
  <si>
    <t>b'\x10\x05\x1b,]fJe\xfd\x0b2\xba\xdcTd\x844\xed\x92BF\xfc\xca\x9a\x8c\xb35BG\xc8\xb4Q'</t>
  </si>
  <si>
    <t>b'd\x13}\xc2w\xf5\x08mA=$\x80\xf4F\x1aZ\xc8+\xecJ\x82m\x14\xbb^\xe2I\x9c\x9eFS='</t>
  </si>
  <si>
    <t>b'_\xc1\x13\xb0 \x13M\xaed\xff\xf4\xfdt\xf0I&lt;a\x870\t\xcb\x0e\xa5\x80\x16\xaf\xbbI\xd6z\xb7\xad'</t>
  </si>
  <si>
    <t>b'\xd6\x9c0(\x88 \xf2\x9e\xbe\xa2ol\xdfB\x00-\xdf\x87M\xce\x8b\x11F\x0c\xe4\x8a\x80\xdc\xb3\x8e\xf9\x11'</t>
  </si>
  <si>
    <t>b'\n@^\xbf\xf5\xfa\x9c\xf5\x0c\xb6\x90\x14\xf1\xe9\xbc\xdb\xd7\xe7\xcf\xdb\xac\xe1\xc1\xee&gt;\x90\xc6\x82\xba$\xd3\xd2'</t>
  </si>
  <si>
    <t>b'\xbd+\x84\xe2\x83\x87\xe5\x82$\xbd\xea\x10\xbcH\x80U\xf35p\xfb\xfe\xb1\xb5\xf6\x83w$\x11\xbf\xad\xf7U'</t>
  </si>
  <si>
    <t>b'\xf6\xa9jM,Hl52\xce@\x07\xff\xb9\xb9\xa4\xd6mF+X\xf1\xaf/\x8a\xe84sEH{\x15'</t>
  </si>
  <si>
    <t>b'\xa0\xe9\xb2\x19\x87\x8a\xb5N5\xa1\x83\xc0F\x8f\xd1\x01\x9f:@\x89\xde\x13t6/\xc8A\xeb\xee\xc2\xc4"'</t>
  </si>
  <si>
    <t>b'\xc54\xa5\xa4\xc8\xa6.\x9eK\xe2\xf4\xd9F\xc9H#=k\x04\xed\x16X\x8e\tw\x83oh\x93\xe8*\xc7'</t>
  </si>
  <si>
    <t>b'_M\xb4a\xe7\xb5\x18\xf2\xdd\xc5\xd7\x98b\x14K\x12\x84eu\x98\xa9I\xee\xa4J\x1f\x82(\xdc^Ym'</t>
  </si>
  <si>
    <t>b'h\x11\xa03\x8a\xe9\xdb\xb0\x81O\x91\x1bo\xcfVXg\x16\xc4 Y\x1c\x9fT&amp;(Gc\x9c\xab\x9aZ'</t>
  </si>
  <si>
    <t>b"\x9c\xc6\xd3\x15\xd3\xa8^\xe4\xbbs.T)\xe0\x05\xd6\xc09\xd3UC\xf9'\x1c\xa73\x8eo\xb0\x97\xa5\x1b"</t>
  </si>
  <si>
    <t>b'\xfd\x87\x03\xa6\x93\xac\x97\xe2\x18xN/J\x80\x04\xe8)\xec\xe2}\xf8J\xe2\xdf\x91\x0e\x0cj\\qWp'</t>
  </si>
  <si>
    <t>b'\x82\x1a6\n"\xa9\x83\xed\xbcr\x1f%\x08\xa1mb\xe7bV\xa2Od\xa8-[[jU\x11\xc2\x1c\xd2'</t>
  </si>
  <si>
    <t>b'=\x116\x8c:\x9a\xde\x01\x80~(\x1f_K^v_@B\xde\xee\xf5\xe9\xc8p\xd1\x168\x9e\xca\x17\xf6'</t>
  </si>
  <si>
    <t>b'\x9f\xe4\xafb\x90\xbd\xd2\xbco\x19\x82^\xf8\xe3\x18@\xcaHq\x87\x01\xef\xcc\xae\x04q%\xa9T\xeb\x896'</t>
  </si>
  <si>
    <t>b'bj\xdd\xb1\x9e\xc1\xac\xe1\x91v\x8dR\x92#.\xa9\x98\xa6\xf9\xc7\x05\xbb\xb2\xf4N{^+\xedn\x95\x8c'</t>
  </si>
  <si>
    <t>b'&gt;o\xf5\x87MN2\xbc\xa9p-\xdc\x8a\t\xec\x1a\x1e\xa4=&amp;\xbf\xd5\x14\xed_I\x1ed\x9a\xf2\xe8\x9d'</t>
  </si>
  <si>
    <t>b'\x87\x0b\xa0\x0e\xc0\xb0\xf3\xf7\x17\x8c\xcaR\xb6k\x17\xb3\x8b}_\xcd\xf2:\xd6rQ`\x9bv\xd3\xf6\xb7D'</t>
  </si>
  <si>
    <t>b'M-\xad\xd7\xaf\xa5v\xcd\xcd\xdbO\xba\xf1\xcat\x10H\xd1\x8e\x8a\x05\xa1\x9doG\xf6\xe8k\x88\x9f\xe9\xe7'</t>
  </si>
  <si>
    <t>b'/xk_w.%\xa2f\xc3S\xb6j\x1dh5\xbc\x80\x82\xad~\x97\xe7\xaa\xee\x03A\x1b1\xd6\xe99'</t>
  </si>
  <si>
    <t>b'=:\xe2H\xdc\xacD\xffI\x03U\xa5%\xa5\x1e\x00\xe0\x99\x01\xf6~\xc8\xac\x9f\xf1#\x9c\xac\x8e\xb2K\x9c'</t>
  </si>
  <si>
    <t>b'\x1a\x0e\xbd\xf8\x9d0\xfc\x08\xfde+\x8c\x86\x86Q\x00\xfb\xd9\xa39&gt;\xc7,\xda\xc1\xf9\xe6\xdbg\x01\xda\xff'</t>
  </si>
  <si>
    <t>b'\x9e\x82g\xbc \x01\xab\x96\xc4-\xac\xc6\xfe\x00\xec\xa81,\xb0\xb4j\x9bj\xcf\xfb\xa3.\xf9\x1b}\x13\x11'</t>
  </si>
  <si>
    <t>b'\x00&lt;\xe16\xd8`\x15\x95wM\x94\x9d\xe5P#9\xef\x82\x1b\xc7\xe42\xf3gAG\xc3\xb1\x05\xe8y\x16'</t>
  </si>
  <si>
    <t>b'f\x12\x0fd\x1dis\x14\x08\xa7\xcb\xe0\x1d\x13jL\xf5\x19\x89\xee\x1dhh\x146\xe7^h\xf5\x17\xa9l'</t>
  </si>
  <si>
    <t>b'\xa0\xc4\xb9\xed\x1f\x07\x18C0\xcb+klf\xafF\xd1%\xcb\xf4KS\xa4S\xe2Sx\x83\x19\xe6\xc7n'</t>
  </si>
  <si>
    <t>b'r*\x19\xba\xe7\xf5\x8d\x84pm\xa0o\x19\xff\xc8\xd4G[\xdb\xe6\xc1\x86FY&amp;\x95M\x91\xd1&lt;\xb2W'</t>
  </si>
  <si>
    <t>b"\xd2`\x17\xc1p\x1a:\x80\xa3'rE+\xba\xb7wb\x01w\xcb\xcbt\x8c\x10\x8d\xec?(\x07\xf8p%"</t>
  </si>
  <si>
    <t>b'\xfe\xfc\x8fd\n#\r\xa2E\xe5h&lt;&amp;&lt;\xa9\xe5P\xc1\x18\xc1\xd9I\xb0\x0e\xaa\xf5\xaf\xf5\xc23\x9f\xc9'</t>
  </si>
  <si>
    <t>b'F\xde\xea\xaa\xe8\xf5\xc6\xc8\xf3\xc4\xe2nVg\x10\x1awx\x9e\xa3\x18Z\xe1\xd7\xef\xe7\x85\xba\x15,\xa1\x0f'</t>
  </si>
  <si>
    <t>b'?`\xad\x10\xe6F|\xe6$$\x02\xd4v\xd5\x96\x1dH,}U\xa4\x0cL\xdf\x90F\x06\x1f\xd0)\x94\x1f'</t>
  </si>
  <si>
    <t>b'\x9fr\xa6{f\x13G~71\xf3\x17\xdb"=\x1fE\xa8M\x04-*r\x97n\xe3~^\xed\xdf\x04I'</t>
  </si>
  <si>
    <t>b"\x12x\x9e\xa5\xae\x0c]F\x91\xd0;EC\x0fh\x8b\xde\xb5\xb3\xd4_'\x7f~\xb4\x9d\xc5\xcd:\x9f\xb4\x15"</t>
  </si>
  <si>
    <t>b'\x9a\x8c\xe3b\xf9\xe4\x89\xca\xaa\x06\xcb\xe1=\xed\xd59\xc0\xc84i\x8d\xe0aMO4\x1a\x9d\xc6\x86j\xb7'</t>
  </si>
  <si>
    <t>b'4\xbb\x86\xd0\xe8\xab\x02\x83\xc1\xdfH\x8e\xe7\xf2\x06~\xd3\x9e\xd5\xed\xa4B\xd3q`\xfc\x97K\x12\xcc\xc3\x18'</t>
  </si>
  <si>
    <t>b'\x1amP=\xbdG\x80\xc8\xecT\x87\xbc\x9a\x92\xc0\xac|\xec\xc2\x90Qg\x93\xb30\x8dj\x7fB\x16\xf0\xd8'</t>
  </si>
  <si>
    <t>b'r\xad\x86;\x1c-\xc3*\xb0*\xe8\x93\xd6s)\xb8\x11;\xca\x8d\x1d\xd9\xe3\xb8]o\x87\x86\xda\xfc\xa6\xc8'</t>
  </si>
  <si>
    <t>b'b\x1e\xdc\x8f\x0f\xc8)G\xe6UY9\x9d\xaeX\x81\x7f\x04\x19\x1a\xe8\xa2\xe2\t\xcb\xcc\x00\xc0\xd0/95'</t>
  </si>
  <si>
    <t>b'[&lt;\xc6\x83\\8\xee\xa1\xc4Y}\xd3\xfeX\x96&gt;*\xe5\x17\xaf\xc3\x83at\x97\xd7\xcah\xb5\x9c\x86\xec'</t>
  </si>
  <si>
    <t>b'v~LA\xa5Wx\xb6\xd5y{\x95\x153\x06\x07\xeaX\xab\x8b\x93\xfe\xd5\xbai\xc7\x97\xb5E$KJ'</t>
  </si>
  <si>
    <t>b'\xf3\x13\xaf8\x13&lt;S\xa2\xe1|\xa7\x97k\xe5\x95\x12t\xa5t\xc7\xb3\x87\xfc\xf2I\xcf\x0e\x0e\x04u\xc47'</t>
  </si>
  <si>
    <t>b'\xe9^\xf4[~n=g\xb4G\x8c\xe8_\x02PD=\x8cL\xfame^g\rf\xcf\xb6\xf59;\xf2'</t>
  </si>
  <si>
    <t>b'v\x91 \x88\x1c\xb0\xe5:C\xbbn\x89\xc2W\xd9\xc0\xa7\xd560kO[\x8c\t\xc9,jo&amp;\x81\xb9'</t>
  </si>
  <si>
    <t>b'\x11U\x91\x97\x15m\x91\xc9%\x1b\x1f\xe5\xd0yk\x14@\x03\xcb$\x12\xbeE\x06@\r\x1e\xa9\xab\x9d\xe4\x93'</t>
  </si>
  <si>
    <t>b'\x9b\x86\x1a\rvZC\x1b\x9c\xae\xe5\x91\x19{\xde\xd1\xe9|\xaa1\xc6YM\xe2\x04\x17\xdd\xc6J\xe2q\x9a'</t>
  </si>
  <si>
    <t>b'\tR\xd2n\x1cU\xde`\x9fy\x85L9[\xfb\x02\xd2\xa3\xf0\xccB\xd1[v\x8a\x008\xa0I\xc6\x9f\xb7'</t>
  </si>
  <si>
    <t>b'\xf4#\xe2!MN\x99\xb3.X\x8aj\x1a=\xd4\xfc\xb2cN\x02I^2\x96\xde{\xe7\x10dF3\x18'</t>
  </si>
  <si>
    <t>b'Uf\x9d\x10qQ\nQ&gt;\x1b^\x13\xdc\xf4X\xe2\x9c8-#d\x16;B\xf3\x17;\x98nz\xec,'</t>
  </si>
  <si>
    <t>b'\x96\x8a\xce\xcdq\x8a,\xedb57(\xd4\x03\xfa \xc1\x91\xc6\xf9\xc4TRT\x8e\xb0\x1fTI\xf60G'</t>
  </si>
  <si>
    <t>b'I\x92n\x8c\x1e\x81Q\x0f\xd4\xda\xb2\xcf1\xbaK\xa7\x9c@\xfb\x11$?v\xce\x85\x9e\x82^O\x92\xbcb'</t>
  </si>
  <si>
    <t>b'\x90"SN\t\xb3\x9a\xbd\xe8S\xbcF\xbc"\xeac\xdc\xa09-8\xd4\xec\xbb\xbd\x7f\xd9\xa1J\xe1\x8a\xc2'</t>
  </si>
  <si>
    <t>b'b\xc3q3Qn:\xbe\xd6^=\xeb\xd0\xd7\x90Jv&amp;2\x99\x19\x92\xce\x8e\xb5\xb1:\xe7\xda\xe8q\xdd'</t>
  </si>
  <si>
    <t>b"\x1e\x14\x038/\x8a:\x9e\xc8+'\xca3.}\x01\xfb\xe6J\xcam\xad\xb7c\xf0N\xfa\r\xfep\xf8\xa1"</t>
  </si>
  <si>
    <t>b'&gt;\x8d\x13o\xf3U\xaa0\x99\x1e\x01u\xbe\xef\xa5\x11A9\x02\x87\\\x1a\x81\x9a\x88Sa&gt;\x87\x92\x02\x0e'</t>
  </si>
  <si>
    <t>b'\xdd\xeaY\x0c\x18\x14v;\xbe\xc0\x98o\x0e\x03\x17\x8a.\xe9\x9b[\xeb\xd4\x12\xdd\x07Lc\xec\xf9\x85e\xe8'</t>
  </si>
  <si>
    <t>b'n\xa4-|*En7lmc\x1d\xabc\x1c\xa3\xaa\xfb\xa9\xae\xa2\xb6t\xb6\x93n\xe2\x9c\x05\x93\xee\xf2'</t>
  </si>
  <si>
    <t>b'\xf0\x00\xec\x83D$\x9ft\x98:9h\x8d\x8e\x0c#\xe6\x1bU\xa2\x8d\x87V\xa6$,%\xd0Lh\x81H'</t>
  </si>
  <si>
    <t>b'\x917\x97s\x8d\x11\x1f\xaa;\xbb\xa6\xb2\xde\xd8\xf78\xb5g\x0e:\xf6\x02\x96\xbb\x10\xa0 LMJ\xf6\xff'</t>
  </si>
  <si>
    <t>b',\xccq9\x02ex\x7f\xbcr&lt;\xe2\xb1\xfa\xcf*9\x99\x99\x01\xfb\x97x\xa2\x8fi\x0f\xc2_r\xfe\xdd'</t>
  </si>
  <si>
    <t>b'\xcduao\x1e{)\xf4)\x90s\x1f%\xed\xbb\xceZC\xb0\xc8V\x1c\x03\x82\xadB\x93L\xaa4\xab\xab'</t>
  </si>
  <si>
    <t>b'1\x0b\x061\xee\xcc\xc1\xd2\xed\xf5\x96\x9e\x0c|\x81\x85\x1b\x0e\xb00\x99\xaf\xe5A%#\xd7\x8cHc\xf1\xae'</t>
  </si>
  <si>
    <t>b'\x8c._\x1f\x84\x18\x1c/\xa3\xd3I\xe4\x19\x9d\xb33K6\x9f\xd1#\xdc,\xb1\xaa\xfbz\x07\xbc\xb8\x8c '</t>
  </si>
  <si>
    <t>b'\xae\x1e\x9a\xd1\x0f\xe5CW\xfd:\\\xb1\xe9\xa2\x8e\x06|v&lt;\x90\x0b\x9e\xcb\xff\xa2\xf4\x14\xa50E\xac\xdc'</t>
  </si>
  <si>
    <t>b'ZkS\xd5\xc2M\x86\xaeC\x82\n\x14\xce\xae\x0e\xff\xc3\xc8\xc0R\xb3q.p\x80fO\x19\xe3\xc1\xaas'</t>
  </si>
  <si>
    <t>b'\xa5\xd0\x89\xf2\x1b\xdc\x06\xdc\xdfL\xdc2\x9d\x0f\xda\x08\xf1\x00\x847\x83\x15\xa2i\xa3\xc1\x81l\x8e\r\x942'</t>
  </si>
  <si>
    <t>b'\xfa\x1c\xe5\xc0\xee\x040\x92\x88#\xber\xcd\xe7l)\x07h&gt;\xea\x19\x17[\x80|\xdd@\x94\x7f\x06\x94\xab'</t>
  </si>
  <si>
    <t>b'\xa0\xe6\x91\xc4\x16\xfdm"8\x192\x11l6\xfd?\x1f\xd5\xfe=\x16\x91\x8d\xefb|m\xcb\xf1\x91\xbb\xf4'</t>
  </si>
  <si>
    <t>b'\xc4u\x03\xd0\x97~\xcd\xe5\xf6\xbc\xa6\xde\\\xd6\xa9\x19\xfe)T\x08\xad\x90\xbc/\xa1d\xf3\xf9\xa4$\x13\x8d'</t>
  </si>
  <si>
    <t>b'\xfc\xa7\xae\x1a~u\rt\xc6\x8dA\xed\xab\xf3\x8e\x1a\xe6\xc1\xd2q\\\xea\xc6\x88\xa0\xa4a\xb7\xa2\x19\xac\xeb'</t>
  </si>
  <si>
    <t>b'\xcd\xd0\xb8\x9d)\xec;u\xaf\xa5&gt;\x89\xf0)\x899\xf1\xf3\xbf\x95\xf2\xbc\xce\x88\x06I\xc2I0j\xf7j'</t>
  </si>
  <si>
    <t>b'\x1d\x99^\xf8\x14"g\xdfb\x14^PwCI#\xf2\xdc#GLm D\x17\x91\xfeV\xfc\xa1\x9b\xa4'</t>
  </si>
  <si>
    <t>b'\xc0\xa1\xd4\xea\x13\x81\xf2?\n\x9c\xa1\xef\x11X\xad\x93\xfa\x81`+\xb4\xd72\x14&amp;\x1d\x8f\xe6\xd9dJ\xc6'</t>
  </si>
  <si>
    <t>b'\xcd\xef\x13J\x12\x99\xc76\xf4\x98\xb5\xf9h\x07\xfeL\xf2\xca\x00*&lt;\xee\xc9\x0c@\x8a\xe948\xde\x00\xc9'</t>
  </si>
  <si>
    <t>b'@\x04\xe0\x89s\x8dI\xc7%\x9d\x8b\x9d\xff\xdb\xfb\xd4\xf9\x1e\x89\xa5\x9a\x86\xdd\x14}\xa0\xf4\x01\xa6\x8b\xa9\xf3'</t>
  </si>
  <si>
    <t>b'BW\xcb\x97}\xffI\x19S\xb1L\xc4\xf9 \x9b\x92\x18\xdcaq\xd9\xdc{\xe4\x8d\xad\xd9\xba?&gt;w\t'</t>
  </si>
  <si>
    <t>b'\xe9*\xc9O\x99k\xbb\xcef\xcbr\x15\xb7h\xa4 3\x97&lt;\x18\nG\xd8YHJ\xc4\xc7~{\x93)'</t>
  </si>
  <si>
    <t>b"E3\xdbg\x7f\xcfl\x08`q\x84\x1e\x1e4\xcd\xe5N'R\x05\xd2\x17\x16\x12\xff@Kq\x16\xd3\x1e\x0b"</t>
  </si>
  <si>
    <t>b'I\r;q\xd0g5\xaa\xc1\x1b ]\xd7\xe5\xd5e\xc3\x04\xbe\xe7@A$^\xce \x160)2\xfa\xe7'</t>
  </si>
  <si>
    <t>b'e\\Qg\x9aG\xa1X\xefH-)+`8\xf4\xfc:h\x91O\xad\x9a\x18\x02\xda\x01,\xca\xeee\xeb'</t>
  </si>
  <si>
    <t>b'S\xb2\x133\xc4\x1f\xfb\x1b \xde\xaa\xafr\xb3\xde\x03\x91x\xf2{\xb2w~\x8a\xec\xd3\xd7\x8fK\x9ft\xd3'</t>
  </si>
  <si>
    <t>b'\xcd\\\x14/T\xc2\x0f\xb8m\x83|\xf9\x92\xe7U\x989\x14O\xdc\xea\xf9\xba\xe9\xea?\x89\t\xad%\x02\xd6'</t>
  </si>
  <si>
    <t>b'\xe0\x1b\xfe\x7f\xb0\xe3p\x1c\xc9#\x06\xb0\xa7\xab\xa8\xb5\x1d\x8dp\x95\xa6\xa1\x1fR\xa8f\n\xb5\x9a\xa4\x0c\x84'</t>
  </si>
  <si>
    <t>b'=A#\xec\xa3b\xf0\xbe\xec\x82\xfa;Y\xef\xcc\x9fF\x88\xb5\xbef\xa1N\xb9\xb2J\xa4\xd9\xfe{\xb4&lt;'</t>
  </si>
  <si>
    <t>b'\xd0!.\xf0c\x7f\n\xd3)b\x80s\x1c\xd9\x83\x96\x97\x80\x05\x06x2u.w/o\xd8e\xd6(('</t>
  </si>
  <si>
    <t>b"\xfauo\x98d\xd4\xb1(\x99\xc8'\xc6\x8d\x18}&gt;\x92\xcf\xe7\xe5\x93u\xf3\x15p\xa4\xbe\xc5\xc7Ru\xb3"</t>
  </si>
  <si>
    <t>b'm)A\x15\x06\x11\xd1\xed\xbc\nZ\xf3\xc1\xde\x08:p0rz/O#(\xfd\xd6\xb4\x17\x00\x81P\xf5'</t>
  </si>
  <si>
    <t>b'\xbf\xad\xf5\xb3\xd2 \xd6=\x9c3\xc6\xa70%\xbf\x87VHZ\xe0$J\xa2\xa8\xaa\x9b&lt;8\x99\xb0Yf'</t>
  </si>
  <si>
    <t>b'\xaa\xe8\x8c\xa9\x86\x83\xffF\x1c\x9e\x91\xc4\xf6\x8co\xc0=&amp;\xde\x03Zn\xdf\xf4\x9c\r5\xdf\xa5\x9a\x1c\x82'</t>
  </si>
  <si>
    <t>b'\xc0\xda=\x9c\xa0r\xf8v{\x83\xed\xe2]\x86\xa5v\xf5\x12\xdc2z\xb1\xe98\xb8\xcdG\x1f\x93t\x1b\xcd'</t>
  </si>
  <si>
    <t>b"\xa13Q\xdf\xa7\xce'-\xfb(\xeaX\x08\xe8\xaaRC\xca\xed#\x0e\xdd\n\xb1\xa5\x11~\x93/\xa2\xbe\x82"</t>
  </si>
  <si>
    <t>b"\x03\x05\t\xd3\x98\x94\xc3\x91\x7f\xacW'\x19\x1a\xc2\xac\x1bI\xad\x08.&amp;\x90&lt;F\xafP+\xf5\x15\x87}"</t>
  </si>
  <si>
    <t>b'm\x98\xa2\x92v\xaf\x0b\xac\xe6=nT\xc4\xbc\x85\xb7\xde\xdbI\xfcpyE\x7f\xf68P\x9d\x13\xc6\xb8i'</t>
  </si>
  <si>
    <t>b')\x0bsRC\xdd\x11G=\xc4\x9czh3\x0fL\xc3lm7\xb6)\xab\xd8v\xe8(OR\x82\xbf\xbc'</t>
  </si>
  <si>
    <t>b'1\xa4:W\xa5,\xfd\x03\xbaEglP/\x8d:!\xe8iK\x0eu\xc6\x1c\xb7\x19\xe6&amp;C}jj'</t>
  </si>
  <si>
    <t>b':{\xf9@\xabp[-\x86o\xb2w\xd8\x97]\x18\xa7\x03\x81\xa7\xbd\xc5k\xfb\xe2\xf4AgT\x16\xb4\x84'</t>
  </si>
  <si>
    <t>b'\\\x1220m\xe4\xa84u\x94\xdc\x18\xb8w\x86\xde\x87Z\xd2\xf6\xeb\x91:z\xbakY\x01.\xb9\x1ct'</t>
  </si>
  <si>
    <t>b'\xae\x84*,\xa1\xbe\xbb\xc6\xf6\xc2\xd0\xc4zc\x8dv\xe9\xe4\x15nG\xe3"\xa4\x80\xccy\xa4f\x00\x80\xd1'</t>
  </si>
  <si>
    <t>b"\xcd'\x03)\xbc\xe9\x81;k;\x1c\xc4Q[\xf5\xb5\xbc\xe7J\xfa\x8b\xa50\x80\x0f\xe7\xaa\xb8\x16\xf4\xc0\xbd"</t>
  </si>
  <si>
    <t>b'#bmx\xa4\x9b\x0foSD\x13)GUB\x9b\xa8\xfb\x1bF\x1a=\x13\x19\xf5!\xee^Hcx\xfe'</t>
  </si>
  <si>
    <t>b'\x94\x84\xc0\xeb\x1e\x19Q|9\x05rq\xc5ZD\xcb@Ov\xf3X\x9e\x17\xd2\x7f\x8et)\x19\xe1\xe3\xb2'</t>
  </si>
  <si>
    <t>b'\xd6\xdf\xb6\x1a\xf0K\xf2\x81\xa2[\x8fJ\x00\xc6\xbb\x1b\xfc\\\xf1\xf2\xf3\xd2\xf8v\x88\x1f\x91\x89\xa3\x95\xa6\xfa'</t>
  </si>
  <si>
    <t>b"\x8b\x85g\x96\x87Y_\xec\xf0\x84~]\xbc\x95\xfb\x17\xcb\x1cd\xba\xc0\xd4'S\xa8\xbb\x06\x1ckd&amp;\x94"</t>
  </si>
  <si>
    <t>b"\xf2'I\x8d\xc5Fi\x8a\x03\xdd\xd5{\xde\xcaH\x82  pk&gt;\xf3Z4_\xd5m\x0c4\xf5\x8d)"</t>
  </si>
  <si>
    <t>b'\xe7MT\xe8\xf5\x9a\xb2\xcf\x99\xcdU\xde\xf8\x8e\x06`^\x0bE}\xc8A\xa5;C\xa6t\xa8\x82Pw\xd0'</t>
  </si>
  <si>
    <t>b"M5\x90e,\xd8\x13w\x82\x8e'\xd4`s|\xa7\xbbU\xb39\xe9\xd2\x93\x07Z\xa9\x9dky_*$"</t>
  </si>
  <si>
    <t>b'\xe6\xc30!\x01\xc3p\x11|\xfb\xd9\xe3\x80B\\\xbc\xd8\x99eE\x14rGF\xa1\xda\xde,\x93l\r6'</t>
  </si>
  <si>
    <t>b'w\xf6%;\xea\xdbF\xc7y\xaa\x9f\xfcQ\xb4\xbd\x06\xce\x1e\x0e\x906?\xca*\xed\xd9V\xc1`\xa0\xb6\xb3'</t>
  </si>
  <si>
    <t>b"!\xb9\xdd\x91\x02\x86p'Td1y^\xeb\x80c\xed\x01\xe6\t\xb3\xf7\xf6\xb7h\x8cmDD\xea\xc3\xc9"</t>
  </si>
  <si>
    <t>b'J\x9fz\x1aM{\xf6\x12`=i\xf8\xe4\x9d\x94r="\xa1\xd4)\x8f/pz\x84D|u\x08\x8e\xb8'</t>
  </si>
  <si>
    <t>b'&lt;H\x8d\x1e\xbeu\x01\x0c\xeb\xfbv\xf8\xd0\x86\xf1\xed\x01\xce\xc7\xfc\xba\xb9\rC\xfd\xb4\xbf\xa4W.\xe4o'</t>
  </si>
  <si>
    <t>b'J\xf6\n\xc0w@?Al.\xee\xcdT\rH\xf9\x92\xed\xb9\xf1\xb7\xb6\x9f2J\x94\x99V\xb9\xe3U\xd5'</t>
  </si>
  <si>
    <t>b'\x7f*\xed\x12\x05\rn\xd8\x08\x82\xfb\xa9\xfb5\x11i7%\x0eT\xbfI\xc0a\xc3\x82|\x95l\xc4\x05S'</t>
  </si>
  <si>
    <t>b'&gt;L\x82\x9e\x80\x06t\x0c\xe9\xd1\xdb\xdc\x90\xafr\xdb\x18\xac\x18\x1c\x8f\xfb\xf5\x90C\xb0\xd0\xf4\xa9\x11\x8di'</t>
  </si>
  <si>
    <t>b'\x9e{\xa8O\xcb\x83Y\xba{\x86i\x85\x81\xd9\x93\xed\xa7\xb1\xa7Q\x19*\xe1\xd6\xb9\xa7R\x88\x92\x1a=\xaf'</t>
  </si>
  <si>
    <t>b'#\x9aYC\xaf\xd3b\x95\x04Nl\x81\x8do\xf0\xb9F\x01\xfc\x84\x84O\x95\xdaX\x8b\xe7\xfd\xe3a[\x13'</t>
  </si>
  <si>
    <t>b'".\rb}^\x1e\x96\x11\x0b\xa5XY9\x1dy\xd2\xdc\x91h\xca\xcf\xe0K\xd5\x063\x08\xff\xc3}\x12'</t>
  </si>
  <si>
    <t>b'\xff\xc7;-^\x01=*}\x80\x1f3\x18\xf4\xbb\xea\xd4N=\xc7Hg\x17l\xad\x04\xd3\x018Gc\xb2'</t>
  </si>
  <si>
    <t>b'\xbfgz\x93\x1d%\x88C\xb4KBM\xc8c\x06\x94X\xae\x99\xbfN\xcd\xe4O\xb59&gt;\t\xf7}\xea\xa6'</t>
  </si>
  <si>
    <t>b'\x1c^\xd7\xc4\x8c\x1e\x80-\xe0S\xbb\xa1\x05\x173\xfb\x8a\xc0\xdd{\xb5\x8f\r\xfd3\xe0\xa7\\\x11U\x8c\xc6'</t>
  </si>
  <si>
    <t>b'D\xe5\x89/\x9f\xeb\xe6\xffs\xeeh\x12\xf0H\x14\x12 _\xc5\xec\xc3s\xc6\x9dZ!&lt;B\xe2pgO'</t>
  </si>
  <si>
    <t>b'y&amp;|i\xe4\xa9|8-\xb6\xbe\xdc1\r\x9brE\x9a\x1e\xae\xd1\xd5\xa2\xf0"{S\xc2\x88FP\xca'</t>
  </si>
  <si>
    <t>b'\x82\xaf\x8a\x13F\xda\xee\xbcI\x95\xbd\x0c\xa3\xc2\xa9D]S\xa34Q=8zkl\xb2\xcf\xc3\x13\xef\xaa'</t>
  </si>
  <si>
    <t>b'^r\xfe\xbd\xdf\x95\xf8\xe0\x8c\xef\x85lTk wG\xca\x9e\xe2J\xfe\xb2ex\xda\xef\x98GHrG'</t>
  </si>
  <si>
    <t>b':\x03u\xce\xfa\x81\xa4\x9e\xbf\xb0\\\xae\x9f*\x86/\xd8d\x03,)\x88f\x8d;ued\xcbk\x1c\xda'</t>
  </si>
  <si>
    <t>b'\xa2:f\x0b\xc1\xd4\x0f\xef=\xde\x86\x948\xde\xac!\xdf\x00H6S\x0b\xc1y\xb5\xfd\xc6\xe2\xf8\x9f\xb4\x90'</t>
  </si>
  <si>
    <t>b'nH\xa4\x1b\x9b\x82M\x83\xfd\xec\xbd\x02\xcf\xba\xd2}\xd6\x18\xef\xae\x0f\r&gt;\xb45\xa2[Q\x80\xa7\xbc '</t>
  </si>
  <si>
    <t>b'\xb8\x95\xee\xfc\x98\xa2@\xd5&gt;\xd3\x9e\xcb8\xcf\xd5p\xaeh\xe8\xda\x8e\xed#\xd4\xa8x\x9b\x98\xf0\xc3\xc9\x9a'</t>
  </si>
  <si>
    <t>b'\xa5\xdc6\xda\xa1\xe3\xf4\xda`\x04\xf8\x8c\xca\xac\xfcv\xf3\xb8\r\x7f\xd6sx\x90\xb2\xf3ey6\xa9N\xdc'</t>
  </si>
  <si>
    <t>b'\x1d\xabA\x0f\x15y\xb0-\x1eA\x0cCh\x91p\x17\xee?\xff\x0e\x8d\x99-\x02\xd3\x84\xfa\x17@X\x87\xba'</t>
  </si>
  <si>
    <t>b"@\xbf'\x8b\x8c\xef\x92v\x13\xfa\x1at\xbfW(\xb0\xb9\x14\xbb\xd4v\xecK\x89v\x96\x19\x97\x1f\xbf\xb8."</t>
  </si>
  <si>
    <t>b'\xf2\x92\xf0\xf4\xf0\xe3FS\xbc\xe2\x8b\x9a\xc1Q\x82\xe3Q\xa4\x03\\\x19\x8a7\xd2\x93\xa0rs\xd8\xfc}\x05'</t>
  </si>
  <si>
    <t>b'\xa3Q\n\xee\x82\xfb\xd3l\xdaof\xfe\x7f\xae\xa9C&amp;\x180\xe0z\x89\x157f\xc8}\x158\xf4K}'</t>
  </si>
  <si>
    <t>b'\xc3v\xefXQ&amp;yQ\xc2D\xab`#\xeb\xde\xfe\x88\xd9\xf8!ik\xab1#\t\x0f\xcc(\xd2\x81\xc6'</t>
  </si>
  <si>
    <t>b'\n(A\x86\x04\x8em\xc1E\xa0\xbc4\xbf\x9d9\x97\x02M4\x11\x1f~UI)pS/\x9d\x11\xf3v'</t>
  </si>
  <si>
    <t>b'\x7f?\xdb\x0eFtr\xae!D\x0cE\x88\x83V6\xd3\\\xec\x15RH\xd3\x05\xb2\xcf\x86\x99I\xf7\xffy'</t>
  </si>
  <si>
    <t>b't\xf9\xa0\x84_R\x07\xf0\x1cB\xbc\xb3\xc4\xdc"v\xc8!F]\x07\x1d\x02\xf8\xb5m,/\xdc.c\x13'</t>
  </si>
  <si>
    <t>b'\x16\xaa\xf7ti\xf5\x83\xfb\xdem\x90\xec\x10`\xfa|\x9f\x1c\x01\n\r+T\x9dS\x98\xff2)_]\x81'</t>
  </si>
  <si>
    <t>b'q%\x8c\xf9\xae\x1c\xab\xec\x0b\xdc\xcf\xa2o\xd7\\4\x8b\x04\x19G\x1e\xb9\xa9\xd5\xe3\xe0e\xe0\xbf\xe3`/'</t>
  </si>
  <si>
    <t>b'3\xfbn\xda\xea\xb19Y\x9f{\xfe\x8e\xc1N\xc1y)\xce\x99\x05\xd9\xd4\xcc\xdb\x17\xf2\x85*\x15\xed\xa9\x8b'</t>
  </si>
  <si>
    <t>b'\xca\xda\x04\xd2\xea\xfej\xb9\xff-^\x8e*?\xb7L\x04E\xe7\xb7\xb8\x18\xb8\x16\xf6\xae\x86,G\x109\xb3'</t>
  </si>
  <si>
    <t>b'\xae[#\x01\x19\xff`\x85I\x13\xd6nY\xe4V\xda\xce\xabH\xcc\xb3\x08\xad\x95\x12n\x11\xb3\xa4\xb5\x8eY'</t>
  </si>
  <si>
    <t>b'\xd90L\x960\xfe\x89:\xc0E\xb7k\x95\x05\x8dM{\xb2U\xf3\xc1\xd9\xf0\xa0\xa8uV\x84\xb3\x15\xee\x1f'</t>
  </si>
  <si>
    <t>b'\xdb:/"&gt;\xd8\x10\xa1hP\xfeRC8aV\x0c.\x94,R\xa4%\xfd\x8a\xb4\x8fvv\xf6B\xf4'</t>
  </si>
  <si>
    <t>b'Vjy\xd3v\xe7\xaf\xb4V\x8cWd\xb6^\xc9\xae*/\x19\xd7\x9c\xa3H\xea\xcb\xf9\xf1\xd0\x90\xc3v\n'</t>
  </si>
  <si>
    <t>b'3\xb28\xa8\xad\x1fS\x8a\xab\xa9\xb3\xc5\x91\x91\x9c q.]/\xf7\xdb\x8dN\x80\x92M\xbb\x13\xe0OX'</t>
  </si>
  <si>
    <t>b'\x85?6k\x8c}`\xfaB9\x8dm\xd07\xbd\xb9n\x01\xba\xcc\x00#\xa0m\x14\xea\x02\x94\xf3jH$'</t>
  </si>
  <si>
    <t>b'0\x04\xe9\x04\xb8\x90i**[\x97\xad\xd6\xe0\xb1\xeb\xee\x8enB\x14\x99q\xa75i\x19\x0e\n\xe6\xba\xe3'</t>
  </si>
  <si>
    <t>b'\x9a\xf2\xed\xb6\x96K\xcbm\x8c\xf3\x00\xcas\xe8\xc9\xad\xd8?i\xd6\x0bB\xe9m\xdb\xf7\x83\xbag\xe1Qp'</t>
  </si>
  <si>
    <t>b'*\xf1\x1c\xe6\x93H\xfb\x12\x96\xc1\xe0a\x80\x1dtl\xfb\x91\x94\xf6\x0fD\x01\x07`@"P\xbct/\xd0'</t>
  </si>
  <si>
    <t>b'\x05\x02\xc7\xda\xfc*\xaeZ\x1bZc*\xf5+\x92\xebM\x18KL\xa4\xb7#~\xb6T2"\xcd\x1dNU'</t>
  </si>
  <si>
    <t>b'\x14\x82rx\x82W\xbb\x19\xba\x0c5\xb462\xb4\x97H\xcc8_;,c\x1a\xb3n\xc9\rk2\xbd6'</t>
  </si>
  <si>
    <t>b'\x93\xa6\xafH\xa4\xee\x12\xce\xfc\xf47\xc6,\xbc)\x04\xca\x0e_\xdbG\xaf\x19\xe5\xe6J\xcfTEUJ\xcc'</t>
  </si>
  <si>
    <t>b'\xbf\xbd\xeav\x90{N.\x87\x9291A\xa9\x8d9K\x9c,\x82\xdcQ\x1f\xb7\x07\xa7\xcf\xbb?5I\xd7'</t>
  </si>
  <si>
    <t>b'M\xe5\xd6\x9f\xa0\xcb\xa7\xe8\x165p\x8b+\xd8=D\xd4\x7f\x07\xeag\x12\xb3#\x0fd\xc5A\x04\xff\x10\xc2'</t>
  </si>
  <si>
    <t>b'\x8e0\xb6\xc6\xc5\x99}`\xf9\x87\x03$\x08\xf4\xcd\xc1\x12N|\xc0\x9e\x98`\xf0\xad\r]\xfcn&lt;\xb5\x9a'</t>
  </si>
  <si>
    <t>b'\xbd\x18Z*\x99\xb7\n\xf6\xbf\xceU\xd5\x92 \xa5\xac:\xc0\xf5=\xf8\xb4FP\xcb+\xd9;;\x99\xb3\xe8'</t>
  </si>
  <si>
    <t>b'\x85\x10A\xc9T\xc9\xa5EX\xbb\xaafCql\x11\x16\xc1\xfc\x82\xa8\x1a\xc9\x96q\x91\xa8\x84\xa4\xe3l\x98'</t>
  </si>
  <si>
    <t>b'\xd2\xd1)\xf9\xcd\xb8u\xc8\xef\x01\xccp\x90\xa7\xfb\x81\x8d\xe4\xdf\xd6 \xfb|\xb6\x93\x1a\xe9\xab\x979\xaa5'</t>
  </si>
  <si>
    <t>b'C\xa8\xce\xc0\x1a\x81\xf2&lt;\t\x13\xb9\xf3\xe8\xab\x03s\x10z&lt;\x13\x7f\xa0\xa1\t;\xe9$\x8cv{\xff\xd0'</t>
  </si>
  <si>
    <t>b'1\x17\x844\xcam\x86\xe9G\x17\xf6\xdd\xc7\xf4\xa0^\xa8ibrUx\x8a,Gb*\xbfKn\x9f\xc7'</t>
  </si>
  <si>
    <t>b'\xf8\x0b\x03\xe1\\\x98-\x1ar$\xbf\xde\xc7\x9a\xf1\xb0\x19!E*y+V\x89\xfd6aY\xdb\xbe\xbeo'</t>
  </si>
  <si>
    <t>b'Dn\xe8\x9bt\x8c\xc7"\xca\xfd\x08\xdf&gt;\xabo\xc4\xaf\xc7\'\xf1K\xc3\xc4\xca\xe7\x00\x8dC\x0e\xe8\xd7!'</t>
  </si>
  <si>
    <t>b'\xb3\x13u\xc2a/\xe7\xd0\xaf\xa73\xf6.\xa7e)\xde\x7fe\xe9$Z\xdf\\~\xab\x0bX\x82g\xa3`'</t>
  </si>
  <si>
    <t>b'\xdeJ`\xfc\xec\xcc;\xd6\x14%.\xa8\x002\x95\x88\xf9\xa1x\x84\xba\xb2\xa9\xa6\x99\xfe52\x95\xc2)\xca'</t>
  </si>
  <si>
    <t>b'\x7f\xa5\xb4\xaetE\xaf\xa6\xc9\x00\xdfVFt*\xdc`\x04^\xa8I\x93d\x03l#\xd1\x161\x1cE\x0e'</t>
  </si>
  <si>
    <t>b"\xa9\\\xb5'\xc8\xd8\xbe\x7f&lt;\xc7y\xf0xSH\x8b\x97\x97\xfb\xd2\xe7\xfa\x01\x1emZ\x94\xe4\x90B\xec\xaf"</t>
  </si>
  <si>
    <t>b'dN0A\xf3\xc4\xc1\xfc\xafP\xc7\x1a\xfa\x90\xef\xfc\x17C;\xf3m\xde\xfc@g\x9e\xe4Mw\x12k\xd0'</t>
  </si>
  <si>
    <t>b"\xd4=\x11\xbfc\x7f\x06\x8bo\xba\x98\xe0'\xe9\x1eR\xb8\xe7_aS\xbe-MC\xac\xfeM\xc3\xe3g@"</t>
  </si>
  <si>
    <t>b'\xf9\x86N\x03i\xdd\x90\x17G\x04\xe0Wvj\x17\xbf\xaf\xebe5\xad\xa1c\x0by:O|\xeeh\xc5\x0e'</t>
  </si>
  <si>
    <t>b"\x1d\xb7\xbc#7w\xe0&gt;\x18\x90\xc5\xf8\x00\x92'n+\x03\x0c\x81?Sy\x96\xe2ur\xe5m\x91l\x1f"</t>
  </si>
  <si>
    <t>b'\x15k4\x98c;J\x89A\xb1*\xb4\xd5x\xcbM\xc7k\x87\x87y\xbdR\xdepJG\xcf\x9d\xbd\xc6\xdd'</t>
  </si>
  <si>
    <t>b'\xe9P\xbc\xe7\xab\xae\xb2m\xc7lu\x00\xbc\xa4\xfb\xf9TN\x91\xa3u\xf9N\xba=\x96\xb7u\xafO\x8f\x11'</t>
  </si>
  <si>
    <t>b'\x84\xb5\\\x15\xc2y\x19\xf0e\xd1:!T\x9b"\xe7\xfc/\x844\xed\t+l\xa6?\t\xdd\x18QG\xac'</t>
  </si>
  <si>
    <t>b'\xb1\xdc\xb2\xe3D\xcaV\x8c\x9a\xa6\x92X3\x1b\xa8\xeaKX\xe1\x88\xdb\\I\x83\xbda\xc7gj\x1f\x99\xb3'</t>
  </si>
  <si>
    <t>b'\xbbd\xe1)\x8e\xc8D=\nW\xe9\x85\xa0\x15\xf2\x9c\x02\xe0\xdb\xc1\x1f9\x1d"\xbct\xcf\xcb\x12\xb1\xbe\x07'</t>
  </si>
  <si>
    <t>b'M\xd8.\xef\x82\xc6l\xc9I\xd3\x9c\xcc\xd1\x8b\x9c&amp;\x1d\xa3\xd74\xce\x8e\xd9\xb2\x9a\xc0\xaen\x1f\xff\n\xf0'</t>
  </si>
  <si>
    <t>b'\xf1i\x86\xdf\\\x00\xb1\xaa\xf9w\xcaG\x1a\x97\xfc-p\x86\xf8sL?\x8a\x87\xfd\xe7\x1a\xc2z\x99\x1b\x02'</t>
  </si>
  <si>
    <t>b'\xa0\x9f!\x06#\xedN\xf5\x1b\xa17V\xeb+\t\xa1\xd3\x9d /\xa0;+\x9f\xd8\xba\xde\x90d\x90b\x1b'</t>
  </si>
  <si>
    <t>b'\x95\xd6\xf8a\xe6\x15\x12\xa5\xd4\xccf8\xa4X8*\x98\xf7\xc6\x8d\xca"\x0e\xb7=\xba\x7fJ\xf7\xb7g\x95'</t>
  </si>
  <si>
    <t>b'\xf6\xe1\x8e6h\x88+\xa2\xa5\\\xa0\xdea\xe5\x07\x15\xe4\xcf\xed\x89\xfe&gt;\x1a9\xe4chb\x1a\x11\xbe\xc7'</t>
  </si>
  <si>
    <t>b'\xcaSZ5\xc3O\xb1\xc3\xb6\x12\xcc\x878\xe1\xcb\xd0i\xf4\xac\x99s\xb1aB{\xa6O\xbb\xf5\xd1\x80\x0e'</t>
  </si>
  <si>
    <t>b'\xacp!tP]\xaeh\x14\x8a\xecG\x15\xc9U0a\x97\x00N\xbb&lt;L\xca\x00#D\xe7\xe9\x18\xd3i'</t>
  </si>
  <si>
    <t>b'\xe4\x93\xa3c\xbc\x98\x1c\xbc\x1c|\xba\x94\xd5\xb2\x1c\xbd\x13\x9f+\xabQ\xcb\xdc\x17,\xbe\xb22\x01\xd2Mi'</t>
  </si>
  <si>
    <t>b"C\xdb \x92oX\xea\xdeC\xc8\xbaQ\xca'\xf9r]jVv\xe5.t\x10\xf8\xe6\x1e\x15\x03-\xee\x98"</t>
  </si>
  <si>
    <t>b'j\xa1\x18T\xce\x18y\x1fx\x8d\xce\xe1\xe9\xf2\x82\xe5\xbb\xe6f\'"-\xd3\x08%\xbe\xf7\xdd\xbe\x07\x8b\x05'</t>
  </si>
  <si>
    <t>b'\xfdn\x92\xcf6\xe0z\x1e\xc1NV\xc7k\xb9Y\x0f\x1f\xab\xec\x86o#B\x1b\xdd\x19L\xf6z_\x9f:'</t>
  </si>
  <si>
    <t>b'\xfaQ7@u\x127"_\xfex\xde\x0e/\xa9\x00\xa9&amp;\xc4\x18\r\xde\x9c\x92\xa0E\xb7\xcdlQ\xef\x18'</t>
  </si>
  <si>
    <t>b'dB\x0c\x8d\xfe_\x89\xc4\xc0\x02\xf7\xcd\x7fS\x99\x14n\x8d\xf9\xfc\x94\xce\x83N\xc9\x96SK\xfa\xc2\xa0\x0e'</t>
  </si>
  <si>
    <t>b'\xa4P\xd3\xdb\x86\x1bc\xce\t\xb2(\xf9\x9b)\x8a\xd1A\xad\x89\xef\x1e\x7f&amp;\xebx\xcb8\x03\xb2v.\xaa'</t>
  </si>
  <si>
    <t>b'=\xcc\xf1\xda\x9fy\x7f\x7f\r\x01\xa3JuI\xe4!\xcc\xdf&amp;\xdf\xbc\x83\x83\x9b\xec#\xe2\xa5\xe4\x03\x90\x95'</t>
  </si>
  <si>
    <t>b'\xcfP\x02pZ\xe8\xb7S\xd3\xd5F\xb5L\xd0\x1d\xde\x19*\xab\xfa\xedE\xc0\xb2\xfc\x93\x92\xef\xb2\x10\x15\xdc'</t>
  </si>
  <si>
    <t>b'X\x16\x0f\xd9,\xe4\x81\xfe\x9b\xfd\t\x83\x87I&gt;\xc3\xc0\x8fI=\x10\xcb\xf8\x8c\x1b\x92\x7fP#)\xe0\xc9'</t>
  </si>
  <si>
    <t>b'\xf4\x8di\xba\x17\xf4\xd0\xc71\x9a\xd0\xb1\xa0z\xfe/Z\xbb\xab\xad\x0c\xa2v%g64`\x11}\x90\x8e'</t>
  </si>
  <si>
    <t>b'\xcd\x15\x83\xdf\xc0\xe7\xfa\x9c\xb7\xc2&gt;;\xce\xbd\x03G?A\x9dY\xf8\x8e/\x92f\x04\xe1\x12\xde\xab\xc6&gt;'</t>
  </si>
  <si>
    <t>b'P\xc1\xa0J\xbeX\xe5\x05!Z\xf9\x92\x8b\x05\x81\x06\x8e ?\xfb\xabRI\xb4\x13\xa2\x8d\x11\xb9\xfaw]'</t>
  </si>
  <si>
    <t>b'\x9e\xaa\xe0\x03p\x82\xaa\x94\x9d\xa5s\xe7\xffK\xea\x13\xc1\xde \xad\x02\xab\xefx\xa1\x9e#\xa2\x7fY\xb3U'</t>
  </si>
  <si>
    <t>b'\x80\\\x01?\x11\xb2\xf2\x03\xf0\xebLV\xa9u\xa1\x8e\xa2?V\x1d\x83\xbeht+KQ\x14\x9a\xbf%\xb9'</t>
  </si>
  <si>
    <t>b'CF\x16\xc7\xef\xc8\xf9\x8b\xb2\xc8\xfe*\x8c0O\xf1\x8fc\xf7Mo\xbcWPW\xec\x87k\xd9?g\x96'</t>
  </si>
  <si>
    <t>b'\xbf\x15*\xef\x00\xd2\x0f\xb8(\xdb\xb5\x0c\xbdi]{\xdd\x81\xbf*\xf8\x02H\xd00"\xb5N\x9c\xde\xfc.'</t>
  </si>
  <si>
    <t>b'E\x0b9mg\x89\x07\x12\x0b\xd4we)\xe2\x99\xecFi.j\xdbI}\x8f}m\xeeK\xaf\x80\x1c\x88'</t>
  </si>
  <si>
    <t>b'\xe5r\xdc\xa8\xb8\x81b\xad\xf3\xe1\xba;s\xc9\x83\xae\xb3\xc2r\xaf\xd3\xdcS-_\x124V\xcdz\xdf\xf0'</t>
  </si>
  <si>
    <t>b'\x01\x15\xbd\x1b\x15\xb1\xa9\xd9H\xf8z\xb2`62\xc46\x8e\xf1n\xeb\xdc\xf0\xd8\x97\xa6e\xfa\xa1\xa0c}'</t>
  </si>
  <si>
    <t>b'I\xdb\xdf\xe5oZU\x06\xfd\x02N\x92%\x83\xb7p\xd5\xa74\xe3&amp;`\x8ep\x83\x01\x16\x96\xc9-\x7f\x9d'</t>
  </si>
  <si>
    <t>b'\x86\xe0g\xc6\xb7&amp;l\x051\xc8\xef\xcb\x1d\xe4Jr!9\xac\xb1\x07.\x1d\xb3\x94s\x8aQ\n\xcd\x02\xca'</t>
  </si>
  <si>
    <t>b'\x7f\xf8Y\x11#2h\xe6\x10\xea\xadO\xba\x88hc\x8d\x97\x90;E\x89(\xde4\xcf\x99\xc6\xcc\xc0\xf1u'</t>
  </si>
  <si>
    <t>b'Qq\x15\xdb\x7f\xd8\xedS\xc4/\x1a\x0f\x10\x8d;\x94\xabXYgU\x1d\xbf\x9a\xb75\x89.\x8e\xd4\x1b\x02'</t>
  </si>
  <si>
    <t>b'\xecr\xce\xc0\x0b\x85&amp;\x9b\xb9\xe4\xedJo\xf3\x81_\x80=\xc0\x9aF\xf8\xd4A\xbb:`\xc8%\xc3/l'</t>
  </si>
  <si>
    <t>b"\xb2#\xafzx\xa4\xe0\x04s\xd3}\x1f\x05\xa6pE\x0e\xa2\xc4\x91\x8c'P\xb0Q\x94\xe2a{\xd1\x1c\xed"</t>
  </si>
  <si>
    <t>b'o\x8e\x1e\x80z\x01\xba\x8e\xa9\x91\xba\xc2\x96\xa0E\xc7\xaf2\xaf\x83\xd2X\xa9\x1bWdQ\xa4\x94\x8dSl'</t>
  </si>
  <si>
    <t>b'\xc7\x13\xf7\xe9\xe3b\r\xc6\xd1D&gt;\x957\xf5\x81m\xd0\x95\xa0\xac\xf4\xd3`c\xb1\x14wr\x93D\xb9&amp;'</t>
  </si>
  <si>
    <t>b'De\x9e\x8c\xfb\x92\xfc\xc8\xda\xab2Z\xdb&lt;\xebs\x89\xf5\x81\xe8\xa2\xad\x84\xf6\x10\xfa5\xa0\xbf\x99\xf6i'</t>
  </si>
  <si>
    <t>b'\xfc\xf93\xb3\x9bI\xa5?+#\x9bS\xe3L\xf8\xa0\x0b\xa9\x90\x94C$\xe8\x1a\xa7\xfc\xafC\r\x0c\x85\x99'</t>
  </si>
  <si>
    <t>b'Fg\xec;~?\xbb\xf0\x82\x84\xdb3\xce\x87\x80\xbf\r\x11\xe4n\x91\r\xd2\x8a\x1d\x9e\xab\x85"\xe4\x89\xb0'</t>
  </si>
  <si>
    <t>b'(\xa7\xac\xc5\xa70\xd4L\x8f\x9a/\x16\xa4g-\xe0\xaaq\x1d%W/*O\x12\xec\x15g`\xca\xf5\xd7'</t>
  </si>
  <si>
    <t>b'\xaco\xe4F \x89X&lt;[\xeeB\xb1V\x829\r\x13\xe4n\x12\xa8}\x9e\xc4\xae\x90\xe5l\xe4\x11\xf7\xe3'</t>
  </si>
  <si>
    <t>b'\xf3\xc7\x13\xb3\xb5\xe5J\x95`Lk\xe7\xb1e-xY+\xe7^\xa2\xe8\xc7\xe3&amp;\x8b\xceS7y\x94\xf9'</t>
  </si>
  <si>
    <t>b'\r0\xe88\xed\x90\xee\xa8+\x84\x14\xbc&gt;\xd3~\xc4\xcd&amp;\xfe\xac\xe2\x89DB:\xed\x8a\xa6I\x95\xb91'</t>
  </si>
  <si>
    <t>b'\xe9O\x07\x0b\x9cB\xec\xddJ\xacs&lt;\xdf\xe5v\xf1\xa8k\x10\xa73\xb2b\xaf\xe9\xe8\xe4|\xf6\xff\xac\xaa'</t>
  </si>
  <si>
    <t>b'w\x9b\xb6\xf9b\xe3R\xc94\xf9F\x8e\x11\xae\x97\xb3\x08-\x7f\xf8\x07\x0fq\x8e\xc6\xb0?\xf1\x99!\x1dW'</t>
  </si>
  <si>
    <t>b'\xd3\xd2\x08NK\xd5\xb0D\x0cD\xd5\x19\x95\x86\x00W\xba~UpY\x92\r\x1c\xad\x82\x01\\DM*\x11'</t>
  </si>
  <si>
    <t>b'$\xa8\xdcE0\xaaR\xaeOWU&gt;\xfcp\x0b"\x1c\xd2&gt;Y \x852\xd3j\x005\xee\xbf\x18\xc9K'</t>
  </si>
  <si>
    <t>b'\x88_,\xd5\xb1\xfd;\xceU\xe8\x08\x04$CA\xac\xbc\x01F\xc7\x9c\x17\xc0Y\n|\x04\xfe\xe6\xebgR'</t>
  </si>
  <si>
    <t>b'V\x03/\x02\x94Y\xa95\xb8\xf4z\x07\xf0^\x1a\xf2r\x9bD\x953t\xa7\xdfU9?\x00\x0b\xed\xb4\xdb'</t>
  </si>
  <si>
    <t>b"\x83\x03'y3Ea=\xc5\x04rekG\x8b\x9a\xba\xcc\x90PH\xf1\xe1\x94U\xea\x11\x94\xf4\xfb\xb0\x80"</t>
  </si>
  <si>
    <t>b'\x93\xcbo\x88\x96\xd0{\x0f\xdfU[u\xa4\xa6 \xc6#t\x1f\xeb\xcc\\\xf7\xae\xf8\x156\x8e\xde\x96\xd9\xb1'</t>
  </si>
  <si>
    <t>b'\xfb]Y\x92\x95\x9c\x9e\x00\xacx5\x95\xda\xcc\xbd\x1e6\xd8p\xe9j6\xcb8\x9cN\xdd\x8b\xd9\xaeV\x03'</t>
  </si>
  <si>
    <t>b'g\xb2\x85I\x87E\x12\x1c\xf2\xe9\xfe8\xf0\x96\xc8\xaf\xcf\xee\xbf3\\\xaa\xec\x02l\x90Y\xa06\xa2\x98\xc0'</t>
  </si>
  <si>
    <t>b'\xf8\xac\xa22\xb4\xc3\x9dg\xc4q\xca&gt;\x00\x88\xcf*j2@\xaa\x9c\x00\xcdi!\xda$\x84\xdd\x88\x116'</t>
  </si>
  <si>
    <t>b'*\xda\x1c^w\xeeO7\x13\tHT\xf8\xa4\x18n\x95\xb4\x15\x97\xcef#/\x1b$\x99\xa3C\xf2\x94\xa2'</t>
  </si>
  <si>
    <t>b'\xc5&gt;\xcaa\xbcz\x83\xa7N7\xcb\x822\x0b\x17\xfbX\x0f\xcc\xc89J\x03\xebD\xf5Z\x0bo\xd7\x04P'</t>
  </si>
  <si>
    <t>b'4U%\x911*\xb4?\xa7\xd8\xfbl9\xbb&amp;\xdesiuW\xe2\xbe\x15P\xa0\xd5\x07I7\xc6\xc7\xca'</t>
  </si>
  <si>
    <t>b' \xf5\xda\xbc\xde\xb3\t\xbd\xf00\x9b\x92\xa2\x8d\x0co\x82\xcbKlUQ\xe5\xb4\xa5\xe8\x00\x1a\x03\x0b\xe2P'</t>
  </si>
  <si>
    <t>b'\xa8p\x1ek\xba\xafP\xe7\xfe\x05Mc&lt;(.\x8a\x14\xeb;\xf5\x88\xb3\xea\x0eH\xf1\xfa\x84\xe4\x94\xfe}'</t>
  </si>
  <si>
    <t>b'\xbf4{\xbbS\xa4(\xac\xc8D\xfdu*\x18\xdc\xd4\xe5\x01\x88j\xbc\x1fw\xb3\x03\xb2\xfbp{\x92\x83\xe0'</t>
  </si>
  <si>
    <t>b'\x05h\xb7\x8f\xba\xff[l\x7f\xa8\xda\xd6)\x9bPQ\x06\xe5\x8f\xc1?Q*\xc5\x81\xb7\x83U/\x9f$\xed'</t>
  </si>
  <si>
    <t>b'\x03_\x9d\nd\xc0\xfc\x92U\x03\x0e\xa9l\x96\xd2Q\xbc`9\xdbv\x96R\x93\xdcr\xe5ZM\xe5\xa8U'</t>
  </si>
  <si>
    <t>b'~\xd8\x1d\xa6\xd9\xee\xa3]\x0bb*\x02\xa4\xe1(P}\x82\xb9\xb7\x95\x8dF\xd1\x06Qy\xde\xf19\x1eB'</t>
  </si>
  <si>
    <t>b'\xbcJ\x02\x97\xe2\x88\x90v\x80\x87\xc22^\x8c\xa8\xa4*\xd0-\xe4\xecl\xbf{0\xfe?\x9e1\x9e\x86\xaf'</t>
  </si>
  <si>
    <t>b"p\x1e)\x82\x10Nz\xa4\xf0\xf1\xa4\xbdBG\xbd\xa4J\xf7KA\xa1|\xa8\xc3\x0f'\x83\x1f)\xa2u\x86"</t>
  </si>
  <si>
    <t>b'\xd2\x92)So\x03Dm\xecc\xa3\xe4s\xf38\x8a\xd2\x9c,s\x90\x0e\xc0\xd2\xf9\xa1p$\xf7*f\xee'</t>
  </si>
  <si>
    <t>b'\x01k\x1b\xee*E\x85\x85\xa4\xc8%\x04,&amp;Mjl\xf8\x7f+N\xbad{\xd4JQ\x00\xf2\xe3V\xc6'</t>
  </si>
  <si>
    <t>b'\xf4\x16\x1b\xe12M\xfa_\xaa 1\xd5\x04J\xbcnFn%2\xc3Vl(\x89\\&amp;\xe8\x1e\x02\x17\xd4'</t>
  </si>
  <si>
    <t>b'r\xf5B\xb3\xb2\xb3\x98u\xf3~\xcf\xa6A\xd3x3\xaa\x98#;\xc9\xb6tH\x80\x81\xc5\xe5&lt;\xc0.\x8c'</t>
  </si>
  <si>
    <t>b'X$m\xc2\x8bIM\xf0BTy\xa8\x83a\x99$\x07\t\x89\xa0c7 M\xf1#\x86\xda\xccR\xd3\xc4'</t>
  </si>
  <si>
    <t>b'fys(\xf0\x1cq\xb1\x99\x05\xaa\xea\x9a\xc25\xb8z\x03\x87l\xfeE\xfb8\x9d\xfay\x98\xf8\x0b\x0f\xd4'</t>
  </si>
  <si>
    <t>b"\x01B\xd21\x9f\xa3\x0e\xffG\x91\x87'\xa3k\x13\xd4`\x12N\xae/z\xfbVQ\xbe\xe0Z\xee\x8a\xa8u"</t>
  </si>
  <si>
    <t>b'z\xb9l\xe3p\xb9\xe7%M\xebi\xe0x\xf2U[J;\xf5}\rer\x00\xca-\x8c\x87=~\x11\xde'</t>
  </si>
  <si>
    <t>b'\xbb\x88\x0c\x84\x8c\xfa\x06H\x03\x19\x81\x927\xebT\x8bB\x9a\xe7U\x870;\xf5 !F\n\x17t\xe3\xe9'</t>
  </si>
  <si>
    <t>b'\x95\xc9dz\xbc\xd6LZW\x0b\xc5\xd2\xe1\xc94\xa8y\xc0\xe2\x99\xd9|e*^\x95\x07\x1f\xd3m\xa5\xef'</t>
  </si>
  <si>
    <t>b'\x86\x01+\xf7\xc0J\t&gt;l]z\xf7~\x10\xa8\x19\xcd\xe68\r\x1b\xa8\x9d\x83.N\x8c#:\x1a\x86\xc9'</t>
  </si>
  <si>
    <t>b'\xaf\x0c\xdd\x14\xf4\xbf\xdd:\x10\xe0\xa8\xfa\xe1\xadQ\x18\xe9m\x1aK\xee\xd8\xf2v\xcf\x95\xd3\x8d\xa2\xd4DL'</t>
  </si>
  <si>
    <t>b'\x0b$\xab\x83\xdem\xc4^\xe4WT\x89\x10H\xcc{\xa7.\xde-\x8d&lt;\x82\xc0]uz\xef;Y\xbf\xb8'</t>
  </si>
  <si>
    <t>b"@\xd5\x11\x1b\xf4e~dC\xe2\xf7p\x80\xc6\xf8\xce\x14\xfa\x17\x8dvt\xef\x9b\xd8\x90\xf7\x0c\xec5\x18'"</t>
  </si>
  <si>
    <t>b'\xebE\x01W\xaa?\xe2\x10I\xe75\x96\xbe\xf9\x97k\x06\x86#\xdd;\xbc\xb6\xa0\xf6\xe8\xd4\xee\xe8}\xbaN'</t>
  </si>
  <si>
    <t>b"\xffP&gt;k\x1a(\xd6{\xac4\xbfJ\xe6J\x940\x86\xc9Y\x0e\x87T\xfeN\xdf'\xa8\xd8B\x7fCj"</t>
  </si>
  <si>
    <t>b'\r\xa9JC8u+.\x08a#g\x8a\xf4\xac\xa2\x1d\x19D\x1b\x9fH!\xb8\xb7\xc2\x0b\xf3\x0f\xe80\xe1'</t>
  </si>
  <si>
    <t>b'\x01QH\x07\xbc\xb1=\x82{i_\x90\xaa\xbd\xa0\x14\x80\xd7\n\xe8\xbf\x87\x0f\x04\xd9\x1b\x0c\x00\xdeh\xc58'</t>
  </si>
  <si>
    <t>b'\x7f]\xfbo\x97\xdd\xbf\x13&lt;m\xa0\xc8q\xa8\x0ce7\xd3\xc2M\xcc\x86\r\xe9\x19foq}\xd6I\xc2'</t>
  </si>
  <si>
    <t>b'\x81@\\\xab\xa46\xe3\t\x02\x11\xd5\x8d@\x12&amp;\x7f\x8a\x00\xec&lt;\x1f9\x0cV%`\x9b\xebP\xe0\x01\x96'</t>
  </si>
  <si>
    <t>b'\x19CJ\xdb \xd6g\xbf\x13&amp;\x8a\xbb:(\x99\xad\t\x1a\x06\xd8\r\x00\x83(\xb3\x11\xba\xd6\x03\x8f\x8do'</t>
  </si>
  <si>
    <t>b'&amp;\xb2\x1eg+\xf3\xcc4G}\x9d\xf8 \x8a\xed\rD\xb3\xc0p\xd1\xde\xae\xee\xf3\x06m7]u\x0f\x86'</t>
  </si>
  <si>
    <t>b"'\xc86n\xbf\xf2A\xcd\x19'y\x1b\x84&gt;\xad\xf4_\xb5\xb7\x96\xc1aM\xd8\xc8\xbf{\x94\n\x92\x94-"</t>
  </si>
  <si>
    <t>b'\xa5\xfc:@Z\xd4d\xd7`\xceb\xa9\xa7&gt;\xb2J\xfa\x95\x80\x81r1)|\x84\x86\x0c\x1cX\xdb\xa8\xab'</t>
  </si>
  <si>
    <t>b"\x8a(\x85\xaa'\xdbXu|HJ\n\x0b\xc0;\xb7'6\x7f\x00.h\xce\xa7%\x11\xd3\xb3@\x91\x1bR"</t>
  </si>
  <si>
    <t>b'\xd1&lt;O\xeaF\r\x07\xb5\xf2\xd1\xad!\xe7kq_\xadv\x07K=)\xbcpV\xa5\xa0g\xfa\x12x\x18'</t>
  </si>
  <si>
    <t>b"\x16\xed\x7f\xb7|9A\x072hx_\xab\xddz\xb0\xb9\xd2\xfe_G \x01\x99]\xc6'\xf0\xc4\x1f?,"</t>
  </si>
  <si>
    <t>b'\xe9W\xc0D\xfa\x03\x98\x0f\xc0\xa9\xb6q\xcd\xc8&gt;\t\xcd%\xcbK\x93\xf0c\x12\xfb,\x1a\x8a\x94\xf9\x90='</t>
  </si>
  <si>
    <t>b'3j8mJfv,\xaf\xaf7\xd6Q5\x9a\xd5\xc7\x10\xf0\x00P\x9c3\xee\n\xe4\xf6z\xe5x(\xf5'</t>
  </si>
  <si>
    <t>b'\x89\xce\xea\xd5\x15/\x99\x06Y\xe6\x14(\xc2,\x04\x14z\xc3R\xa2\x04\xec?s\xf3x\x0e\x0c\x1foX\xf9'</t>
  </si>
  <si>
    <t>b'\xb9\xb5~\x95\x84 \xa4\xce\xfde)\x9c\x14\xad\xaf\xd7,\xf6\xd4\x9d\x16=Y\x16\x96\x01\xc9\xe3}Zsv'</t>
  </si>
  <si>
    <t>b'?~\xb4 |\xbf\x0bX\x89\xb4|\xd0\xee\xab\x01\xe8\xde\xd4Dw\x8eI\x90\xd71mvlDj\x03\x03'</t>
  </si>
  <si>
    <t>b'\xf8\xa7\x19\xba\x17\x91\x1d\xd3\xb8\xed\x1e\x82\x8f\xa5.\x0b\xd0weeP\x98\x88\xeaS\xc1pd+\xa3_\x0f'</t>
  </si>
  <si>
    <t>b'0\x83*\x9d\xd9[\xccFEC9PU\xf3\xe5\xbb\x1b\xbf5G\xc6\xaa\xdb\x96\x18\xe29\x961\x8b\xfbe'</t>
  </si>
  <si>
    <t>b'\x15W\xaf^\xd9fM\xe2\x89\xb9#\xc1\xc2\xe71.\x04}\xd9\x1b\x02\xac\xf5\x1e\x93N\x01\xacD\xab\xeec'</t>
  </si>
  <si>
    <t>b'\x02\xec%\xe9+x\x9a\xc2\x07\xf7e\xa5h@I\x1c\xb5\xd0\x870g\xfcr\xadU\xe7Zq\xe8\xb7\x17\xee'</t>
  </si>
  <si>
    <t>b'\xa5\xf4\xa24t3\xd6z\xef\xe5\xec)\xb9\x15\xda\x85\xf4\x14F\xd0\xc9\xcd\x04GuL\x1dZ\xd7L/3'</t>
  </si>
  <si>
    <t>b'\xd2\xbfK;\x8f\x8b\x93\x81\x14\x81\r\xfez\x91&amp;\xcc\xcf)C\x91\x80\xd4j:\xc9\x8e\x95\xfa\x8a\xf8\x83O'</t>
  </si>
  <si>
    <t>b'\xaf\x8f\x7f8\x10\xd8\x8b\xa5q\xc3\x1c\xde\n4xw\x0ee\x1bp\xf2\xc9`T\xf8\xd7\xb9j\x0e\x0b@\x1a'</t>
  </si>
  <si>
    <t>b'\x15\xca\xa6\xc4\xe58\xfa\xd1\x0b#.\xa4\x05\xa7\xff\xf96\xd3\xb8v\x82U\x0b\x83\xbd,\x9d\x9b\xe8\x15\xf4\x1a'</t>
  </si>
  <si>
    <t>b'\x08\x87$\x93\x13\x8b\xfa\xce\r$kL&amp;\xfc\x82\xba\xc6T\x9e\x05\x12\xe5\xfa\x9e\xb4+w"\xfb\xa0\x19\x01'</t>
  </si>
  <si>
    <t>b'a\xf3a\xe0!\xc8:\xff\xc5\xa9XX\x17\xb8\xdd\xda\xa5\xd3\x80Gp\xd3\x0c\xbc\xf6\xadZ\xb51:A\xd6'</t>
  </si>
  <si>
    <t>b'B\x88+\x06{7\x8e\x90\xac\x9a\xb3$)\x9f\r\x8f\xf3\x04\x1c\x83\xea\xb2\x9f\x1f\xc1\xf6\xe4\x85\x13\xbe\xc2\xe8'</t>
  </si>
  <si>
    <t>b'k]i9\xf5Y\xd9\x93bOn-\xb1\x8d$4\x03wZ\xd4\x8a\xfc\xd7\xcc\x9f9\x8d\xe8t*{M'</t>
  </si>
  <si>
    <t>b'\x12j\x95\x8aSf=\xe6&amp;\x8a\x0f\xc2R\xacHi\xec\xfc\xb0\x12WxC\x93\xc1\xa2}YW\xf3;\xad'</t>
  </si>
  <si>
    <t>b'\xe9\xd9c\xef\xc2R\x16\x1e\x07\xf2\x0bq\xba\x9dq\x8f&lt;\xbd2\x0e\x1c\xd4\x8d\xc8\xf5?\xa5\xf2`\x1f($'</t>
  </si>
  <si>
    <t>b'\x9a\xe1P.\x8b\xe7\x06\xfd\x17\x98\x01A\x1e\xfa\xe9\xd5\xab?\xbd\xb6\xab\xc5W\x8e\xca\x18\x16\r\x83\xba\x1dI'</t>
  </si>
  <si>
    <t>b'\xc3\xbc\xc7\xb5\x9d\xd5y\xf5Q~\xf2Jx\xed\xed\x91s\x85~i\xfe\xab\xdf~\x93k\xb5\x1d9N\x1a\xfe'</t>
  </si>
  <si>
    <t>b'\xa2\xc3\x8d\x1b\x92\x11\xa8O\xe4r\xf2_7\xf6\xbb\x03\xce\rQ\x02\xc4\xca\x1e\xd7;\xe7\x08\x94\xfb\r(\xc2'</t>
  </si>
  <si>
    <t>b'\xbd9\x12\x8etUL\xc4\xcd\xf4\xac\xec`]q\xf9o\x0f\x94\xa3\xdd\x8f\xbbn\x1c\xe3W}n\x14T}'</t>
  </si>
  <si>
    <t>b'gc\x9d\x16V?~\xb3Ho\xf5BG8\xc2\xea\xff\xdc\x98\xd7\xe7\xd2\xe1u\x004F$i $\xa9'</t>
  </si>
  <si>
    <t>b'\xbdia%%\xd6\n\xf1\x00|!\xc0$\xfe.\x1f\xf9\xe6\x91e\xc1MP\x02\tx)\x7f%|\xb48'</t>
  </si>
  <si>
    <t>b"A\xbd\x0f4-/\x9e}'\xfc\xdc6\x96\xc7A\xa1\xe3]&lt;,\xb9b_\xff\xe6\x04\x96\x08\x03\xa7-\xb9"</t>
  </si>
  <si>
    <t>b'\xc3\x98%\x1b\xab\xd7\x97\xe5\\\x1bw)\x88\xce\x10m\x82\xd2ydD\x06\xcb\x85\x91\xef\x80\x92GG2\xc0'</t>
  </si>
  <si>
    <t>b"'\xf0C\x11W\x8e\x19\x96\xc4\xb2\xd4\xeb?\x1cKB\xd4\x8a^7T\xe6J\xccc\x1d\x1b$\xb7\x93\x1b\x90"</t>
  </si>
  <si>
    <t>b'zj\x01\xdf\xbe\x86\xe6\x01\xe3\x95\xbaU\x05\xf4\x91\xca\x86A\n\xb8&gt;79\xf5\xeb*(l\xe6BvN'</t>
  </si>
  <si>
    <t>b'g\xc2\xcd\x1d\xa6\xe7\xad\xcd\xf4\x84\xa0\x98x\x0e\x0c\x96\x98\xb0\x12\x03\xe9\xcakGI\rQq\x18\x9d]\x11'</t>
  </si>
  <si>
    <t>b'\x8c\x1bM18 \xe3k\xcehF\xb3;\x9c\xb9I\xc4\xe52\x9d\xf11\xac\x16\x8f\xe2\xa5\x91kt\x1e\xe9'</t>
  </si>
  <si>
    <t>b'\xef\xc4\x0fh\x8a\xda-\xf6\x10h\xfa\x1d\n9\xf3\xae[h\x13V@[\xf7\xd7G\x84Z\xa7\xdb\xdc\xeb\xf3'</t>
  </si>
  <si>
    <t>b'\x82Rg(\x12f\xb5\x9eo2\xe2\xec\x15\xdd\xd4\x19\xef\x94\xc9f)\x9e\xfd\xcd\x0f\xf4\xfdV\xa5\xbdO '</t>
  </si>
  <si>
    <t>b'g\x84\xcd\x06to@\xc5\xb6\x04\xb3\xdbk\x1f\xe8\xb8\x7f\x84\xc1Bh,\xdb^&amp;\x98\x94\t\xab\xc2\x13\xc0'</t>
  </si>
  <si>
    <t>b'\xc4\x00\x05\xedT\xa1\x17g\\\xe73\xaf]~\xb7\xfd\xe9R\xb5\xad\x0f\x8f~\xbe\xa1\xd4\xe3\xedA\xa4\x8c\xa1'</t>
  </si>
  <si>
    <t>b'\xd9(N&gt;W"\xbd:\xd8Q\x80_\xb4\xf0\xf6;\xa1\xce\x7f!\x07\xd6\x10\x84THY\x04L\x1d*V'</t>
  </si>
  <si>
    <t>b'\\\x02J(3\x15\xca\xb3\x8b\x16\xdeE\x8e\xaa\xc5^4\xcfn\x14\xfe\xca\xf8\xbc:\xe3\xdf8y\xc9\x19\xd8'</t>
  </si>
  <si>
    <t>b'f\xceK:\xd1\xd5\xe6\xb0\x10z\x00c&lt;J\xa9\x0c]\xc9\xec\xf7\n\xe19Y\xc3\xa8\xf3\x81\\\xda\x90\xd0'</t>
  </si>
  <si>
    <t>b'\xfe\xf5&amp;U\x88\xcd\x7f\x1a\xb0\x13\x92\x1f\x9b\xe8!U\xd3W%4Z\xd1\xc8M\xb0\xc2\x83\x84\x1c\x8f\xd7i'</t>
  </si>
  <si>
    <t>b'\xc5H\xb8\xf1\xa4.U\x8a~S"T"{\xdf\x8d[\xcb\r\x12\x8f\x1fv\x8f\xc24\xee\xd8\xf3\x82\x8b\xd2'</t>
  </si>
  <si>
    <t>b'96M\xf1a\x14\x8d\x9e\x1e\x9b\x98N$\xb1u\xd6=\xd4h\x17\x10W\x95et\xc0\xc4x\xd4FZ\xad'</t>
  </si>
  <si>
    <t>b'\xa4p\r\x0cN\x17\x9e\x88g`\t\x12(5\x81\xcd\x04s\xad\\u"\xdfp\xb9n\xb4\xcf\x8f\xc2\x85\x13'</t>
  </si>
  <si>
    <t>b'\xb41\xba\x14\xcd\xc7z\xd1\x9c\xf5\xf5\xfb4\x8daO\xfa\xe7k%\xc9\x13\xd1\xdfj\xddQ\x8a\x9bf\xfdm'</t>
  </si>
  <si>
    <t>b'e.Q\x03X\xc5t\xa9E\xdc\x19D\x93\x03j\xc5\x0f\xde}\xf02\xb2k\xcd^\xa5\x80\xb6p\xa6\x9a '</t>
  </si>
  <si>
    <t>b'#\x9a\xadBv\x86\x0cAFj\xc0\xf2)\xe9\r\xff\x88\xa0\x86\xe0N\xf8a\x01\x86\xbaq&lt;\xb7?\xd6\x87'</t>
  </si>
  <si>
    <t>b"\xf4\xed\x8bG'\xfb;\x934&lt;\x84\xc4\\\xaa\xdd\xe3\xf6\xdabS\xa8\xed\x9d\xd4\x02A\xe8\xd08\x8fX\x97"</t>
  </si>
  <si>
    <t>b'F\x90\xe9\xe5\xf9\x93\xe3@:\xf8K\x03\xc6/\x1a\xb7\xb8}vW\xf8\xf4\x0f2\xc2\xdb\xcaZY\xae+s'</t>
  </si>
  <si>
    <t>b'N\x8b\xdd\x1c\xc1+E\x1bA\xe6n\x00\x82\xddY1\x05R\x19D\xc45!B\x03w~\x0f(\xc8\xff.'</t>
  </si>
  <si>
    <t>b'\x93\x15\t\xdc\xcc@\xe5~g\xb7\x886\xe0\xd8a\xd5\x12\xf1\xcc&gt;\xf7\xcf\xb4_WR\xc3\x8e\x8d\x91\x18\x02'</t>
  </si>
  <si>
    <t>b'Ce\xfe\xba3\x8d\xa0qA\xd5|\xba\xc3V\xb0\x17k\xfc \n3\xcb\xf7\xa5\x00\xd8\xf8\x9e?g\xc5\xe5'</t>
  </si>
  <si>
    <t>b'J\x1f\xe8E\xdd\xa0\x1e\xab\x83ry\xd6\xfb\x9b\x069L\x96\xf5\x97\xb2\r\x8d\n\tD\xf6\x838\xbf\x837'</t>
  </si>
  <si>
    <t>b'YNf#\xdfs\r\x8b4*\x06\x97\xb2G\xa0t\xb9\xdc\xc0\xbb\x14\xfe\x92[\x7fX\xc3R"\xc1\xa2e'</t>
  </si>
  <si>
    <t>b'\xb6\xaf\xd0\xeb\x91df;~\x98\xfb\x05?\xa8\xed\x00\xa4B6\xa1\x84,\xdc\xa8e/`\xdb\xb9`\x9c\x98'</t>
  </si>
  <si>
    <t>b'\xa4a\x0c3S\xea\xeb*!o\x9e\x1d\xf4\xdeW\x89\xf5Dp\xe4\xcf\x90\xb2\xad\xd7\x86?\xe8\xb8\xe7T|'</t>
  </si>
  <si>
    <t>b'\xa1=\xf6^*q\x04\x7f\xdb\xf9,\x04\rX\xae\xf1\x83\xc1\xa2\x12P \x96\xa1c\nh\x99t-\x04\xf3'</t>
  </si>
  <si>
    <t>b'b\xcar:\x8ce;~\x11\xc8H\xc7\xc3R9\x94Tt(^G"\x9e}C\x01\x80\xd1\xa8\x1f-\xd8'</t>
  </si>
  <si>
    <t>b'J\x7fg=o\xbaB\r|\xa2xG\r\x93\xd9\xe8\xd7$\xac\x9d\xd2m\xd6\xef\xee~ue\xdd\x14o\xba'</t>
  </si>
  <si>
    <t>b',\x12.\x13\xc2\x95\x15Bk#\x03q\xf5W\xdeG2\xb4\x11\x01\x0b.^AE!\xf7\x1c\x054_\xa5'</t>
  </si>
  <si>
    <t>b'6\x03\xe5\xc0uT\xcb/c\xbe\xf6=V\xe1\xd2\xdb\x11\xba\xe8\xfc\xb8\xffm\x7f\x08\'\x08\xb7"l]\x90'</t>
  </si>
  <si>
    <t>b'\xfc\x13\xc6aHh\xce\x07\xa6Sq\xb0\x1a\x99\xcdI\x16\x1d\x0e\x8d|MS\x14\x00\xde\\t#\x1cj\x7f'</t>
  </si>
  <si>
    <t>b'(\xd7\xa0e\xf4\xe7\xd2\xeb\t\xdd\xd4_\xb2\\T\xa4D\x85#n\xb8D\xd2\xec\xbbv\xe3\x8e\xdc\xde\xfa\xf8'</t>
  </si>
  <si>
    <t>b'Pd\x0f\x9e\\\n\x82\\\xf6\xb1\xd2,~\xf6v\xd0\xf1\x81\x1af\x12!\xfc\xc7B\xe8\xc0gm\xf73/'</t>
  </si>
  <si>
    <t>b"\xaaQ\xe3x\x97\x7f\xca\x8bB\xa0'\xbc\xbb\xc4\xc6XU\xf3\xc4\xa6\xb8\xce\x06\xfbQ\x1b\x03\xb7\xe5\xb5\\\xfd"</t>
  </si>
  <si>
    <t>b'\xcd\xa6\xfc-^\xcd\x9eL7\xc4\x15a\x1b\xf7\x0f\x144o\xe5\x80\xf8\xcc\x04\xda&gt;\xc6\r%N\xd5\x86\xee'</t>
  </si>
  <si>
    <t>b'\x18\x7f[\x83\xedY\xacz\xfc$\xe2;\xff\x02\xc9\xf6\x9fqw%k\x8b\x9b\x92\\pcR\xfe\xc0\xc1\xca'</t>
  </si>
  <si>
    <t>b'I)\xd3\xc3\xce\xd2\xeb\xf6\x12\x94\x15"\x85}\x80\xb1vCn\xa6\x01\x11\xee\xb2\x954"\x1f\xd1\xf00\xca'</t>
  </si>
  <si>
    <t>b'.d\xc7\x1aK\xe0\xc7\xe8,\xb3\x8e\x81E\x13n\xa6\x8a\xa6\xda\xf3G\x8ee\x86D\xc2\x17E\xfc\x96\xde\x01'</t>
  </si>
  <si>
    <t>b'\xfcb5\xd7\x9b\x8bU\xae\xe20r,\x9bk]6\xde\xb1u\xeb\xdc;c\xd2$^N\x1f\x03\x86\x08V'</t>
  </si>
  <si>
    <t>b"\xde\xd9\xf7d&lt;\x14\x9b\xd1\x94\xcd\x10\xb5'\x8a\x01\xeb@%\x85'\xa1\x97\xb6\x8a\xc1%\xc0\x92\xffa\x06\x11"</t>
  </si>
  <si>
    <t>b'\tM\xe7\xcbe\xe1\xde|U\xa2\x0f\xa1\x98-B\x982\xb8\xd6\x91\xd3Iu\xa09|b\x1d\x95\xef\xdag'</t>
  </si>
  <si>
    <t>b'\x9b@=hX\x8b\xe8\xbe|\xf2\x91\xac\xd4\x00\xa8%p\xffL\x00R?\x1f\x14Yb\xca\xb3V\x8f[\x9a'</t>
  </si>
  <si>
    <t>b'cs(X\xce\xb9{\x91\xe7\xac\xc2\x15j\xac\xbaz\xe1\x9cX\x0b\xad|\xdc&lt;`89fS\xd8\x9f\xfa'</t>
  </si>
  <si>
    <t>b'|My\xff\x1f\xfc_\x07\xec\x8b\xa5A\x8f\x01\x08\xc5\xa8\xc3\xdf,]\x96\x12\xd4Uu\xd8\t1\x16\xa7\xc1'</t>
  </si>
  <si>
    <t>b'9\xb4|j\xc7Sw-\xee\x1bB\x1a\xd3\xea+\x8eY\x16\xd2\xda\xf7\xfbw}\xc5!&lt;\xb0\xb7%\xcb8'</t>
  </si>
  <si>
    <t>b"\xf2s~4\xf4l9\x99t\xa6N\xd7\x88\xf4'\x843\x94\\\xb3\x8b\xe4xK\x9e\xa3\x19\x1clb\xa1k"</t>
  </si>
  <si>
    <t>b'\xb9\xb8\xfa;\x88\xb0\x9al\xf1%\t\xb0\xfe\x93\xe4\x82b\xb8:\x19\x80\x8b\xdc9\xdc\xee^\x95\xc5J\x9ev'</t>
  </si>
  <si>
    <t>b"\xc7.&amp;o\x919\xe4\xf9G'c\xcd\xdb\xe1\xfch\xd2\xab\x03\x9d\xa5\xb8+\\\xf8\xeb\x16\xdd\x08\x93\x94\xf9"</t>
  </si>
  <si>
    <t>b'\x06\x14\xd9\xca\x81c\xf9\xa2\xf3\x91\xb5\xe1\x85k\x17\xbe?\xdc\xee\x80H\x05}y\x12\xa1OQ\xc3\x9f\xdeR'</t>
  </si>
  <si>
    <t>b'`E3\x1f\x0es3x\xd9C&gt;\xa3\xfe\xf0\xd4\xd4Qi\x93BD\xa6\xd0\x87Q\x91\x19\x80z\x8c\xd8\xa1'</t>
  </si>
  <si>
    <t>b"C\xab\x9d8\x1a8^i\xc5z\xf0D\xd6{\xffMe\x8e\x1f\x12}\x01LV\xf0\x80']\\\x8b\xb8x"</t>
  </si>
  <si>
    <t>b'\xf2F\x15{\xf7\xcb\xfc\x1b\xe1\xd6\xcdA\xf8\xa7\x8b\x038\xa6\x98\xa5\xfc&lt;\x11\x97\xa4\xaa\xf1\xf9iF\xa6\x0f'</t>
  </si>
  <si>
    <t>b"\xdd\xe6.\xdc\x05\n\xc0;'\xfe\xcbo\x8a\xc4\xbe9\xb2\xa6\xbbqzw\xdc\xbd\x06A\xe7|\xb2\xd0&gt;U"</t>
  </si>
  <si>
    <t>b'\xb9aD\x00r^-\x8f$s%\xc3\x16\x7fm\xef\xd6|\\6i\x89\xaa\t\xa8\xb7\xf620\xe2\x00q'</t>
  </si>
  <si>
    <t>b'gH\xec\x0b\x81\x87\x95\xfe\xf1\x08\x00vB\xb3b\xb0G\xc8\x9f\xfa\xec fA\xe6a4\xa0\xc0\x95\x17\x11'</t>
  </si>
  <si>
    <t>b'A\xa0\x8dSZ\xd3\xddg\x8b\x8c\xf36$\xd6\xb1P%C_&amp;yX\xcc[\xef\xdce&lt;\xd5W\xfb\x05'</t>
  </si>
  <si>
    <t>b']Cw\xa9\xb9\x86\xb6Z\x05U\xcbpl\xf1\x0c\xbc\xa8\xd6A\x82\xb6o\\\xefI\xf8\x9d\xaa~\xb0U\x9d'</t>
  </si>
  <si>
    <t>b'\x80OJ[\xa7[\xfa{\xfc.\x0b\x0f4\xf9q5\x93\xb6C\t\xbb\xae\xb4)\xd0\xfb\x15\xd5\xc4o\x19h'</t>
  </si>
  <si>
    <t>b'b\xac\xd2\xc5c\xdf"\xd0\x9e\xea\xceD?M\x14\x01\xb5\x8d\xc8\x17\xaf\x17\xf1\xa5\x0c\xe8]D\x94{\xfe%'</t>
  </si>
  <si>
    <t>b'D\xa5_\x80\x93\x18\xb0\t\x96\xcc\xaa\xfah\x03\xb8g\x7f\t\xa0\xaf/K8\xabG\xf4\xee\xbd\xae\xc4\xa8M'</t>
  </si>
  <si>
    <t>b'r\x02\x90q\x14X\xa6\xbc\xfd\x08\xbb\xa7H\xb3!\x86\xebO\xe9\xd5x\xff\xea\xcaL\x91\xd0\xdb$\x8c\x9aU'</t>
  </si>
  <si>
    <t>b'dtp\xa1\x88P\x8by\x8aI{\xfe\x10T\x9f\x96@\xce\x96\xdd\x1a7\x9b\xf4\xc0\x07I\x16U\x19\x99\xac'</t>
  </si>
  <si>
    <t>b'\x7f\x84R;\xbd\xa8468J\xd2\xd6\xf95\xc8\xb6Ve\x93*\xa8\x8f_\xde\x12\xb3\xec\xd5\xb1\xd3\x01\xf3'</t>
  </si>
  <si>
    <t>b'\x9b94\xb3\x06mpro1\x85yF\xc2\x13\x97\xbe\x0f\xf0$`1\xe2@aa\r\xe3j\xe1n\x8a'</t>
  </si>
  <si>
    <t>b"(J s\xc1\xbb\x83K'\x08\x87\x94\xeb\xa9=A\x12\xa0\xf9&amp;\xeb\xcb\xb4\x82\xa0\xccT\xc3.\x01\x06Q"</t>
  </si>
  <si>
    <t>b'\xf9\xae\xd6\x9b\xc8FF\x8cp\r\xee\xd9\xf9Z\xaaW\x05\x94\xe83f\x1b\xe6G/Q\x1d&amp;Ds8\xbe'</t>
  </si>
  <si>
    <t>b'\x05\xcd+\xf7F+\x9e\x11\n\xde\xa6\xe8\x14\x1f\xbc\x7f)V\xcc\xe4\xd6\xd3\xa0Hq6\xe1\xe8*\ryq'</t>
  </si>
  <si>
    <t>b'"v\xc1\xeb\xc09Z\xac\x9b\xf2\x01X\x1f\xd2\x82Y9\xb9\x12\xad\x12\xc9\xf6\x89\xaa\x1er\x83\xc7\x01\x9a\xab'</t>
  </si>
  <si>
    <t>b"\x93\xff\xbe\x97E-6*)\x9f'\xe9\x87\xe7\xb7d\x87\xa3*'y\x1b\x10/\xa6\xeb\xa9a\xa6\xb2a\xfa"</t>
  </si>
  <si>
    <t>b'\x08\\P?g\xf4\xb5`\x91\xdebzB\xec\xb6\x14\xa8\x1d\t\x96C"\x0f\x89\xce\x88\xcd\xfd\xd6\xef\x1f('</t>
  </si>
  <si>
    <t>b'\xf8\x88\x88\xfe\x0b\x9b_\x81kNd\x9c\xccH\xc4y\xe0F\xcfH\x8c\xde0tv=\xf8\xd9_)\xe2\xb8'</t>
  </si>
  <si>
    <t>b'\xd4\x83@\xc2=)^-\xf5T\xc9:\x80\x05\xfa\x99I\x89\x07\xc2\x12&amp;\xfe\xfd\xf6n\xb5\xfe\x17\xed\x85\x0c'</t>
  </si>
  <si>
    <t>b"\x15)'\xdd\xd3\x18\xa8T\x8dq\xe6\tW\x86z\xb5\xc6\x96\xd1\xdf\x1a\x82\xb7\xb2La\xb3_2\x85\x06&amp;"</t>
  </si>
  <si>
    <t>b'6\x81n\xd4\xaeR\xf0x\x8bbXF\xd9`h\xd2\x0c\x15\x14;\xcf\xfcB\xadHr\x10\xf3\x01\xf7F\xbd'</t>
  </si>
  <si>
    <t>b'\xc6\xae\x16\xe9\xb6\xf4\xbdU\t\x914\xf2\x83\xb1\x7f~\xdf_\x19\x90&lt;;\xdeY\x0b\x98\x98H\xca\xd0\xa6\xda'</t>
  </si>
  <si>
    <t>b'\x08dN8\x10=XNr\xbc]j\xd4\xa0\xe57\x80}i\x164\xd1\xc0\xa1\x89\xc9e\xb6D\xa9\x9f\xc0'</t>
  </si>
  <si>
    <t>b'\\\xe1\xc6\xf6\xf3\x94\x04C\xbb\xdb\xfe\xb4\x81\xf8\xd5\x8cu\xe44C\x10\xed\xba\xd1\xbe\xf5q+\x0cS\x82\x02'</t>
  </si>
  <si>
    <t>b'\x1aiO\xc4\xad&lt;2r\xcc\xe8h"q\x90\xe988\x93F\x1c\xe3\x14\xbc \xf2\xdb\xf8\x9eV$\x1d\xb8'</t>
  </si>
  <si>
    <t>b"q\xdc~%SK\x9b\xdbBJ\x11\xf3\x11JR\xb3$\xd8\x81&lt;\xfb\x86'F\xd2\xf0\xc7\x84\x91\xb8\x9f\xd6"</t>
  </si>
  <si>
    <t>b'\xedxF\xd8\x1e5fd\x86(]\x85\xc2\x8b\x14W\xab\x8c\xfe.i\xd7\x95\r\xec\x13\x10:"g(\xec'</t>
  </si>
  <si>
    <t>b'\x88\xafY\x81\xbc\x12[Di\nT\xc4\xfb\x99\x12/P\x8dQh`}[\xd6%\xe7\xe96\rv\xf7\xed'</t>
  </si>
  <si>
    <t>b'\xdf\x83]H;m\xe0p=b\xe2\x0e\xa3N\xc7PC\xael\xc0\x92\xff\xf5~Cu\xa0\xa4\xee\x91\xb0\xba'</t>
  </si>
  <si>
    <t>b'Qr7\x8e\xa3\xc7`\xed\xae#\xa7n;\x90\xcd,\x8bb\xc5\xb4\x1d\x81\xd6\xb3\xbd\x10\xfd+t\x11\x900'</t>
  </si>
  <si>
    <t>b'\x06\r&lt;\xcd\xf5\xb6\xa2\xe8\x8cP\xf5h\xc9\xa2\xa3\xeb\x8b\x95\xe5\xda\xb4\x8b\xd8\xd9\xe4\xe9\xfd\x84_M\xa3Y'</t>
  </si>
  <si>
    <t>b'qC\xc8\x9f\xa2CR\xf8=\xaeY\xe5\xb8B#\x9a-\xff\n\xe8\xffj}\x0fe\x9a\xe6\xed:\x16\xe4\xa8'</t>
  </si>
  <si>
    <t>b'y\xeb#\xb2\xed\x88\xf2\xd3\xe7\xb1\xdc\xa9&amp;\x16\xa0U\xe2\x91R\xef\xdc\xf0\xd2z+\xd3f\xc8\x0b\x01\x97\xb6'</t>
  </si>
  <si>
    <t>b'\xadCb\xa9ib\x04J\x1b\xde\xd3-\xcb\x99yTH\x894\x8cu\xfd\x90\x85\xf7\xdb\xb7\xb7\xf99G\xdd'</t>
  </si>
  <si>
    <t>b'T[\xb2X\x12\x91\x1b;\x04v[)\x00&gt;\x82\xe8\xa4]\x08\xc1\xffJ\x85*\x10\xd0\xf8\xe0\x8f\x99\xc5\xde'</t>
  </si>
  <si>
    <t>b'\x9a)\xc6\x16\xf8\xf1t\xb1\x81\xabTW0\x828=\xa7\x16\xa3\xe0\xe82yuR\xc2\xc1\x02;\x0fZh'</t>
  </si>
  <si>
    <t>b'\xf1\xe6fMC&amp;\\\x1b\xa1\xc86\xe6\x00\xfc\x16k)\xb3\x19\x15\xa2\xa6r\x02\x1a3Yw\xebQ\xdb9'</t>
  </si>
  <si>
    <t>b'{\xa0\'\xeeD\x9e\xa7e4a\xac\xe8yv\xca\xcc\t\xdb\x85\xa4\xe2\x8d7\xc1,3\xf6"\xf2J\xb7\x0b'</t>
  </si>
  <si>
    <t>b';-\x81E\x81%\x80?3&amp;/\x90k\xec\xaf\x12u\xd8Z\x08\xd8\x07p\x8a\x810*\x94\x97\xbe\x00\xb4'</t>
  </si>
  <si>
    <t>b'\xed\xb6Z\xde\x0c\x06\xad_|\x80\x05\x8d\xa3\xa3I\xd0\xbf\x04\xdc\xcc\xab8SGT\x1b\x18\x14\x92^\xa0\xe5'</t>
  </si>
  <si>
    <t>b'\x1c\xcb\x12\xd1\x9b\xf2\xce\xbf\x14\xb2\xf2SD\x9d\x00E\xd9\xa1B n\x92\xc5\xb6\xd7\x10\x91f\x84\x0c\xcb9'</t>
  </si>
  <si>
    <t>b'0\xbbdp\xab\xb7~:\x05\xa5\xc8\xd9\x00\x9f\x86\xb8\x05s\x92\xccI\xa5p\xbb\x8e"\xa3g\\\xfel\xdb'</t>
  </si>
  <si>
    <t>b'\xf4\x926%\xdc\xf2\x1d\xd5\x9dh\xab\x92\x03\xf7~E\x1c\x14\x02\xf6\n\x83\xe6\xff\x81\x9d\x9d\x9cF1\xe6\xac'</t>
  </si>
  <si>
    <t>b'\xfc%8\x00\xb0\xe8\x94T\x181\x87r\xa2k\x8aza\xd9\x04~\xb3\n\xa0G\x8a^\xc3\xe5\x10\xe6lG'</t>
  </si>
  <si>
    <t>b'~\xdaE\x0b\xc1Sq\xac\xb7bt\xcf\x8f@\xba\x06\xc7a\\c\xa4\x91\xc4+c\x1a\xab\xfd4\x93\x9c\x15'</t>
  </si>
  <si>
    <t>b'l\x0crb\x85A\xc0x\x1d\x06\xf7i6\xaf\xd7\x98\r/\x84\x9d\xcc\x82\xbf\x11,\x96[u\xf5\xfe\xd9\x9a'</t>
  </si>
  <si>
    <t>b'\xdf\xc8p\xa7\x9c\x956\x05(\xc0\x0b\x02\x04\x9a\xe0=\xd3K\x12\x07\x12\xa9v\x1c,\x1e\x9a\xaa\xb5=D\xb7'</t>
  </si>
  <si>
    <t>b'\xee\xea\xa5s\x12\x8d\xa3\xc3o\\\xeaj\x1eew\x84\xbc\xf5\xfa\xa4\xb6\xb2X\xc7\xea,\x17\xa4)\xa4\x812'</t>
  </si>
  <si>
    <t>b'c\xcc\x83\x1c\x19e\x07$F\xd0\xd09Y\x9a\x80b\xd7i\xb2&gt;\x9c\x86\xba\xfb\xf3x\xd9\r@\x10\x10\x06'</t>
  </si>
  <si>
    <t>b'\xe1\xe8\xd3\xf1\x1b+J5\xffU\x11\xb1\xc0\xfbM\xa2_\xfa*\xa9\xa1-3\xd2\x83\x9f9\x9db\xddY\x88'</t>
  </si>
  <si>
    <t>b'\xa1+\x17\xe51\x9e\xbb\xf7\xf6\xc9\xb0m\x0b\x87\xf3\xb8gqG\xa4\xa1\xf7\xa9\xc4\x86\x93)\xd6\x1aLr\xb7'</t>
  </si>
  <si>
    <t>b'\x95\x1fu\x9b\xeb?\xa7\xa5\x01\xe2X\xdcrK\xdeX\xc7\x8esO\xf1\xe7\x10P\xa7\xcc\xc9Qe\t\x8b7'</t>
  </si>
  <si>
    <t>b'\x94\xf8\xfd\xbe\xb0\xb6\xd5\xce\x1f\xb3\xdf\x03\xc27|\x12Bpf?\xd9\xfe\xb3\xbe\x8aM\xc3\x96\xc8\x91\x98]'</t>
  </si>
  <si>
    <t>b'\xe5\xa8e\x979\x18\xbd\xc1\xcex\xeaz\xc6\x8d\xc7&amp;\x91 v\xb5\x8f\xca\xec\xd3\xd8\xe1\x9f^Y\xca;\xa8'</t>
  </si>
  <si>
    <t>b'I\xf2\xe7\x00\x98\x98\x89\xc5Uve\xe7\xc9\x84\xc1R\\\xc5\x86Dr\x84"\xa9\x02"\x88T\x06vI\''</t>
  </si>
  <si>
    <t>b'\xec\x8ez\x99\x9chu)\x93\x96\x93_\xcei\xbfv\xfa\x05\xeecol\xfeN[\x9a\x19b&lt;\x1c\x02\x80'</t>
  </si>
  <si>
    <t>b'W\x029\xd6\xbcuM\x19E\xd5\xe6\xdb\x81\x93\x15\x9a\xd8-\xf2e\x17/\xde4U\n\xd9u@\xb2\xafi'</t>
  </si>
  <si>
    <t>b'CtG\xe0b=2\x85\xcf\x05\xe8\xe8\t\x1e\xed)\xce\xdfEL\xaa\xb3D&lt;~\x1c\xe0C\x14)\xb6\x9e'</t>
  </si>
  <si>
    <t>b'*\x88/\x01\xa5\rz\x8eY\xaa\xad\xb1\x0e\xc6&amp;\xf4\xd5\x12\xf8\x8a\x1a\x18V\xfdy\xf5_O4r\xcf"'</t>
  </si>
  <si>
    <t>b'9\x1aP\x7f\xdfmy\xa9z\xdaI\x18\x86\x99d\xfc\xfe\x91:\xd2\xc4O\x8bh\x8cwzI\rv\xba5'</t>
  </si>
  <si>
    <t>b'\xfc\xac\x0cw{\xba\x13\xc7M\xdf\x11\x8c\xd8\xee\xc6\x1f\x1e\x0f\x17/fO\xbf\xf4&lt;\xd2\x7f\x8a\xf0z|&gt;'</t>
  </si>
  <si>
    <t>b'8\x80\xad\xd9\xb7\xdbse)s\xd6\xfaQ02\xef\x05\x90\x13\xafU\xd7J)\x06\xee\xd3\xf7\xda\x11dV'</t>
  </si>
  <si>
    <t>b"\xd3\x8d\xf0\xcd'U1\x96n\xa6\xba\x85\xb0\xc2M=k\x88\xcd`\xe7\x0fF\xed\xc3zq0\x93\xd3\xf3\x02"</t>
  </si>
  <si>
    <t>b'\xf5@T\xf2&gt;H\xa5\x05\xfb\xcb \xd1\x82\x020\xa5\xa2\xfa\x91\xac%g\xaa\x9e\xd7,\xbb-\xcf\x06\x11\xc1'</t>
  </si>
  <si>
    <t>b'\x01\x9b\x92\x89\xd4\x0e\x85p\xa1=\xca\xbb&lt;%\x19\nc\x93_\x90Ig\x07fv\xac\x00~R\xf5\x9e\xb5'</t>
  </si>
  <si>
    <t>b'+\xee#\x16\xa7\xa9)\xd6\xc7wT\x8c\x8d_\xfdU\xc8y\xb4\xf7\x1d4\x93\xc9N0\xd4\xe2\xd6&amp;\x14\xe0'</t>
  </si>
  <si>
    <t>b'O\x18+T]\xab\xf3\xa3\xf2,\x072{\xc4qG\x99\xea\x1du\x14\xb5\x15\x7f\x17\x94\xe7K\xd6x\xf9\xfc'</t>
  </si>
  <si>
    <t>b'\xbf\xf6\x85\xba\x01i\x98#\xac\xaf\xc8\xf1\xb8+\x11\x85e\x1e\x16\x80C~y"e\xd3i\x9a\x96\xb2\xe5r'</t>
  </si>
  <si>
    <t>b"\x1a\x8d{X:V\xdc\x92\xd2h|SW\x0e}\xa1\xfd\x80v'mZ&gt;.(\x9by%;\x06\xfa{"</t>
  </si>
  <si>
    <t>b'/tQ\x1cH\xc8\xcd\xaf\xb9\x16\xc0\xbf\xd3K\xa1]\x93\xf0:\x11\x13\xea\xa5\xa62\x87T\x1b\x90\xbfc\xad'</t>
  </si>
  <si>
    <t>b"$\x8e:\xf3\x8e\x80\xcc([\xcak&amp;\x1e\xac&lt;sX\xcc\x0b\x18O\xb0\x93\x92\xba\xec\xac\xea'\xd4\xff\xc2"</t>
  </si>
  <si>
    <t>b'\xfa\xf6;\xe6\xbc{\xb5\x83\x10p\x0b\x80X\xf9\x8aQ\\A\xa4\xd9\x87\x8fR2\x88\x13\x9f\xa0\xe5\xc9\xa0\x02'</t>
  </si>
  <si>
    <t>b'\x97\xa0\x11n\x8d\xe4Fr^\xa1\xcf\x1fq^\x0e\xbdu\xd3\x060\xfc7/9r\x1d\x1f\xdf|\xf4\x98\xeb'</t>
  </si>
  <si>
    <t>b'd\xbe\xd4U\xe9\x98IkeG\x9a\xbaZQ\x15\xa06\xca\x0c\x00&gt;\x95\x0c^\xdb\xd2\x19X\rQp\xb4'</t>
  </si>
  <si>
    <t>b'{-\xaf\xeb\xefm\xfd\x16\xa5\xe1\x945\xa1*\xf0Hvsu\x8f\xc5\x99`\xa2N\xc2\x9c\xc7\r\xf9^\x87'</t>
  </si>
  <si>
    <t>b'\x9d\x9e\xa9I\x8f\xf7\x88\xe4\xd2\x18\x81\xc9P\x9f\xf99\xef\xf8\xa55\xb1R\xba`\xf7C0@=\xc2\x84\xa8'</t>
  </si>
  <si>
    <t>b'a\xc1\x9ex5\x02\xe2\xd7m\xc14\x1bW\xc3\xf8\x13`\xaf6&gt;"\xd3g\xbbv\'\x8f\x14\xf7\xdf:\xc3'</t>
  </si>
  <si>
    <t>b'\xfd\xa3\xcc\x97\xe5\xfb\xd2\xe1\xfc\xffWV\x08n#\xcfV|,@&lt;\xe8,7\xb2]\tXJL\xc0\xa3'</t>
  </si>
  <si>
    <t>b' \xc8\xb3c\x9b0&amp;\xe7Gp\x13=\xab\xfb72\x97\xab\x84h\n\x00\xc0H\x08d\\L OQ9'</t>
  </si>
  <si>
    <t>b'\x19\x96\xab\x1f\rq\x84\xb51\xc2\xeaX\xc8:\x94\xaa,\x92\x8c\xb8\xd7\xb4@\xc1G+\xe7\xdb\xcd\xdfcs'</t>
  </si>
  <si>
    <t>b'\x9a\x1dt\xd0\xc0\xb2\x82\x98\xd8\xb7q\x02\x97t\xcd&gt;\x04"c\xaf\x16\xb3\xcbk\xc8#N\xf2.\xd3\x18\xd6'</t>
  </si>
  <si>
    <t>b'X\x88s\xf2\xf2"\xaa@q\xd8\xbf\xbf\x7f\xfeJ\xe0\x81\x9d\xa4\xb3\x99)\x17U\xe8\xd3\n\xadM\xcb\xcc\xee'</t>
  </si>
  <si>
    <t>b'\x90sK"\x9e\xf3\x0f\xa9\xed\xc5;\x03\x913\xf7\x11y\x19\xd9&amp;\xc7=\x86\x99\x841D:\x98\x11\xacC'</t>
  </si>
  <si>
    <t>b'\xf9\x11n\x89\xd0\x85U\x19\xc7\x18\xa4%5\xeeU\x1f\xd7\xdb\xa0\xdc\x9e\xa9\xd30\xe1\xa0P\xd6\xbd\xbdA\xd4'</t>
  </si>
  <si>
    <t>b'\xac\xbc\xed\x83Po\x91\xd7\x87\x87)Z})z\xb2%\xbd\x81\xce\xe8K\xd6\xde\\\xb1U8\xf3\x96\x9ek'</t>
  </si>
  <si>
    <t>b"\xac0\xd4\x1cP\xca&gt;\xda\xa4\xba\xd3Ogq\xc3y'\xfb\xd6\xa6\xf0\x05;\xf8\x89o\x85H\x83\x96\xf24"</t>
  </si>
  <si>
    <t>b'CIx&amp;\x05\xb1G\xe95\xfd\x9fA\xecm\r\xd5\xf6|O\xc5\xefp\x85a\xbb\xac\xb0+\x7f\x12\x1d\xe5'</t>
  </si>
  <si>
    <t>b"\xf1\xff\xc6N\xec\xd3k\x9aeJ\x03\x1e\x0fjob\x13N\x91\xcd\xd4\xd8'\x99\x02\x1d\xcbD\x08\x01&amp;#"</t>
  </si>
  <si>
    <t>b'"a\xa8\xca(3\xa5\x05C\x88\xce&lt;~\x82\xc2j\xf8\x94\x1bk\x0f\xbdS\xb6y\x86G\xe5\xd1A\x15\xcd'</t>
  </si>
  <si>
    <t>b'\xe1\x8dJL\xc6nH\x8c\xb3\xdc\xeb\xb2\x10\x9d\x10\x92\x9f\x8e\x8c\x9ct\x02W\xfdl\xc8\xb4\xe5C\xb6\x04\xa7'</t>
  </si>
  <si>
    <t>b'\x1b5\xa4\xb4\xfa\xc0#\x0e\xab\xf3\xf3\xa7\xe9\xff\xb0\x19"\xaf\xea\xcb\xde\x88\x87\xda\xbd\x89\xe4\x02\xf3\x15\xd5\x14'</t>
  </si>
  <si>
    <t>b'\xf0#\x07\x9a\xf25A/\xdc\xbbcG\x88\x81k\x120\x04qt\x95\x10\x81\xb5\x99\x17\x16.\xfb\xbf+v'</t>
  </si>
  <si>
    <t>b'\xe7\xbe\xaeH\xf8\x94\xe1\xec\xdd\xf1!\xdf\xc5r\x14\xda[\xf4\x01:\x1e\xb1\x81jJl\xdc\xabs:\xd5\xba'</t>
  </si>
  <si>
    <t>b'\x96\xf1\xa6T;\xbdK-ec\xa5\xad\x95\xea\x88t\x98\xfa\xd8\xf3\xe2\x96k\x9e\xe0\xaf\x1e\xa5$\x14u\xe5'</t>
  </si>
  <si>
    <t>b'\xa0\xcd@\x03\xe1\x9c!\x90};-=\xe1\x8c\r\x8e\xf5\xa7\xd1j6a\x1d\xad\xbe\x07/\xd0\x9f5f\xbc'</t>
  </si>
  <si>
    <t>b'\x97\xb0*-\x1e\x0fq\xbc\xd5FK\nIv?Q\xe0\xbb\x15\xe7\x1e\x9f\x84\xa5\xf2V\xca\xf4&gt;7\n\xdb'</t>
  </si>
  <si>
    <t>b'\xb1Q\x8fu\xba\xe1\x97\x94\xf0\x1d\x17\xadV\x92en\x0e\xcc\x10\xc3v{\xc9\xb6\xbeB\xe7\xcf\x83&lt;(\x96'</t>
  </si>
  <si>
    <t>b'\xe1\x7f\x88.\x14\xb0\x1da\xe6\xff\x1c4\x81J\x10]\xf0Kqm1Z,]\xee\x18w\xf5-:\xa8u'</t>
  </si>
  <si>
    <t>b'\x08\xb6MS,m\xdf\xed\xdf\x18\xd6\xeb|)Y\xeb8\xe7T\x8a.d\xb6y\xfd\xa5\xa8\x9e\xf5\x02\xcf\xc3'</t>
  </si>
  <si>
    <t>b'\x90M\xf9\xb9\t\x9f\xa3\t\xb6\x17\xd0z\x81\x9bf0&gt;Y\xb5\x89y\xeaJp\x88\x9eA\xb7\xe5ZBK'</t>
  </si>
  <si>
    <t>b'\xf0\xabZ\xfb8\xc98IT2\xa7\x19\xfc\x83X\xee\xf7\x8f6\xbc\xdeT\xfcv\x97W&gt;\xd9\x01(A7'</t>
  </si>
  <si>
    <t>b'\x0f\xe9\xa0\x1bMO\xa3\xbeL\xc1\xc1X)\xdb\x15\xaf$\xff\xc6\xb9?&lt;\xe8\x1a\x91\xb3\x14\xd9\xbb\xa0A\x96'</t>
  </si>
  <si>
    <t>b"Q'\xe7\xd2u\x96\x9f@\xd5\xab\x0eJj\x8f^\x1bf\xcf\xe6#\xc9\xa1\xab\x0e,G\x8d\xb4U\xaa\xfbz"</t>
  </si>
  <si>
    <t>b'P\x10\xf21\xc4g\xb0\x83Cy\xdf\x02\x8a&amp;\xe0IO:\x03\xb8\xb4\xe85\x96!\xa9z&amp;!&amp;\xb61'</t>
  </si>
  <si>
    <t>b'7\xbbkS\xc9\xfag\xefaL\x95\x93$\x91\xc4\x0c\x15#\xc7\xb7z\x91z\x92N\x81\x0e\xe7\xc5N\x1a\xd0'</t>
  </si>
  <si>
    <t>b'\xb8_\xecm|*&lt;\r\xfb\xcc\xa1\x18\xb1m\xf2\xe2\x89\xe7vn&lt;\x1c\xd2\x1f"\xb55\xc1\x9b\x8cbE'</t>
  </si>
  <si>
    <t>b'\x03\xed\xd7\xb2\xd0;\x83\x9a\xb4Q\xeb\x1c`\x1eu\xbe\x87\x86\x84Lr\x06%\xb0\xfc\xf6i\r\xfch\xc3\x0e'</t>
  </si>
  <si>
    <t>b'Xpv\xd1,\xd8\xe5\xe3\xd2"iYO*\x19\x10\x90#uZ\x87L \x8a\x16\x91\xaa\\\xd4b\x08\xc6'</t>
  </si>
  <si>
    <t>b'\x0f\x961~\xff&amp;\x83\xbc\xb2?\xd4PgP=,\x86cFUk^\x0b\xf0-/\xef\xcbN\x89\xcf\xa6'</t>
  </si>
  <si>
    <t>b"\x16\x0b\xc2e\x9d\\Ld\xe2'\xc1rXt\x98\xf3*\x80%3\xb1\xc8\xc3pK\x9a\xb5M\xcc/J^"</t>
  </si>
  <si>
    <t>b'\xcfo\xb1\xf6\x850\x89/\x972\x0f\xa8\xdaUV\x015\xe1\xec^\xbb\xb8k\xdcvC\xfb9\xc9\xff\x17\xc3'</t>
  </si>
  <si>
    <t>b"\x87:\xa8\xc6\xbaE\xcd&lt;\xce|0O\xfbg\x91\x8a\xce\xfez\xedB\xfe#/\xca\xa5\xdbx3'N:"</t>
  </si>
  <si>
    <t>b'\xb2\x03\xc7]\xf1\xff\xa1\x19\x8c\xd9\x85\xc8\xe8jhg\x91\xbd\xa0\x0fa\x85\xfd\xc1\xe2\xae\x13;_&lt;Q='</t>
  </si>
  <si>
    <t>b"\xd7&amp;\xa8\xcd-\x88\xfeI\xd4\x98\xfa\x92\xac\x9d)\xd3\xc7\xdb3\xdb\xa7\x0c'\x929\xa0D\xfd\xf9\x9e\x18."</t>
  </si>
  <si>
    <t>b'\xebDr\xe7\xf1\xb1\x88|\xf8\xac\x04K\xc1\xf3\xa1\x9dnEh\xf8\xf1@;\x9f5\xf42\x04\xd7I\xc7/'</t>
  </si>
  <si>
    <t>b'\x93\xec\xb8\x9a}\xe0\x9b\xd2T&gt;}\xce\x82]\x89s&lt;w$o/3\x8a\xac\xc8n\xd2\xfc~\xe8Jz'</t>
  </si>
  <si>
    <t>b'\x8fD+\xd1!%\xf3=k\x1d\xfe\x87E\xd8&amp;\xbeg\xfd\\v\xb4\xfed\xb9@$X\xfa\xbe2\xc8D'</t>
  </si>
  <si>
    <t>b'\xcf\xf1\xbb3\xd0\xf9\xb5\x04\x10KT\x96\x98\xbd\xc7x\x17\xd7)+V\x04\xb6\xa8\xfb\x00V\xc9Q\xb3\xcf\xb3'</t>
  </si>
  <si>
    <t>b'^\xfdq\xc7\x93\xf0\xad\r\x1b\xc3\xb15\x84\xcb\xf9Z\x0b\xc5Y\xfe\xb8\x0f\x07L\x08\x08+\xa7\xf2\x8f\xe97'</t>
  </si>
  <si>
    <t>b"?h\xed\xd3\x08\x9d\xceNG\x80\x16'\xd9\x99-c\x89\xe4\xd6sT\xc8x\xd7\xad\xe0\x9a\xab0\xcc\xa8\xb7"</t>
  </si>
  <si>
    <t>b'\x1a\x0c\xf7\t\xf7`\xc2\xe3\xdfz\xb5ce\xd4$\x1f\xaax\xddd{h\xef5k\x853lK\nd\xbd'</t>
  </si>
  <si>
    <t>b'\x89\t\x1bn\xd4\x9c\xf5Y?W-{\x8aE\x01\xf8\x979\xa5\x8f\x89\rW\xe6n\xf6:\x9a\x15\x7f#0'</t>
  </si>
  <si>
    <t>b'l\x99\x81F\x1c\x8c\x97\x80\xc2_XS\x00\xdb\xb7\x8f\x80\x07\x81\xe4\xbd\xa9\xf6\t\x9b\x95U\xda\xec\xd0\x95\xdf'</t>
  </si>
  <si>
    <t>b'\xd8g_V\x98CUX\xb0|\xba\xef\x04\xec&lt;\x9b\xdc&gt;\x84\x90\xf6\xa7\x96\x87BT\xe2H\x8e\xf4\xe2\xc7'</t>
  </si>
  <si>
    <t>b'9\x87\x0e\x89\xfd\xbb\x1b\xa3\x8fJ\xd7\xcb\xc1a\xa6{\x98t\t3x\n\x89\x9av\xe9&amp;\xdf\xba[l\xe6'</t>
  </si>
  <si>
    <t>b"\t\xe7'#\xba\x19jk\xf0\xa9x \xde\xb3\xb0\xc3\x99\xaf\x08\xf62\x0e\xfaiy5\xca\xa9eg\xee\xe1"</t>
  </si>
  <si>
    <t>b'\xf9J#\x1e\xd0\xb5\xc6\xd5X\x02\xbfNPZZ\xf2\xdaS\xd6/?\xd8\x89\xb8\x83\xd1\xd6\xad\xceT]\xc3'</t>
  </si>
  <si>
    <t>b"_Ps\xe1mvc\x15/#\xc9\xe6\x15&amp;]G=\xe2\xc8\x90\x9e\x08\x1a\xb8\xa7\xb7\xd6\x81k\xe3'\xce"</t>
  </si>
  <si>
    <t>b'(-\xd7\xaa\xee\xee\xceL.\x81P;\xb4V\x1dw\x96]w\xf7,}\xe1\x15G\xa4\x85\\\xcb?|;'</t>
  </si>
  <si>
    <t>b'?\x7f\x9b\xa9O\xc2aXF\xf6Q\x8a\x9f\xb7i\xb2\xd8&amp;\xd7\xb9\x08C\xff0\xd4Z\x92^\xd1G,\xd1'</t>
  </si>
  <si>
    <t>b'\x80d6qBF\x92\xa5\xe5\xe8\xc8S\x9b\xe6pGp\xf2\xc3\xfba,\x90\xf5\xdcC$n\xd2\xca\xe5\xdd'</t>
  </si>
  <si>
    <t>b'r\xa0`\x81\xc7\xd6\x83$3\xb4M\r=\xb8n\x84\xd4\x03`1\xb8\xc4\xb8B\x8c\x7f\xb7\xb2]\xb6,\xd1'</t>
  </si>
  <si>
    <t>b'\x9d4\x87\xc3*\xbc`\xd3\x08\xbd\x89\xe4\xce@\xe2\xf8)\xf3\xaeE\x92\x0b\xad\xe2]~\xdf\xc3v\x05\xf9\xb8'</t>
  </si>
  <si>
    <t>b'\xdb\nF\x15\xe2[\x9a\xf22\xbfx\x0c\x1b\xc1\x82\xa8\x0b\xecxS\xcdE\x15\x07\xdb\xd01\xed2\xf4\xb6\\'</t>
  </si>
  <si>
    <t>b'\xe5\x92\xc2]\xc3bn\x02\x10\x88\t\x00\xe9V\xc4\x0f\x05*\xcc\x92\x84\xf8F\xe5p9\xec\xaf\xd5YaD'</t>
  </si>
  <si>
    <t>b'=M\xd3\xbbp]/E\x0f\xb0i\xa5\xb5\xb7r\x11\xde\xd6-\xff\x1f\x16p\xce[(\xd4\x90\xca\xf1\xa2\xfa'</t>
  </si>
  <si>
    <t>b'\xd9\x11`a\x8a\xc7\xd3\xdf\xea\xd6q\xef\xc5\tJP\xed\xf3\x12\x179\xa5\xber\xf8\x15\xbf\xaa\x1b\xfc\xf8\xf3'</t>
  </si>
  <si>
    <t>b"&amp;\x88\xb6.\xb0\xed\xbb\x10\xd9\xb9r\xbai?\xd8\x08\xfe`\x15\x05\xe0-\x08%?\xe2\xd4\x1b'98\x94"</t>
  </si>
  <si>
    <t>b'\xd8\xa4\n\xed\xfd\xd9\xb7k\xe6E\tec\xbe\x8a\x0e\xb9`t\xee\xf8M\xfa\x14mM\xfd\xf09\xbb\xa4\xc6'</t>
  </si>
  <si>
    <t>b'\x057~k]\xceJv\xee\xdd=\x84I\'\xeb\xc7\x9a\x8a\x880\xe3\r\x02\x12\xda\x89\xdb"\xaa\x92=_'</t>
  </si>
  <si>
    <t>b'\x83\xb0!%\xad\xcf\xf4\xd5\xec\xfc\xf5m2_\x18\xa3\xf5\xc4\xf2\xad\xf4\xaf\xa7\x92\xadM\xeb\xdc\xce\xfb\xfa\x8e'</t>
  </si>
  <si>
    <t>b'\xed\xd3\x906\xaea\x89#\xec\x02\xcck}\xfcddx\x83\x07\x1a\x84B\xba\xe5\xa7\x9c\x18y\rV\x11\x96'</t>
  </si>
  <si>
    <t>b'\xaeb\x19\x04\x1e.\x91\xc5.0\xd9\x126\x85|Z\x14\xc6Y\xea\xb9\xce\xe6BP\x9a\xef\xa7\xef@\xbb\xae'</t>
  </si>
  <si>
    <t>b'\xfa&amp;\x7f\xb5\xce\xefb\x15Mk\xbd\xdfuH\xdd\xeat\xfa\x8f=\x173$z\xd1\xf9\xf2\x11\x11M\xf7D'</t>
  </si>
  <si>
    <t>b'J]\x9ay;o!\xab\xa3\xb0\x15\x07\xdat:*\xedg=Q\x03@!vh\x93}h\x06\x84\n\xac'</t>
  </si>
  <si>
    <t>b'\xaf\x95\x14Y\xfc4VT \xdd\x01\x82\xf7\x8f=\x85\r\xbf3\x8f\x8a-}\x89q\x0ea\x8c.(q\x80'</t>
  </si>
  <si>
    <t>b'T\xc9\xad\x03w|\xab\x1c\x97T\xb27}\xd4\x81\x1aY)Q_\xe1\xc1\x12y\xf8\x89\xfa\xe7\\j\xc8R'</t>
  </si>
  <si>
    <t>b'Y\xbf\x94l\xfa_\xb9\x0f\xfdZ7\rG\xd9\xdcm\xffYpJ\xfa\xca|Q\xf5\xc8\x19\xa0+"\xf4\xf9'</t>
  </si>
  <si>
    <t>b'B\xa6.#e\x842\xa6\x806r\x01\xabi\x9b\xeeo\n,\xc9U\xfe[A\x82c\xd8\xba\x92}9\xe6'</t>
  </si>
  <si>
    <t>b"\xdf\xb2\xc1XV\x86\x82c\xd8\x87\xf0&lt;\xd4\xcb\x95\xfc\xf9)/4&lt;\xb36'\x87\xd8~\xd6\x82\\\xefx"</t>
  </si>
  <si>
    <t>b'\xcf\x98\xab[\xb1\x16\xe3\xbd\x15\xfc\xa3\xady\x0b\xac&gt;\xba\x937\xbdS\xe0)\xc8\x89a.|j\xf3\x86\xf1'</t>
  </si>
  <si>
    <t>b'\xf0\xfbo\x1d\x9b\xbaC\\Z1\xfaH\xc3\xe5\xe6_\xc2N\x0e\r\xb9J\xce\xd9\xf6A\x14HWV\xa3\x03'</t>
  </si>
  <si>
    <t>b'\xc7N\xe5\x15\xfe\x1bu\x17V\x17\x7f\xe7\x18\xcf\x14\x01\xcc\xea\xb0\x97\xa2\x98\xd4\xf0\x9b"\xeeC\xe0\xe7\'+'</t>
  </si>
  <si>
    <t>b'\xc8\x8ax\x18w\x08I\x1b\xddx\x8d\x8e\x7f\x13V\xe8\xc0GD\x7f\xd1\xd1{+H\x00=kq\x9aC\xc4'</t>
  </si>
  <si>
    <t>b'Bae\xb2H/\x7f\x18\xa2\xa4\xf6\x7f&gt;\xaa\xc5\xa9\x85\xd8\xec\xbc8a\x8f\xe1\xb2\xc8\x1d/X \xe7+'</t>
  </si>
  <si>
    <t>b'b\xd6\xc9t\xc5\x1cY\x13\x93\x98\xae\xf1xFjie\r\xb9\x82\x99\xc1W\xa8\x07kl\x0eD\xd0\x96\xda'</t>
  </si>
  <si>
    <t>b'-x\xd6\xee\xdd\x04\x10\xe8\xc7x\x92\xcb\xd1\x99\xc8\xea\x12R\xe7\xc7\xb0\xdcV\xca\xde:\x9dB\x17y\x91.'</t>
  </si>
  <si>
    <t>b'?N;\x99\xc9\x8c\xd6Li\xdco\x04\x01f\x12VlE\xc7W\x07\x16e\xa6\xea\xef\xa4\n\x9a\xa5\x05]'</t>
  </si>
  <si>
    <t>b'\x8c\xbf\x11\xd1\x86y\x1e\xc4\xbcib\xf6\x18T=\x9e\x9c\xcb\x9a\x81\xc9c\xfcz\xae\xd5G1\x15Vnb'</t>
  </si>
  <si>
    <t>b'+!\xf5oo&lt;\x00\x8b\xeb\xa2\xca\xb10.\xc9yY\x167Dh!#\x95\x98\x95\xaa\xc9(\xb1\xb2\xfc'</t>
  </si>
  <si>
    <t>b'o\x02\x1e\xacB\x84\x8b5g\x98\xfa\x9d\x8d]\x02}\x81\x9c\xb8\x96\x86\xfb\xd5\xec\xf1\xa8\x03\xfb\xbf\xcf?.'</t>
  </si>
  <si>
    <t>b"\xf3\xa4\xc6\x12P\xa6\x19\xd1\xf8V\x8aGo\xb1\xc1?R\x13\x9a\xeb\xf7NS\x95\x98jc\xe1'1\xb7O"</t>
  </si>
  <si>
    <t>b'\x8a\xcfKb\xaf\x1a\x0c\xdc&amp;\xe0\xc0;\xd49\xcf\xffI~\xb79\x8f\xf6\xaf\xa9\xdcV\xfd?\xea\xda\xab9'</t>
  </si>
  <si>
    <t>b'\xff\xc5x\x9f|a\xfd\xdd\x8ea\xd2\xe7s\xbc\xec\xac\xda\xae&gt;A\xc9\xdct1dY%\xda\x902 \t'</t>
  </si>
  <si>
    <t>b"Vw\xb1\xcf\xf2C$\x12\x0fkl\x1c\xa9Po'\x03\xda\x93\xda\x12\xd9\xcc\xb9c\x161C\x912\x16\xce"</t>
  </si>
  <si>
    <t>b'L\x80\xff\xd9l$\xb5\xbb\x90\xae\x08\xe5\x95\xce\x03\xb9i\x88\x1a\x1c\x1e\x06\x12w\xb1\t\xde_\xed\xee,\x0e'</t>
  </si>
  <si>
    <t>b'9\x01@\xb6|)\xbf\xf0r\xe6\xf1\xdeA\x02\x90^f\xa1\xd0\xb6\xf1\xf3\x7fJc\xa5\xd8\xe9-\x13|\xa7'</t>
  </si>
  <si>
    <t>b"\xa2\xfc\x95\xaa\xb7\xab\x1a\xc6i\x07'\x1f#\xba\t\xb1\x02Sa\x1b\x11\x81\x8f\xb5\xc5S\\\xb4\xc4\x9e&amp;\x93"</t>
  </si>
  <si>
    <t>b'M\x85k1P\xeb\xdf`\xa2\xf9e\xee\xd3\xd57\xe5.l9\xbd3\x82\xef\xd9\x84\xb6}^`D\xe3Y'</t>
  </si>
  <si>
    <t>b'O\xa4\x9a\xf61\x95J\x83!\xbe\xe2\xd0-\x87\xf2`\xa4\xb5\t\xb3\x8b\x0ey\x08\xaf\x17i0\xfa\xce\xb4\xdc'</t>
  </si>
  <si>
    <t>b"J\xdb\x9aV\x9d\x15\x82_\xb4C\xdc|%~\x02\xb0]Fx\\\x10F\xfaR\x91v\x8f'.\xed|_"</t>
  </si>
  <si>
    <t>b'[\xb6C\x19\xf4l\xc7\xaaJ\x16\x9d\xf6N\x9e\xa6\xab\xe2\xee\xbfp&amp;\xb1d\xe2\xe0\xa8wM\xbd}\xf0d'</t>
  </si>
  <si>
    <t>b"\xc8\xc1s\xc8\r\x93\x05\xe3\xc2i\xe7f\xe6}i#\xbe\xf6i,\x0ca\xad'&amp;M(Q\x10W\xa3T"</t>
  </si>
  <si>
    <t>b'*\xb4\xcd\xfe\xb7&gt;\xfa\x12\xe7\r\x85yO\xd1[8\xd4Fo\xa8\xe5&amp;\xabtZ\xb6\x97,\xbf\x1b\xc9\xc8'</t>
  </si>
  <si>
    <t>b'\x8e\xa0\x91\xf6_\xee_=\x86\x93\x0c\\\xcb\xdf\xd6q\xbe7\x13NJ\x0cf1\xeb\xd4okk\x87\x98\xaf'</t>
  </si>
  <si>
    <t>b'\x9b\xd4o\xa2\xd5w\xa6\xb3\xbf\xb8\xa0\xc1\xca\x91\xe9_Nb2y1\xc4\x9c\xfe\xfc&gt;\xa9\xa7a\xf8\x94{'</t>
  </si>
  <si>
    <t>b'?\x13:Ri\xf5{io\xa7\xfe3\xa1\x93+\x85\x87}Q\xe5\xaaXJ\xd2\xe4\xe4:5\xd9\xe5\x19\xa9'</t>
  </si>
  <si>
    <t>b'\x95\x7f_9\xea\xa1\x9e\x00`\xaf\x8f\x05oP\x86\x01\xe41i\xdfa\xb6}iux~w\xfd\xae\x85k'</t>
  </si>
  <si>
    <t>b'\xfa\xb0\xeaN&amp;r\xb3-$~\xcd&lt;\x96@\xe9\x1e\xbdOx\x9f2\xcc\xbd\x8f\x84\xc4\xba\x06\xd8\xb6\x0e|'</t>
  </si>
  <si>
    <t>b' \xbbw\xeb\x867\x8cQ\x029\xe4\x89\xb7\x04\xc8X\xc8\x07b^\x11\xb3\x1a\xd0\xe9\xd4\xfd\xf7(n\xc2\x1d'</t>
  </si>
  <si>
    <t>b'R\xdf\xd8\xccJ-\xcd\xb9\x05i\x13\xf7\xfa\x80\x81\xb9\nu\xd4\xa6\xf0\x07\xbe\xa9\x83G&lt;\xee\t\xa9}\xbf'</t>
  </si>
  <si>
    <t>b'\xe6\xba\xe4\x0fq\xa88\xf5*Z\x80\xb6l\xa7\x92D\x01\xf2\xc3)G&gt;\xc4\x8a\x18\xf5v\xd1\xf0\x17\x8a\xed'</t>
  </si>
  <si>
    <t>b"rC\xd3\x18\xa2'k\xe0\x81|\xc0I\xab0$\xb7\xce\xf5\xf7\x9d\x1ak*\xd7\xdf?7R'\xded#"</t>
  </si>
  <si>
    <t>b'`&amp;\x98$\x03u\xdbK\x82\x98]He.\xf0\x04\x93K\xd3\xe3\xb3Z\x19\x07\xfe\x13o1"\x96\xc6\xa5'</t>
  </si>
  <si>
    <t>b"\x8f\xe7\x1a\\\xb6g\xd7h3\x16'\xe2\x96\x82\xc9\x04L\xfd[3\xad;\xa6X6\x91\xf9\xb5\x97r\x9a\xfe"</t>
  </si>
  <si>
    <t>b'E+Y\xb1\x0b\xdc\x83q\xbe\xb3&gt;\xc4\xca\xaf\x99\xf8\xc6\xb7\xd8M\xe4\xd1\xfcv\xae\xb9\x14\x0f\xec\x89\x02\xc0'</t>
  </si>
  <si>
    <t>b'\xa3q\xc2\xec K\xcd\xfe\xf7\xf6\x8b\x19\x85N\x9c\xadW\x08}\xfa\xe0dv\x9a9k\xa3\x18U\x96\xb53'</t>
  </si>
  <si>
    <t>b'`\x90&gt;\xbb\xae\xc8\x1e\x87\xeb\x0b\xbb\x16J\xd7\xb2\x15Ar\xb7\x80\x17\t\xb3Y/ \x0e6\xe0\xd8&gt;,'</t>
  </si>
  <si>
    <t>b'2\x17:[\x0c\x8cE\xfbb\xee\x18i\xc7\xbe\xf89\xa4x\xc8\xc4\xc3\xb5\xe1\xc3\xe4\x97:\xfd\x89\x0c\xec\xa0'</t>
  </si>
  <si>
    <t>b'WqnZ\xcb\xd7\x11\xe0\xda\xa0u\xe1j\xee\r{\x7fr\x94\xf5kB\x0e\x9d\xff\xddD\x84\xc8\x93\x80\xf8'</t>
  </si>
  <si>
    <t>b'\x81C`\xc5\xbe\xc7s\xb2\xf0\xdd\x9a\xcbV\xd9\xe6\xa2\xa4\x1da\xe0\xe99\xfdI\x9e\xc46\xabg\xf2\x85\xf2'</t>
  </si>
  <si>
    <t>b'E\xc7\xad\x1d\xa2Z\xd8\xa2\n\x8f\x86q\t\t\xc4\x167=(\x10G\x08\x00&gt;\x9a\xc4~\xc2\x03W_\x14'</t>
  </si>
  <si>
    <t>b'\x16\xc3\xceleR\xf1\xe9\xae!\x8d\xf2N6D\x08r\x02\xe4\x13(\x94\xe7\xd5\x0f\xceR\x87\x98*p\x17'</t>
  </si>
  <si>
    <t>b'\xdd[\xa4r\xd0\x0f\x11 u\x19\xa4\xeb\xb7\xe8\x16\xae\xb6\xc3\x8e\x87\x13\xd4\x1f\x9c\xc4\x97\x9f\x9d5\x15by'</t>
  </si>
  <si>
    <t>b'\x11\xf5*\x83\xd4\x9b\xaa*\x93(\xaa\xb88\xe7E\xb2\xceg\xfb\x97U\xdb\x174\xef\x95\x02\xb4\xe6\x11)\x1e'</t>
  </si>
  <si>
    <t>b'zUn\xffB\xc1\xf5\x8a\x81Ww*\x050\xf2\xa7\x10\x0ebhA\x90\xe0\x91\xd7\xa2\xa8.\x95\x04"n'</t>
  </si>
  <si>
    <t>b'P\\\xbf\xd7\xbbX=\x80\x19\xf4\xe2\x1fy\x9fgZg\x9eY\x00y\x1c\xb8\xb7\x18\x18B\x98\x12b\xc2i'</t>
  </si>
  <si>
    <t>b'\xb4\x1e\xbf\x9a(\xbb\xa9\x05\x90\x9a\xbc\xc9p\xa8\xaf\x02\x057_u\xc5gmM\xba\x83v\xf5\xe4\xda\x13\xea'</t>
  </si>
  <si>
    <t>b'\x83\xe5W\xb3\x88D\x97\xeb\xa4\xe2\x95EYFy\xc6\xcd\xfe\xd3\xcb\xeagg\xb0\x98\x00\x8c\x0e_\x1c\xaa\xc9'</t>
  </si>
  <si>
    <t>b'\x11\xe0\x1e\xe1T\xbe|2`\x93\xab\xf3\x0f\r\x9ee\xe7zfJ\x00KQ\n\x1d\x85H\xa7\xddF\x04\xa9'</t>
  </si>
  <si>
    <t>b'\x03\xdc\xdawh\x93|\xe8\xbcme/j\xce&lt;B\x06\xae\tb6Ow6\xc4\x1aV\x9e\xeb\xe8\xc63'</t>
  </si>
  <si>
    <t>b'|-\x7f\xb9\x00\xa1\x9au\xa0\xf5\xe0\xf4\xd4\xb0&lt;C e_\x80}a\x93&gt;L\t\xde\xd7\x80\xde\xd2M'</t>
  </si>
  <si>
    <t>b'W5c\xd6\xbe\x02\x88\x8a\x1fi\x18\x89\x15\xb7\x07\x13v=\xea\x90!?*\x13=\x95\x97\x0b:\xb4\xac\xb6'</t>
  </si>
  <si>
    <t>b'd+=\x85C\xdd\x99\xb9S@,\xbb\x1f&gt;\xffF\xf6I:\xbaV\xc6\xc0\xb6\xf8\x976\xc6J4M\x82'</t>
  </si>
  <si>
    <t>b'\xc4\xf8\x0b\xd3\xa1\xf2\xdeh\xd1~\x08\xe1\x11S\xd5C:\x9f\xf6\xde;\xb0\r\xc8?\x85s\x7f\x05\xeb;\xfb'</t>
  </si>
  <si>
    <t>b'\x9b\xe7\x96C\x12\x8c\x7f\x18\xa0\x98\x1d\x02,Mfn\xe6\xa5\xb2\x03\xd1\xfd\tT\xdb\x8a\x84\x80n\x81\xb6\x98'</t>
  </si>
  <si>
    <t>b'\xf8{\xa5,K3\xa3\x98\x1c\xe6\x1b\x91\x11-\xe3\xd7\xcb\xda\x84H[\xe6\x97\xd1li\x99c,\xe6N\xf2'</t>
  </si>
  <si>
    <t>b'\xdd\xf0\xcc\x9f\x12\xe6\xac\x15.\xe1\x10\x0c4\x88\x9a\x08\x8e\xd4"\xa4H\xbfU\x96\xff\xfaX\xaf^\xee\x96\xb4'</t>
  </si>
  <si>
    <t>b'\x022\xbdjO\x8e\xe53y\xbb\xb3\xb1\xacEM5BF\xac\xeeD\xf8\xcf YR\x7f\xa4\x1e\xba\x9b\x08'</t>
  </si>
  <si>
    <t>b'\x7f?\x14\xa8\xfc)C:\xca\xe1\xf0y\x93\xc1||\xebb\xd19\x82\x8aK\xef9\x87\xd0#\x8d\xf44E'</t>
  </si>
  <si>
    <t>b'\xaa\xc5x\xcc=\xfc\xa9,\xff0v\x17B@~\xe6X\x04B\x8ba\xc7\x86\xc1th\xbc\xdc\x0f\xcc\xeeo'</t>
  </si>
  <si>
    <t>b"\xaf~$z@\xb3\x8b\x1e\xbb\xd3\x1b\x14+\x8f\x02\xfb\xf9::\xb1XFE'r\n\xc9N\xe4\xc5\x9f\xc5"</t>
  </si>
  <si>
    <t>b'\x98\xe2\x15\x0fH\x1d\xe2\xb1\x8b\x8a\xc8\xef$\xaa\x18=Z\x1f\x85F\x83v\\\xf4t\x1d\xcb\xb6275\x14'</t>
  </si>
  <si>
    <t>b'\x08?\xe8/\x08\xc9VA\x8f-\xa29\x88\xbc,&lt;\x82\xdcN\x0c\xe5\xee\xc7\xd94uPT\x8e,y)'</t>
  </si>
  <si>
    <t>b'w\xcf\xf4U\xabS$\x08\xf4[3\x9ai\x1f\x19\xe7\x01\xb6@\xae\x0b:\xe0\xce\xea\x86\xe0Nc\xa9\xd4\x16'</t>
  </si>
  <si>
    <t>b'b\xc4\x0c\xa7@\x81\xc1\\_\x1e\x05\xfa\xbc\xcc:Fe\xeeb\xb7[\xcf\x84\x8f\xfc\xfc\xfd\xa9\x12\xd6\xe3\t'</t>
  </si>
  <si>
    <t>b'lf\x9cH\xd9r\x80DV\xd3fd\xf9\x85\x185_\x06\xfb\x1b\xe0\xcdo+\x05\xce\xb8)\x96\xe0YS'</t>
  </si>
  <si>
    <t>b'\xacK\x94\x8b\xc2g\xbe\xa8\x12\xe1 \xd2\x19ND\xd6D\x12\x9d-\x95\x95:n\xd6\xf7\xe9\xe4iE\xcdb'</t>
  </si>
  <si>
    <t>b"js[\xff'rj\x1a9\x999\xdb#\x01!\xdaz\xa5\xe4\xae\x94z;;\xc1\xa2Q\x7f\xf7\xefbY"</t>
  </si>
  <si>
    <t>b"\xd1YH\xd9\x19vu\x15 H\xcaV\xf2.$)\xa0\xc5\x1fN=\xd42\xbcA\xc8v3'p\xd7\x82"</t>
  </si>
  <si>
    <t>b'H\xe5\xc6\x8a\x8a@\x1a\xfe{\x8e\xee\xd6\xbe\xbf.mV\xee\x06\x1e\xd7\xdc\x92\xe5k\x96\x18\x07\xacs\xf3\xf0'</t>
  </si>
  <si>
    <t>b'\x1b`\xe5\xa4\x15\x98\x0ce\n;uv!\x9aW\xbf\xcc\x1e\x1a\xbcgm`\x1a\x87!aW6\xc3\x80\xee'</t>
  </si>
  <si>
    <t>b'\x99\xe0\x14\x16\xa8\x95J\xf78\x15\x92l\xa0f\xf8\x08\x8b\x1a8Z+&amp;\x1c\x1e\x92\xca\x8b\xa4"p\x97F'</t>
  </si>
  <si>
    <t>b'W\x89U\xd5"\xb58t\x805\xcd\x92\xcan\x18 \x13\xda\x1c192\xa7\x98Y\x94D\xb2J\x7f\xd12'</t>
  </si>
  <si>
    <t>b'\xa5B\xfdY\x14L\x91\xc6\xc8\xf2=\x9f\xa7\xcb\xaf]T!\x86f`\xed\n\xb6\x00\xcc{\xc2)\xad\xfe\x1e'</t>
  </si>
  <si>
    <t>b'L\xfb\r$\xa7\x9e\x99\x00\x86H\xb8\xee\x86e\'\xd7\x04fH\x02\xef\x82\xbdl"%\x8f9\x9a\x90CM'</t>
  </si>
  <si>
    <t>b"\x01T\x0e\xa153Q\xfb\xfei\xf4\xd6:Z0q\x02I\xd5D\xa37'\xde!6\x9aM\xc5\xb4\xeb\x8d"</t>
  </si>
  <si>
    <t>b'\x9fw\xb8\xa3\xe2f#\x859[?\t\x05\xbe0\xa2\x96\xa1\x1d\x13k\x86r\x06z6\x14\xbc__$\xa5'</t>
  </si>
  <si>
    <t>b'\xb0\xdc\x08 \x99XGN.\xee\x0f\xea\x8d?\xb7\x05\xdd\x04\xe7Ca\xe6\xb0\x9a\x83\x86\xc9\x8dK\xff\xa0\x8e'</t>
  </si>
  <si>
    <t>b'\xa7\xae\xed.\xec\x16\x1f\x08Y\x84DdE\xade=\xabrm\x9cD\xef\xa7\xffE\x89\x83j\x94k\xe7\xa6'</t>
  </si>
  <si>
    <t>b'i\xa3\x7f\x7f\x02\x1f\x8cXy\t\xcf"\xc5\xfc\xdax\xcc\x1c\xd5r\xdei\xc1\xae]x\x16\xb3\x18R\x97{'</t>
  </si>
  <si>
    <t>b'\x1f\xf8\x05\x9f\xbe\x107\xe6\xc9\x90\x9d\x07\x82\xf5l\xa0\x9e`^\x0c\x00V\xbap\x9e\xa4\xfal\xf5\x07D\xd2'</t>
  </si>
  <si>
    <t>b'\x0e%gq~\x0e\x9b\xfe/\x85\x04\x96\xd2/\xe1\x01\xf7m\xda\x91\x95\xd6\x91\xfa\x08v|U=3\xe0\x90'</t>
  </si>
  <si>
    <t>b'\xdb,\xed\xd7\xb4\'A(r\x1e,z\x82\x9c\x07k\xb1\x12)\x00\x94\xe8"\x03p\xd1\x10\xa9\xe8\x19\x9f?'</t>
  </si>
  <si>
    <t>b'2\xe9K\x9dS\\\xce\x96\xdbW5\xfba\x03\xa0\xb9\xf5\x86\xa8\xc9\xdcm\x87\x1c\xa6\x7f\xf4Z\x0f\xb9\xaf\xef'</t>
  </si>
  <si>
    <t>b"M7FG\xa9C\x95\x1fI\t\xde;'\xa3tQ\x84\xd9W|\xa1^\xea\xb2\xd4\xb3U\xc5\x88\xf0\xec\x08"</t>
  </si>
  <si>
    <t>b'\xa3\x14\xa9=\xabT\x8c}\x88i\xea\xd7I&lt;\x87\x08\x1e\xd5[\x97\xee\xe6\xd5\x9al\xc4\xb6v\x84%\x92F'</t>
  </si>
  <si>
    <t>b'\xa1g\xac\xf9\xbdj\nA\xf9;\xe5\xcb\xd0\xaaod\xe0\xdbL\x16\xe80\x18m\xb2\x0e\x80=|\xba&lt;\xc9'</t>
  </si>
  <si>
    <t>b'\x18AT\xbbSO\xd4\xe0\xb7\x1eE\x97\xfc\xeby``p\x84\xc4}\xb2\x89V4\xd2fOm\x7f&amp;\xbb'</t>
  </si>
  <si>
    <t>b'\xfc\xb9\x8d\x8b\x8f;\xd5\xb5Pk\xae\x1e@\xa5\xee\xf4SX\x89/\x97\x83\x9d\xdb\xbbU\xc8\x9eq\xae\\\x9a'</t>
  </si>
  <si>
    <t>b'E\xd7C\xf7\xa8+jv\xcfV%_S\x88[VK\xdci\xe6G\xed\x02\x07\x85\xc5\x92\xe5\xe4\xe6\x1ez'</t>
  </si>
  <si>
    <t>b'\xc7\x10\xc7\xae;\xb3\x9f\xe15_\xa3\xd2\xe8N\xe3f&gt;\x95&amp;\xc0\xe2\xc2\x81J\x01\x0c\x98\x1c.n\xbaj'</t>
  </si>
  <si>
    <t>b'S=\x08\x97JZY\x0b\xe5H\x02 QEi\x98\xe5;\xae\x04\xc3\x83\x96\x86.W\xf88\\$\xb1\xa4'</t>
  </si>
  <si>
    <t>b'*\x82\xa0\xdd\x01\xa5\xd4\xea\xfc\xd6x\xda\xec@\x16ZG\xde\xce\xbcA\x14\xeb\xf3\x9d\xec\xd77\x0f\x16\x80\xbc'</t>
  </si>
  <si>
    <t>b'\x00\xf8x\xaf\x8c\xc0\xdd*P\x94\x9c\xc0LW\x7f\x89\xf9\x9a\xa5\x98\x15?H\xdb\x1d\xb74\x11\xc4\xc6\x9e\xd6'</t>
  </si>
  <si>
    <t>b'\x0f\x98\x8dS\x04o\x1d\x9d\xfcq\x8b}\x96Wx\xe3B\xa2P\x97FwE\xde\xacQ\xa3\x7f\xdb#\xfc\xe2'</t>
  </si>
  <si>
    <t>b"/}\xb0\xb0}\xa7W\xff\xec\x15!@'\x1f+=\xf4\xff\xdcHv\x14\xda\x8c\xa00\xc2,\x14`~\xf2"</t>
  </si>
  <si>
    <t>b'M\xb6\x8c\x0cWb\x94\x0f\xdf\xc9\x84\xefl\x97\xb4\xcd\x0b]t\xd4q\xbd\xb4\xfc\x00\xc9\x8e\xa8\xf81\xe4\xe0'</t>
  </si>
  <si>
    <t>b'}]\x07\x82\xa1h\x1f\xc38\x8eo\x97yo\xd0\xe8\xa0I\xc9\xee\xdc\xc5\x9c{\xd9&lt;\xec\xd2h\xafib'</t>
  </si>
  <si>
    <t>b'\x03\xae\x8bt\xee\xf1\x8f\xc9\x0e\xa1\xee\xe2\x89\x02\x91\xc0\xc5\xcd\x97\xb8\x1e\xe3\xb9n\xac\x1c\xd5+m\x80\x91V'</t>
  </si>
  <si>
    <t>b'\x18z\xdf\xefmV\xa1\x94&gt;t\xa2\xb4\x1ah\x95_h\xbc\xe5\x02]\t\xf4\x08\t\x7fW\xfff\xc4a-'</t>
  </si>
  <si>
    <t>b'\xf1\xc0\xb6:\x81\xcd\x13B~\xc5\xdf\xedh{\xd3\rT\xce\xbd\x0b[d&gt;\\\x1e)G\xc6\xc5\xaf\x964'</t>
  </si>
  <si>
    <t>b'I\x92\xda\x97\xc2B\xd0dG\x9d\xe3\xa6\x87\x19\x1d\x94\x9d\x8c^\xdc\\s\x19\xb5Z\x17\x9e\xfb\xb7\x15H\x1c'</t>
  </si>
  <si>
    <t>b'&gt;\xe2V\r\x11\xc9\x05S\x8d\r\x05\xbf%d\x05\xdf\x14h[\xae\xb7$\xc1:\x1b\x08\xb8\x988\x8cg\xe0'</t>
  </si>
  <si>
    <t>b'\xb6\xb2U\xab\n\xbb\xadM=&amp;\x1e\xcc\x19Mp\x97s\xcb\x8f]0\xb4\xa7\xab\xcd\xbe?s9-\x80F'</t>
  </si>
  <si>
    <t>b'I\xa9nce\xa3O\x14\x8c\xd8\xee\xe1^K\xa7\x92l\xfd\xe0F\x00\xe3\x1e\xd6\xeej\xde\xf8H9\xf5\x92'</t>
  </si>
  <si>
    <t>b'\x1a\x17\xa2-\xe0,L\xf6\x17)P\xcd\xba{\xb0A\x91;r\xd7S\xec\xfasZ\xd8\x07\x96n\xd1z\x13'</t>
  </si>
  <si>
    <t>b'\x03\x7f\x93\xaf\xa9\xbc\xec\xf5P\x90\xa6\xfa\xe4\x82\x89\x83\xe7\xb1K\xfd-\xb2\xf3Z6\x10\xc3\xf5)\xb4a\xea'</t>
  </si>
  <si>
    <t>b'\x7f\xdd\t\xdf\x94r\x86\x1a\x85\x12\xd7-\x18\x05\x96 n\xc9\x16\x8f\xbd\xdbb\xf4\xae\x8e\x94\x9c\xde\x05\x94\xea'</t>
  </si>
  <si>
    <t>b'\x0c\xdd8\nF\xd6\x89\x02t\x9a\xf1a\xae=~\xa0\x90\xf5\x01t\x97R/\xc9*xYJo\x94@\xa0'</t>
  </si>
  <si>
    <t>b"\x96Be\xe3\xe7\xdc\xe0\xa1\x8a\xc1-\xd5WP\n{F\xde\x90\x18)*p\x19\x91'\xb9q\xa6\x9c\xb41"</t>
  </si>
  <si>
    <t>b'\x12#\x87**2\x88\xfd[A\xa9\\\x9c\x7f8\x11\xe9\x05\xe9\x88r\x17\x07\x1f\x1f\r\xb6\xb4\xd10U\xf0'</t>
  </si>
  <si>
    <t>b'\xfc\xf9L\xa6\x00\x10\x80\xee\xcd\xd3g\xe8\x8c\xdc#~\xcf\xa9c\xa4\xbe\xf6\xa2&gt;\xf1\x83\xce&lt;\xceN^o'</t>
  </si>
  <si>
    <t>b"\xc2\x97\x13\xe4\xda\xecU\x13\x07t\x91\xc1\xec[\x8f\n:(\xca?A'66OY\x92\x9c`,\x0f\x1c"</t>
  </si>
  <si>
    <t>b'PB\xe4\x1c\xfdg\xb0\x92\xcc\x1cu\xb9hw\xa2\x9c\xbd}X\x16\x83\xbe\xdc\x8e{A\xac\x15\xef\xa2l\x90'</t>
  </si>
  <si>
    <t>b'\xa9RS\x85s\xa9\x93&gt;u\xd6\\*c\x96\xd8`\xa4\\`r\xb2c\xea\xa8\x9cs\xcf\xa1\x07\x90S\xc9'</t>
  </si>
  <si>
    <t>b'\xeb\xa9\xc4iCy[g-\xa90\x9b\xd9\xde!\x84c\xbc\xe7\xc3\x8a\x82R\xf5Lb\xae\xe24`\x8a\x95'</t>
  </si>
  <si>
    <t>b'\x04\xb0\xfeC\x08B_\xc6\xe2\x13iu\xf0L\xb8\x16\xf2R U\x87\x06\xbd?R\x07x\xd1\x80LS*'</t>
  </si>
  <si>
    <t>b'\x84\xe6"\x00\xb9\x12]\xd1\x9a\xfd\xe9wK\x01\x18Z\xc5\x94\x86\x96\xfb\xa1\xc2\xb7F\x8f\x1f\x98\x9f\xdf\x18\x8d'</t>
  </si>
  <si>
    <t>b'\xf6\x8a\x99\x07\x7f\xcd\x96K]\x98\xdb\xae\x80\xab\xc6\xb0\x86\xdb\xc7\x19\x84\xfc\x10\xf3bv{UQ\xcf\x9c7'</t>
  </si>
  <si>
    <t>b'\xf0W\x84\xc89\xbe\xaa\xe3\xeb\xd1$\xbf\xe0C\x81A~\x9dZ\x83\xf21\x87\xd9]}\xe1\xc4N:\xa5\xc8'</t>
  </si>
  <si>
    <t>b'\x12\x8b#Yb\n\xf5\x9c\x1b\x8e\xed\t\xf5\xd9\x9e\x10B\xe4+\xa4z#\xfb\xd3I\xd1TT\xd50}\xf3'</t>
  </si>
  <si>
    <t>b'r7\xdc\x8c\x1aR.\xf9w\xd3\xac\xc9=\x05\x9c\x10b\xcb\xa3\xb2K\xee\xb5\x9e?(\xe0&lt;\xa7\x1f\x94z'</t>
  </si>
  <si>
    <t>b'\x7f\xf8^\xcb\x0c\xfd\x01\x91v.\xa4\xc6\xd5z)\x88\\#\xf9\xbb\xe2Vq\x83\xd9\xd1\x97\xb6m\x96@\n'</t>
  </si>
  <si>
    <t>b'\xe5\xca-\xac\x1f\xe8\xff(N\xdaTY\x1d\x81\x93\xceP\x81\x04\xc9ii\xb2\xeei\x98\xa8\xde\xea\x0c\xf6\xfe'</t>
  </si>
  <si>
    <t>b'7\x81;\x14\\ad\xa7b\x8e\xc4\x1ad\xb6\x080F:\x85\xbb)\x157\x96\xaeoL\xce\xca\xf6Ro'</t>
  </si>
  <si>
    <t>b',_~\xc2\xff\xd3A\x95\xd8\xae\xf5\xfd\xfe\xa0\xb0\xd0}\x96\xcc\x0b\x90\xe2\x85\x1fjI\x1b*`\xab\xbbb'</t>
  </si>
  <si>
    <t>b'\\\x0fD\xf8\xde\x8f-\xae33T\x0c\x95+\x9cbP\xd6\xc9\x04\x12\x9b\xb5\xbe\xf7\xadtJ\x1d\xbf\x19o'</t>
  </si>
  <si>
    <t>b'R.+\x14\x8a\x11\xb7Y\x0b\x05\xb9|\xff\xcb4\xf0b\xc0&amp;\xf0Z\xab\x1c\x01\x9f\rj\xd4\x1e\x06&lt;\xd8'</t>
  </si>
  <si>
    <t>b'5\r\xc2\x02x*W\x90\xc5&gt;\x15\xb4\xed\xd7@\x1c\x1bJ\xde\xc2\xd3\xc9M\x1d;;C\x8e\xda\xa6#\xb9'</t>
  </si>
  <si>
    <t>b"[\x83\x0f\x9c\x0b\xb7\x7f\xbd\xe4\x00N\xe4\xce!\xf8\x08o\xbf\xaf\xe1\x9e\xb56*r\xa4\xb7\x9c'Y\x99&amp;"</t>
  </si>
  <si>
    <t>b"\xc2\x9eO\rO.\x98\xff&amp;'f\x8e\x9f[\xa5\x81v\xaeM9c\xa6\xdd\x1f\xdf\x0b\xe5Mg\x130\xca"</t>
  </si>
  <si>
    <t>b"\xb7L\xe5\xbf\xc1\xbfM\xb2\xa9l%\r\xa6'G\xa6Sc.H\xa6\x0b\x17\xb5{\xbej\xf3\x9b\xb2\xed\x97"</t>
  </si>
  <si>
    <t>b' S\xe6\x12coY\xde\x86:\r\xbdc\xe92\x91&amp;\x03\xa8{\x16|\x8c\xaa\x99\xa4\xbc\tG\xcd\x11\x07'</t>
  </si>
  <si>
    <t>b'\xb4\x0c\x90tk\xec\x8c\x9bw!\xb1\x01\x0c:\xf8\xa3\xe8B8x\x04\x91\x15\xa3\x85\x1bN\x10b(\xde\xb3'</t>
  </si>
  <si>
    <t>b'\x87\xb0o\x14\x05B\x17siu\xd8\xf8\xc9\xff\xe9\x91\xe6\xdeh\xea9\xdeS\xb6\xacR\x1bY\x97 N}'</t>
  </si>
  <si>
    <t>b'\xbe\xd5H\x11\x9b\x861\xd9\xb0\x1d\xd7?\x8ft:\x99IhM\xbf\xea\xea\x03\xb6\x87\xb0\xc6\x88\xbd\x8bi\x8c'</t>
  </si>
  <si>
    <t>b'0\xf5@\x1c\xc1:\x90\t\x8c\xf3\xaet\x0ei3\x0f|w\xceU8\x8cRCu?,\x18_a\x86a'</t>
  </si>
  <si>
    <t>b'7\xda\xd1]\xe8\x96\x81\x18\xc2\xa4\xe5*r(h\x9c\xdcP\xc4\xaaRg\x92\xc6m\xe8\x91)\xde\xcf32'</t>
  </si>
  <si>
    <t>b'\xca\x9b\xd3\xdeG\xf3\xc8k\x8f1D\xfd|\x98\xab\xda\x9fd\xbeO\xa5\xb2y,\xedq\xa1-T\xadd='</t>
  </si>
  <si>
    <t>b't\xed\r\xd9 \xd2qJ\xd7\xd0p"\xd4\xa3\xae\x96\x10r\x87\xf8`\xadk\x0f\x95\x07xK&lt;\x14,\xe3'</t>
  </si>
  <si>
    <t>b'\xfc\xba\x0f\x8e\xab|\x9dri\xb7d\xa5\xbe\xdd&lt;\x92FC\xb8\xd4\xe6v_V\x9b\xfb\xe7\xa0li\x96]'</t>
  </si>
  <si>
    <t>b'H\xab\nr\xa2p\xeb\x13h\x1bw\xbf\xdf\xc4\xbe\xeb,\xa0\xf2\xcf\xb4\xf3Cc;\x8f\xf7\x873\xc8t\x8d'</t>
  </si>
  <si>
    <t>b'\xe3\xba_\xb4\x1ex\x96\x02)p\xa7\x1b\xf0w\xf3l"*\xe0\xc0ta8\x88\r\n\xff\xd2}\xb0\xae:'</t>
  </si>
  <si>
    <t>b'\xaa\x1f\xa2\xdb?\xd1A\x8b$\xd0\xe9\x9e&amp;\xbfD\x15\xb0#hJ\xfb\x16\xa7\xb5v&gt;\xe2K\xf9\xc4@\xd3'</t>
  </si>
  <si>
    <t>b'\x1c\xb5"c\xcer\x11c)\x89\xc45P\x0bj\xe55\xeeE\xf7\x8e\xe72\xcc@;jh\x1f\xd4Yj'</t>
  </si>
  <si>
    <t>b'^\xd1w\xeer\xf4gB\x1f\xf7\xe4J-\x16\xfd\xbb\xfa(\x1d\xe0#&gt;\x81\xc3\xbfy\x8e\xd50\x8a2\x00'</t>
  </si>
  <si>
    <t>b'\x96\t\x8d\x94\x81\xce\x0fO\x93\x19\xca;t0\x15mS\x00\x96\x1d\xa8\xdfU\xcc7Mb\xef\x9b\xee\x1a\x03'</t>
  </si>
  <si>
    <t>b'\xa6o\xa5E\xe3\xb2Ek\xd1\xcd\xf1Z\x94\x9f\x8c2&gt;\x7f\xf7\x82zd\xf9\xf6\x96\x0ea\xf6f\x8a8I'</t>
  </si>
  <si>
    <t>b"\x92\xe8\xcb}0\x8d\xc69\x87Bm\x80\x14\x08\x95^PT\rS'\xef\xe6\xb4`\xec\xed+\x06\xac\xea\x01"</t>
  </si>
  <si>
    <t>b'\xb9\xfag\xf4\xd6\x194\x87\x97\x9d\x85\x03\x9aY\xdb\xf7\xe8\xf2\xdf\x96\x96\xd2\xd09\x8e^-\x83R\xa5\x82\x7f'</t>
  </si>
  <si>
    <t>b';a\xf4\x0fHY\xe9^\x15s"W&lt;\xb7\xbb,\xd2\xb5\r\xcd\x9ei\x8ew\x08\x11\x1d&amp;:\x98\xabZ'</t>
  </si>
  <si>
    <t>b'\xedM\x98SB\xa7m\xd0Y\x88f\xad\x8b(\xc3}\xb3F\xb0]\x86\x9bY\xd0\n\x85\xf1\t\x14\x95\xbe\x05'</t>
  </si>
  <si>
    <t>b'J\x98\x01k)c\xf8/z\xd1\xe2\x9d)\xdd\xb9\xf4\xe6\xf9\n\xce2\xc2=\x8e\xa2\x1b\x14_&amp;\xa5.\x7f'</t>
  </si>
  <si>
    <t>b'\xbb\xd7\x84:\xeep\xbb\x1a(Z?o\x12\xa2F\xfdO\xde\xbe\xdb\x07\xa4|\x90\x1e\\\x9c\x1a:[\x1ba'</t>
  </si>
  <si>
    <t>b'/O\xda\xcb\x80t\x1a0L\xb4V\x0c|\xec\x12\xeac\x8ca\xc2\xff\xfb\xdb\x8c\\`B\xe4G\xc9\x91t'</t>
  </si>
  <si>
    <t>b's,\xc7\x94\x8fm \x95-\xd4\x07H\xca\xc2\xaf\xa6.\xeb{\x85\x15\x80\xd8I\xf2k\x1f\xb4uYFH'</t>
  </si>
  <si>
    <t>b'\xed|\x8b\xc1\x08\x94F=\xce\x8a\xac\x06\x89Xpu\x8b\x9f\x11\x18/L\x0ej\xae\xe4\x19nt-\x92^'</t>
  </si>
  <si>
    <t>b'\xfe9\x8b\x1bU\xa2\xd7J\xeb\xa5"\xf5\x192\xe1\x81\xd8\x99_C\x9a\x1a\xbcQ\xa3\xa4!\xb2\xadS\x86\x92'</t>
  </si>
  <si>
    <t>b'\xdc\x0f\x06\n,fc\xfb\x91\xcan\xb9O\x08\xb8\x8e\x1c\x11\x82\xdf\xb1\xac-&amp;cO\r9NvSt'</t>
  </si>
  <si>
    <t>b'gY\x9c\x8f\xad?\xd58\x92\xab-I\xccl\n`\xe1;\xd2@\x0ee\x1c2\xd9fm_\x15S\xff\xcc'</t>
  </si>
  <si>
    <t>b'\xdc\xe3\xfd`z\xa3\xf2#9^\x88|L\xebyb?+`\xf8\xb2\x88\x0f\x0c\x03+\xdap\x91\xf7\xc69'</t>
  </si>
  <si>
    <t>b'a\x08\xf2\xa2\x8b\xf9\xb0GEQ\x81\xe0\xee\xb4\xf5DU\xc52C\x845\x17\x8a\x9d4n:\xc9\xda\xdf\xc6'</t>
  </si>
  <si>
    <t>b'/_\x86\x96\x1b\xa2W\xe2^\x0e\x80\x10\xb0\\v\xf2\x85\xfa\x8d\xb3\xa8\x82\xbb\xd0;u9\xa2w\xff\xd8\xbf'</t>
  </si>
  <si>
    <t>b'\x12\xf5-\xcb\x8e\x1a8\xb2\xd2\xb9*S\xe1`\x0f\x8c\xc27=\xa5\xf3\x9eT\xc7K\x0epx\x1f\xcb\xb3m'</t>
  </si>
  <si>
    <t>b'\xa4:o?\xc9-J\xfa\xc5\xdf\x06(\xa8K\x18\xce\t\xea\x86=\x0c\xd3\x93\xdb\xd9n\x1e\xd0\xe2;\xe6\xe7'</t>
  </si>
  <si>
    <t>b'\x98\x14\x93cKzTF\x96$:\x1f\x02\xbcp\xa8\x03\xe5i\xb4\xe6-!\xdf\x93\x1f\x82R\xfb\xb6\x02|'</t>
  </si>
  <si>
    <t>b'\xe3Xz\xfeQ\xceCS\x8c\xa3wk)\xcd\x03g\x03\xabs\x189\x82^\x7f\xe4$}\xb9\x02m\xfb\xae'</t>
  </si>
  <si>
    <t>b'\x82\xd40\xf2Yg\xffE\xb7\x9adJ\x10\xacBC\x9b=5C\xb5SP\x02A\x9b\xf2@F8\x9eT'</t>
  </si>
  <si>
    <t>b'i\xe1;\xf3\xb0\xf5, \xe26\xa1\xf8\xf1\xc9Y\r`\x06\xb1\xb4H\xee\x92S\x82a\xe1\x06\xb4\xa4\xb9\x16'</t>
  </si>
  <si>
    <t>b'\xd6\xbb\xec\x9a\x89\x1ddG\x9f\x8ep\xb7\xa5\xb3[\x80\xe9\x0c\xd2\xdf\xdcv\xf9\x86\xa4\xd3\xc4\xcc\xe2,\x97\xc2'</t>
  </si>
  <si>
    <t>b't\\O\xe7\xdb\x10fRo&gt;\xef\xbb\xd6n\xe3\xbf\xa9\xffg\x8b\xca\x12\x0c\x86&amp;\x11\xc2\x04\xef\xc0\xfb\x07'</t>
  </si>
  <si>
    <t>b'\xfb\x0b(\x0c\xa6\x89wlh\x8a\x97\xac\x9d.\xe0\x85\xe8\x91\x07l\xca\xe4\x13\x8e(g\xe1(\xa04.+'</t>
  </si>
  <si>
    <t>b'3\xbd\xfe\xd6@XD[\x07k\x83\x12n\xfc\xd4\xcb\xe5\x94\x06\xd5\xab\xbaDxu8\x81\xf9\xed\x01gQ'</t>
  </si>
  <si>
    <t>b's\xd6\xe4Ty\xa0\x8b\x83\xb4\xab\x03\xbf\x13\xec\x97\x1c\x14\xa6[\x148\xa44\x1dy+X\xdb:\xa85\xb8'</t>
  </si>
  <si>
    <t>b'\xcfd \xb1\x02\xb0\xe8\x05\xe9a\xc3\xad\x8bp%/$\n\x1c\xb4t\xbf\xf2\x9bT~\xba{\x16Y&amp;K'</t>
  </si>
  <si>
    <t>b'#\xe1\xaaE\xef\x9eMv\x84$\xc2\xf8\x94\x03\xa7\x92\xbf\x82\xe3\xf4\x16\xe2\xf2\xe5@\xfa\x8d\x8di\x90\x8e\xc8'</t>
  </si>
  <si>
    <t>b'K\xdd\x98U\x01SQc\xe5\x1a\xe4\xa5\x99\xbdq\x84\xbd\x96\xda&lt;`8\xdb1\xb8\xdc\x8ct/\x8b\xf2\x1a'</t>
  </si>
  <si>
    <t>b'\x87\xb3G\xbb\xbdP\xf0\xff\xd8\xabw\x81\x82mZ\xa3$\xf0L\xba"IP\x16\x9b\x07\xf3\x9c-\xf2V\x19'</t>
  </si>
  <si>
    <t>b'v\x01\x9dR!r \x95\xe1\x87;$\xde\xe6\xf9p\xe1a\xe2\x0c\xc0?\xe7\x8d\x8fK{\x16W\x057a'</t>
  </si>
  <si>
    <t>b'\xacu\xaa\xd9d[\x1c\xb5\x1fag\x84\x0e\xeb\xa5\x07\xab&amp;\x14\xf3\xdf\xd1Y\xf2\x0f \xdc-\xd3:\xcc\xa6'</t>
  </si>
  <si>
    <t>b"\xa3&lt;a\xa8\x99\x87\xd0\xd7\x7f\xba'\xd2b\xcb.\x99\xe3\xfd\x08\xce\x1c\xa0\xdeo\xa2Q\xff5\x9aYG\x05"</t>
  </si>
  <si>
    <t>b'$\xae\xb0\x91^T\n\x131\x8c\xb3\x19\xfa`\xd6\x01\xd7\x15\xea%\x01B\x17\xc9.\xcf\xd0\x96b\x19\xc3F'</t>
  </si>
  <si>
    <t>b'\x8b\xeeuF\x0f\x031\xbd_\xb6s\xc6\xbcY}R\x0f\xc9\x80y\xc3Uq\xc9\xe2O&lt;i7.h\xa4'</t>
  </si>
  <si>
    <t>b'\xa1\xbf\x9bI/\xc2\t\xae\xfe*\x0b\x19pB\x8c\xe8\xc0\x89W\x00\xb6N\xe4\x1b_\x88\xd2\x93.\x8f\x95\xd2'</t>
  </si>
  <si>
    <t>b'\xf7\xdaa\xb1\xf8\x87\x0f\xb7\xf5C]y\x9c?/\xda\x19\x16\x08e+\xcez1\xdbT\xfb\xce\x14\xe6AR'</t>
  </si>
  <si>
    <t>b'8\xab\xd4Q\xc3X"\xd70)\xbf\x96\x1f\x9a\x90\xbe\xc5\x16x^&lt;\x98\x0bY\xff\xa6C\x12\xcb+\x8e\xf7'</t>
  </si>
  <si>
    <t>b'\xefh\xe8\xf3J\x90\xd7\xb59\xe7\x93\xbc\xe4qE\xbd%\xa2\xfd\xd3s\x06z\xdaF\r\x87|kJR.'</t>
  </si>
  <si>
    <t>b'!\xd4\x0f@\xd5K\x95\xdd\x82AwJ1Z\xd1\xb1b\x10\xdfj\xb7\xa0\xef)i\xeeA\x93&gt;\x8a\xe7\x19'</t>
  </si>
  <si>
    <t>b"xnp\xed\x0c|\xc9\xe2\xe8M\x02\xe2e\xe7R\xec\xa6\xde\x04\xb9S\x9c'\xdfF\xde/\x9d\xcd\xaeT@"</t>
  </si>
  <si>
    <t>b'\x9fgJ\x8f\xe9\xb4CH\xd5\xb1\xe6\xd5?A)X\xd8\x9b\xd0\x97\xf2\xbcj]\xb3\x89F\x95\xf9y|\xda'</t>
  </si>
  <si>
    <t>b'ZTF\x8b\x97[}jo\xbe\x8b4aA\xb6CC\xf8li\xeb\x00\xdd\x9c\xa2\x8dyL\n\x17\x1c\x06'</t>
  </si>
  <si>
    <t>b'\xef\xe0(\x88g8\xb6k\xc9|\r\xbc%\xb9.\x96\xda\x06\xc5.Q&lt;\x99]\x9c\xb5v-\x93D\x14&lt;'</t>
  </si>
  <si>
    <t>b"\xa4 \xa9\xec\xd9r\xb9D\xcf\x0bY\x04\n\x83\x98'\xfb*f\x8a\x17\x9b\xccR\xf6\x97\xd7\x18\x97\x19\xf8\xf5"</t>
  </si>
  <si>
    <t>b'\xfb\xf5\x12\x1c\x92\xf9x\xfd\xfe\xaeAz\x07\xb9?\xc1\xcd/Q\x89\xe8\x0bCs\xdbz\xbe\xca\x0f\x8a:x'</t>
  </si>
  <si>
    <t>b"\xb84\xbc\xa57\xcdjO'\xf4\xaeG\xdb\xd7\x9b\xdb\x83&gt;\rU\xcf`\xab\xdc\xd2\x01 \\\x18:\x86\xe8"</t>
  </si>
  <si>
    <t>b'\x10\x95\xc8h\xd2~\x1a\t8\xde\xf3&amp;\x8a\xc0\xcac\xb4\x8c\xfev3h\xfe|%\xd2\xf3\xc5{C\xb2c'</t>
  </si>
  <si>
    <t>b'5\x9b\xd6T\xfb\x00\xc0\xa7L\xea0\xc3Z\xd0w\x84\xae;\xd2\x0e\xa5*\xab\xe5\x1c\xd6:\x1f&lt;\xfd\n('</t>
  </si>
  <si>
    <t>b'\xef\xda\x88\xe5i3\x90S\xdac\xc8\xd4\xd2\xe9?^\x92\xa6v\x04\xb7iD\xad\x99\xa2Hb\xf1ma\xc1'</t>
  </si>
  <si>
    <t>b'2\xa638\x84_\xf8\x10\xd4\x86+\x92~C\x92G\xf2@Cu`\xf6i\xc2u\xd1!G\x954\x83\xd2'</t>
  </si>
  <si>
    <t>b'T\xc9\xd4\x86\xf7\xd56\x9e\x96\xc1y \x00\x8dq\x98\xe2I\x05\xf2e\xef&lt;\xc5K\x9d\xb6*\x07\x1b\xe0\xc2'</t>
  </si>
  <si>
    <t>b'nqL\x91D\xf8\xb0p\xde\x8d+\x133\x03z\tQ\xcd\xc3&amp;Z\xc8\x80\x91\xe6+;\xafg\x14P\xac'</t>
  </si>
  <si>
    <t>b'\x0f5\xe9t\xa8V\xd3\xdb\xd3\xf7\x03\xa8\xc1Y\xf2\xe0\xa4t\x0f!g\xd7\xc8\xec\xb8\xbbr\x92\x00mi\x12'</t>
  </si>
  <si>
    <t>102xx</t>
  </si>
  <si>
    <t>b'\x8b7\x97pA\xd8C\x97\xb1[\xf69(\xc9c\xdb\xd1\x12\x81\x17F\xd1\xe0\xdf\xd5\xb2\x88\x03(M&lt;\xa0'</t>
  </si>
  <si>
    <t>b'e5\xf8u\x9e\x86\xfa\x90Jv\n\xee9\x10\x0f\xbd!\t\x16K\xday\xc3L\x08We\xae\x94\x8a\xc4\x19'</t>
  </si>
  <si>
    <t>b'\x0f\xc1\xe1\xb3\xd7\xb4\xad\x85=\x81\x03\x97\x82U\xec\xa8\xd4YO\xea\x08\xca\x02\x8f\x07\xe1TG\xd8\x1f\xa8\xd9'</t>
  </si>
  <si>
    <t>b'\x86O7m\xd5\x8dc\xa5\xe9p;\xe4\x9f\xfc\x89\x11\xeb,\xe4\xfdci\xab3\t%\x07\xc8\x1e\xf7Ua'</t>
  </si>
  <si>
    <t>b"\x88?\x10\x1c\xf8\xbe'8\x1d\x11+JS2\xecA\xdd[\xf5q\x98\xda\xfc\x10\x9b\xc7\xd0\x9a\xa9\xcb\xef\xdd"</t>
  </si>
  <si>
    <t>b'\xda\x11\xe7)\r\x81M\xebf\x95!\xef\x1d\x1d\x93#A\x01C\xfb5\xf9\xdd\xe3\x9c^W\xd0\x93\x87\x8f\x1d'</t>
  </si>
  <si>
    <t>b'\xbb\xb67\x17,\xd3w\xba\xf2q,j\x00lw-\xaa\xa9t\x1a\xf2\x17\x9c\xc5UIS\xd9\xfe\x15\x92\xcc'</t>
  </si>
  <si>
    <t>b'\xac\x81,\xc0\x0e{\xdd\xdb~D\x03+\x85\xb0I\xf7\xc9n\x16\xf56\xab \xbcB\x94\x15\xeas2\x81\xca'</t>
  </si>
  <si>
    <t>b'f\x9ak\xbd!\\\x03\x07\x1c\xd0"\x07s\xd5\x81\x15\xff$\x1c).\xa1iu+/\x91\xc4[\xdd\x17\x90'</t>
  </si>
  <si>
    <t>b'\x12\xf4\xbe\xcdV\x17\x181\x9b\xb7b)\xf0e\x96w6\xacP0tT\xe2@\x0eb\x027\x80\x8f\x19\x80'</t>
  </si>
  <si>
    <t>b'\xa2\x89\xb0,/\x07/\xa5\x0cwWw\x02\xef\xaa\xd3\x07\xfa\x82_^\x96\xcd\xa6\xa8\xf2h\xa5\xa5\x9ee\xd3'</t>
  </si>
  <si>
    <t>b'{a\xec\xae\xfd\t\xd4\xa3\xbc5\xbf\xed\x85\xa2\x86\xb6\xa3\x80\xd7\xb4\xa07\xed\x0c2\xfa\xf7\xa7\xad)\xaf\xa7'</t>
  </si>
  <si>
    <t>b'2\xa4\xbekX\xcb\xe0\xd7\xbf3\xa9r&amp;\xf4\xf7\x99;\xae}x\xc9\xcc\x13\x95\xe5\xab\x0eP\xe3\x16\x0f\x04'</t>
  </si>
  <si>
    <t>b'n:\x1e\xaf\xda\xc3\x12e`0@\x03`&gt;\x13\xa1\x00\x0f\x95_-\x02\x99\xd2C\x15mb\xd7\x85\x82\xcf'</t>
  </si>
  <si>
    <t>b'%\x0f\x9a\xc8\x15\x13~CK\xd7\xeb!J$\xeb\xfa?\x014\xc9$\xe3\xd6R\x0b_\xad]\xec\xdf\x19%'</t>
  </si>
  <si>
    <t>b'\x13\xe5\x94An\xb0\x0c\xfc\xd2\xff4\x01d\xac\xff\xecQ\x83\xee\xf2\x18\x04\\d1\xe7\xb41JoZi'</t>
  </si>
  <si>
    <t>b'\xbb\x99b0\x06W\xe5&gt;^\x17\x1ei\xb7\x07\xd8\xc8/\xd7/\xb3\xe5,dQ \x82\x92\x9f\x0b\xa5\x8d\xb1'</t>
  </si>
  <si>
    <t>b'\xcfiU\x0f\x93Z\x9d#\xe5\xf7\x0f\xf5\xa7`&amp;\x11\xd3x\xd9XE\xab\xc4\xad\x94\x11s\x0c+\xcd\x07\xfb'</t>
  </si>
  <si>
    <t>b'\xca\xe4s\xb6\x1a\xdfRi\xff\xd0\xf8rU!\xab2\x1d\x0e\x9d-\xbb\x18;\xc1$s\xf8\x1e\xe1\xb9\xc7b'</t>
  </si>
  <si>
    <t>b'RS\x97\xa6\x14\t\xf0\xaf\xa4\x1a\xca\xb6)\xd3\xa3\x81\x00)"\x14\xb9\xbc{\x98\x85\x89\x01\x8eR\x01\xbf\xd2'</t>
  </si>
  <si>
    <t>b'\x96sRZ\xf8^\x80H\x7f\x8c\x12!|,\xa4\x80\x82\x82E\x16+5!}\xfeU\x11\xda\xadow&amp;'</t>
  </si>
  <si>
    <t>b"\xa8O\xe5\xa0',\xab4\x8bb|&amp;\x86\x95\xd2\x15\xec\xc2\xb8]\xc0\x9e&lt;X\x0c{p\xf2:\xcc\x13\xa1"</t>
  </si>
  <si>
    <t>b'&gt;\xe0\xf5c\xa2\x9fe\xb8\xab\x01\x9f\xf6\xcf\x95z\x87\x16m_\x83\x07\xe5gW\x0c=\x83\x8e\xc19\x1f\xe7'</t>
  </si>
  <si>
    <t>b'k\x9a\xfbf74t\xbdy\xe6\xc2\xa7\x1a\xeb\xa6\xcbP\xd8\xa3\xd2\x99\rX\x1a5\xaeA\x05b\xbb\xfb\xc1'</t>
  </si>
  <si>
    <t>b'\xe5\xcc\x88\xf8\x83i\xea\xfar\x1b\xf0\xc3\xbfO\x04\xdc\xe4\xf1\x82W\xf85\xd3,"\xad!\x9e\xbd\xea\x13&amp;'</t>
  </si>
  <si>
    <t>b'\xefd\xcd3o\xba\xe7\xe8\xa8\xcd\xadB\x9b\xe9\xccM\xffkk\xf1-Z\x11\x90\x08_\xe7\x89$\xec\x14&gt;'</t>
  </si>
  <si>
    <t>b'\xd9He\x1f\xc35\xd3\xa8Lx\xc2Xp\xad\x1d\xb8\x1b\x18\xef(|5\x05F\xabUX\xb9\x17\x90p,'</t>
  </si>
  <si>
    <t>b'\x19{\xa31\xdb\x1f\x07-\xc2O}\xda\xc0\x83\xf1&amp;\xc0\x14\xbc\xc9\xe8\xc07\xbe\xab6o|\xff[K\x9e'</t>
  </si>
  <si>
    <t>b'\xca\xc2\x9d\xba\x89\xe61\x8b\r\xecn\x94MI\xe4\x0b\t\xa3Ip\x08\xc3\xb2\xfd\x86\x04F)\\\x0e/\xe4'</t>
  </si>
  <si>
    <t>b"Z\xbc\xeeQc\xf9\xb3\x8e\xb2\x18\xec+\xfcZ\x19t\xddj\xda\xe4\r\x03\xcb\xc9\xc6'\xa5\xe9\xfa\xe2\xf4\xbb"</t>
  </si>
  <si>
    <t>b"\xf0\x92\xfe^X\xbb[\xbca\xe3\x1f3\xbd\x8b570~G\x96@?d'\xda\xc8\x9f\xed\x8b|\xb0\xac"</t>
  </si>
  <si>
    <t>b'^\xbfx\xe5t\xda\r\x89jD\xe2\xe3\xb2\x8a\xef\x7f\xa30\x92b\x0e\x9e\x9a\xfa\xee\xe6~\x82V\xd3\x81\xd6'</t>
  </si>
  <si>
    <t>b'\xb0\xc69\xbc\xbe\xe60;\x19\x00\xbd\x05\xcd\xd114\xf5\xdd\\l\xf3\x9f.cM\xc0K\xbb#\x18^X'</t>
  </si>
  <si>
    <t>b'\x1f\x9d\xc9\x02&amp;\x10\xcf\xe8\xf8\xdfC\x95\xe9d\xee\xc3J\xd1\xd2D\xfe\xb5\xed\xf901\xa3\x90R\xde\xe5O'</t>
  </si>
  <si>
    <t>b'\xb6vl\xcd\x1bpQc\x11\xd6Q\xcaq\x83\xdd\x9a\x1f\xa6\x03\xe4\xea"\x92\xef\x84-\xb4\xfax.\x16r'</t>
  </si>
  <si>
    <t>b'&amp;W\x01\x16\xe1\x8c\xa5\x88O\x0f\x14d\xc8\xfbJ\xdd\x8c_\x9d\x18\x98w\x13`\xc9#I\x82\xa5obI'</t>
  </si>
  <si>
    <t>b'\xa2a\x1bP\x0bu\x1d\x7f-\x85\x92\r&amp;\x1aQ\xee\xf6D\xd09x\xb5kB\x9c~\x19m\x9aB\xa1B'</t>
  </si>
  <si>
    <t>b'\x9d\xa9\x85\x83\x9b\xfa@\x91\xf1\x87\x92\x08 \x8b_\xb2\x03\xf3\xbf\x1b\x19\xe2\xcd\x84\xfb\x9a\xf2\xb1\xae\x0cvq'</t>
  </si>
  <si>
    <t>b'\x96\xf5\xfa\xde\xb4\rOR#E\xb5\x98\xaf5\xcfs\xa2-\x06\xe2J\xb5\x11\xac\x7f\x9c\x957|\xb1\x95a'</t>
  </si>
  <si>
    <t>b'\xf1$,\n\x05\x11\xf8\x1f\xed3x\xc7j\xdd\xa9l\x83L\x86E\xbav\xec\xf9a,XT\x04&amp;f\x81'</t>
  </si>
  <si>
    <t>b'^|\xca\x00\xfcRQ\xbfU\xb5\x8e\xfd\x9d\x10\xdfE,\xae\x81\x7f_h:s\xcb\xbb\x1f\xd4g\xcc\xbc\xe4'</t>
  </si>
  <si>
    <t>b'^\x1c+V\x97\xaeu\xe4=\x94\xf8(\xa1\x13\x03&lt;\x92\x11\xca\xae\xd5\x12\x9d\xb3&amp;\xbd\x17\xb9|\xd2\x16\x00'</t>
  </si>
  <si>
    <t>b'S8pWb"\x037\xe1\x96\n\x95i\x01\x86v^\xd7=\xf6\xa8;\x8f\xf7b\\\xad\xdfxF\x916'</t>
  </si>
  <si>
    <t>b"'\xf2\xc7\xa3\x92\x1b\x8d\x83)\xa7q\x12\xa6\xef\x1cR\xa8\xca\x91\xde\x81e\xb1\xa6\x11\xd1SJ?\xdd\xc2\x00"</t>
  </si>
  <si>
    <t>b'`\xf9\x0b\x80\x1f\xca2-~o\xc0\xbb\x1f4\xd0\xd4\xf8\xc4\x8f(\x15\x988[\xa5\x02\x81\x1e\xa6\xee\xabI'</t>
  </si>
  <si>
    <t>b'\\\xf9Z\x12Q\xce\xe9\xa2\xdb\xd0C9\xc1\x1cl\xd7=\x17\xe3\x8a\xc5\xc8\xd1\xef\x8bw\x81O\x93\x1cC('</t>
  </si>
  <si>
    <t>b'\x1e\x87\x84\x99\x96\xb2\xba\xb1X\xf1\x90D\xdb\x15t\n3hH&amp;\xd6\x10h%@n\x7foV\xbd"l'</t>
  </si>
  <si>
    <t>b'\xf7\xc40\x04\xfbf\x1d\xc0\xf3R\xbfS\x86\x92&lt;2.\xe2\x9f9\xb3\t\x8d\xab\x7f\xf4\xce,\x96\x99\xa7\x92'</t>
  </si>
  <si>
    <t>b"\x02\x9c\xfbn\xfe=P\xb9\x06?\xbdt\x03\xc2\xbb\xc6/\xcd\xfb?\x1a#!\x91\x8a\xeb\x1f\x97\x1f3\r'"</t>
  </si>
  <si>
    <t>b'\x1e\x85$y\x80\xe8\xa9h\x8b\n\xa7\xfa\xe1c\x18\xf9\xef\xbcg\xa3\xb1\x10h[\x03\x82\xb5\xf42\xc8\tJ'</t>
  </si>
  <si>
    <t>b'\xa1\xe6]\x0e\x02\xd8\xd6\n\xda1\x9c\xfe/\xc9}\x97#\xde\x9f\x02\xf5\x01*\x16\x81\x90\xab\xff\xe9\n\x82\xb2'</t>
  </si>
  <si>
    <t>b'9\xe0]7\xb3\xc6\x1c\xfdD\x0e\xc2\xe9_Q\xc7\xean/\xe2\xfc\xcf&lt;\xf2\xe5\xea \xa5bl\xc7\xed\x89'</t>
  </si>
  <si>
    <t>b'\x06\x87\xee\x0e#\x96\xe1\x9b\xbcSMu\xdb4\xdeL\xc5.\x8c\x05\xfe\x94\x96\x15\xb90y\x88\x82p\x9d|'</t>
  </si>
  <si>
    <t>b'`\xb8\xb1{\x97p\x14=7\xe6\xaa\xaf\x0bwa7\xe8\xfeI\x0f:yG\x84\x7f\x1e9\x08\x1b\xbb\xd1\xaa'</t>
  </si>
  <si>
    <t>b'\xb4\xf1&lt;\x82v\x14\xf81j\xb6\xa8q\x14\xbc4#\xb6\xe4\xa5:\xbd\r\xf6{K\xd7s\xa0~:\x02\x9f'</t>
  </si>
  <si>
    <t>b'\x08g\xcbM\xa0\xbbB\xfcR\x10CIGg\xa5\xd3\x17W\xb4g\x9b\x18\x91\t\xc4\xd4\x8fy\xdf\x8e\x14\xb8'</t>
  </si>
  <si>
    <t>b"$7\xfdiF|\xf2\xb9q5'\xb0\xfaM\x01\xce\x8c\r\x9f\xb6\xb7\x16\xf5\xee\ta\xbb\x8a=\x92\xce&lt;"</t>
  </si>
  <si>
    <t>b'\xcf\xafC5&gt;\xb5\xcae\xa8rS2{\xae\xa1\xac\xec2\x94\x08\xbd\xc0\xc5#,[\xcdO\xc4gTs'</t>
  </si>
  <si>
    <t>b'Ya\xf1\xd6O{\xfdO[\xd9\xc2\x16\xd7\xdd\xff\x93\xc9(\xf5\x8f\xc7i\xba\x1d\x9cS0j&lt;\x1e\xcao'</t>
  </si>
  <si>
    <t>b'\xaa7v-\x13\x94\x10\x8f\x0f\x912b\x9c?V\x98\xe6_jO&lt;`\xec\x86\x90\x80\x0ek\xdf\xe2\x01\x0e'</t>
  </si>
  <si>
    <t>b'%F\x90\x96\x9cc\xedXR\xc9\xef\xde\xa9\x1cf\xfa\xfbU\x9a\xd5\xd4\xe4\x0b\x97\xcf\xae\xc8\xc9\x81\xa0+\xa9'</t>
  </si>
  <si>
    <t>b'\x165\xd1-\x19\xf25\xcdW\xdc\xf24\x00he\xab\x1d\xea\xbe\x98\xd1\xf2\x85\x08\x0b.\xd7\x82\x82\xa08\xe8'</t>
  </si>
  <si>
    <t>b'\xb9I\x85\xd7Yn\xe8\xb0\xfd+\xd0\x02gB\xaa\x9c5\x7f\xf5\x8d/\x94\xf0\x7f\x98\xd1\xff\xe2~\x9e\xc85'</t>
  </si>
  <si>
    <t>b'\xab-y\x83\xb6\xdd\xb1\xbeB\xcb\xa4-qO\x14\x01G\xef;\xa9\x83@\xe2\x03\xcc\xc2\x8de\xa1\x80#\xe3'</t>
  </si>
  <si>
    <t>b'^\x0f\x17x/\xcbR.H\xf5\x97\xb9\xdey\xce8a\x03Xp\xa5eb\xab\xcd8\xbf\xf7\x06F\xa9+'</t>
  </si>
  <si>
    <t>b'\xe3c\xe8\xd6[\xa9-\x01\xfd\x14(\xd9\x1arx\xf0\xae\x98\xe0^\x13\xd0P\xb9\xee~\xcb\xf5H\xef\xcb`'</t>
  </si>
  <si>
    <t>b'\xd4\xd2\x8c\\%L\xbb\x8f\xff\x0f\xff\xc9\x11j\x0bp\xc0J\xd0\x9cz\x1e**6B\xed\xf8=\x97\xe7\x89'</t>
  </si>
  <si>
    <t>b'\x02\xa7\x03\xc7eZ\xd3@\xac\xac\xb5\x98\x1e\xba\xc2\xc6\xaf"i\x92\xe0\x1b\xf0\x98\xc8\xc0\xf2\xbd=!\xafn'</t>
  </si>
  <si>
    <t>b'&gt;\xd3\xd1\xf5Sa\xe5\x11\xdd\x1cb0\xcd&amp;Pu\xf9\x01\xa2\xa9\x87_L#(\xe7\x89\x9d\x07:\xeb&lt;'</t>
  </si>
  <si>
    <t>b'\x85|\xac+\xd2h\xaf\xeb\xdc\xb3\xffI\x88\xe1\x16b\x9f\t\x9f:\xa6\x16\xbc\xe0\x88\xa0\xe1\x05\x8a\xf4\xb4F'</t>
  </si>
  <si>
    <t>b'3\x92_\xd6nJ6\xcb\x0f\xe6\xf98\xbc\xf4\xffH\x9b!\xa4\x02\x11\xa5\xafB\xbet\xb0\x1c|\xa34\x89'</t>
  </si>
  <si>
    <t>b'!\xe5\xb8\xc1\xd1\xfc\x93\x1c\x8c\x1d\xb3\x19\xf0\xee\x00`\x9d\xb8"\xe4\xb9\xdf\x06k?\xbd\xcbv\x19\xfc\x8f\xb9'</t>
  </si>
  <si>
    <t>b"\x9ce\xb4h\xbe\xfas\t\xec'\x90y\xa0B\xd2&amp;]&amp;.\xc0\xdb~z\xbe\xd9\x81\x9a\x00\x84\x92\xd9("</t>
  </si>
  <si>
    <t>b'U\x90\xb3k\xb2y\xcb\xbf\xdf\xf4*\xbe&lt;\x97c\x947\xfe\xb3\x99\xd92Y\xaf\x12\x1d%\xb5[4_\r'</t>
  </si>
  <si>
    <t>b'c;\xcb\xc5\x1f\x01\xd4\xb0SjTS\xc0g\x81\x18\xbe\x9a\xd4\xdf\xc9\xf1\xb9O\xcai;K\xe2\xa9\xa0\x94'</t>
  </si>
  <si>
    <t>b'\xe1\x93X/\xae\x9a\x88\x19\x18\xc3\xdcn\xe3\xbfA\x8eI\x08\xd8t\xdf\x94\xde\xb9\xdeF\x92\xf8Y\xccS\xde'</t>
  </si>
  <si>
    <t>b'\x1e\xa9\xff\x10\xf3o\x8e\xc1\x8en\xc4\\)2o\xb9f\xbd\x0c\xb3\xa1z&lt;\xecKl\xc9\x8aW\xc0\xf0\xa1'</t>
  </si>
  <si>
    <t>b'\xa0/m\xd6\x0e\xd4;S\x9aFG\x07w\xf8\xfb\xe7Hw\x97\xa5\xbd\xe0"\xf6JOd\x0c\x80\xe8\x90\x84'</t>
  </si>
  <si>
    <t>b"Gk\xc4\x1a\xa7H\xd0\xafk'\xf6ca\x8cg\xd4CO\tP\xabq\xa9`\xfb\xeb\xff\x19\x91\x0f\xaea"</t>
  </si>
  <si>
    <t>b'\x80\xadg\xf8\xb0\xda*\x9f\xd7\nvNh^\xfeg\xae\xe7\xdd\x12\x0c)\xb5d\xb1C}k\xf7\x0b\xf78'</t>
  </si>
  <si>
    <t>b'Y9jh\x04\xb0\xf1\xe0\xa3\x8a\xcdq\xb0\xdf$=\x0e\x8aP\xcb_\x16\x11\xae\xa8\x15\xceF\x17w\x90\xea'</t>
  </si>
  <si>
    <t>b'\xe0M\x7f\r\xb3\xda\x8f\xbf\xd7Up\x86\x93\x04\xc4[\xc8\xe6\xeb\xe7\xb6\xf62\xf5\xd6\xd0H\xbd\x05\x00\xc8\x9d'</t>
  </si>
  <si>
    <t>b'L\xb4\xf1\x108)\x94\xa1\xd0\x17/\xe3\x92\xb0\x84G\xff\xc0\x85\xe3\x0e\xc9\x0b_I\x87\x85i\x96)\xda\x95'</t>
  </si>
  <si>
    <t>b'\x17[\x87\x85^\xd4\x14\xfe\xc9\xea\xf2\x1b\xbf\x84\x92\xe3\xb4\x88qr\xcb%\xb5,D\xb7\xd0o\xfe\x14\n1'</t>
  </si>
  <si>
    <t>b'\xae\x84\xc4$\xe6\xf6"f\x7f\x05*\x83\xfa\x06$(l\xbc\xb1\xd3\xe0e\x96K\xce\xa7Xm\xa2\xedb\xb2'</t>
  </si>
  <si>
    <t>b"\x8a\xb2\x00R\xe4a\x9f\xf4B\xf6'7\xfb\x17\xb4&gt;mw\x00?0\x18\xde`\x08\xc2\x87\x00\x13b\xac\xfd"</t>
  </si>
  <si>
    <t>b"c\xdd\x10\xab\xc4\x01k\xb5\x1c\x18\xed\xe6\x14\xea\xcc\xf21\xa1\xc4\x02\xb7\x13'\xfeb^\x0b\xa2!?\xefP"</t>
  </si>
  <si>
    <t>b'\x14\xf4Q7\xfa\xa3\xc8:\x16\xa2\xb7I\xb1\xaeY\xc9R\x8ek\xfc\xf6\xcd\xc2\xe1R\xfebhj\x07\xd9\xbf'</t>
  </si>
  <si>
    <t>b'\x0f\xaf\xfc\xd0\xdd\x11\x05T\xe9\xa1sN\x92_*\xd7\xa8g\xba\xa5\x0b\x80\x8d\xcb\x10\xaf\xaf\x01w\x98EB'</t>
  </si>
  <si>
    <t>b'\xaf\xf87&lt;v\xe9v\xef=\x02z\x8e/4\xe2\x93e\xfb\xef\xc8\xe5\xb5\x13\xa0ZL\xe6\x0c\xfeBt&lt;'</t>
  </si>
  <si>
    <t>b'\x91WP\x92C;H\xb1u)\xcc\xfa\xa4\xd7\x02\x1b\x86\xf8\x0f\xcdVT\x9d\xe5 \x16\xc2\x0e\xa7\xedd1'</t>
  </si>
  <si>
    <t>b'T\xda\x124R#\xba\x1c-\xa5\x15\xc2\x96A\xd0T{\xd5!\xab)\xd1\xa5{\x0e\xa1\xf0\xe3\xc5\xecQ\xf6'</t>
  </si>
  <si>
    <t>b'\xcf\xd4\xec\x0f]rUp\x9b\xdd6\xc7\x91\xac\xcd)W\x91\xdf\x1c;\xdd&gt;M\xb2\x023\x10h&lt;&gt;\xc8'</t>
  </si>
  <si>
    <t>b"F\xed\xa5w\xcb\\\x8c'[\x0e\x06K7\xb6\xb2\xf3\x1f\x98\x08\x07\xd0F\xaa\x06e-I\xa8Y\xb6j\xef"</t>
  </si>
  <si>
    <t>b'\x0e\xa7\x04\xe6nkk\xd3\xd1g&gt;RM\xb9\xd8m\xbf\xa1\x88\xf3d4\x07\x06\x98&amp;\x0c\x0c,j\xe6\x05'</t>
  </si>
  <si>
    <t>b'\xc4\xc5dE\xa7-\xe1\x90\x83\xd6\xed\xceO\xd1{8\x99\x12\xb0\xe6\xdf\xbe\xb7{\xceC&gt;A\x17\xab\x89$'</t>
  </si>
  <si>
    <t>b'\x90\x84\x7f\x17{k(\xb3\x8b\xc2\xce\xbd:\xa2\xab\x0b\xb5\xda\xe7~\x8aUd\xde\xc2V~\xc0\xe6a\x8a\x0b'</t>
  </si>
  <si>
    <t>b'-.f\xeb5\x1d=3\x84\x9dZ"NN\x89\xe2\xceA\x01\xe4h\x81\x92\xd2J\x1a-\xe0\x95q\x1ep'</t>
  </si>
  <si>
    <t>b'\x88\xd4"\xe4kJ)\xd1\x04\x06z=XlS\x87*\xbdM~\x8f\xcb\xd2\xd0\x81\xac\xeehF\xf7\x07['</t>
  </si>
  <si>
    <t>b'\x9a\x82\x14\x8aI\x86\xbd\xdeb$oW]BU\xfa?\xca\x07k\x10\xaf\xb6h\x80-\xfbI\xc6\x9b\xa7\x02'</t>
  </si>
  <si>
    <t>b'\x04\xfb\x01"\x89\xfd\x8b_\xb1K\xdc\xbc\xf0\xae2\x0e]\x1a\xf6\x05\xb0\x04n\x0f\\\xc4\x10\xbam"\xa7\x1a'</t>
  </si>
  <si>
    <t>b'\xd0\xae\xad\x96\xee\x9a\x8bY\x13Cp+E\x84D\x05T\\d\x0f\xcb\xe1\x1b\xb3\xa6EZ\np\xf0\x7fL'</t>
  </si>
  <si>
    <t>b'\xb0\xf0&amp;\x81\x98\xc3\x84N\x8c\xe6\xd5\x10\x1a\x13\xcc\x00\xe4\x98,h\xd0W\x8e\x9a\x0e\x98\x02j\xbc!R\xf9'</t>
  </si>
  <si>
    <t>b'\xe1\xcdA\x10\xae\x1b\xb14l\x0b\x03\x92\x03\xab\xa0y\xfc\xe6D)\x80?L\xa6\x80X\xb5;\xec\xf3\x00j'</t>
  </si>
  <si>
    <t>b'\xa0\x9b\x81\xc2Y&amp;~ i\xebI\xb8\xe0\xca\xed)\x9c\xff\xcd\xbf\x88\xb6=3~\xcf|r\x8f\x03\xe5\x19'</t>
  </si>
  <si>
    <t>b'\xa2|U\x9e\xad\xbc)\xe9L)\x15\xbe30=\x92aN\x7f\xe3\xa1,\xe8\xa0\xae\x94\xc7\xf7\x13\xb0\x82\xc2'</t>
  </si>
  <si>
    <t>b'*\x1b\xdc\xf9\xe4@\xe7\xdd^Q\xa8\x810\x9f\xbd\xad\xc4\xeds3;\xa7\xc5\x86\xd2\xd2\xde\x8e"\xb9T\x9e'</t>
  </si>
  <si>
    <t>b'\x01\xea^J\x1e|l\xae\x19\x97\xf4\x88\x1b\xaa`)U[\xdd\xe6\xf8\\\x0e\x18jE\x1fd5\xdc\xad/'</t>
  </si>
  <si>
    <t>b'\x82Oa\xea\x9d\xd0\xd5D{\xb2~\xd0\x1eg\xd0\x8d\xff(\xec_o\x8d\xb5J\xf2i\x7f\xbasNlu'</t>
  </si>
  <si>
    <t>b'V\xf8Q34y}C\xbfjF^\xf0x`(f\xbe"\x90\xbce;\x1aU\xb6\x88\'\x82\xbd\xdf\x14'</t>
  </si>
  <si>
    <t>b'%\xa2\x8e\xf3\xbaV\xaa*O\xec7\xc1}\xf7o]|\xa8\x18\x88\x92#\xe4\x00\xd5\x13\xa8hj\x85\r\xf7'</t>
  </si>
  <si>
    <t>b'\x06\x82\xd3\x99J\xfe\xe8\xaedM4\x11\x00\xb7\x9aKL\x99\xfd.\x07\xc1\x87\x96;%\xc4p\xef$)\xa9'</t>
  </si>
  <si>
    <t>b'\xa9j\x13\x83A\x9e\x81\x87x\xce\xfb8\r\xa21\xa3\x0c\xd7(Z\x8bo\x81.\x1a\x9f\xf2\xd5M\xf8\x17\xd6'</t>
  </si>
  <si>
    <t>b'JV3Hp\xdfV\xb4\x85\x8e\xf6\xdf1u\x16\x8c\x90h\x92%g\x9e\x1f7P\x14\x99\xb7\x0c\x91\x84\xb5'</t>
  </si>
  <si>
    <t>b'"\xe9O97~\xd9\xb9\x89\xed\x80\x1f}c\xbeu\x8a\x1d\xf6RC\xc9\xeb\x99ML}n\xda\x1e\x81\n'</t>
  </si>
  <si>
    <t>b'd=\x0ez\xf1\xaa\xcb\xee\xf4\x8e@\xd9\xd3\xbb(\x7f\xb8\nG\x94\xdd\x02?Lt$\xae\xc1yA,\xe3'</t>
  </si>
  <si>
    <t>b'ubv\xd1=\xf9\xad\x87\xa4\x1ccp\x9c\x80\x15WH\xc2\x07\x84\x90M\xb6\r=\xfeZ\xf7\xc8\x0e\xc00'</t>
  </si>
  <si>
    <t>b']\xf1%\x10\xb2\x99\xa8qN`\xc2k\x13\xa4\xdf\x92lk?.\xcdV\xef\x867\xd3\x1f\x80\xed\x19\xae4'</t>
  </si>
  <si>
    <t>b"\x06@'Q\x7f\xc1\xd3k\x01\xa5\x1d\x99\xad\xdf\xa2\x99\x1e\xff;\xeb\x18y\xe4@\xb8g\xbbM\x15&amp;\xae\xf2"</t>
  </si>
  <si>
    <t>b'\xb4\x92\x05a\x10H\xa3\xb3VY\xf7\xba\x91\x85\xc2\xea\xc6\xacs\xa7\xf3\xaa`F{\xbb\xa8\x1f\x05\xa6\x8e\x06'</t>
  </si>
  <si>
    <t>b"\xe7]\xb1\xa8MR\x04\xba\xde\xefX\xed\xf4\x10.\xd7K\x1a\xab\xeab,\xffT\xef'\x1a \x8b\xf1\x01\x00"</t>
  </si>
  <si>
    <t>b'\xb2Y\xfe\x95=\xaa*\xc1|\xc6\xcd?nik)\xcc\xf7\xfd\xe4\xec6\x18nt\x88\xbb!b\x0c\x17\x1b'</t>
  </si>
  <si>
    <t>b'l\x03\x18U\x8e\x11KZ@\x1b\x9cK_\xa0Z\x98\x90\xb3\xb8B\x8d\xc5=\x96\xf9\xf5\x87e\xb6\x11\xa7t'</t>
  </si>
  <si>
    <t>b'}\xf8\x97\xa9,I\xb44\x02d\xfa&gt;\x98\x83Dsl\xee\xfa\xae:7/F\x04\xef\xf1g6\x1fJ\r'</t>
  </si>
  <si>
    <t>b'\xfbV\x05\x14f\x0e?&amp;\xcb\xe73\xb43\xf9@\xdc[.\x02\xcb\xadw\xa5\xb2d&lt;\xff\x1aT\xf0BA'</t>
  </si>
  <si>
    <t>b')4\x07\xb3\xff\x1fc\xf4\xb4\xe6A\x82\xe8\x94\xb5\xf0Gc(\xec\x1cW\xdb\xa9\x0e4\xac\x9f\xb8\x03i\x16'</t>
  </si>
  <si>
    <t>b'\x1d\xa8\x96\x97R&amp;\x11\x119&lt;bx\xf1\xfd\\\x85\x07\xff\xfb\x12o\xe4\xe6\x0c\x01\xe1H\xd0&amp;\x0eo\x9b'</t>
  </si>
  <si>
    <t>b'\xaa\x1c\xd3\x91+a\xac\x14x\xbb\xfa\xa2\x82S\\\xda&amp;\xb7\x93\x88a\x01%U\xb5\x15\x1cs|\xb5K\xf8'</t>
  </si>
  <si>
    <t>b'W\xf6\xb0\xd8#\x81R\x91\xe9m\x87\x18\x85Sv\xb1u\xf3\r\xbcU+\xb2\xa0G\xb4\xe0C\xb8\xf6v*'</t>
  </si>
  <si>
    <t>b'\xcc\x0e4:\xbc\xaa\xc1\xaf\xd8\x7f3\xd4\x0e\t\xaaxL\xa7\xcc"\xbb\xf2){\x8b\xab\xd0e\x9aj\xa1\x12'</t>
  </si>
  <si>
    <t>b'\x91\x8e\xeb\xeel\xb5\xe4\x95\x8c\x0e\xd0F1\x13\xd4;\x82$-v\xf1\x17}5i\x9f\xf6l{\xf1\xd3\xa5'</t>
  </si>
  <si>
    <t>b'\x98\xbf87l[2\xa4\x97\n\x16\x1f7W]X\xe5gO\xf5Z\xadj\n\xfe\x801\xe3E\x0c\x10\xfb'</t>
  </si>
  <si>
    <t>b"\x11h\xe4\xddS\x8d\xa10\x8e\xb3\x8d\xceMcG4'\xf9\x189W\xd9\x9a\xd27x\x89\x0e\xc5\xd1Z\n"</t>
  </si>
  <si>
    <t>b'K\x17Z\xb1\xe2\x03\xadw\x11\x9a\x9b\xd4\xdc\xc98\xfbJ\xf6C\xb3G\x1fj\xc7t\x047\xb5\x04\xb8\xe4\xc2'</t>
  </si>
  <si>
    <t>b'\xdd\xc3\xf0\xe7\x8a\x8eQaY\xca\x1c\xab\xaa\xe3*/\xcad\xbc\xf8\xb5\xc9\x13aI\xba\x07\x18L\xec\x02\xea'</t>
  </si>
  <si>
    <t>b"\x80\x0eU-B\xb5\xae\xb69\x1c\x9b\x87n\xb2k}~\xa1&amp;\x1e\xd9\xaa\x17n2\xeawK'\xea\xe2P"</t>
  </si>
  <si>
    <t>b"\xf6F\xbb\xd6 \xaa\xe6\x1a#\xfb\x0fxp\xbd\xc18`'\xba\x08P\xc9\xa8\xaa&gt;\x99\xe4\xe3\xbcI\x18\x85"</t>
  </si>
  <si>
    <t>b'\x1f\x8c0\x0b\x98/VS\xc4\x0e$\xf2\xb8\x1ehV\xc4\x1b/W6n\x99h\xda\xc2\xd9\xa4sU;\x0b'</t>
  </si>
  <si>
    <t>b'\x9fS\xf4+\xed\xb4TE\xad\x1b\x81D\r\xfb\xca\x8f\x8a\xd8\xa3\xca\xd4\x93\xe5\xbfw\x8c8\x97:\x1b\xdc\xcf'</t>
  </si>
  <si>
    <t>b'Rp|\x91Pk\x02\x1d\xc8\x95\xdd\x9aZ\xa9\xc5\xc5T\xf1Q\x9e`\xbe\xfdVy\xaf\x05\xd7oe\xf0\x0b'</t>
  </si>
  <si>
    <t>b'\xdd\xc1\x07\x91\xa05c(\xfc\xa4\xe9J\x07\xe5\xec\xaf(t\x7f\x1c\xfd\r\t$5\xdc\x1a+\x08\xf5\xba\x99'</t>
  </si>
  <si>
    <t>b'\n\x195\xc6\x93\xaf\xdc%\xa0\x97\xf9$Z\xbc\xef$\x87\x81\xfd\xa6\xe7\x8b\x03u`[\xd9\xeb$\x1do&gt;'</t>
  </si>
  <si>
    <t>b'\x08K\xa4\x8e\xcfF\xc6s\x1a\x9a\xeeDQ\n`\xe7iV\x92\xe2\xcf\xb1z\\\xf1\xb4t\xf2X\x15:T'</t>
  </si>
  <si>
    <t>b'\xd3X\xafi)\xded\x96\x96a&amp;\x05MC/\xc2\x967AT\xa7\xcbT\x1c(\xa5%\xe1H\xbd\xee\xb4'</t>
  </si>
  <si>
    <t>b'\x93\xae\x9f\xdaQ\xea\xa0Hu=\xb3\x16\x88\x89f\x91\xe4\n\xaa\xfc\xbd\x02\x93\x0cV1\xd9\xec\xf9!\x11,'</t>
  </si>
  <si>
    <t>b"\x87'\xf4o\xee;\xef7/X\xdb@e\x12\xdd\x8e\x98\xa4\xcb\x07eW\xda\xd3\xf9|_\xfe\x7f*l\xff"</t>
  </si>
  <si>
    <t>b'\x86\xa6\xfbk\xb2/\xf4\x8c\xb6\xe2\xbf\xff\xc7\xe2=\x9f\x1c\xa6j\xd3\xf3-a\xe3&gt;]\xe7\xbf\x16\xb3m\xb9'</t>
  </si>
  <si>
    <t>b'\xfe\xe5\xdb\xealL\x1cm\xdf\r\xfb\x13\xa4\x9cE\x04J[7d\xd7\x19\xb5CL\xde=\xee\x1b\xb7H9'</t>
  </si>
  <si>
    <t>b'\xf2g\x15\x9e9\xf9\xf1Q\xf9\x04\xa7\x01O\xc3\xe0\xdb\r\x9a\x01\x17\xff\x1a$\x9ee\xc05\xe5A\xb8\x06\xaa'</t>
  </si>
  <si>
    <t>b"0\x04J\xa4R\x1cd\xffR\x04x\x15Bd[\xa2\xac\xc9\xd0\xfc\r\x06\xbd\x19J'M\xff\xc9\x06\x1a:"</t>
  </si>
  <si>
    <t>b'\x13\xf4\x8a\x1ckAQ\xdaxz\xc1G\xaf\xc0\xea^\xfb\x91\xa51\x1a/\xb8\x7f\xdc\xd4T\x87\xcdv\x91\x8f'</t>
  </si>
  <si>
    <t>b'\xc6\x19\xe1\xaa\xf8\x91\x8b9\xc8=\x8e\xed\xa0\xd2\\\xf2Cd\xc4\x14\x13\xa7t\xf5\xb2\xe4\x9e"\xb9\xd7(\x80'</t>
  </si>
  <si>
    <t>b'\xd9\x85\x95\xcej;\xfa\x12\xbf\xb4\xcf\xb7\x85\xa1\xb8-\x1a\x91\x02T\x9dS\xd1"Bm\x01\x13%X@\x9e'</t>
  </si>
  <si>
    <t>b'?\xb0I\x81a\xdd\x82Ps\xcfE\xeb\xc6\xed\xc1\xb6tz\xf2\xb1n\xcb\xc8\xb3\x13\xa6\x14F\x91\xe6\xcf\xbe'</t>
  </si>
  <si>
    <t>b'\xa7\x8aMu\xa3\x10\xf7\xae+\xff\x02\x8a8\xb8\t\xb4\x08\r\xc0\x8bW\x0fU\xf9\x9f\xcaN\x9a\xd6A\xc0\x12'</t>
  </si>
  <si>
    <t>b"\xae!&gt;\xe6\\\xacc\x92N;'\x16\x11\x87\x9cY\xa3\xf6\x7f\xe8K\xf9ta\xe0L\x12j\xc8R\xfd\xeb"</t>
  </si>
  <si>
    <t>b'&amp;\xa7\xc9\x1b\xca\xdb\x99\x1es\xc6\x95\xc3\xb7\x97\n\x05\xde\xf9bE\xef\xac\xf1\xbc\x98\x1dE\xcc9\xdd\xbdN'</t>
  </si>
  <si>
    <t>b"\x85AuW\xc3(*\x87o\xd7\xab\x1c.^\xda\xd2p\x1d\xc2\xb8\xff\xca4\xb7\xf0yC\xa3]'\xef\xe6"</t>
  </si>
  <si>
    <t>b'\xa63\xe8rv\xabx\x81\xd2U\xcd\x01\xc6\xb6m~b\x99\x8f\x9d\x9fy\xac1\xe5#\xfd\xf6JK\xc7U'</t>
  </si>
  <si>
    <t>b"\x90\x97\xb8C\xeeo\x89\xc4D\xa4bGO/\xaa~d%\x8e2_\xdd\xf4\x97\x07\x08'\xaf\ry\x08\x9f"</t>
  </si>
  <si>
    <t>b'\xe9*\xde,\xdb\x8dr\x94\xe03qrx\x95\xc5\xc5a\xd5\x90\xb5\xa3\xc1hH\x19\x19a\x01\x02\xb3\x0c\xa8'</t>
  </si>
  <si>
    <t>b'\xc0\xcd\x8b5\xbbB\xf6\xb2\xeas\xc3w\x81,7R\x06\xa5\xf6d5-\x86\xb8"\x16\xa4\xc8\x0f\xab\xd6s'</t>
  </si>
  <si>
    <t>b'gK\xd0&amp;\x85\xdd]E\xb0`/\xb5Mn0\xfb8\xa8\xdf\xecV\x0c\x90\x14\xcf\xad\r\xc5\xfb\x1f*\xa9'</t>
  </si>
  <si>
    <t>b'\n\xcc\xaf\x15-\xf9(\x04\n.\x81\xfb\xce\xb9\xfe5-\xea\xa44\xb6\x94Q\xbd\x87\xcf\x9c\xf2\xba\x1e\xeeq'</t>
  </si>
  <si>
    <t>b'bA\xbfW\xdd_\x9e\xd0\x7f%\xbeX\x87msY\xc4\xb3Y\xfaF\x86\xa9\xb0r\x03\xf6\xe1J\xe49\xff'</t>
  </si>
  <si>
    <t>b'\xa0\x14\xab\xda\xa9`\xe9\xdeV\x07/F(\xa3eq\xf3=\xee\xb9[\xa4q\x89\x0cT\x89\x95A\xb8C-'</t>
  </si>
  <si>
    <t>b"\xd9\x17'\x81\x07\xbfGM\\#\xe5;\x0b,n\xb2\x8b\x92\xf5NI\xe8H\xa8`\xc3w(}\xfe\x13Q"</t>
  </si>
  <si>
    <t>b'\xb6~\xe6\xd1lSZR*\x83\xa6mS\x86\x94!\xa6"#\xb0\x92c\xaa\x08]D\xef]\\\xa4\x06\xbd'</t>
  </si>
  <si>
    <t>b"\xb7#\x84@\x82\xef\xef\x0b\x005a\x02\xc3\x90s\xadV\xd8\xe0\xcc\xcc\x85nd\x07I\xberJ\xec\x02'"</t>
  </si>
  <si>
    <t>b'\xdb\x84\x90E\xee\xd9Mg\xb5\xda\xefkz\x98u\xb8\xf8\xa0B]"\x98^\xe3\xc79\xe4\xca\xfb\xdaf\xc5'</t>
  </si>
  <si>
    <t>b'\x8c\xefpB|:\xe41\x8d\x84S\xff\xab\xe5\xcb\x11\x0e\x1c\x80SS:T\x85\xca\xcbu{\x95+\xaa\x98'</t>
  </si>
  <si>
    <t>b'|\x14\x82\xd6N\xaaF\x12\xe4\x05\x805/\x8d\xbc\x9bv\xca\x0f\xbd\xa0\xe4\xe4?=t\xd1\x83\xb7\x15\xd8\xe7'</t>
  </si>
  <si>
    <t>b'\xd9\xae\xb2\x1c\xb4#\xb87\xd7\xfb\xad\x01m\xad\x99\x1f|A\x91J\x1d\x99c\xb7#\xa5J\xc8\x9a\xc3\x06\x1f'</t>
  </si>
  <si>
    <t>b'\xb1U\x9f\x88\x98`W=\xec\xf48\xdf\x99\x7fJ@\x0f\xa2e1&lt;\x18\xae;\xd6t\x14\x9cN\xc1\xcd+'</t>
  </si>
  <si>
    <t>b'\xc3\xdb\xbe\x0c\x84\xb2\x8c\xc3\xd9\x1d\xed\xc3\xa6\xe8x*\xc2\x1c\x8b\xf9\x88xr\xa8\x07\x80\x1b@\xe3\x06\x19X'</t>
  </si>
  <si>
    <t>b']$\xf3\x8c1\x85\xad\xdd2\x14\xd7f]`&lt;\x98p\xcc\xa98(\xfe\xfd\xf8\xbcQ\xfc\x86\xc8\xc9\xbb#'</t>
  </si>
  <si>
    <t>b'\xf5\x02\x0f\xe1\xb8\x92\xe3":\x85Ez\x93|\x00\xb7\x12\xff"\xee\xce\r\xcd\x9d\xce\x1a\x85\x06\xff\xc2+4'</t>
  </si>
  <si>
    <t>b'\xec\xc9+\x19\x10F\x13"\xe0f\xe7\xac\xba\x1b\x19\xd9}\xd4\x8e]\xac\xb9\xa2_r\x7f`\xd3\x84)\x9e\xd3'</t>
  </si>
  <si>
    <t>b'\x01\xa7\xdcd\xda\xae\xf6\xd7-_\x99\x9c\x05\x1b\xf0\xee\xf5&lt;|f\xa6\xc5,^\xe1u\xe1K\xaa\xa7v8'</t>
  </si>
  <si>
    <t>b'PE,\xfd\xe1\x8bK\xf0\xd5%\xb6?mcU&gt;X\xc4\xae.\x9f\xf4\x96\xa7\xb5\x89\x89Y:\xb1\x14?'</t>
  </si>
  <si>
    <t>b' 4\xafB\xecqY\xc3K.\xbf\x11\x08\x92\x9bX\x8f\n\x14L\x1e\xe4~\xb2}L\x9c-\xef\xe7\x83N'</t>
  </si>
  <si>
    <t>b'\xae\n\x81\xb0\x9d\x81g\xa1\xd6\xca\xbc\xe2\xf5\xdb\x96\x07y@y\xdbVP\\\xbd65\x0bA\xbc\x10.\x81'</t>
  </si>
  <si>
    <t>b'\xc5\x9fE\xea\xe7\xae\xab\xe4ADb\xc6\xb2Y\x0b\xbd\x86f\xd7\xfe\xa5\xfa\xb4\xbc\x9f&lt;\xa9\xd0#n+K'</t>
  </si>
  <si>
    <t>b'\x14Ij\x08n\xb6\x19\x0cwO\x02=|\xff\x8c\xfeq?\xaa\x00\xaf/\xf6\xca\x15\ta\xf6-\xd4\xcd\x9f'</t>
  </si>
  <si>
    <t>b'\x06\xce\x16\x8c\xb7\x8f\xf4\x9a[\xd9\x12\xf6*\xb3v\n\xdc\xb5\xa6\x03\xf0\xe4\x91\xbc\x0e\x0c\xf2p\xac\xb8\xaa{'</t>
  </si>
  <si>
    <t>b'H\xe3\x90y\xeb\xa2\xd2\x11]\\H\xd1x(1\xb0\xd1#\x9bN\xa1_+A3\xff\x13\x1d\x9b\xe512'</t>
  </si>
  <si>
    <t>b'j\x01!\xbd\re\xf2N\x1f\xd2\x11\xe2\xeb.\xba\x0f\xb3_d\xc1\xf62\x0f\xb758?\x82\xfe\xc5zq'</t>
  </si>
  <si>
    <t>b'T-\xfdk\x08&lt;\x0f\xc6\xe5\xed\x08\xe1\r\xf4\xf4?\xbe\xc6\n.\xf7\x96Y\xb6\xcc\x05%\xd5\xf6 \x00='</t>
  </si>
  <si>
    <t>b'4&amp;\xc9Q\xb1?|/\x9b\xa2!\xa0\x04!\xc1\xfcY1#\x8cO)\x82\xf8G\x9cbu\x93\xc4%\x8c'</t>
  </si>
  <si>
    <t>b'\xa0,\xec\x07\x96\xee{\xc4\xb7\x84\\\xd5\xa3\xf2O\xf0\x8e\xe0\xabXN\xad\xd5\xb4h\xef8V\xa7\xa9\xb1\x9a'</t>
  </si>
  <si>
    <t>b'\xeeZ\xf5z!_\x8b\xd4\xddSw\xe9\xe9\xea\xe0J\xa0\xec$\xf7\xb3\x10;\xf1\xa0\xe5\xb3\x1bO\xcag\xab'</t>
  </si>
  <si>
    <t>b'P\xc6\xde\xe4\xd5i\x18\xa0\x8bd\x8d\xfd.\xdc\x80T#N\xdc\xda.\x8a\xf1m2!\xa3u\x84\x02`1'</t>
  </si>
  <si>
    <t>b'\x98\x88/\x1fGk\xac\x8eT\x18.\xd3\x88\xfd\xcb\xba\x15m\xea\xc1\n\xdes&amp;\xdb\xeb\x08\x94\\wdA'</t>
  </si>
  <si>
    <t>b'\xf7\xbd\xb7\xeeX\xd3:\x17E\x0b\xb0+\nj2\xdf\x8b\xf9I\xd1\xda"\xf5\x99\x1f\x04\xf2\xec\xe1P\xdd\x00'</t>
  </si>
  <si>
    <t>b"\x08$\x8c;\xff\xdb\xca@T\xbf\x18\xc9\xb3\xeb\xc4\xe4D\xbdQ{'\xeb'\xb0\x89Y\x80\x06\x8b4\xc9\xda"</t>
  </si>
  <si>
    <t>b'\xb3\xcc;\n\x9cJ(P\xed\xb5\xff\x19H\x03\xab\xbb\xa25\x90\xf6\x9bs=\xd5\xfb],\xc4\xb6R\x0c-'</t>
  </si>
  <si>
    <t>b'\xb1\x08\xa2|\xebh7U\xb0\xcb\xf0\xab3\xe6\xd2\x1d\xc8\x1c\x81\xe3\xba\x91p\xba\xa4e\x99\xe0\xf9\xa8\x9e\x1d'</t>
  </si>
  <si>
    <t>b'9\x14\xc7\x81\x9d\x0f&amp;\xbe\t\x83K\xe5\xa9E\xacU\x80[\xcc\xf9\xcc_D\xbbl&amp;\xb1\xe8\x8fp\xb8\x87'</t>
  </si>
  <si>
    <t>b'\xa6\x04\xdc\xf4\x04t\xf9\xe9\xc0s\x1c\xbd\x0c\xbdP\x00\xf8n\x8d25\x04\xe3C\xe6\xcfw\x9dQ\xe1\xda('</t>
  </si>
  <si>
    <t>b'\xcd =\xc0\rHkS\xdd\xc5\x15(&lt;&lt;`\xb2xSq\xfb\x08\x19\x81\x00\xdbOfDI\x9eJ\xe2'</t>
  </si>
  <si>
    <t>b"\xfcSG\xa0\xb0j\x03\x8fh\xb8\xa7Kw\xee\xbd\xee\xaf\xb0n\xc5?L\xbf'kH\x92\x17\xae`T\xfd"</t>
  </si>
  <si>
    <t>b'\xe9\xec\x82\xfdr&lt;\x13*/f\xd0%\xd2\x8dD3\x11\x07\xf7Y\xf5o:\x89\xcdty\xc9\xb8t\x01\xca'</t>
  </si>
  <si>
    <t>b'L\xe8\\\xaa5\xbb\xb0\x93P\xf7\xf9O\x92\xc8\xa3\xec\x16\x10*`\xe3\x03j\xef\x10?\xf7\x8e\xfa\xa8P\x19'</t>
  </si>
  <si>
    <t>b'\x95\xd9"\xfbV\x17\xd6\x1f)9WR\xf6\xee\xbd\xdf\x1c\x08\x19\xc4\x9ak\xbc\xfa\xb1\x01\xde\xb6C\x14\x1aV'</t>
  </si>
  <si>
    <t>b'\xb3\xa9F\xe7\x8f\xa1|w\xc1\xb0,~E\x19\x95\xcc\xd5\x83\xba\xed\x8e\xfbm\xb5\x17\xd6\x99&amp;\xc0\xa5v+'</t>
  </si>
  <si>
    <t>b'S-\xee\xf0?&gt;\x97\x9f\xde\xd14\\\x960\xe7R\xa7\x10eW3\x95\x18@\xbb\xe6\xd7\xfcZ\x8ek1'</t>
  </si>
  <si>
    <t>b'5g\xbd\x94Q[\xe8\x88\xeb\x0fW\xa3\xb6\x0b2\x137\xf6i\xee\xf8o\x92\x9a\xdb\xe3\x17\xe0\x96OZ\x04'</t>
  </si>
  <si>
    <t>b"\x89\xc2g&lt;7\xc1\x16\xfc\x81\x8f_[\xe7u3P\xb2\x1d\x91\x1a\xf6+\xae\xea\x06\xe5A\xff\x9a/'\xfe"</t>
  </si>
  <si>
    <t>b'\\\x9c?\x18\x04&amp;\xbcN\x1c\x97\t\x84\xf7&gt;\xc26\xeb\x04E\xb9\xb0\x9e4\x0b\x06H\t\x17\xed\xb8S\xa5'</t>
  </si>
  <si>
    <t>b'=\xcd\x93\xf1\xc1\x8f,\xed\x80z\x0b\x9b9\x05\x1e7B\xebaX\xc1\xa2\xf3\xba\xd0\x98n\xf4"@\xc7^'</t>
  </si>
  <si>
    <t>b'&lt;\x02\xef\xaa\xc2\x8c\xa3~\xd5\x966\xf8\xac\x1f\xfb\xb8\xa1\xf0O\x12PTJno\xa2\xfcgT\xce6\xd3'</t>
  </si>
  <si>
    <t>b'\xc7$OJ\x82, \x1e\x8d\xcf\x99+\x89nM_\x90\x13f\xdc\x15\x9b\xf2\xae\xc9\x1e\x93\x84y\xe0\x9d4'</t>
  </si>
  <si>
    <t>b'H\xd0\x14\x97\xf3&gt;fD\xbc`1\xb6\x92s\x16&lt;\x86O&amp;\x0b\xa3+\t,\r;\x90\x81\xe7\xd9\x93w'</t>
  </si>
  <si>
    <t>b'\xd03 \xcf%\x12P\x86\x8c\xd2\xfa\x1f\xb4\xb9\xc6\x07Ht[N\xad\x1b\xbeb\x17\xdc\x8e;gQ\xab\xf8'</t>
  </si>
  <si>
    <t>b'\xdf\xa8*\x08k\xf5M\xe0\xa5\xea:~\xda;\xdf\xc0]\xe4F*\x99\x96\x1dG\xe3\xb9\x9a\xaa \xf8}\x81'</t>
  </si>
  <si>
    <t>b'\x1d\xca\x17\xdc\xcb\x90\xa8\xc0|3\xc6d\xf5\x0b\xd9\x19N\xdc\x83$\xa7\xd9M0\xd4\xe8u\x9eZ3\x02\xf9'</t>
  </si>
  <si>
    <t>b'\x14\xad\x1f=bq\xe5\x1dT4\xe0\x0f\\\xfb\x03%o\x86\x82\xaf\xae5\xb4\x92\xb2@=\xfa\xea\x1e\xd4\xbc'</t>
  </si>
  <si>
    <t>b"\xf8\xa3\xb3[\xcb\xd5\xd2ue(\x1e\x91#\xe6\xd1H\xd4\xbe&gt;\x89'\x0b\x00\xbe\x08v1\xda\x9b\x85\x9d]"</t>
  </si>
  <si>
    <t>b'\xfb4~\xddu@\x92\xd6\xb3\xef&gt;\xdc\x1d\x8d\xfc%\xbdhR\xed\x0fq\x08rp\x1f\xf6m\x1c\x14s\xdc'</t>
  </si>
  <si>
    <t>b'\x1a~\xdb\xd8\xd3*Y;sC\xf7\xf9(1\x97,\xffq\\\x8a\xc8\xa4ar!\xad\x99\xfe(\xddl`'</t>
  </si>
  <si>
    <t>b'\xa2\x1b\x92Mv\x13\x0f8\x98\x10\xe6S\xb4\xa0\n\xcb\r\xb2\xd6\xac\t\x16\xcfm\xe4\xdb\x00z\xc1\xf9&lt;0'</t>
  </si>
  <si>
    <t>b'\xfa3\xcbM\xef?\x87/2\xa4.\x8a\xda\xf0\x81\xc3p\xb8v\xb9\xba\xec\x997Z^|\x80a@\xb6{'</t>
  </si>
  <si>
    <t>b'D#{A\x1a\xdf\xee\x0c\xab\x90_G-\xce\xd6\xa08\xfb\xa7\xc2\xbb\xce\xa4D\xd1?\xe0\t\x0f\xbe\x91\xd7'</t>
  </si>
  <si>
    <t>b'\x0c\x94llU%\xd4\xbd\xa5\x81\xfd\xb8)\xc0\x7f\xf2\xf0\xdf)\x18w\x8b\xa0\xb2\xe1\nu\xd3\xa1\xaa\xb9\xe9'</t>
  </si>
  <si>
    <t>b't~_\x8d\x90\\P\xe4\xe2S\x82DW\xcca\x9b\x1a\x19X\x0c\xbb\xda^H\x87\xe4%\xe8K\xcd\x94\x85'</t>
  </si>
  <si>
    <t>b"\xfc\x8b6*\x8b\x8cz#\x04\x05\xa8jNvt\x9a\xa7\xe5'y\ri\xee\xc4\xcc\x1bM\x85}\xf9\x88k"</t>
  </si>
  <si>
    <t>b'\x00\x04(\xf8\xe1\t\x89\xcf\xaa%\x8d&amp;Y.\xa0,~\x8b\xe7\x0c\xb5X\x92\xba\xbd;k*\xee\xdc\x96c'</t>
  </si>
  <si>
    <t>b"\xd1\xdc\xd8\x12u^\xbe\xbb\xbb!j\xa8'\xe6\xe5e\x80\x95*R}\xa1X7\x83^\xa1\xe9\x18\xf3-\xc6"</t>
  </si>
  <si>
    <t>b'\x1b\xbb(\\4\x92\xc4\xb0T$\xe4\xbd\x01\xe3\x1b\x9b\xe8\xad\xde2\x8c\xbb\x9d,\x1f\x93\xef\xbb\xe2\x9e`\xd5'</t>
  </si>
  <si>
    <t>b'\xd65o\xe0\x0bJCj\xf5\x9fMlY\xb6\xb8m\xd0\xb7p~nS\xcf\xe8\x86\x11u\x0e2\x8cY\x91'</t>
  </si>
  <si>
    <t>b'_\x90\r~\xac\xa0\xcdxfO\xa3\x9c\xebC\xa8\xd5a\x12v\x89\xdd\xa9\x1d\xe6\xb0\xbf\x1a\xf5&gt;\xa7\x03\x9c'</t>
  </si>
  <si>
    <t>b'=s9\xc6\xdb\x92&gt;\x08\xacg\x84\xc1\x84\x00\x02(\x803\x1cH?B\xc7/]\xa0DvS&amp;\x9c\x0f'</t>
  </si>
  <si>
    <t>b'\x90\x07\x85\xf3\tq\xbbx\x92\x1a\x13\xc8\x83\x9dJO\xba8w\x89.\x87\xd1\x0c\x95\xe8,\xf8RM[\xe6'</t>
  </si>
  <si>
    <t>b"\x89\x11\x15\xde\xd8&lt;\xe4\x8bHc+\xe3o'\xf6\x00\xf44\xf5\rnHjo*H\xe2\x84\x88uSV"</t>
  </si>
  <si>
    <t>b'\xffz\xb18{\xf1\xe4\xd3D"\x8d\x10\x82\x08\x9d\xb5p2\x94?*\x04a{\'\x1fI\x17\xc8\x15\xfa\xfc'</t>
  </si>
  <si>
    <t>b'5J\x13\x8a\x000g\xb4W=\x84\x11%\xca\x0e\xd7\x91\xee\x815\xaa\x83&gt;:\n\xd0\xed\x17\x9c\xc15$'</t>
  </si>
  <si>
    <t>b'{\xef\x16H\x8e\xfd\xe7\x05e\xfa\xf4q2\xc9!O\xef\xa4\xa9\xf6\x97\x8bl\xab\xc9N]\xa3\x1a*\x91X'</t>
  </si>
  <si>
    <t>b"\x90\xb3\xdf\x97\xa7\xedJuP\x94\x89\xdd\xbaC\r\xfe\xe7\xef\xf8\xbdAm\xca\xb9\xf5\xc1'\xab\x88ImK"</t>
  </si>
  <si>
    <t>b"\x9e\xd8BO\xc4\x9b\n\xbb\xcd\xd1l\x0c\xbd\xec\x99\xf1\xf2\xca\xb8'P\xa1\x9fC\xad\x02\x80\x07#\x90B\xed"</t>
  </si>
  <si>
    <t>b"\x00\xeb9Q\x9e\xb8\xe8\xc9\xbf\xcd\x14+C'\xdf,\r\xc9\xc3\xdc\xa4\xb8\x0b\x90D\xd3\xc7L\xcf\x11\x1e\xe3"</t>
  </si>
  <si>
    <t>b'\x17\xb2\x9ct\xcek\xfb\xd7\xa3`\x0bS;\xe9\x1cypq\xaf \xddf\xa5\x19j@b6\x82\xc7\xb7\x1e'</t>
  </si>
  <si>
    <t>b'\xaf!\xbb\xaf\x1a\x1b\xa4\x9f\n\x10\x88\x85\xc4\xc30\x00\xe5\x1eD\xf4\xc0&lt;;Rt\xb0vs\xc4\xbd.Z'</t>
  </si>
  <si>
    <t>b'\x10~\xb8\n\xdf^\xdd\xf0\xcc\xc1J$\xe4L\xac\xf3\xec\x0f9\x13\x1em\xa3\x14\xf1\xb3\n\xff\xc1\xe3&lt;\xc6'</t>
  </si>
  <si>
    <t>b'\x0c\x8biz\xb9\xc7t[\xdb\xac]C\xeeya\x88\x8b#\xb9\x1b\xaa\xf8\xbfD?\x11\x030\xe8s^\x1d'</t>
  </si>
  <si>
    <t>b"!v\x07\xfan\xd8!\x82BT\xd3(\xc2(u\xc2d\x8d'\xdeIl\xe4\x1c\x02K*s-\xb5\x94\x8d"</t>
  </si>
  <si>
    <t>b'\x04\xd3\xd2V\x14\x9a`\x10&lt;k^.\xea\xc3\xf2-G\x80\xb7_}:De\xde\xac\xe1_{X\xc8\xb9'</t>
  </si>
  <si>
    <t>b'U\x1f?\xa0\xde\x13\x1c~Av\xf0\x7f\xff\xfeK-\xdej1\xb4\x90\xe2\xa3\xd9\xef\xa4\x99z|\xda\x93\xe8'</t>
  </si>
  <si>
    <t>b"\x81\x9f\x94\x8f\x19Yg-'q\x00k\xaf\xd3\x19(g\x16\xefQ\x1f\x83@\xe13\x90R\x11\x00\xc6\xb7\xd2"</t>
  </si>
  <si>
    <t>b'Awk\xba\xcd\xe5\nD\x0b\xf4\x130\xc0\x8e\x19\xf4`\n\xee\xc0O\xd3$\x06\x8d\xd6\xde\x84u\x8fB\xba'</t>
  </si>
  <si>
    <t>b'Hl\xe9&amp;f\xa5z\xa1\xca\x94\xe7s\xd4\xe85\xa4ag\x1c.\xc2|\xee=.\x14\xe1\x91\x98{\xfex'</t>
  </si>
  <si>
    <t>b'g\x973\x97[h\x7fW\x95X9\xa0\x8aLxt\x9d\x08H\xe8\xe3\x99\xb65\xcb&amp;c\xb5\\\x92\xb1\xa4'</t>
  </si>
  <si>
    <t>b'\x02y+Y\xda\xba\xf0!\x9d\x16\x056~v\xe5%.\x08N\xe6\x8b\xc5-|\x87.mHL\xdf\x01v'</t>
  </si>
  <si>
    <t>b'\xd4\x91\xb6\x03\xe6\xdf\x1c\x90d\xa0\xe1\xc7Y\xa7\xea\x13\xd7i\xad\xca\xbcv\x0c\x01\xda\x913\xc2\x99\x15\xcdM'</t>
  </si>
  <si>
    <t>b'&lt;\xf4r\xb7i\xa6\xcd)u\x96\x7fD\x96\x07o\x92I\xf2\xfd\xb4a\x82\x93 \xde\x11,\xb7\xba\x1d{\xbd'</t>
  </si>
  <si>
    <t>b"\xb3ff\x9cU\x03(0g\xf3\x98,5\xa2\xa0u%u\\D\x8e\xac'|%\x00\xc5`9j\xbf\x13"</t>
  </si>
  <si>
    <t>b'\x06\xf3\xf0\xff\xe8e[\x94\xb2\xf3\xa2kZ\x1e\xf4\x89\x9c(\xe2\xbbD\xf6\xa7Rr;. \xc1\x11\xa8N'</t>
  </si>
  <si>
    <t>b'\xba\x16\xc9\x86\xecF\xdd\xe2\x0e\x1e~\x91\x14\xef\xdc\x95te\x8e\x8dj\x85\xacPd\xaa\xa1\xfa\x12\x01\x0b|'</t>
  </si>
  <si>
    <t>b"\xd1\xda\xba\xb9%\xd3Q\xc5\xbc\xd3T\x12&gt;]\x175\xb2\x12N1v'\xb7\x1c;\xb5S\tAk\xf1D"</t>
  </si>
  <si>
    <t>b"R\x1a\xa2@'\x97\xd4\xb2\x7f\xc3\xacH\x1f\xefV\x8a\xb1\xe4\xe6\x98\xa4F\xb2:\xb8F\x90\xd4\xf7A\x11\x88"</t>
  </si>
  <si>
    <t>b'\xdd\xb2\x86\x9d;\xefb\\"\xc4~2v\xe2\x05\xe26\x83z/\xe5\xd3,\xd3\xe7CX~p\x05\xb5|'</t>
  </si>
  <si>
    <t>b'\xafT\x08iC\xe62\xcb\xb6\xf4F\x9eP\x8c\tY\xee\x85A\x03\x81\xf4\x9b/h\x8eJ\xf3\xc74\xeex'</t>
  </si>
  <si>
    <t>b'\xb6I1\x9a\xbc\x11\xb0\xa1+\x18+\x1ba\xab;\xff\x1b\xe7**\xdf\x85\x19\x02\xe7F+\xea\x89\xd1\xf4\x05'</t>
  </si>
  <si>
    <t>b'V &lt;*\xdb\x88\x897p\xa8\x83\xfc\x05\xd0\xb9\x96\x88\x92Gft\xe6\xee\xde\xc3\x1e;D,L\x90\xf5'</t>
  </si>
  <si>
    <t>b'\x8c\xa7\xca-\xcb\xd5&amp;\x84NY\xd1\xb3\x02\xfd\x10\x90E\x04\xa8h\x80S\x983\x13\xbfM\xb8\x18\xd0bZ'</t>
  </si>
  <si>
    <t>b"g\xf7_$G\xb7\xdc\x15\x868\x1d\xa0\xca \xde\xccP\xb29\xa5\xa9\xde~\xef\x8d\x08J\x1f'\x1f8\xeb"</t>
  </si>
  <si>
    <t>b'\x1d\x8b\x169H\xa8"f$JV\x8a\x9c\x9b\xf5\xa2\x86\xbb\xe6t\xad&lt;\xc9\xd4\x88\xec\x06+\xc8\xdd\x16\x0e'</t>
  </si>
  <si>
    <t>b'\xb9\t\xb1\xa4\xc7\xc7)\xb8_%\x1eq&amp;\x16\x1aJ/aO\x86\x10\xa2\x8c\xc0A\xb7#g\xae\x93\xa3\x81'</t>
  </si>
  <si>
    <t>b'-\x8eY\xa0\x92\xa6|\x8a\xf8v!\xc3d!\x97\x84\xd4\xfc\x9f\xda\x94\x0e\xc9\xa9\xd4wj\xea\x06k\xc4B'</t>
  </si>
  <si>
    <t>b'4\x90\xf7\x17\x85\xc7\x94oG\x8c\x00\xb9\xe98\xf6\x8a\x15\xa62)\xa5&amp;\x8e\x82$\xcf-\x8c\x8fL\xc72'</t>
  </si>
  <si>
    <t>b'\xc4\xa5\xf2}kB+-j\x9a45\x8c\xfc\xbe\xfdG\xee,\x11\x03#\xcc\xb7\x06c\x15\x89\xbb\xbd]\xe9'</t>
  </si>
  <si>
    <t>b'|:\xf4[f\xf8\xaf\x02W\n82\x0c1\xbc\xe1\x94\x04\xb9\x92\xc0U{\xe8\x9d\xfdgI\xc1Q\xcf:'</t>
  </si>
  <si>
    <t>b'\xfe(\x93\xe1j\x91 Ng\xd7\xb5\x1f\xd2\xe3\xe4\xbc\xef\x18\xbd\xf5\x05\xaa\xbb{\x96\x0b"\x17\x00+\xc4q'</t>
  </si>
  <si>
    <t>b'"\x08M\xc9+"\xb2\xe5\x01Z\xdb\xe9}\x07\xbeK@g\xdd[v\xf6\xffWu,\x81\xc7e)J\xcc'</t>
  </si>
  <si>
    <t>b'\x18AovV\xf2\xa3\x04c\x1b\xbevt\xff\xfb"6\xd0\xabZ\x9c\xf6p.\xd1\xd4\xa7RZ\xde\xfd\xe3'</t>
  </si>
  <si>
    <t>b'\xfa\xf8\xb8"cf\xbeR\xb7\x81\x8a\x8d\xb5\xeeI\xdb\xab(\xf8QK\xfb\xa4\xb7\xf3\xc8re\x0c\x9bk\xad'</t>
  </si>
  <si>
    <t>b'\xeb\x02\x96T2\xc9z\xc5\x18\x90I.\x16x\xc9\x81U\xf2\xc0\x1a\x98:X\xaa\xf7\x14\xe67\xb1{\x1e\xe4'</t>
  </si>
  <si>
    <t>b'\x8f\x0f\x94:\x96\xeaS{XV\xe1H\xcdY\xfc\x82\x88\x1b\x11X2V\xf6*&amp;|\x89W\x89\x1f\x83\x80'</t>
  </si>
  <si>
    <t>b'\x85\x0cq\x99\xe6\x8c\xdbN\xdc\x14u\x88H9\x1as\xdci\x0ekp\xbc=\x14\\x\xc5&lt;\x8f1v\xed'</t>
  </si>
  <si>
    <t>b'mW\x14^&amp;\x8a\xee\xdc6LI\x0e\xc8\x8dB\xfd\xbe\xb2e\xc2\xd2\xea\x12\x14d\xf8\x87\x04\x08\xf1\x84\xed'</t>
  </si>
  <si>
    <t>b'\x9c\xae\xdd\x1eW\xc4\x196\x18R\xf2C\xf0\xb9\xe3\x0fu\xd2\x959S{\xb2&amp;\x83%t\xff\x0f\xa9\xf0\xd0'</t>
  </si>
  <si>
    <t>b'6\x00\x93\x8c\xe1s\x17lc\xd3\x8f\xa3\xfd\xa8\xfc\x11\x17\x95fX\xaa\xc2\xf8\x9e\x03hj\\p\x83\x9a\x95'</t>
  </si>
  <si>
    <t>b'\xa4\x05c\xe1\xcb#\xfa\x95\xd280Tw\xcc|\xa3\x18\x84\x01@\x92\x08\x90R\xfb\xcb\xc0\x874}IR'</t>
  </si>
  <si>
    <t>b'\x02|q\x02x\x03\x9f\xa7\x1e\xf8\x1f\xb4Y$\t\xcd\x8a1#\x82:\x0e\x03\x1c\xb7\x85\x0bl\xdf\xa3\x1ae'</t>
  </si>
  <si>
    <t>b"D\xf6\xa1\xcbM\xb3\xb4\xf3\xf9K\x0c\xef\xde\xbd\xc3\xcf\x8a\xd7/'@\xe7m\xd3\xbd\nI\x12\x00@N\x9d"</t>
  </si>
  <si>
    <t>b'[&gt;\xd6\xb7\xa1\xf7\xd3\xa3\xa6.\rv\xd8\x05=\xf9\x01\x92\xbd\x08\xe67p\x1f\xca\xe0\xe1\xe1\xaa\x03\xfc_'</t>
  </si>
  <si>
    <t>b"v;\xd0\x80C'S8\\\x8f\na\xe4\xdb\xeb\xd5\x8e@\xb6d\r\xd9\xc1M\xe1\xbc\x9f\x02B\x93_\x95"</t>
  </si>
  <si>
    <t>b'\xc5\xb0\x9f1\x8b+\xddr\xf7\xcd\xb1X\x15\x1b\xc8\xf2\x0c\xcb\xb9u\x93^\xaa\x1f\x0eu\xac\xa3m\xcb\x99\x81'</t>
  </si>
  <si>
    <t>b'v\xf2\xa8\x9cIM\x10\xbe\xf6H\x12\xab04\x91\xbf\xf4v\xfc:|\xb2Xw\xb0\xc0\t\x01\xfe\xb2\x18\xf0'</t>
  </si>
  <si>
    <t>b'\x19\xb4\xec\xd7\x96.\xd4VR\xd6\xed\x93\xfep\xbcE\xb5\x1c8U\\\xd8\nN\xf9\x16:8@d\xf4\x1f'</t>
  </si>
  <si>
    <t>b'.\x80{\xccp%\x18\x95\x8d\x85*c\x9f\xbc-6\xce\xc6\x03)\t\x10Q\xf3\x87\x95\xde\xe7r\x97c\xd1'</t>
  </si>
  <si>
    <t>b"\xea\xaa\xed\xac\\\xf3\xf9\xd3\xbc\xac\xaa\xaa~X&amp;;\xdc\xcc\xac\x8cV\xc1\xe1\x9b'-;\x9cg\x1a\xacv"</t>
  </si>
  <si>
    <t>b'\xcb\x83)i,12\xf2\xd6\xa8;\xf9%-K\xc9p\x06\x8f\x89\xb5}\x10Q\xf1\x88_\xf8\x92\xf5X\xf4'</t>
  </si>
  <si>
    <t>b'A\x15\x99\xad\rNA^\xa3\xa3,@j\x7f\x08\xae9a\xef\xa7f\xe5\x1f\x08\xf1\xf7NmAd\xa6`'</t>
  </si>
  <si>
    <t>b'\xca&lt;\xe0\x12t",X\xc7\x06\xa9\xb0a\xdb\xa7\x14\x1d\xde|\x84lg\xcbgt\xf4\x1e\xa6\x9e+K\xee'</t>
  </si>
  <si>
    <t>b'Gk\x87\x8b\x80G\xac\x82\xd2p\x11\xe5 \xe6}\xbb\xb5\xd7\xb2\xa5\xc7\xd2\x8c\xad\x83\x98+\xe6\x1a~\xa2\xbe'</t>
  </si>
  <si>
    <t>b'\xbf\xca\x9a\x08\x1d\xf6\xd56\xe6K\xba;\xb1\xcd\x1ca\xcc34A\x1e\xe3\x9b\\\x96\x99a\x9by\xf6\xbbx'</t>
  </si>
  <si>
    <t>b'\xe4q\x8c\r\x9a\x8c\xc0\x9f\xfe\xca{\x9fLd\xd6,\xbc\xcde!k\xc31}o4\x80\xf2\xd1 \x97\xa3'</t>
  </si>
  <si>
    <t>b'\xbc\xf5\xce+x\xb7S\x97\x95\x10F\xe0\x9bro\x86\x1di\xfb\xb8]\xa6\t\xd8"Q\x9f5\x8b*\xfd\xa0'</t>
  </si>
  <si>
    <t>b'[S\xd0\x1cQv\xf5\xe7\xaf\xe4\xa3\xb0&amp;\xcc\xc8l\x85\x00\xf3i\xc6\xc3\x9a\xfd\xf5\x1bJ\xe5\xf1\xe8R\x16'</t>
  </si>
  <si>
    <t>b' \xe2\x8f\x1cxNs\x8e\xdac\xeb\x05\xf7\x8a\xfb;B\xf1w\x8f\xb3\xfcK\x8a\xf7\xbe\ns\xf3n\xfeQ'</t>
  </si>
  <si>
    <t>b'A\xd0\xfdg\xd4\xbc\xcd\xb6\xcf\xc1\xbbe\x0c\xe9b\x87\x16h\xf9\xd2\x8fv\x06\xe8\xd4o\xac#\xb8\x1c\xccY'</t>
  </si>
  <si>
    <t>b"1\xe41Gd\x13\x8e\x10\x89\xdb\x1bJ\xef\x84\xf1x\xc6NV\x1a\xbak\x01L(\xf9\xb6\x14P\xa9'\xb1"</t>
  </si>
  <si>
    <t>b'\xfc\x0f\xedx\xb82M\xc5?\xf9\xc0\xc5H]CW\x9bx\xd2\x97.\xd8GO\xb4\xc3g\xd2\xae\xd8\x16&amp;'</t>
  </si>
  <si>
    <t>b'\xe8\x87\x8a\xcc&gt;\x01}\xae5\x9f\xfa\xd7\xcds^z\x115\x89\xa5\xd7\xb4z\xfb\x9a\x87{\xd5\x980w"'</t>
  </si>
  <si>
    <t>b'\xaa\x9e\xbasH\xcb\x06y\x11\xe9/\xf6m\xbf\xec7GyX\x93\xc2\xc7\xd5m\xa3\xd3\xd1\x161\x9a\xdb\x83'</t>
  </si>
  <si>
    <t>b'R\xf3\xb1\x06\xbbz\x94\x8b\xc4\xbe\xd8\xe8\xd0d\xdf\xfc\xad\x86F&amp;dW&amp;(\xf4\xeb\xcfHW~\xed\xeb'</t>
  </si>
  <si>
    <t>b"X'?\x08E\rT\xf8\xe4\x80A-2\xc5j\x1d\x8e\xa1~\x0b\xa5\xfd\xa5j\xff\xb7\xefy\x93\xd06\x87"</t>
  </si>
  <si>
    <t>b'\xd8\x8a\x04 US\x03Ao\xd9\xb1S\xd1\x94\x95"z)hVu\xd8K\xc6M$\xc8:sq!y'</t>
  </si>
  <si>
    <t>b'\xdfe\x00\x02;\xbc\xafy\x04\xc1VDVz\xf3\x85\x1c\x0ee\xda\xaaK\xb0mLhy4\x0b\xe1\x9c\xc1'</t>
  </si>
  <si>
    <t>b'\xdd\x8d&gt;nw\xcao\xc2\x96;\x81\xe1\xcd\xe0\xe8\x83q\x81\\\xf3\x93\xcf\x9bS&amp;M\x07\xb9\x14\xa7\xcfh'</t>
  </si>
  <si>
    <t>b'eK\x10\x81\\\xb6\xe0\xd3$@b\xa7\xf5\x94\xd1+\xb4\x97s\xc6\xa3\xc6\xe6:\x9d\xe2X\x89mgH\xee'</t>
  </si>
  <si>
    <t>b'K)\xe8\xb17~7\xe7"(v\x84/\xe0\x1b9\xf2\xcc1K\x1cd\xfc\x12OL!Cm\x01\xd1Z'</t>
  </si>
  <si>
    <t>b'\x16(W\x80\x99\x19\xdd\x9d\xc2@\x95\xf6\x19\x98\xbc\xa9\x9fL\xc8z\x01X\x03f\xd7\x88\x14\x82;\xdf\xb2\x87'</t>
  </si>
  <si>
    <t>b'\x8a\xd5\xcc"\x03\x136\xfe(\xbc}Z\x1a|\xe0\x13\xba\x9e\xa7^`\x98O\x92M\xdb7\xc5z\x08 \x8a'</t>
  </si>
  <si>
    <t>b'\xce\xdb\xab\xa1\x9dm\xc8zh\xa3\xd9S\x15\xa7\xc7\xaf\x94;\x12\xab\xf0\xferV\xa9\x19M\x85\x04,\xfb\xb2'</t>
  </si>
  <si>
    <t>b'U\xb4&lt;ckOP\xa8\xbb\xed\x8a\x16Q\x17B\xb9t\xd8Vy$U\x995!\xda\x81\x82\xb3@\xb9V'</t>
  </si>
  <si>
    <t>b'\x17\xcaOF\xa9[v/\x8d\xf1\x1d\x85\x95\xd9\x8eD\xd1~\x0f\x13\xc7\xe3s:\xf0\xc3E\xbb\x9e\xbc\xee!'</t>
  </si>
  <si>
    <t>b'#K\x1b\x7fDC\xa2\x8b\xa5\x9b\xfa\xb8s\xd4\xd2\x88B\xc6\xc6[\x08\x9c__\x08\x04\nG?\xb8Q\xcb'</t>
  </si>
  <si>
    <t>b'\xfe#\x0cH\xc5\xac\x9d\xd9\x1b\x97\xf3\x83\xcbq\xba1\xaf\x9f\x10\xc1,\x9c\x05\x13\xda\xf1W\xb0\x87.%o'</t>
  </si>
  <si>
    <t>b'\xb7\x1dl \xcfz\xec\xa8\tb\xcd\xab\xe1\x14\x92\xd0\xc0\xd1\x8dp&lt;\xbd\x8d\x01\xce9\xdbw\x82\xdfP.'</t>
  </si>
  <si>
    <t>b'\xd2:;\xd38`\xfdzY\xa6\xd6\x9a\x14\x85\x11\x0fMn(\xb7\xd8J;\xf1\xb9\x0c\xf8[\xc2"\xe4\xd6'</t>
  </si>
  <si>
    <t>b'\x12\x93:\x80\x179y\xb4\x16\x8f\xab\x91\t\x87\xc7\x19n\r2\xcb\xd4\x01\x96\xddY\xa4\xfd?\xae\xfd\x0e\\'</t>
  </si>
  <si>
    <t>b'\xf2\xa2\x94T\x96\xcd\x04\x91+\xe0K\xaa\x10\x7fqb\x94VxA0+\xfb\x1a c;=\x955\xa9{'</t>
  </si>
  <si>
    <t>b'$v\x00\xd1\x17\x10\x10\x9e\x1cb\xda\xcc\x1dg\xb9\x9d\xb6?A\xd3\x9a7\xe3#sv\x9e}\xc8F\xbd\xcf'</t>
  </si>
  <si>
    <t>b'\x8fxH&gt;\x93,\x87\xf3\xcc\xe0\x7f\x1b\xddi5).\xfb\x03b\xfc\xed\x95n\n\x905\xa4\x11\x1bE\xff'</t>
  </si>
  <si>
    <t>b'\xf4x\x8fR\x9e\xac\xb0QQ9\x1bN\x1a\xa5\x08\xcfG\x18\xdaC\x0e\xae\xb06\x07"\xb0\xcc\x04\xaegA'</t>
  </si>
  <si>
    <t>b'\x11\xe9e{\x04\x861\xb0W\xe2\xd7\xf0\xc1\xe3Y5C(\x9a\x9a\x8d\xdf\x13J\x82Y\x0e\x1fl=\x85['</t>
  </si>
  <si>
    <t>b'+\x13\x84Ew*\xf0\xac\x8b2\xa8\xfe\x126\xca./q\xe5F\xa4\xb3v|\xe2\xe5\x18\x9a\xad\xab\x80\xaa'</t>
  </si>
  <si>
    <t>b'\xa2\xcb[C\x00\xd8\xa3\xb8\xa4\x1d\xcbo\xdf\xc4|B\x88x\xfcm\xcf\xded\x81,\xf4\xda\x8c\xe9\xa1\xa5\xdf'</t>
  </si>
  <si>
    <t>b';\xd7\xf9&amp;\xf5\x1f_z\x8f\xaf\xa4\xab\xb01\xe0\xe1\x00\x16\xa9M1)\xca\xde@\xc5\xcf\x05\x1b\xfb\x7f\x99'</t>
  </si>
  <si>
    <t>b'=\xbac\x1c\x18?#)\xa7\xbf\xe2\x98\x16&lt;t\x99V\xf4\xdd9\xb2+ \xd7C\x1f\xc5\x91K\xec\xcf\xe2'</t>
  </si>
  <si>
    <t>b'\x95\x9am\xeb\xbf+W\xc9|\xccm\xb9W\x1dv\x82\x15\xa7\x1c\xaf\xcc\xdb\xec\x8aR\xb6h\\\x12\xce\x07\xb3'</t>
  </si>
  <si>
    <t>b'K\xd7\x0f\xaa\x85\x08\xabs?&gt;S\x1c/M]~?\xc1\x07\xe5b6\xb8\x1b\xa9\x91VY\n\xf6\x8dS'</t>
  </si>
  <si>
    <t>b"\xee\x89'\x97T:2\xa4\xb2\x19\xd1\xf5\t\xd2\xb9\xc8\xa8\xae\xde\x98q(\xab\x89\x8e)\xe5?\xb1\xcb\x08C"</t>
  </si>
  <si>
    <t>b"\xca\xe4\x82\xd8'P\x9a\x057/deTr\xf9r\xa6|FoM\xfd\xaf\xb7OncW\x12S\xe6\n"</t>
  </si>
  <si>
    <t>b'I\x9e\x89[[$a \xf7~s\xd8\xdd\xa0\xb4k~ \xd0~F\xd9G\\\x860\x96r\xdbt\xd8Z'</t>
  </si>
  <si>
    <t>b'\xba\x07h\x1eX\xb6r\xd7FR\x17F\xd3\xd0\x11\xbe]\x81\rR\xb3\xfb\x08\x81j\xf0\xf64mm\xa4\xe7'</t>
  </si>
  <si>
    <t>b'\xee\x1c;r\\.\xa5\x89\x91\xa9\x05\xa7\x9d:\xd6\xfb\\W\x04\xcdf\xceV\x8e\xc7\xe7ZrW\x10\x1a\x0c'</t>
  </si>
  <si>
    <t>b'\xf7\xf1\xf5\xf0Nv\xaf@\xfe\x19\xaf)\xc0\x11\xb7&amp;W;F\xea\xd8\xa6\x16\xa4@k\xb2\x17$3\xc1\xab'</t>
  </si>
  <si>
    <t>b'H{\x98M\xdc\x1dS\xd2\xa7\x94Q\xe5BS\x00\xdaz\xfaQx\xd4a\xec\xd4\xaed\xca/@\xf8\x0e\xef'</t>
  </si>
  <si>
    <t>b'N\xdf\x8dq\xb2\x8d\xac\xa1\x85\xec\x17\xc1#\xf7/\x8f\x1eG\xb57\xc9&amp;\xa7\x9d\x93"\xe1@\xd2\\\x99\xaa'</t>
  </si>
  <si>
    <t>b'\xc8L\xd3\xba&amp;S\x1b\x17\x12&gt;\x1e_\x0e\x87!\x13F\x19K\x1e3\xd0\xdc\x84\xb3\x8bZt\xb0\x13\xdfe'</t>
  </si>
  <si>
    <t>b'\xe1#\xe5U\x16"\xf7\xa7\xed\x9e\x98Md\xa5\x05\xd4g\xb4\xc9n\r36B\xf4n2H\xcc\x8b\xecl'</t>
  </si>
  <si>
    <t>b'k\xbb\xe8\x87\x88\x9f\xb2\x80\xb3\xae\n|\xdc_\xf5\x1b\x90\x8bY\xc8b\xea\x0b\rR\xb8\xd3\x0c\xaf]\x96\x1f'</t>
  </si>
  <si>
    <t>b"\x1bO,\x82\xd9\x05`\x88\x15 ?\x82=24\x06\x9d\xd4\xf9;\xeb\xbdG\xff\x8a\xb3\\\x07a\xc06'"</t>
  </si>
  <si>
    <t>b'\x7fd\xe6N\x92\xc0\xc4\xad\xbb\t\x80.H$\xdb\x10|\xa5\xdai\xcd\xb1h\x8a\x92p#\x04\x8c\xd35\xdb'</t>
  </si>
  <si>
    <t>b'b\xd2\xa9\xf3*\xea\x13\xece2\x1e\xa7KQ\xac\xc7\xed\xfcH\xd3\xb7o\x1eF\xa3=\x9a`\xdc\x03q3'</t>
  </si>
  <si>
    <t>b'$\xdf\x84Wt\xceNd\xd0+\x131\xab/&amp;\xfa\xd3\x11\xcb\xd1\xc9J\xa4YP\x08\xfb\xd9\x8a\x17\xe0K'</t>
  </si>
  <si>
    <t>b'D(\xc0%\xa1\x84 V\x81\xbc\xa8F\xf6Lv\xc3\xb7W\xc5\xf2u\xcd\x07~0\xda\x02^\x16)%c'</t>
  </si>
  <si>
    <t>b'\x97t\xe5\x1bu&lt;\x08S0\xca\xc6\xb6\xd5&gt;S\xed\xb42x\xb5M\xfb\x00\x8bL\x01\xf5\xb9\xea\\a\xab'</t>
  </si>
  <si>
    <t>b'\x9e\x1f\xb2\xa3?\xa3\xf9u\xd7\x88\x8b[Rt\x11\xaa\xc4#A\x89\xc7V\xd8\xc0\t\x1d(\x06?$\xd9x'</t>
  </si>
  <si>
    <t>b'hP\x90d;\xa1$\xcb\x17kXO\x83T\x8f\xe5\xdb\x88\xbe\x04Ol\xbf\x9d\x83\xfc=\xf2_\xcd\xa5['</t>
  </si>
  <si>
    <t>b'E\xcc1t\x9f\x06\x08%7\x9b\x92\xa1\xe7\\s\xd1\xd6\x02\xff\xe7l\xae\x81\xe7\xce\x9c\x9ehnb\xb0X'</t>
  </si>
  <si>
    <t>b'\x84\xefT\xa1)\xbd\x0fT\xf1\x943\xa6k0\r\x90\xf1\xba\xc1\xf4\xdb!\xc6V\x16\xb1\x99\x19\x1a\xdc\xf4\x0e'</t>
  </si>
  <si>
    <t>b'\xde{\xa0]\x0esT,\x8f\x93\xaa\x11\xd1\x1fk\xe1\x97\xc3;\xb5sc\xa3\xd0\xbb\xf8u\x8a\x00\x04\x1c\xa0'</t>
  </si>
  <si>
    <t>b'\xa4i\xf0\x92\x89\x92\xd3\xf4\x00\x11\xc0\xae\x80\xa3\x98\xc1w\x87]-\x82\xe8\xb6m\xaf\xfd\xd5v\x86\x9eH{'</t>
  </si>
  <si>
    <t>b'\xed1Gy\xb4t\xf5\x03\xe5y\xe4,\xaa\xda-\xf4\x87\xc5L\x9d@\xec\xcb\xf2\xf2vQ\x00\xa7&lt;&amp;\xee'</t>
  </si>
  <si>
    <t>b'\r\xac\xd3m\xbd7\xcd\x81#\x18~wo\xde\t\x7f\x7f\x9d\x11\xf3;\xbd\xa2Q6\xe6Zr\xad!o\xe9'</t>
  </si>
  <si>
    <t>b'\x86^O\xabO\r\xde\xf2#\xdc\x8296\x8a8\x83r\xeb4\x16\xbc\x96&lt;\xb7\xf9&gt;\xa1\x85\x9a\x83\x03\x17'</t>
  </si>
  <si>
    <t>b"R\xfa\x11\x1c\\\x12A\xcbw\xba\x80\xbd\r0\xe2'\xb6=qf\xac\xcc\x91@\xf8\x8f\xccG\xdesyV"</t>
  </si>
  <si>
    <t>b'\xc2\x14\xb4\xe3\x93\x82$\x1e\xac\xfa\x14\xb1\xe3\x1e\xa3\xb0\xf8\xa2\xebV\xff\x99\xd2a\x91M\xf3\xbb\x0e\xed\x035'</t>
  </si>
  <si>
    <t>b'i\xa5rGdn3\x89\xe3\x14\xef\xad\xd0\xdf\x14\xda\xa6q\x8dy\xeaGA\xc2\xe6ItV/\xbb\x04\x12'</t>
  </si>
  <si>
    <t>b'=E\x11P\x1c\x94\xe5\x03\x7f@\xd39@\xcc\x98\xc0\x9cs\xda\xad\xf3EU}\xa3X\xceAg\xb2n\x84'</t>
  </si>
  <si>
    <t>b'\x96\x08f5$(\xd2\x9d{6\xa0\xc6\xe5\x95\xe6\x97\xcd\xf4\xb5\xe1\xd6\xaa\xb9\xb9U\x92\x10Tfx=\xb3'</t>
  </si>
  <si>
    <t>b'\xaf*\x81.&lt;\xcd\xb2! L9\xc6\x95\xd67\x84\x983]v\x8aHS*}\x19\x15\x03\x04\x90\xf4\xb4'</t>
  </si>
  <si>
    <t>b'\xb8\x16U\xfeG\x93;\xe2Y\xe9}\x86\x07\xe8\xe2\x14q\x0ep%\xe5\xd5\x80AEn\x97\x87\x7f.Pv'</t>
  </si>
  <si>
    <t>b'\xc4\xa3\xb7\xbe&lt;@\xa5\x10\xa9)(\xdb\x82\\\xcb{)k\xe2\x85\xf7Z,\x04+\x1c\xdd_DS~\xf1'</t>
  </si>
  <si>
    <t>b"\xfaL\xcb\xca\xd2d3\x81$=\xc9\xb26\x06\x94'\xf4X\n\x06\xa6m\xba\xa8\xc4\x9a9v,eo\xc0"</t>
  </si>
  <si>
    <t>b'\xc1Z\xb2\x02\x15\x90\xc95\x89\xfa\x9c,\xbeg\xab_\x81\xb4\xbd@\xcer\x8f\x7f\xe9\xfb\x99]\xb2\x8f\xb4j'</t>
  </si>
  <si>
    <t>b'\xee\xa9\xad\xb9\x14\xe3O\xc6w\x0b\xe4\x1b\xca\x18W\x01\xc6\xbe\x1dV\x0bo\xfc\xf3%?\x06\x8a\xb1{i\x8d'</t>
  </si>
  <si>
    <t>b'\x16c\xf6\xf8\xddbN\x07nz+\x17\x9e\x80_\xd3\x982\x96\xec\xb7\x7f\xcb\xd6\x91s\xf1^l\x98\xc6\x0b'</t>
  </si>
  <si>
    <t>b'\x8eFt\xe7\xa9\xf0\xf9\xc1=\xc8\\\x89\x0e^:n\xfb\x95\xf1\xd5\x95\x0cZ\xf3\x9eJ-\xb7%\x05\xcaa'</t>
  </si>
  <si>
    <t>b'\xfa)/\x9b\x9e\x98\x123]k\xa2\x1f*8\r\xb8\xa9\x82d\xca\x8a\x03\xe73\x85\x99\xa3Y-\x89\xa9\xd2'</t>
  </si>
  <si>
    <t>b'\x1d\xb7gR\x9f*\xc9\\:\x18&lt;\x0f8\x1b\xdefta\xa9\xf3\xca\xb9E\xc4M\xe0ICt\xb5\x19\xac'</t>
  </si>
  <si>
    <t>b'@!\xa1\xabIq\xe8\xf0%\xc7s\xc84\x96\xcbT\xe1\xd8\xf5\xd3atK\x0b\xfcV\x04\xe4fY\x15\x1c'</t>
  </si>
  <si>
    <t>b"g\xf0tG\xe2cpQ\xe2W\xe3r\x14\xe7\xa2'\x03\xf6\x14\x160\x0c\x8b2c\x07\xbb\x12J\x12J\xd7"</t>
  </si>
  <si>
    <t>b':\xa4\x04\xbb&lt;\xa7\xe0~qNF\x01\x89\x06\x17\xa5\x11,\n\x87\x10\xf7\xba\xb5\x08\xc5ajf\xecZ\x7f'</t>
  </si>
  <si>
    <t>b'\xe7j\xde\xa2\xdf;Vd\xd2\xae\xa3r\xa8\xffn\x06pk[\x1bA\xe5\xc3\xc8\x0b{\x90\xc4\xc0"\xbd\x14'</t>
  </si>
  <si>
    <t>b"\xaf\xe4\x11'$\xa9\x1b@}\xafM\x83\xf2\xf4\xd91\x1c\xa6O\xc8\xde\x90\xb25S\xc9+\x82\xdf5\xc1\xaf"</t>
  </si>
  <si>
    <t>b"J\x9d\x0f\x1e\xf3\xf8\xb3\x17\x05\x94\xd6\xc0H\xd4\x9a\n'z\xc8\x0f\xf6\x8cU\x80S\xc4\xcc8\x96\xcc\xb7b"</t>
  </si>
  <si>
    <t>b'3M\xba\xe4\xd5\xb8\xac\xda\x9d\xb7\x8a\xc5\x8b\xf5b^F\x9c\x8eP\xfc}g}\xae\xc8\xa5\x08\xe6X\x12,'</t>
  </si>
  <si>
    <t>b'\xaa\xb5\x93\x8f\xe4\xde\xf0\xad\xa5|\x97\x1d\xd2\xe2\xab\xbb{P\xb3\x16\x9eS\xe35\xab\xab\x85\xb1\xaa\x17\t\x84'</t>
  </si>
  <si>
    <t>b"T\xfb\xe0x~t\xab'9\x9c\x06\xde\x0b\xfdz%E@3\xce\xf3\xd6e\xc2&gt;\x99\xf6\xf8\xa3\x1b\x16,"</t>
  </si>
  <si>
    <t>b'\x9f|&lt;K\xf0\x7f&amp;Z\xb5\x14\xfa\xbc*x\xe6\xe7\xaf]\xe2t\xb2\xd1\x86\xcf\\\xef\x9c\x04\x7f\x1b2\x8c'</t>
  </si>
  <si>
    <t>b'\xab\xd3\xa2\\v\x11\xc3\x9d\xa8\xbe\xf0\x0cYp2\x94\xc2\xc4\xbb\x89\x08\xab\x82x\xb1#;\xe9\x9d,L6'</t>
  </si>
  <si>
    <t>b'0\xe5\xbb\xd9k\x81\x8d\xb5IVX\x0f\xb8\xacw\x1f\xfd\xc9d%\xf8^\x8f\xe78\xef\xdd\xa7\x8c\xb2\xc5C'</t>
  </si>
  <si>
    <t>b'\xd9\xf6\xee\xc1~\xcc\x981XM\xdd}\xdc\xc1s\xf4\xef!Vt\xa1\xb9\x97\xdd\x93~\xf2\x8a\xca\x82\xb4\xa1'</t>
  </si>
  <si>
    <t>b'\x15\xbb}eG\x83\x01\x98\x80K=kd\xc7\x1c\xbb \xf9\xd1\xa9\xb8y8\xfb\xc9\xe0\xa7\xf7\x14\xdbaF'</t>
  </si>
  <si>
    <t>b'\xe3\xd5\xd5\x18\xe20j|\x17\xa9\xd1F\xbb]\x11Z2;u0\xd30\xc0Y\xa2\x87\x97\x18\x06\xda5\x90'</t>
  </si>
  <si>
    <t>b'\xe6a\x06\xae\xd3_\xf7\xbe7{d\xf6\x88\x8di\xa9\xa4Q9\xa3\xbd\x9e\xd0MT\xac\xc6\x08\xe9\xdc\xa4\xe1'</t>
  </si>
  <si>
    <t>b"'5\xb8\x9f\xa1N\xa1\xa4\xcb\xaf\x95\xbc\xf4\xdbI\x9d\xa6p\x9b\xe7HL\nRQW\xf8\xba?\x8e\xf5\x9b"</t>
  </si>
  <si>
    <t>b'_f;\x87e\xe7+\n$x\t*\x0c[\xa5\x01\x0e\xbdn~\xfa\xd7\xe0\xd0\x08\xe9\x9b\xd2\xf7H\x8e\xb1'</t>
  </si>
  <si>
    <t>b'\xad\x05\x86\xbbvE\xa0j\xb8\x1e\xc1&gt;#T~\xe3xv\xd90\t^\xf2&gt;n\n\xccM\xa2\x15\xd7{'</t>
  </si>
  <si>
    <t>b'V\xf2\xd8M\x91lh\xc1w\xd8\\\xcf\xb0\xda\xd6eY\xbe\xae\xfb~@\xd7\x84\x91\xd7k\x16\xba\x829\x97'</t>
  </si>
  <si>
    <t>b"\xc6}A\x8f\xdd1\x95\xff\xdd\xa7\xf1\x9b\x93\x0e%[\xc6\xdeka\xdc\x89'7B\xbfIDx-\x00\xb1"</t>
  </si>
  <si>
    <t>b'\xd4\xba\xc3\xea\xb4\x8d\xa0?\xf1\x8d\x02\xdd\x17d\x0b\xd8\x0eP\xa7\xca\xf4A\xb9\xbaz]\x96k1;\xbd\xd6'</t>
  </si>
  <si>
    <t>b'\x92\x94c\x7f\xf5\xc7\xbf\x1eA\x85\x02\x15c8MV\xd0\x15\x8d?\xf4\xae\x08b\xf6\xfdH\xc1\x089\xd1\xda'</t>
  </si>
  <si>
    <t>b'r%\x82\xdc\xddp\x9d\xb4\xdc\xb8\x89\xcb\x82\xfa!l\xb0\xf5h\xe2\xb0,\xfe\xc5\xed\x18m\x1e\x04\xb0\xea\xbe'</t>
  </si>
  <si>
    <t>b'\xe4\xb5WdC\xd8\xd20\xa52\x1f\xb6\xce-\x91p|\x92\xb6\xea\xb1s\x06\x8dn$Rk\t\x98Y\xfd'</t>
  </si>
  <si>
    <t>b"\x8d\x9b\x0f\x17\x1fR0\xc3\x8a\xe8S\x1e\xd2#\xdc'\xd3\xbd6,t\xa2&lt;\x01\xf9\x93&lt;\x17Cz\xc0u"</t>
  </si>
  <si>
    <t>b'\x18Ty\x96\xc4\xabE\xd1\x1a\xb5b\x86\x11\xa1\xe7\xf4\xb6\xf4m\x86E\x1f\xdb\xf3\x9b)8\x15NjZ\xc4'</t>
  </si>
  <si>
    <t>b'\xd4]\xe7\xc0\x05)\x85\x99\x08S\x18\x9ad\x05]\x9d\xbd\x00;5\xa5\x85\xd1\x16\xe8\xd6\x9a\xbdX\xe7\xcb\x00'</t>
  </si>
  <si>
    <t>b'\xa4\xa5\x85\x0f52%\x8aLW\xf3\x88!\tj\x04\xef&gt;\xbf\x1b\xf22\xefhB\x0f\x95\x16\x9a\xb1!;'</t>
  </si>
  <si>
    <t>b'q\x8d\x0f\x14B\x9d|u\xcf\x13\x08\x8fxY\xa9\xf9\xb6\x1de\x8e\xaa\xee\xbf&lt;E?Q\xb9\xbe\xae$\xc9'</t>
  </si>
  <si>
    <t>b'\x83\xd2\x14\x02C\x8f\xfc\x8f\xc1\x0f\x99H\xa5M\xb9\xa4\xcc\xe8\xd8\xbb\xcf!M\xe1\x9f"N4\x04\xbb\xb5\xdb'</t>
  </si>
  <si>
    <t>b'\xb7\xe3\xffk\x80\x0e\x11u\x9c\x00 \x82\x05[bP\xecg\xb6/#\x1eL\xfc?\x16fK\x01\x94Sa'</t>
  </si>
  <si>
    <t>b'fQ\xfc\x88\xfd\x04\xd4BZ.]\xd5/&amp;K\x90yk\xfc\xe4\xe6\x83\xfeU\xc5\x1cev\xbd\xff\xa0\xe0'</t>
  </si>
  <si>
    <t>b'z\t\xb9\x02-\xf7\x9a~\xd8\xce\xdb\x0c\xfd \xe2\xbf\x8bA\x87\x08x\xe3a\xd0\x82F\xb2\xed\x0b J\x81'</t>
  </si>
  <si>
    <t>b'\x82y\xa1\xc2\xe3vT\x14aY\x84\x1f\xc8\xf6\xc0\xe7\rO\x1f&amp;4\xa0\xe7a\x86r*\t0\xa2\x02&gt;'</t>
  </si>
  <si>
    <t>b"\x0bwTbbyd\xd2\xd4fb\xb1IF\xd0a\xff\xda\xec\xc7}\xe2'\xfd\xee\x87d\xcf\x85\xb2o\xa9"</t>
  </si>
  <si>
    <t>b't\xdf6\xe7\x7fW\xf8\xaa]\xb01\x89p\xa3\x07\xe0d\x95=\xd8\x03u7\xa5L\xbc2\xb4y\xc5\xfe\x1a'</t>
  </si>
  <si>
    <t>b'\xde\xff\x1e0[\x16\xf6J\xa1\xc44\x8c2\x0bt\x13\x0bS\xc9*\x9c\xe8\xfb\x17\x91\x93\xb5\xf99\xd4\xc5\xb5'</t>
  </si>
  <si>
    <t>b'7\xe8\x0e\xbeJ\xb6\xc5\xd0d\x12wG\xd4Y\xa4\xab\xbcZ_\x8b\xf7\x9cXz\x0eu_\x13t\t\xfb\xe3'</t>
  </si>
  <si>
    <t>b'\x84\xb8\x88\x05\xe9r\x90O\xd5\x90p\xd3B\xceQ[\x94\x0f/ltU\x07\xa0\x8f{E\x0e\xfe\xdb\x8a\xed'</t>
  </si>
  <si>
    <t>b'D`\xe2\x83^M\xcb\x1b\x9d\x8cjF6X\xc0DI\xb5v\x1d\xb42\x14\x17"/\xd6_\xc1K/P'</t>
  </si>
  <si>
    <t>b"\xe4\xe1\xb5\xf2\x92\xb03\xfeO\xee\x05!\xd0\x82\xb0h\xe5\x84\x05XwS\xa6M\xeb\xb6'4\x88\x10\xd3\x93"</t>
  </si>
  <si>
    <t>b"C\x1a\xf4\xd2g\x9cK_\xeb5\xa1d\xd6\x163'\x1d\xed\x15\xd8\xb0\xa6B\x0c\xccLr1\x0b\xb2\x12\x8d"</t>
  </si>
  <si>
    <t>b'\xf9\x9a\xe7\xe7\x1a!\xa3\xfc\x94\xfd\xad\xd1\x02\xb1g\xf6Z\xc0\x9eq\xf00`\x1d\xad\xaa\x82\x94*zVO'</t>
  </si>
  <si>
    <t>b'\xb0\xaf?\xc9n\x88k\xc3\xf7\xec\x11ih\x9d|\x0f1\xb7\xef^\xd1\xbfj\xe1brA[\xe3\xf2\xad\xb3'</t>
  </si>
  <si>
    <t>b'\xa1\xcf\xe4\xf9\xc5;\n+\x80m}\xbc\t3\x07\x1a\xbf\xadW\x8bNn\x0ez*_\xf1\x1c\xe1\x15\xfc\xf0'</t>
  </si>
  <si>
    <t>b'j~^\xaf\x0c\xb0\xefM\xce\xdd\x02\x91\x98\x04\x1b\xc1\xef4[e\x80\xf08\x96\xe1\x93\xb7\xcc\xc8!4\xfe'</t>
  </si>
  <si>
    <t>b'\x0cJ\x1f\x8c\xc7\xc4;\xf4\xcb\xf1\x030W!\xbeF\x13\xeb\xfbl=\x10L\x00\xe7\xd7\x8a\x94\x10\x0f\x16\xc6'</t>
  </si>
  <si>
    <t>b"\x07\xeb\xfe{@\xb2}tqM-\xdfo\x14uAL4\xafD\xc9\xcc\xa1'\xc4\x0c\x95\x0f\x88\x19 \xb0"</t>
  </si>
  <si>
    <t>b'i|\xbfh\xc913\xe1\xd1\xbcd\xd6\x80"\x133\xb9G\x82\x98\xf6\x9fN\xc2Y\x86y\xcb\x9bf7\xdf'</t>
  </si>
  <si>
    <t>b"Ch\xf7_\x96\xfeK4\x9f\xb6\xc8q\x15\x03pI\x15\x8el\xf3y'\x99\x08\xdaB~\xa1T\xbai\x97"</t>
  </si>
  <si>
    <t>b'a\xa1f\xdf{W\xb6%\xc3\xbb\xa57\xe8\xfc\x7f\xd5\n\x99\x17\xd1\x16\xd9g^\xadU\xf5r\xc8\xbb\xdb:'</t>
  </si>
  <si>
    <t>b';\xd0\xe0(5 qhg\xbc;\x929\xb1i\xb6\xf5\x81\xec\xd2;V\x8b2\xaf\xe7\x1a\xe3\xaa\n\xbb\xbc'</t>
  </si>
  <si>
    <t>b'z\xe5hv&gt;\xb1U{Q!\x91\xa9\xc3\x91i\x0b\xc6\x87\x15\xb9wW]\xcd\xb1e\xce\xf8=UV\x1d'</t>
  </si>
  <si>
    <t>b"X\xf5\xfd\xe6\x9b\xeb\xf6=\xce\xb5x4K'\x9c\x92\xf0\xe1\x0b#A\x8dv&amp;\xafmbpg\x9d\xdc\xa2"</t>
  </si>
  <si>
    <t>b'\xf0\xac\xd8\xe9\xe2)(\x18\xb5\xa6\xf5h\xb2\x8a\xa2T\xa6\xceC\xf2N\x81\xb2\xc7\x84\x95\x01N\xc1a\xf3l'</t>
  </si>
  <si>
    <t>b'\x08\x95\x8c\xfd3\x05&amp;\x16\x92\xd4\xb5L\x01\x83\x04I;\xc9\x81p\xcd8\xe0\x8fV\x04\xc8\xb0lA\xaeY'</t>
  </si>
  <si>
    <t>b'_M\x92\xd3\x94YB\xe6p2X&lt;iJH\x12"\xe9U\xca7\xa4\x1dZ\x96\x8d\x84\xb5&amp;\xf5\xa35'</t>
  </si>
  <si>
    <t>b'(\xb79\xf7\x12\xba[\xf5\x88*\xa9\xcbT\xc3\x7f\xd7\xcd\x02^\xd6\xb1\xba\x7f\xbc\x18t\xf4\x13I\x97\xdf\xa6'</t>
  </si>
  <si>
    <t>b'Z\xb1\x95i9%\x1c\xeaz\x06\xc9\xe4\xb6u&lt;\xc8\xa5\xd4\xad\x1a\x08\x10\x05\xd0J\x03\xc1p\xe1C\xcc\xc1'</t>
  </si>
  <si>
    <t>b'\xbd\x144@\xb8\xb1\xeb`P&gt;\xb7%\x84@\x8c\xaaS\xce.\x02uvW~\x1c\x06{\xb4\xefo\x12\xad'</t>
  </si>
  <si>
    <t>b'lN\x05\x16J\xacfh\xf9\x1ek\xee(\x8a;\x16\x06\xaa\x8bZD\x18\x7f\x83\xcd~\x15\r\xc9\xc0:Z'</t>
  </si>
  <si>
    <t>b'TlR\xdfz;\xeej4\x04\x19kB\x97\xb3\xe2\x84\xa1P\x90\xde6\xe7\x9axv\\\xd6\x0cj\x1b`'</t>
  </si>
  <si>
    <t>b'v6d\xe3j0\xdb\x01!\xd2+\xe7\x93\x80a\xe0\xb5V\x8e|\xef\xdf\xa4K6\xc3\xec\xc2g\xc6Hb'</t>
  </si>
  <si>
    <t>b"\r\xbf\x1c\xee\xb2\x00\xc4\x18\xa4\x00\xa4\x9a\xd3\xf4'\x8cq\xba\xb3\x8c\t\xee\x13_\xf6\x9aN\xd7#K\xf4H"</t>
  </si>
  <si>
    <t>b"\xcfg\xfa'\x8c\xb6\xe5K\xeb&amp;n\xd7ib\xf7D\xbd_\x9c\t\xb5\x1e\x98D\xc7\xeeb\x0bO\x97\x9aX"</t>
  </si>
  <si>
    <t>b'\xdb\xaf\xd1\xeem\xcc\x84\x9eR\xcd\xcc\xc7\xc3\xebY\xe4/\xff~\xd2p@\x0f\xfa\x89\x03\x0b\xfc\xd9i+\xde'</t>
  </si>
  <si>
    <t>b'\xd5C\x83"\x86W\xbb\x93\xb0#\xc6c\xf7\x8b\xa4Z\xc3\xa0\xddVL,\x99\xe7~V\xba\x01\xf3\xaao\xf7'</t>
  </si>
  <si>
    <t>b'K\x865\xad\xdb\x19sfP\xc6\xcfs&amp;\xa1&lt;s^\xbd"\xbc\xe2\xf3\x8a\x08\x8cd)^\x89U\xd5!'</t>
  </si>
  <si>
    <t>b'H-\xbb/\xa7r)\xd7\x0b\xfc@\xee\x04\xc5\xdb\x9bO\xd0\xf0\xe9\x17\xcc_%?0\xa4\x9d\xb6R2\x15'</t>
  </si>
  <si>
    <t>b'\x99T\xf5`0\x86\x1d\x14`\xa4\xe4\x8fgR\xf0\x8f\x11\xf3p\x91\x94\xe98(\x9ftwo\x86\xbd\x9a\x1a'</t>
  </si>
  <si>
    <t>b'\xec\xd3z\xc9Ym\x8c\xb1]\xdf\x1b\x13%$\x1f\xa4n+\\"\x0c\xf6\xc0\x82\xf1\xf3\xcf/\xd4\x83I]'</t>
  </si>
  <si>
    <t>b'\x19K\t\xae9\x07[\x87\xf10r3\x8a\xbc\x8c\xd8\xa6\xca\x11p\xb8\xd9\x138\x83\xc7\xcf\xf0\x93\xbd\xf8\xe4'</t>
  </si>
  <si>
    <t>b'\xd2\xe7\x96T\xa8\x83\xfe\x1c\x0f\xda@{\x02-\xb6~\x14\xc2\xd2\xc8\xa8\x83\xf5\x11h\x07\\h\xa9\xe4\xcd}'</t>
  </si>
  <si>
    <t>b'c\xc5\x97M\xdf\xd2\xd4d\xfb\x194\x91w\xef.\x8bQ3\xf9\xb4\xcc\xfd\xff\xe1Fc\x88\xe8\xc9\xb2X\xf2'</t>
  </si>
  <si>
    <t>b'\x02X`\xbf\xe1?\xa8\xc0\x175N\x8b\xe7}\xbfm\xf5\x8e\xf8\xf2\xa3\xd1e\x16\xd4\xfdi\x1f\xe9\xa1Q\x00'</t>
  </si>
  <si>
    <t>b'U\x87&lt;Y\xdd\x04\xf6\xd0:&amp;w\xe1\x12\x02\x0c\x9b[\x1ea\xa5\x17\xe0/\xdc\xd2:w\x9b\x81[\x8b\x8c'</t>
  </si>
  <si>
    <t>b'\x83\xa8I\xab\xf7\x07\x0b\x93\xa9v\x9bC\xa3_\xe6\x85\x10\x9cE\x95\xcc\x13I\xea/\xeci\xec\x95\xe7d\x98'</t>
  </si>
  <si>
    <t>b'\xaa #\xf96\xa5\xa6"\xd0f\xf2\xa1,\x96&amp;\xfc\xc6\xb1\xad\x88\xf1]\xa1o\xda\x7f\x96\x07\x10\x9cD\xeb'</t>
  </si>
  <si>
    <t>b'\xac\x7fc\x8a\xb2s\xbak6\xc1\x13\xe7D\xbc;({\x1bD0\xc4\t~\xa1\xd8\xa2c\xfed0O\n'</t>
  </si>
  <si>
    <t>b'\xee\xe6\xf0r\xa8A\xb3uo`\xa4y \x95\x11Y\xe3\xcc\xfdf\x0f\xab\xed\x15\x92q\xf6\x1b\xdbS\xba]'</t>
  </si>
  <si>
    <t>b'\x14U\xbe\x0e\x17\x10\xb9B\xb4\xea\x9ayl`\n\xd6TH\xd8\xc0)zU9@c\x83\xa4j\x14\x82\xe7'</t>
  </si>
  <si>
    <t>b'\xcb\xe2H\xd2?\xb4\x82kk+"\xe7p\xc0\xdf\x924s0\xcc\xc5@\x11\x96\x11x\x8e\xb9\x0c\x8c..'</t>
  </si>
  <si>
    <t>b"u0\xab\xa7\xbff\xfd['\x8f;\x18\xe7\xb7=S\xc9Q\xc5\xde\xa5^\x8c\xdf\xd8\xfd&gt;q-E\xbd\x14"</t>
  </si>
  <si>
    <t>b'&gt;\xe0\xbf2\xb7IL\xb7\x8f\xf4b\xd3\x87\xf3I\t\n\x9f\x82\xb9\nx"\xc4\xe6%\x02k\x8c\xec4\x1d'</t>
  </si>
  <si>
    <t>b'\x99O\xcf},j\xda\xe5\xace\x9f\xa0\xa8\xdbfJ"\xd8N*\x8c;\xba\x1d\x8c\x03\xf7]cAF\\'</t>
  </si>
  <si>
    <t>b'\x81vc\x16N\xd7H\x93\x19\r?\x92N\xd3\xe6n\xa7I \xc5\x16%\x82\x1a\xda\xcf\x87\xb8\x02\\\x8c\xa6'</t>
  </si>
  <si>
    <t>b'\x9d~\xc4\x868T\r\x87\xa2v\xbc&lt;\x88\xb38\xcd\xf9\x96\xe9\xa5\xf4i*\xc42\xff\xa5[\xb35\xa9I'</t>
  </si>
  <si>
    <t>b'\xda-\xf1\x92\xceD\x13\xc3\xf0\x16\x9ba\xbeZ\xf5\xbcB\xc7\xfc\xe2.\xa87\xa8\x06\x86\xfdn&gt;T\xb2t'</t>
  </si>
  <si>
    <t>b'\xcd\xeb\xe1\xeb\x0c"\xd5\xca&amp;\x98+c\x8e\x94S\\\x10\xf8\x8ej*\x04\x16\xec-&amp;\xee\n\xe2\x80gU'</t>
  </si>
  <si>
    <t>b'8\x91\x1e8\x90yr\x9c+\x82\xc4\xd2\xce\xf1\xe0\xa9\x1e\xfe_+\x01_h\\\x95\x07\x87\r~\x8eX\x1d'</t>
  </si>
  <si>
    <t>b'*j\xdf\x8b\xff.D\xe9\xc8jK\x18\xc6\n\x10h\xbd\x05\xe6\x9b\xa5@Y\xa1\xdb!d\x01\xa7\xb17\xdc'</t>
  </si>
  <si>
    <t>b'#r\xb6$\x10\xa5B\xfcF\xf6\x08q\xd2N\xc8\x12\x81\x19\t\xcb[\x9d(\x94mE,\x8e\xd8~\xf6\x82'</t>
  </si>
  <si>
    <t>b'/i\xab\xe4\xb9y\xfb\x9f5q\xf1\xf9f\x84z\x13\xe6\xac\x87\x94[\x1d\x9d\xc0\x93Nm"\x82,cf'</t>
  </si>
  <si>
    <t>b'\xcb\rh\xe8o\xa1\xdeUc\xba\x14\xa5S\x8a\nU\x86\xe6\xcbg[`xCR\x98\x1awQ\xfa\xe5\x92'</t>
  </si>
  <si>
    <t>b'\xa3\x0b\xf2\x80bg\xb3 \xbd\x94\xa9s\xf5\x03\xd3}\xd6uX\xdd(\xb0\x18\x9d\xees`}\x142\xb9\xaa'</t>
  </si>
  <si>
    <t>b'P8q\xdc\x06\x1a_\xf13b\xdc\xee\x86&gt;\xbaw\x0c\xc9\xfb\x7f\xf9Z\xcaKV\x10%\x85\xa0\xe0\x98\x02'</t>
  </si>
  <si>
    <t>b'\xcaL\x87g\xcbT\xb6KC\xcby\t\xd3 p\xb5\x96\xe2\x01D\xbd\xff\x14\x08\xcc\x13\xb3\xd0\xa56z_'</t>
  </si>
  <si>
    <t>b'7\x0c\xf2\x80\x8c\xceHj6g\x06\xee\x1e\x9c\xdb\x18)\xf7-\x05\xe5\x08R\xb4\x9f\xdf\xb9\x0e\xc0\xb2\x11v'</t>
  </si>
  <si>
    <t>b'\xeb\x8fL#ju*\x8a\xe1\x12;m\x84\nM\x13\x19/\xaf0$\xa4\x13\xae\xd4\xd1\x99\x18I\xafTq'</t>
  </si>
  <si>
    <t>b'r\xef\xcc\xf1s\x9b\xd4\x04A\xddR\xe4\xa1,P\xf4%Y\x10\x91\x9e\xd2c\xc2A\x9bg\xcb\x04\xaf\x8e\xd8'</t>
  </si>
  <si>
    <t>b'\x02\xf5\x8e&amp;~s}\xa2l\xf3\xc4\xb65\xb8\x9f\x82\xc9\xaa\x01&lt;}\x17B\xd5\x02\xccp\xb5\x18\xf2\xd1\xad'</t>
  </si>
  <si>
    <t>b'\xec\x9c\x98\x16h\x93\xbf\xcc4\xad\x974\x87#\xcaj\xd4\x04\x878\xa5\xefs\xb3\x18Lmj\xcf\xfc,S'</t>
  </si>
  <si>
    <t>b'\xeaD\x9f\xe8\xe0\r\x1e\xf3\xf0T\x19\xc7u\x15\xd9\xa9\x88\x1d`\xdd-\xa9\x8c\xa0\xc0\xd8\xef\xa2y/\xff0'</t>
  </si>
  <si>
    <t>b'B\xb1\xbe\xaa.\xcbj\x0e\x1b\x9b\x80\xdbu\xeb:l1"\xbd2\x82\xba\x98%\xd4\xa7\'\x83\xe5\xe3?\xba'</t>
  </si>
  <si>
    <t>b'W\xdfT\x93\xd6W(\x07\xfe\x05\xc7\xc7%\x12\xe6\xeb\xff5\xaa\xb8&amp;\xbeG\x1fI\x98y\xdb\xb5L)\xc2'</t>
  </si>
  <si>
    <t>b'\xa9LS\xbd\xde-"k\xc3&gt;\xffu\xa0|\xdd\xa6lKj\xa4\x89\x80O\x13\xc6a\xf8\xe44\x9e\xe8T'</t>
  </si>
  <si>
    <t>b'\x94\x97W\xc3\xa7\xa3\x01\xac/\xa1\x89,4\xc7\x8a\xcb\x13\xaf\x9e\xc3\xf2(J\xc9\xe47\x0b\xd0\xdb|\x8b&amp;'</t>
  </si>
  <si>
    <t>b' *\x89O\x00\x0f\x1b\xf5B=\xd5\x07\x1b\xd3\xf7\xf2\x11\x88z&lt;\xc6\xa7;\xdc\xb0F6\x15y\xaf X'</t>
  </si>
  <si>
    <t>b"\x18K\x8d\xc8\xb9\xc2|q\x01|H\xe6o\x81\xcf\x9bd\xdb\xc6\xec\x8dPB\x8eC\x03'\x01\xf5L:\xd3"</t>
  </si>
  <si>
    <t>b'\xdcv\x1bw@\x82=7\xbc\xa1\xcf\x9aJ\xf7\xaab\x94\xe1!\\\xeb\x9a\xdc\xe2\xf7!\xe8,\xd9 4\x1f'</t>
  </si>
  <si>
    <t>b'\xd4z_\xf5\x19\x13w6Z\xa1\xc7\x8b^OSF\x95\x19\x81\x1b\xb6\xa6\xff\xb8\x12Y\x07\x97\x81\x8d,\xa3'</t>
  </si>
  <si>
    <t>b'\xc1\xc0\x103*\xd5&amp;="\xc9\n\xe47\x97@\xb9\xe6~\'-K\xf4\xd8\x82d\xc7G\x19c6\xab7'</t>
  </si>
  <si>
    <t>b'\x93\xfb\x19y\xdb\xd0#X\x85B;\xacT%q\xa2\xb3\x11v\xb3\x88 xi\xc7\xcdU\x00\xa9"#\xd9'</t>
  </si>
  <si>
    <t>b'\xafK\xb1\x1f\x12\xc5\xca\xc4\x07\x03\xe9\x9drm\r\xbfEU=4\xcdi_\xe1\xaf\x9c\xabS\x85\xa4Y\xbb'</t>
  </si>
  <si>
    <t>b'\x16k\xa4\xa0\x1f\x9f\x86{\xd1\xfe6\xbfBH\xac\x10\x1f\xf26\xc9\xd35\xb0\xf3\xb2@\xbb\xce\xcf*\x80\xc3'</t>
  </si>
  <si>
    <t>b'4IL\x8b\x84\x95?#\x0cZ\xa4\x06\x15\x8a\xd7\xab\xc8Z\xd8\xa2s\x9c\x90\xa6+\x83m\xe2\x0c{N\x17'</t>
  </si>
  <si>
    <t>b'\xa1\xe3\xdc\x0f\xe4\xf2\xa8\xc6\x04)E\xc6\xa71\xd8Q\xdd2\x05\xceE\xdfV"?6\x0b\xb3=^&lt;\xed'</t>
  </si>
  <si>
    <t>b'\xb8L"\x8e"j\x02\xcaQ\xb9\x8b\x93r*\x1b\xe5\xccY7y\x88Hf\xe8\xb99\xd0S\xce\x98\xd0`'</t>
  </si>
  <si>
    <t>b'p\x00((\x7fg\rbI\xae\xf2a3+A#\xbe\xda\x97\x86\x95\xeeU&gt;v\xf3\xf4\xba\xf0%\x0b&amp;'</t>
  </si>
  <si>
    <t>b';hu\xf3\xd9\x9c\xad\xf9\xe7\xa3@W\x19\xe4\x90\xfa\x98d\x88\x17Z\x84\x16\x8e\x1f\xad\x80\x9bg\xfe\x1e\xef'</t>
  </si>
  <si>
    <t>b'\xec\xeb\xac.\x8d\xa2\x7f\xcb\xc25\x85&amp;\xfd&lt;\xfb\x17/\x8f\xc5\xb9\xc2CQ;\x08\xdak\xaa\x10iw\xa8'</t>
  </si>
  <si>
    <t>b'\xf9\xdel\xdbx\x82o/\xb9\xc2c\xb7\xc0\xa7\xab\xb1\xffjQs =\x05\x1a\xdf\xd8\xb8vF\xe9W\x93'</t>
  </si>
  <si>
    <t>b"c\x1b;\x95\x14\xec\xc9\xab\x91\xdc\xa0\x8b\x82\x10F:\xf6F\x81Q,0-'o\xb1\x18\x92E\x1d\xfe\xb5"</t>
  </si>
  <si>
    <t>b'v\xb5*\x904\xc6\xa2\x9d1\xd3fA\x1a\xdaaJ8\x95\xb7\x96\x91\xb7\xeb\xe1a\x8a\x9dgE|\xae\xd7'</t>
  </si>
  <si>
    <t>b'\xec\xec\x10\x90B\x9c\x88\x15DbX\x0c\xa89d\x84\xa9a\xccR\x11\x06o\x9b\xb7\x81e\xbaV\x14\xfa '</t>
  </si>
  <si>
    <t>b'\xdb\xfc\xc9\xe3\xcb\x15h&lt;\x8d\xa3\x8e$\xd4\x1d=\xd4v\x1a\xdc{\xa1\x10\x96]\x81\n\xe3\xf3v\xa0!,'</t>
  </si>
  <si>
    <t>b'\xbb\xaf\xbeL\x85\x85l\xf8\xbc\x9ay]\xd2\xde=\x96J\xbd\x16)f\xed\xf6(\x92\xecn\x14%Q\xd7&amp;'</t>
  </si>
  <si>
    <t>b'R\x05n\x1f\x13A\xb1\xa7:\xa2#\xe8\xac\x05\xa5@s}\x9ev\x90\x93,\xfcd=?&gt;\x18\x06!&gt;'</t>
  </si>
  <si>
    <t>b'\x8e\xf6\xf9W\x07\xca\xd8\x89x\x1c\xfb\xf2\x9f\xe3\x94\x94\x96\\#(*\x93\xda\x9ds`Z \x0f\x1d\xee\x15'</t>
  </si>
  <si>
    <t>b"\xcfI\xac'FHK\xa5\xff\xf5LF\xc2`\xb0t\xf2\x9e\xf7I\x0b\x1a\xecaV\x95\x9d*\xdfc\xdd\xf2"</t>
  </si>
  <si>
    <t>b'\x9a\xe4\xc6\x0e\x11\xd8\x7f\xef\x06\x05\x15\x11\xc3\xb9K\xa2f\x0bi\xa7~9\xea+g\xc9\x16\xf7\xc4\xae\xbd\xb9'</t>
  </si>
  <si>
    <t>b'\x97*\x0e\xec@\xb43\xf6\x8d\x05"B}Z\x81L\x02\x02\x97\x8d\x16\x06\xaf\xad\xe4\xbd\xfbd]\xa0\xees'</t>
  </si>
  <si>
    <t>b'\xc8\x02\xc5\x96\xce\xb9\xfc\xf0\xe7b\xfb\xd1,\x1d\xc4\xc4\xc1\xb5\xa6E\xd2\xe1!^N\x83\x1b\xf4\xac\xbd\xe4\xcd'</t>
  </si>
  <si>
    <t>b'\xe8m+\xd5\x9d7\xa5\xae\x9d\xd4\x1b\xbb\xf00\xa1P\xb9$\x9dDD\x80\x9b\x1c,8\xaf\xae\nu\xf9\x94'</t>
  </si>
  <si>
    <t>b'\xd7\xb9m\x10\xaa\xe0\xab\xc7\xd7\x06t\xfa\x93\xa0J)e\x1c\x81a\x8c\xe2~\xfe\x10\x0b\x81e\xe2\xdbbh'</t>
  </si>
  <si>
    <t>b'\xae&lt;\x9b\xb0rc9t\x17M\xe9\x9f\xdbC\x9f\xa4\xa8\xef\xd8\xf6\xa0\xb2r\x00 \xfe\xf1\x1f\xd50\x8f\x8a'</t>
  </si>
  <si>
    <t>b'\x10\xe7\xd4\x83\xeb\x93\xcby\xa1b\x11S,\xff]MhU7\xeda\xdf\xde\xf1\x0c\xb3\xdd\x0b\x81W\x87~'</t>
  </si>
  <si>
    <t>b'\xa5\x8a\x8e\x94\xe5\xb6\x10\x98G\xa3\xa1\xc0\xce\xfc8~\x84\x0c\xeeO\xe8\x11\xcf:\xa28 q\xfd\xfbT\x0f'</t>
  </si>
  <si>
    <t>b'\xee\x94\xc8C\x16\x9d\xbf\x1c\x8dO!\xe5"je\xc1\x96\x87r\x05=\xa9\xb47\xd1u\xab#S4\xc0u'</t>
  </si>
  <si>
    <t>b'T&lt;\xdb{\xf3/\x94]w\xe5FJP\x83\x92\x0b2\xa2_\xe5\xe2F_F\x9dyI\xa1\xca+\xd2V'</t>
  </si>
  <si>
    <t>b'\xde\xeb]#\xf9\x10\x1f\xcb\xe4w\xc6\x12t\x01\xab\xb4\xd7\x9e\xca\x97o\x97P\x95\x9cNq\xa5\xa7+\xccS'</t>
  </si>
  <si>
    <t>b'\xd23\xd6&lt;`\xbf||+\xaar\x0bi\x82\x93*\xb7)\n\xdf\x9a\xb3w\x04\x08x\\\x82\x0ff \xa7'</t>
  </si>
  <si>
    <t>b'qe\xcd\xe4\xb7\x9auh\x895i`\xd29|\x05\xa7\xa0P\x94\x9al\xc9\xa0\xad\x1d\xc9\xbe\xa6&amp;K\xea'</t>
  </si>
  <si>
    <t>b"\x97Y\xa97\x14\xf0\x87\xb4IXQ\xe5%\xc7\xa5\x80\x16\x95\xc9\n?bs\x9a\xc5\xbc'\xd6&gt;\x12P\xba"</t>
  </si>
  <si>
    <t>b'\x17\xf7\x12\x0f\xbb\xae\xa1,\xad\xe2\xa5;&amp;&lt;\r3\xc5g\xa6\xd3_X\r;\x1bVHF\x00$\xf2\xe1'</t>
  </si>
  <si>
    <t>b'\x1bs\x80b\xf2_\x1f\x87\xc1~\xf4\x08\xb8\xc1au\xb2$\x8boL5\xee\x8a\xec\x802\x00v!\xf2\xd0'</t>
  </si>
  <si>
    <t>b'\x17"\x9a"d\x82t\xcb\xee\r\xb7\xcfaJ\x93%\x0bV\x83\xd4c\r\x99\x15n\x99\xe6\xcd\xc0\xbf\xcc7'</t>
  </si>
  <si>
    <t>b'\xa3\xf1X\x9b\x9c\xa3b$A\xda"J\x96\x9f-[\x1f\xb9\xb7GC(\x80\xfc\xb1Q\x95\xa3U\x13\xdb\n'</t>
  </si>
  <si>
    <t>b'=5J\x99c\x1c\xad\x1cU6J\x16\xcf\x92\xd6\xbe\x86\x87\x10z[\x05-\x97\xc2\x8fy\xc4\x0f\xd3&amp;|'</t>
  </si>
  <si>
    <t>b'\xce\x8f\xa4\x1c\xf9\x11\xf6G\x84G\xd8\xcc\x1dtw\xff\xd3\xec39N\xbf\xba,\n\x01\xe0$\xfdP\xad\xbf'</t>
  </si>
  <si>
    <t>b'\x8c:)y&lt;\x0e$\xb8x\xea\xb1\xc7x\x9d9\xb09&amp;S\x1a\x7f\x8d\xf4*\xdc\x8b\xb7\xd5\xe6\xcc\xb2.'</t>
  </si>
  <si>
    <t>b'\x0eXo\xd3 \x9b\x84@d~\xa5\x86\xab\\/}D+\xfa\xfa\xfa\xe2Ug\x8a\xf6\xa1\x96\x18p)\x99'</t>
  </si>
  <si>
    <t>b'\xfc\x18\x8e1\xfc\xa7D\xe1\x93\x8c\xdf1%k\xea\xa7\xb810\xcd\xd5\x86\x08\xa7\x014\x0c\x99\xcc[\xb9\xee'</t>
  </si>
  <si>
    <t>b'\x85\xba\xf2\x82\x7f:d576h\xd7\xf7\x1e\xd2C`F\xd4\x08\x80\n\xb1,\xd7\x95\xa72\xc0T!p'</t>
  </si>
  <si>
    <t>b'U\x0c\xc6\xa4\x10\xed\x07V(\t\x06\xc8\x12~T\xa7t\xf9\xffN\n\xda\xe6s\t\xe4;\xf2w\xfe\\\xc1'</t>
  </si>
  <si>
    <t>b'\xdf\x8b\xae(\xa9\xd3\xb2]\x95r\x8cejf\x08h\xc0q\x13\xdd\xa1X\xdd\x96\x8ecA\x85\x05\xc8\x81\x8d'</t>
  </si>
  <si>
    <t>b'\x99\x04P\xeb\x85c\xd7\x13\x81I\x8a\x83\x95\xd9_\xce~\x7f\xac\x14\x11\xf3\x82t\xdd\xe4\xb2\xc4\xa4KU\xc3'</t>
  </si>
  <si>
    <t>b"\xd5\xdc\xa1\x0c\xc5+#'\x92UDYr\xe9\xa8K\xd5\xef\xdb\xa7\xb6\xd0\x89\xdb\x7f\xd3\xb8-Z Sp"</t>
  </si>
  <si>
    <t>b'Z\x8cIK\x0e\x02\xfd\x94&amp;O\xf9t\xb4\xe8\x1b\x96z\x8d\xf8\xc2"\x18\xbf\xc8\xec\x96\x8e8\xe7h\xf9v'</t>
  </si>
  <si>
    <t>b'T\x15\xd8\x87n\x87t`\x1e\x8d\xcd\xe5\xb2 \xd1\xce\xe9\x89\x9d\xcfJ\xfb\x01\xa7\xe7\x8b\xec\xfb&amp;9\x87\xc3'</t>
  </si>
  <si>
    <t>b'\xa4\n\xfarb\xb1\x93\x12\x04\xb7i\xacyu8\xdb\xb33:2?\x82N\x1b\xc8l\x1d\xd9tM\xa4\x9d'</t>
  </si>
  <si>
    <t>b'i\x15\xa6K\x94\x00\x9aa\x9c\x04\xc2;%S\xd5u\x84\x95\xc8\xb2\x8b\xc4I6\xc6\x01\xc8R\xa7\xa7_\xb4'</t>
  </si>
  <si>
    <t>b'\xf6L\x98q\xed\x98\t\x89\x08\x00x+\x82\x97\x1f-AjO.:`r\xe0\xe1\xb2e]X\xe1\xe9\x82'</t>
  </si>
  <si>
    <t>b'+r\xfc\xb3\xaa\xdf\xdb\xfaa \xfd\x8b\xb3\x07\x998\x91\xc7g\x92\x93\x90\xca\xe6\xa1\xd4,\x15\xb5h\xf9\xb2'</t>
  </si>
  <si>
    <t>b':\x91z2l\r\xafG\x08\r\xc4\xc66C\x80@\xacr\xcdRQ\xe7\x1a\xc6R\xbeHY\xe0\xadm\xe8'</t>
  </si>
  <si>
    <t>b'\xcb\xb0\xd8\xe3\xee\xbd\x99\xae\xad\x977=\xb1&lt;\x9b(\xb3X\x0eeDH\x97\xd2\xc7&gt;\xd4\xa9Z2\x8e\x8e'</t>
  </si>
  <si>
    <t>b'3n\x19\xdf\xe4\xa7\x83\xcb\xc6!\xaf\xb1\xb7 \x12\x1b[\x1bg\xdbL\xeb\xaa\xa4\xe3\xc0\r\xed\xe3Z\xa0\xe9'</t>
  </si>
  <si>
    <t>b';\xe3\xf0\xd8\x0f\xf2\xb1\xc14\xe9\xce\xc7~\xb8H\xed(,\x80k\xca\x07L\xd7\x809{\x0b\xdb\xbc\xa3\t'</t>
  </si>
  <si>
    <t>b'B\xbfZ|\x1c|\x10\xb6r)F\xa4}E,\x1d)\x97\xd37Z\xfa6\x9e#\xc6\xf5E\xcc\xb7I\xc0'</t>
  </si>
  <si>
    <t>b'q\xcf\xd0\xd2\xbdBc\x97W\xd2B\xf8\x9b\xad\xdb,e7,z\x87\xfbX\xdf\xd3\x19\xde\x8feT\r\xde'</t>
  </si>
  <si>
    <t>b"\xd3\x96\n\xe6\x18w\xf1\x12\x07\x08\x8c\xc8r\xe0\xd3NX;\x90&amp;\x95'\xa2\xe9\x91\xba\xf6\x1a\x94\ry\xd1"</t>
  </si>
  <si>
    <t>b'B\xc0K\x8e3\xdc\x90\xc1\xcd\x7f\xfc\xbf\xff\xa3\xad\xba\xcb\x93\xebn\xe6\x95\xacj\xba\xcf\x8cr\x0b\xd0\xde\xf4'</t>
  </si>
  <si>
    <t>b'B\x82P?\xb7\xbf\xfc\x9bff\x87A\x11\x00YQ\x02&lt;\xe8\xce\x1bkeEbKq&lt;_\xaf\xffu'</t>
  </si>
  <si>
    <t>b'\x91fn\x08c\xa5\x00\xeb\x1cj\xe2\xe5\xfa\xb2C8\x02R\xb1\x83A:\xdb\x8fD\x18\xe3]B\xbem\x8d'</t>
  </si>
  <si>
    <t>b'MQ\xacB\xc0S?\xd9H7\xf7:\x90\xef\xe0ev?\xb5Ja\x1e\xd7n/\xf3\x05\xca}\xd3W\xc5'</t>
  </si>
  <si>
    <t>b'Y0\xca\xc5q\xfb\x0e\x97/\xc1\xea)\x8dx\xd9\xac\xe9\x8049_\xf7\x8b\xed\n\xe2?\x1ak\xdeb\x83'</t>
  </si>
  <si>
    <t>b'\x98\x9d\xd1s\x93\x02\xc3$\xd0D)\x0c\xf5\xf7g\x06&lt;\x8dq\xcd\xa1\x11,\xabG\xbeT\xfb\x13^\x95@'</t>
  </si>
  <si>
    <t>b':\xcf7#\x19\xc0\xee\xca\xca\x15w\xaacw\xa6%\x8b\xa3\xd7\xee\xfd\x95\n\xbdS\xf9\x00\xbb\xf0#6\xdb'</t>
  </si>
  <si>
    <t>b'\xb4D\x85P\xf1e:g\xfc\xae\x84\xc9F\xe5X\xaaK\xa4\x99x\xa2M\xbb\xdd\xd6--\x985\x9f\xec\x99'</t>
  </si>
  <si>
    <t>b'\xda+C\xf4X\r\xc9&gt;\xe6|\x948\x10\x9bM\x8c\xab\x15"\xeb\xc7g\x80\xee\xa8\xba\xa9\x8f\x145\xf0\x95'</t>
  </si>
  <si>
    <t>b'\xb7\xbf\x08\x8f\xeb\xf5l\xe8y\xfbyg\xf7\x95Z\xba\xb6[\xa3\xcc\x1bn\xb9D\x92d\xbb\xa4\xed6l\x91'</t>
  </si>
  <si>
    <t>b'K\x1c\xd1\xd8U\xa0\x18\xad\x01|H\xb38\x80\x8a\xac\xa8_\xd2%6\x9d?\xd0\xd67\xfa\x91\x14\x84\xa5\x83'</t>
  </si>
  <si>
    <t>b'\xe6\xf6:b[\xba\xab:\xa4\x00\xa8\xcc\xd2!\x9f3\xb0^\xc8\xe9\xcf\xa0\xe7\x02b\xfa\xea\xad\xe1\x8fH\xe6'</t>
  </si>
  <si>
    <t>b'\x07\\\xabE\xedwI\x91\xd2\\\xec\xb9\xd7\x84\xb2\x87\xdb\x00\xca`\xe8N\x06\x97\x05\xf9C^m\xa7\xa2\xf3'</t>
  </si>
  <si>
    <t>b'\xf3\xee\xb4\xc4\xa2\x11\xe8\x84\x06\xd5&amp; \x94\xc0\x83+\xe82T\x8f\xd0(\xa0\xbfW\xf5\x91\xa8;q\x8b!'</t>
  </si>
  <si>
    <t>b"\xbf~\xcd\xfe\xf9\xb1\xb9\xa5s\xaf\xc8X\x90\x8c9\xf5\x18\x93S&gt;\x0e\x0c\xb9\x1dNg\xbcj\xc0\x0eX'"</t>
  </si>
  <si>
    <t>b'(\xbf\xcd1\xb9\xa7u\x14n?\x1b\xbeBC^\xf8\x08\x02\xcf+\xed\xfc\xec\x1f0/\x18\xb2\xff9 \x02'</t>
  </si>
  <si>
    <t>b'\xb6\r\xfe@\xb3\xd2\xc7\x03_)\x1dzB\x91\xc8\xdc\xdf&gt;\xad\xde_\x82f\x8c\xc1\x1f\x05\xca\x9a\xfa\xbb~'</t>
  </si>
  <si>
    <t>b'3\x1f\x075-\x7f\xff\xf0\xe0\x01nl\\\xed\x90\x9d\xe4\xd2\xcd\xea\xf8b\xb4\xa8\xc2k\xfe\x9a\x82+\xfdw'</t>
  </si>
  <si>
    <t>b"\xd7\xd9\xb5c\x1eF\x8a\xa2\xfa\x1b\x8ci)\x8e'\xf5\xcd\xff\xce\xab\x98\xe8\x84j\x900\xd4\x96+\x95D\xfe"</t>
  </si>
  <si>
    <t>b'\n\x0f\x12.\x9c\x10\x93`]c\xf3\x1cHS?"\x80\x1d\x01\xef\x1d\xfe\x7f"])\xf7\xf5\xabS6\x83'</t>
  </si>
  <si>
    <t>b'\xe8\xf4\x81\xfa}n\xe1\xe7\xe8\xafK&lt;+\xcd\x83\xc4$\x04Q@\xff\x86\xdaPkKE\xf8\x1c\xa6\xfb\x89'</t>
  </si>
  <si>
    <t>b'X\x80\xd5$`\x9c\xe3\xeaq\xac)\x0bi\x9d\xcc\xc45,\x1b\x83\xef\x8f\x11\xb6&gt;\xd3d$\x89\xe3B\xd8'</t>
  </si>
  <si>
    <t>b"\xbf\\\xc4'\\@\xd5\xa7\xd3\x9a\xe9-\xb6\x8c\xd7C\xde\xd5\xc7\xa4\xc1\xbd\xa9\x89\xa4 \xfc\xc5\xfb\x8fod"</t>
  </si>
  <si>
    <t>b'\x04:\x90\x9c5V:N\xd8\x8e\xb7\x96+FGI\xb8\x85\x12\xcb\xce\x90\x13\xdf\xe2\xfb\xa8d(\xa1(\xd1'</t>
  </si>
  <si>
    <t>b'\xbdi\x16\xac\x1c\x8d\xa9\xd8\xff\x95\x12\xf2\x9e\x8bg\xfb\x0e-\x92\xf3/\x84\xbe\xbe\x18\x1d\r|,\x93_]'</t>
  </si>
  <si>
    <t>b')0\x97&gt;\xd7\xbd\xf9\xf3\xfa\xae\xc5\xfd\xe5\xfc\xe2g\xaa$p\x15\x8e\x06G[\x01\x9eb\xcb\xc2h\x8f\xb5'</t>
  </si>
  <si>
    <t>b'p\xca\x99\x0e\n\x10\xa1\xba\xa2\xbd\x19\xde\x8aE\x82O4\xa8\x7f&lt;\xdf\xbf=R\xa2\x03\xd3g\xed\xcbA\x82'</t>
  </si>
  <si>
    <t>b'\x0e\x0c:*\xbd\x12\x93\xd6\x8d\xde\x8b\xbc0\x00\x86\xfa\x03\x1f\xac\xdd\x9e:\x8e\xe6fe\xa2\xe7\xdd\x99\xd5|'</t>
  </si>
  <si>
    <t>b';\xff\x95\xb3\xf3\xd5\x89V\x18\x1a\x01\xd2\xa0\x10\xbdN\xf2\x97\xcbC\xac\xe4\xf8x9\x15\xbb\xb8\xc2_}\xe0'</t>
  </si>
  <si>
    <t>b'j\xdc[\xe6U^\x9a\xbf\xc6\x8e\xc9\xe4\xc7\xbd1(\x16\xd7\xd5\x03\xcd\x95\x18M\xe8\xb6W3\xb9`\xf3\xbd'</t>
  </si>
  <si>
    <t>b"x\xc7K\x81\xb8\x08\xa8\xce\xc5\x1ekf\x8a\xd3FH\x13\xef\x1bK\x8b\xaa\x8e'\xf4\x17\xf7tA\x16\x18\\"</t>
  </si>
  <si>
    <t>b'\xd5\x11e\x02B=\x9d\x01\x96\x89\x876S\xc22@\xf8\x08 \xcf[R\xba\x85\xd1hJaH\xaa\xfal'</t>
  </si>
  <si>
    <t>b'\x849#\xa3\xa0K\xb5\xe8\xc7A\t\xbcx\xef7\x7f;\xedD\xba\x1d\xa2\xa3\r\xe8\xb9\x9b\xbd\r6B6'</t>
  </si>
  <si>
    <t>b"\x96\xd3\xa1\x82I\xa6\x07\xe2a\x87/\xce\xdb\x18\xff\x0b\xf4\x91 \r\xcdNa\x89'\x80\x1e\xa5\x1aJi@"</t>
  </si>
  <si>
    <t>b',2\x7fe\xdd\xcch\xf8\x938\xae&amp;\xed)\xcf5\x85\xff\xd2(\x17\x98\x8fZ\x96#\x8a\xa5f\xb4\xe7\x19'</t>
  </si>
  <si>
    <t>b'\x1a\x12\xee\xe5Wk\x9d\xc6\x15d\x8c\xe5\xd9w)\xecq\x08\xd9\xf5\xfcL\xdf\x14m\x0ee?\xa2\x8e\xf2`'</t>
  </si>
  <si>
    <t>b'\x00\x19X\xa3N\xf9+\x87\x8e|\xc9@\xa7\x97"\x07\xac\xba$\xfe\x8c\xe0\xb2}6\tb)\x1b\x8dE\xe3'</t>
  </si>
  <si>
    <t>b'\xe4\x10\x06\xd9N\xdet{h\xee\xa3\xeec\x04\x9b"\xd5\'{@ \x83^\x17\xe6\xe9d\x91z\xfd\x08\x9c'</t>
  </si>
  <si>
    <t>b'\xc4\xa9bQ!\x97n\xf6\xc1XB\x83\xa8\xcf\xcc\xdam\xcb\x84BF\xe3\xf2~w6=2\xfcB\xa7H'</t>
  </si>
  <si>
    <t>b'\x00\x8fw\xf5\x0e\x9c\xe8J\xc7C\xae\x13\xff\x7fv\xf3\xbb\xc6\xdb8N\x1b\x1eaI\x99\x90\xaa\x85\xd3\xe4\xa4'</t>
  </si>
  <si>
    <t>b'\x11+zR\xffYur6o\x9c\x98\xdd\xe5q\xf1\xa6\x98{\x1e\xcds6\xb5\xa2\x0eI\x15\xbb1\xd7&lt;'</t>
  </si>
  <si>
    <t>b'7\xf1\xd0\xc8\xa1]\xd71\xe6\xbd\x14\x01\x8c\x1e\xf3\x8cW\xbb \xcc\xc65\xf7\xe59\xe2\xe0U\xeeu\x1f\x1f'</t>
  </si>
  <si>
    <t>b"\xd4\xfcK\x1b\xf7e\x08\xa1\xed\x93\x071\xa3v\x02\xb0\xfbI\x0cr\x9c\xfd\x93]\xcaN\xdf'I\x03\xd3\xd0"</t>
  </si>
  <si>
    <t>b"\x13\xa7%(\x9b\x17\xca\t\x16\xf9=\xeb\xd8\xean\xe4'\xd2Ha\xf7X\x85\xfa}\xb3\x90\x13s\xdf\xf0\x8f"</t>
  </si>
  <si>
    <t>b'\x9a\x852\xe9"\x02\x88\x85\xc0Bt\xbeD\xda!\xdf\xac\xa8r\x8c\x07\x9ce\xb9\xca\xec\xce\xf2&lt;\x9c\xd4\n'</t>
  </si>
  <si>
    <t>b'\xd6\x01\xf0\xbb=X\xd3\x88\x0e\x12\x19i\x86\xc3\xebK\xf8&amp;y\xde+A #\xf2\xc4\xfbj`\x18\xa7j'</t>
  </si>
  <si>
    <t>b'W\xf5\xd2\xa9\x8a\xa4\xc1\x14\x16+1\x9fR\xf5\xe0"\xce\xa3k\xbf8v\xd0\xda\x8b]E\x82\xaf\x8b\x0e\x9e'</t>
  </si>
  <si>
    <t>b'\x9f(v\x11\xbd\x1a\xf1p\x9e\xd9\xbf\xae\xf2\xe1T\x19\x87\xdc\xb5)E\x85:\xcf\x14M\xdd7#\xba(P'</t>
  </si>
  <si>
    <t>b'\x1e\n\x8e\xf2\xc0\xf9\xb9)\x83e\xef\xed\xebaF\xa8B\x8b\xaa\xf5+\x9f\xc7\xb7\xb9\x0f\xf5\xbf\x02\xc5(\x1b'</t>
  </si>
  <si>
    <t>b'%Q\x05\x0eYm\x94\x89YN?\x1332\x96\xb00\x818\xfa\xe5t\xa7\xc6\xc7\xcb\x15\x1e\xe5\xea~\xfe'</t>
  </si>
  <si>
    <t>b'%\xee{/\x0c_\xd2\r/&lt;\xf0p7\x152`w\x0c\x9d\x85\x05M\xc7a\xef\xc7\x05\x89Ld\xa9\xe7'</t>
  </si>
  <si>
    <t>b"\xb6\x18\xd7K\xe9Dy\xad\xd1\xf0\xac&amp;\xa5\xd5\xe3B\xd2'\xbay\xb13\x15\xbc\xc3_\x8fj\xea,\xe5m"</t>
  </si>
  <si>
    <t>b'OY\xe4Q\x10\xf9\xc7\xc926\x06\x8bN\x0e\t\x1e\xd7\xdc\x03\xfd$eXl\xc2;U\x00@\xfa\xe8\\'</t>
  </si>
  <si>
    <t>b'Q0\xde\xbf\x1b{h5\x03N\xfc\x1f\xba\xa8L\x0fv\xa8\xfb5\x07\xdb\xca\xdec(%\xfd%:\xf8\x9e'</t>
  </si>
  <si>
    <t>b'\r\xd6c\xf7Yz\xf6\xdf\x04m\xf4\x1fO\xbf\xbd0\xe4\xa6?KS\x87\xd0\x9a\xc70U\xb1\x02|\x12\xd3'</t>
  </si>
  <si>
    <t>b'\xdcw\xb3\x0c\xa1\xab\xbd\t^Y\xe6#\xad\x07\xbc\xdf\xd43k\x98]\x93\x15\xf9\x01"^\xbaX=\xf1n'</t>
  </si>
  <si>
    <t>b'\x86\x93S[x\xd4\xfe6\xde0\xd2\x03\x11\x97\xbfC\xce-\t\xb2b{\xec\x87T8[\xc8\xa5\x141`'</t>
  </si>
  <si>
    <t>b'\x9fKl\xba\xa6\x88\xd3\xf9m\xac\x84\x8bZ\xf9u\x86\x1eX~\xa5\x05\x9e\x04\x91\x1f\xf6Z\x06F\x87.r'</t>
  </si>
  <si>
    <t>b'\xed\xb0\xae@\x95g\xdd\t\xcf/-\xeb\x8e\x86\xe6lOCF\x9e\x9a\xb9\x92\x8bH\x7fW\xcaY\xbf8s'</t>
  </si>
  <si>
    <t>b'\xf3E\xbcn\x05L|a\x08U\xe5U\x9a\x0f\x08M\xd9v\x1bG\x19\xca)A\x97\xcf\xb8\xc1\xf1\x1fI;'</t>
  </si>
  <si>
    <t>b'\xe2\xf0\x9c\x0cz\x0b%\x17W\x7f\xd2\xd5o\xc8?\xf50\x9al\xb1\x9f\xb2MORw*j\x91\x97R@'</t>
  </si>
  <si>
    <t>b'\xbd\xa69\xdbY\xab\xc6}cy\xd9\x7f\xdbu\xbci\xb9\x9c\xde\xc8\xee\x96\x04\x9c\xf3\x9d+\x075A\xe7\xf6'</t>
  </si>
  <si>
    <t>b'\x1b\xa2\x1a\x9e\x93\xf1\xf7\xe0(v\xb1u\xdc\t%\x88\x0fv\xbc(O\x802G\xdd\xe0|a\xb3\xc3\x97\x93'</t>
  </si>
  <si>
    <t>b'`\xd6K\xf0=:G\xd4\xfa^\x13\xdce&lt;\xcfX\x8f\xd5\t\xf8i\x86\x08\xe9\xf9\xda\x95-&lt;\xe5\xeat'</t>
  </si>
  <si>
    <t>b"Hh\xef\xc1Ub\xff)?l&lt;\xa1V(\xa7\xec$\xcf{k\x18}'p\xbc}\xad\xa6\xbf\x92\xa6\xe9"</t>
  </si>
  <si>
    <t>b'\xb8w\xb0\xc6\xb5\xd9\xae\x93\x81TF`\xc7.0\xd4fy\xd9\xbd7\x17\xc4\\ve\xe7\x96\xaa\x80\xaa\xa8'</t>
  </si>
  <si>
    <t>b'^\xd5\x89\xd9r\xbb!\xb2\xe3B\x0e\x99\x7f\x13\xa4\x98\xb5\xc2\xff\x80\x82[\x9c\x06\\\xa1\xeb\xb8\xfe\x83\xf6a'</t>
  </si>
  <si>
    <t>b'c\x18\xd9k\xa7\x8a\xa9\xb1\x98n\x06D\x13\xa9\xa3"\x11$#\xe9\xcf\x1f"\x1a\xff\x826\x0c\x1e;\xa2\xbf'</t>
  </si>
  <si>
    <t>b'JlB\xe9\xfee\xedV\xf7.\xfeS3K\x92\x81^\x1d\xf7\xcfU\x98\x81nGt\xbb\x90\xcdb\xb3\x8c'</t>
  </si>
  <si>
    <t>b'\xcf9DI\xc6T\x9f\xa4\x0e^e\xfc\x86\xf2J,&gt;S\x90N\xfe\xc5[F\xfa2aW\xa6\xddL\xcb'</t>
  </si>
  <si>
    <t>b'\xde\xf4h\xbc4Q\xd9\x11\xc6Y\x17\x13\x04\xfd\x18\xe6\xd5\xc9}\x17\x96&amp;j\xd7}7|\xd3.\x1ep\x12'</t>
  </si>
  <si>
    <t>b'a\xde\x9dq]S^\x87\x7f\x10A:^\x7f\xd395A\x86je0\xc6q\xda\xfe92\xd9s-7'</t>
  </si>
  <si>
    <t>b'\xf4\xbf\x03q\xec\x034\xc2\xe9,\x87\x82*\x05v\xe1\xd8\xb6e\xd3=\xde&lt;\xb8\x99\xfc[\xb1\x88(\x02\xb8'</t>
  </si>
  <si>
    <t>b'\x06Ba\xc2\x8c\x85\xff\xe9\xf8\xb3\xe7\x949(\x98\xde\x04\xd6\xdc\xad?\x13\xc0\x0bh\x8b\xe0\x9c\xcb\xb6\x9fr'</t>
  </si>
  <si>
    <t>b'\xe6\xe0\x1bU\x0b\xfe\x91\x98\xde\x1f\xdc\xd7\xdd\xab.b1\x0f\x1e\x03w\x855\xf6c\x83\tJ\x1b\x13F\xaf'</t>
  </si>
  <si>
    <t>b'\x9ag\x84QyE\x0c\xbc\xad\xe6\x02\xd5h)\x8c\xb9\x05+(\xfdt"Dj2\xe9\xe4\t\x84\x12\xa2w'</t>
  </si>
  <si>
    <t>b"2&gt;\t\xad\x98\x86\xe4_\xe6\x1cee\xbd@\x1d\xe3\x08\xa4'\x02W\x07\xed7\x96K\x99\xca[\x1e\xed\xa6"</t>
  </si>
  <si>
    <t>b',\xa3\xcf\xc5\xd6\xec\x1a\xe6\x95\xe6\x87\xd8|\x88\xc7\xa8s\xdd\x89\x9dC;\xb2\x93\xd9\x00\x9dcR\xd5\x1b\xa4'</t>
  </si>
  <si>
    <t>b'\t=\x8c\xf9&lt;\xb6=\x84\xa6\rA\xb8\xe3\xf1s\xd8d\xfc\x08\xa0{l\xe3\xa1\xd2\x0b:\x1b\x92\xa1\x86+'</t>
  </si>
  <si>
    <t>b'\xcb\xed\xf6\xf0n\n\x8aI\x90lM\x8eY\xa0\xe84\xc8\xceG\xc0m#\xa5\xad\xcd\x89k(^\x1e\xcd%'</t>
  </si>
  <si>
    <t>b'?\xfay\x0c\x96K\xc1Y\x19\n\xc97\xa5\xd5\xb9v\xcf\x8e\x115^\x07\xccy]\x83\\\xde\xfdc\x9e\x94'</t>
  </si>
  <si>
    <t>b')Y\x8exM\xdd:\xdf0\x9f\xbb\x82\xb5JK\xb2y;pd\x02\xb6\xc7\xb7\xd4\xcf\x05o!\x0f2\x1f'</t>
  </si>
  <si>
    <t>b'\xe2z\xa6\x99cT\xea\x97\xf0\xe6\xb3\x9a=A.\x06Vk\x0f\x8b_\xad\xd5\xf8\x9bn\xb0\x96\xf7\x8e@\xe4'</t>
  </si>
  <si>
    <t>b'\x1b8\xc5gZ\xcfX\xbe\x16\x9a\xcb\xe2S\x82\x8c$\x86\x99\xa1\x13r\xdet0S\x06\xddg4:\xd9!'</t>
  </si>
  <si>
    <t>b'\xfa\xf6\xb0\xdee:\xb4\x01\xed\xbe\x13\xfa{\xc0\xd6\xde\r\xb5\xd6n\xd3\xf0y:\x91a+(\xd8\x06\xff\xc8'</t>
  </si>
  <si>
    <t>b'-6\x0eF*\x03\xb2\x00B:0\xa8\x05s\xee\x11q\x9b\xb4\x8a\xc3\x1b\xc4g#Qu\xe0u\x14\xb0o'</t>
  </si>
  <si>
    <t>b'i\xa6\xb5\xa0=\xb50~\xe5\xa2a1\xfe@DJ\x7f\x95\xa0\x97;X\xd6p\xe8\x00\n\x17^~\n\xc8'</t>
  </si>
  <si>
    <t>b'\xaa\xa9\x7f\xcbRf\x01V\x11\xf4\xf1iD:\xf9\x19\x80w\x94q\xee\x0b\xd6r\xc68\x07\xf2\x92\x9b\xad\xfd'</t>
  </si>
  <si>
    <t>b'7\xdb-\xad3\xba\xb5\xd9\n\xcc\x83\xd1V\xc2\x9b\xeewXF7\xa0\xb8\xc1dJ\xf0-)\xf3\r\x05\r'</t>
  </si>
  <si>
    <t>b'wF\xf5\x17\x04\x01\x9d\xed\xa9ph\xaf\x85N\x1f\xe8\xcf\xab%gu\xd5vW\xdf\xfc\x95E\x87\x1d\xb8*'</t>
  </si>
  <si>
    <t>b'\x17\xf1x\xb8\xf5$uB-|\t\xdc\xab\xd7\xf7\xa3\xca\x93&gt;?\xd1BG\x8c/\x7f\xc5\xa4n-\xa4A'</t>
  </si>
  <si>
    <t>b"\x14\xa3\xbc\xf0'\x9c\x17\\\xf0\x1f\xd8\xca1F\xe8P&amp;\x92\x8009\xb6\xe5\x8a\xa4\xa9\xbf\xafD\x88\xc4|"</t>
  </si>
  <si>
    <t>b'\xee-\xec?\xce\x8ex \x9aX=\x98\x13\xe5V!\x1c\xfd\x0c\x80\xb7\xa3&lt;,i\x8e\x88\x8c\xeb*\xa5\x81'</t>
  </si>
  <si>
    <t>b'\x0f\xad)\xfa\x81((\xd9D\xfa|\xae\xb1g"\xc3\xb8\xba4\xac\x97r!3co\x1d\x99\xb9\x03\xbe`'</t>
  </si>
  <si>
    <t>b'\x81\xc6\xd3\x97\x1e \x16\xbb\x10p\x8f\xa1B\xee\xb4\x8c\xe2\x1e\x1b\x86#\x11#r\xc7\x90\x08\xfb\x96a\x97Q'</t>
  </si>
  <si>
    <t>b"\xc0\xb0\xca\x81'\r\xe8g\xa6\xc2\xbaZ5\x00A\xb5\x9b\t\x90y\xbc\xdf&gt;\x85\xf2\xb03\x97\x1dZ\x80\x8d"</t>
  </si>
  <si>
    <t>b'\x06&gt;\x8d$\xb9\xab\xd4~\x8d\xa0j3L\xe5\x06E\xf6yE\xdb\x9f8\xf7\xa0+\x18\xfa\xa0a\xd2\x17\xbc'</t>
  </si>
  <si>
    <t>b'\xf1\xbd\x85w\xf9\xbaQ\xa1\xd9&lt;\xdd \xde\x96\xc4nG\xd8.\xbf2K\xc4\xd92\xb8Aqg_\x7f\\'</t>
  </si>
  <si>
    <t>b'a\xc0\xd9-Zt\x8br\xb4$8j\xa4r\xadEt\x85\xb0\xb2\xdd\xde\xeb \xa1s\xbc\xc7\xd9\xe2\x12\x17'</t>
  </si>
  <si>
    <t>b'\x9bT\xcb\xac\x00\xa5\xbd\xed\xe6\xed6\xa3\xcb\xd6\x87\xe5\ti\x8c|\xbb\xfa\x88\xc9\x9bBu\x04C\x7fO\x9d'</t>
  </si>
  <si>
    <t>b"\x86\xaab\x86f\xd2'\x85VRe1Q\xe3\x85J\xd9`U\x0eT\xe5B\xd5\xfe[\x85\x89\\(\xa0\xc6"</t>
  </si>
  <si>
    <t>b'\xa6c\xde\xea\x89\x86@\x9c\xf1V\x9a\xbe\xa3\xe12g\xcb+\x87\x0bW;Y\xe1\xc7*\x1d\x13\x84]\x1b\xa3'</t>
  </si>
  <si>
    <t>b'\xebo\x18\x8a\xa2\xaf\xe1\xbd\xe1\xe7:\x1a\xb6esI?\xf9\xdd\x9d\xbf\xf7\x8f\xd5\xaf\xf6\x8a\x14\xc8\xdd\x1bo'</t>
  </si>
  <si>
    <t>b'\xc3\xe7\x1f\xff\xday|T|\xc5#V\xe6\xc9m\x8e\n\xa3[\x14B\x991\xe6!\xdf\xa2\x05\xa0\xedd\xbf'</t>
  </si>
  <si>
    <t>b'y\xe3\xa1\xe2\xcc\xd3!\xda\xa1\xc6/\xf6\xd4\xce\x1bL\xc9\xdd(\tq,\xe5\xa7UVO\x88\xf7t,E'</t>
  </si>
  <si>
    <t>b'\xcf\xcf4-Q\x1c\x8f\xb4\xa82\xcd\xcf\x1b\xea\xe7\xe6p\xffqE\x0b,\xeaN\x8c~a\xfe\x80mPX'</t>
  </si>
  <si>
    <t>b'`\x16#\xd7fHc|\x85\x9e\xc6\xff\xf5E\xd7\xc9l"5\xc3\xeaz\x89!\xb5\x96\x06!\x828\x11\xe8'</t>
  </si>
  <si>
    <t>b"Y\xd8\xc1\x97'\x9a\xc5\x07\xf2j\xc6\x86T\x04e\x8f\x97V\x17\xb5\xe4P\tu`\x0b\x8e\x1d\xf9\xa9%\xfb"</t>
  </si>
  <si>
    <t>b"\xd3\xe3\xcb:\x02\xdb&gt;Z)/'\xd1k:\xe5\xdb\xeb)\x1f\xfa\xed\x1b\xedhh\xed\xc2\x8e\x02k\xac\x8a"</t>
  </si>
  <si>
    <t>b'+s\x13\xac\xd1\xf9\x80\xba\x9bzB\xb8\xd5&gt;\xa3o\xfc(\xfa\xd6\xbc=\x9a\xd8\x8d\xc0\x98=\xaeI\x89\x95'</t>
  </si>
  <si>
    <t>b"\xaa\x96B\x8c\x155\xbe\x81J*T\xd70m\xccVu\x1d\xc64\xb1XE'(\x96\x9c0\xbe\xf6\x97\xef"</t>
  </si>
  <si>
    <t>b"\xaa\x93\xf4qN\xc4*\xe0t9\x1f\x99\x01\xdaFi\x1ee\xe3V\x9a\x18\xb6'\x8dy\r=\nDR\xa0"</t>
  </si>
  <si>
    <t>b'\xcez\xfc\xf1\xb8P\xf9\x91\xf2\xac\xb4\xe7\xee\x1f\xef\xd8\x0c\xfe\xbd%\x19H\xbc\xe2]i\x85/\x85e\x1c\xc3'</t>
  </si>
  <si>
    <t>b'\x10h\xb8\r[\xefj^T]6\x05$\xaaW\xf1\x80A\x13\x9c\xdc\x1c\xd2{3$#U\xec\xcc\xe4-'</t>
  </si>
  <si>
    <t>b'\xcd\x96g=\xc8\xac\x8az\x90(\xf5\xa5\x17\xf5\xaeU`\xd5P\xff\xfa\xd0\xba\x1b\xb1\x08S\r\x14N,U'</t>
  </si>
  <si>
    <t>b"n%\x0fv\xe8a\xd7\x00\x1d\xb6;\xd5\x89K\xbc\xda\x9d\xe3'F\xcea:\xff\x01m\xbd\ni\xaah\xa6"</t>
  </si>
  <si>
    <t>b'\xd7\xdf\x8c\xe6\x19\x1e$\xa9\xc2u\xac\x17|Z!K\x1b\x88\xd1\xa9\xd2\xb8\xfc\xd8\xc2\x8e\xb1\xe6\x9b?\xbb\xd8'</t>
  </si>
  <si>
    <t>b'[\xeb\x9a\xc6\x96T\xa5\xb4\x02.e\xa6&amp;+AmuV\x18\x9f\x95\x86\xe4r\t\x7fI\xcc\xf61\xf0W'</t>
  </si>
  <si>
    <t>b'\x85\x14\x98|.\x97m}0\x8e\xd2\xf1\x06\xe1\x83f\xaa\xb8\x93\xd5\xe8\xd2e\xa5y)\x1fo\x9e\xdf\xb8C'</t>
  </si>
  <si>
    <t>b',\xefw\xd1k\xcb\x91S\xa9\xd7*\xc6%\xf34K\x9b\xe3,Vf\xe7}\x93\xffE\x0fwZ]\x0c\xf3'</t>
  </si>
  <si>
    <t>b'\x81\x1a\xc7\x9f\xeb\x18\x10\x90\xadKz;\xb2G#56\xa6\xa7c\xea[Xyz\xf1\x97\x06nd\xed\xcd'</t>
  </si>
  <si>
    <t>b'"\x0b\x18P\x8c\x0e\x16z[\xc5\x90\x80\'X\xd9n\x03\xc8\nA\x7f\xba!\x85\xf9\xc1\xabp\x0e\xac\xa2~'</t>
  </si>
  <si>
    <t>b'\x8a=\xb2\xa1\xb6\xfe\xa0H\xc7\x82\xd2\xb3a\x11RPgM1\x92l\xad%\xfd\xf3@\xc5\xfb\xe9\xc5\x15\xb4'</t>
  </si>
  <si>
    <t>b"{L\xc2y$(\xa8\xf9\xa4\xff\x98\xfd\x90lT\xaa\xaa\xd5w48k6);\xc5\xd9\x7f'\x7f\xe1\x05"</t>
  </si>
  <si>
    <t>b"h\xaa\xf9\xb1K\r\xff\xc2:\xc1\xc0\xa0\x14\xeb=\xf2?\xa9\xd1s\xae\x0e'\xc9,0\x01V\xee\xb35\x88"</t>
  </si>
  <si>
    <t>b'\x92;df\xb8\xfc1V\r\xc0&amp;\xf7\xfc8M\xafR#\xc6\xd5\xf8\x12\xbfz\x8d6\x93\xb1\xb8\x82\xe6\x8d'</t>
  </si>
  <si>
    <t>b'\xea,\xafE\x92\xfe4\xcapr E@\xa3&lt;\x8f\xc9N$\xf0*\xe3]\xb1g\x11j\xa2\x03W\xd1\xd0'</t>
  </si>
  <si>
    <t>b'\xaaD\xc1\x97b\xd1\x01\x82\xb4jg\xbeU\xdd\xd9%D\x85\xe6)\x04\xbc\x03\x11$Q\x9f[wR\xfd\x83'</t>
  </si>
  <si>
    <t>b"\xbf\xddE\x1d:\xf8v'Z5\x1c\x08\x87}0\xcc\xa7\x86\x19\xc6\xc9\xb4\xafW\xb2G\x1b\x911U+B"</t>
  </si>
  <si>
    <t>b'\xfaN6\xef\xac\xca\x86\x1e\xa6;\x19\x9ftQ\x8d\xd6\x16p\xf3\xa6\\\xe9O\xa9\xc4\xf4\xd8V\xfe|\xdd\x82'</t>
  </si>
  <si>
    <t>b'j:"\x8cuut\xcc 8\xc3\xd1\x02\x92x\xda\xb6\xf1\x02\xfa\xca\xf8\xe0\xc3\t\x8aCq\xdc\xa0G\x9d'</t>
  </si>
  <si>
    <t>b'\r,\x06Y\x9c\xcd\xb6\xa5u\xcdw\xbf\xa2 \xbaA\xd3\xba\xf2\xf4I;j\xb5\x12\x01J\xc2\xd5#\x1c\x0c'</t>
  </si>
  <si>
    <t>b'\x07\xbb\x8b\xd1\xc8G\xcdvQV&lt;\xae\xe8h\xda\x02\t\xaal\x8b\xfd\x88a\xf2\x17\xd5\xdd\xdb\xc4-\xba\xb4'</t>
  </si>
  <si>
    <t>b'V\xe5\xeb\x84\xb5T\x06\xe7-\x8f\xd6\xd0$OB\x11\x8dV\xa5\xe4\xc5\x85\xd6`\xce\xd3\x99\x0f\x99s\xc7\xaf'</t>
  </si>
  <si>
    <t>b'\xe4\x85h8\xea\x11\xc6 \xe0\xf4\xfe&lt;\x99\x00\x05\x04\xce3\xcd;ue(A\xb1\x05iD\xfa\xf2Xc'</t>
  </si>
  <si>
    <t>b"'dp\xd1\xfc&gt;\xb7\x9f\x8e\xca[r\xe6&gt;\xf4\xd4-1\x0e\xf5\xed$\x1a\xce\x8a\xb1-S$l\x0e\xe6"</t>
  </si>
  <si>
    <t>b'\x89\xc9\xbcC\x03\xdb\x14\xebV.\xe9Y\x03U\x18\x18l\xba\xac\x1c\xcd\xc7\x88G\xd1\xf0`\xaa\x96\x11\x1c5'</t>
  </si>
  <si>
    <t>b"O\xf8]\xbb\xc7'v\x01\xe4B\x92\xe0\xca\xd6\xf6x\x7f\x17\xb3\xd6\xb5w\x14\x94\xc5\xd4\xd8J*\x8bq\x9f"</t>
  </si>
  <si>
    <t>b'\x871z\x9aR\x87\xa2o&gt;\x98\x95\xe8&lt;)m\x8e@\x92\x18\xac]#\xfc\x83\x90k,\x81\xc6\x15!\xf2'</t>
  </si>
  <si>
    <t>b'\xbc\x88\x90\xb75\xf0\x8fS\x84]\x08\xc6,&amp;WAD\xd3\xa9d2h\x085)\x12\x1f\xa2Q\x8e\xe0v'</t>
  </si>
  <si>
    <t>b'wo\x1e\xe2\x9f\xbe\r7\x8a?E\xb0\xe7\xe7\xdf\xae\x1a\xf0N\x8c\xb4\x85dw\x85\xeb\x00\xd6}s\xcff'</t>
  </si>
  <si>
    <t>b'UcUb{\x06-\xf8\xdb\x9d\xa9\xe8\xa1\xcdY\x05V\x0cK\xe9m\x05:3\xaa\xf6\x97\xf4\x03\xe3En'</t>
  </si>
  <si>
    <t>b'\\GM\x07\t\xda\x0c\x9aPKNy\x85\xddP\x04b\xfbu\x97\x1c\x90\xecI\n8\x05Z\x12\x90g\xae'</t>
  </si>
  <si>
    <t>b'e\x08_*\xed\x02\xf5u\xb2R\xe2\xb3\xff@\xd9i:\x06Z\x82\xe5\xa8\rc\xc8\x90D\xb5\xbe\x1d\xaf\x05'</t>
  </si>
  <si>
    <t>b'\x0b\xe2\xb1\xde\xa7\x02\x18\xfeR\xa6\xb1\xc2\xafn\xa5\x1e\xe7\xc6\xe9\xe8\xd9\xa3H\x87\xc6\xe3\x10\xaa\x05\xdc\x12\r'</t>
  </si>
  <si>
    <t>b'\xd6\x08\xae\xccZ\xfd|\xb8\x14\x16\xcc\xc9z/^\x98"\xe3\x81\xb3f\xa7;\x0c\x03\xb8\x05\x8c\x15u\x80J'</t>
  </si>
  <si>
    <t>b'7#\x96.J\xf6\x0e\xa5\xf1\xc8\x86\n3\xd0b\xad|i\xe2TG!9/\xdco\xc8f\\\x81\x16\xb5'</t>
  </si>
  <si>
    <t>b'R\x82\xd5\xc7\x9cS\xc9\xfaJwv%\xa4\x17\xeb\x0fQ\xc5\x0c\xad\x1f*\t\xe8AW&amp;\x16\xf8x4~'</t>
  </si>
  <si>
    <t>b'\x83\xa3G\x18\x16\x81\x1fH\x0c\xcc_\xcd\xf0\x1a\x1bL\x91\xd0=\x1d\xd4\xc1u?\xe7EG\x82\xc8O\x83\xd1'</t>
  </si>
  <si>
    <t>b'\xe2\xcfH\x8b\xdfq\x96[\xe5\xbcF/\x96\x93~\xe7\\\xd4y\xcb\xdeT\xd0,\ts\xf3*Q\xa1\xae\x00'</t>
  </si>
  <si>
    <t>b'\xfedC\x07\xd3\x12\xb4\xc7\x0b\xdf*\xaf\x1a[\xb0\xd7j\xb5O\xa5\xb1w\x84\n\x03\r\x17\xbbk\x8ceh'</t>
  </si>
  <si>
    <t>b"[\xf3P\xd7y\xf7\x95\xc2\x1c\x08\xd1'PQ\x81\xa8|Jl\xa8\x02\xd2\xe9D\x0b{=\xcen\x1a\xcaw"</t>
  </si>
  <si>
    <t>b'\xa7\x10\xeet\x1b=&lt;\xfe\xd5!\x9cWJ\xecu\x03\xed\xdfRs@\x13g\xaa\xd5Z\x86\xb4+\xab^\x0b'</t>
  </si>
  <si>
    <t>b'&lt;f\x7f\xdb\x9c\xfc\x9aX\x0c\xe9\xfc\xef\x07\xcaq\xf2\x82\xd6;&gt;\xfd\xec\xd1\xc0;\xf2\x97\xae\x8a\xf6\x9f\xe9'</t>
  </si>
  <si>
    <t>b'\xde\x18\x9d\xfd.z\xb4\xab[X\x83"B\x12\xc1\x91\xe9\xbc\xfd\x8a9\x9f\xe8\xd7\xd2\xbbE\xf3z\xbb\xdd\xf4'</t>
  </si>
  <si>
    <t>b"&lt;\xfd\x97\xc8\xcb2\xa9\xc5\xc8|lA\xdf\x11\xd7\xa6\xbe\xbe\xf5V\xd0\x85]\xb30'\x03\xe4\x96e\xb2H"</t>
  </si>
  <si>
    <t>b'*\xb31\xdb\xe9\x9b\xc0r\xedL\x83x~\x15\xda\xa5\xcc\xc0\xc8g\x0c\x13\x86\xb3\xe9\xb0\xe6@\xf2\xea\xe3\xb2'</t>
  </si>
  <si>
    <t>b'\xfc\x1d\xe4\xe7v\xfcJ\xee\x03j\xb2\x9e\xf42M\x1a\xa8\xe0\xae\x08\xf8\xb4\xc7^A..\x93\x96\xd5/\x01'</t>
  </si>
  <si>
    <t>b'-Z\x9bMS\xa9\xc4c\xd8\x9b]\xad\xe3`\xe3-\xbcm\xae\x0e\x9b\xd1\x16\xe0\x05S\x18f\x99\xc9\xd4;'</t>
  </si>
  <si>
    <t>b'6\xca \x14|\xa0o\x9e\x1cG\x1f!\x15\xf4\xc7\xde\xc2:\xe6\x81Xp\xcd\x9a\xf7}\x05(\x97\xe1\xbf%'</t>
  </si>
  <si>
    <t>b'\x98w\xdb\x15z\xd9\x90&amp;\xcb\x07\x0e\x1b\xb3\x9f\x0b\xeda.27\x86z\xe5\x1e\n\xc1\xe8\xe6\xec\xa6\xcb\xcd'</t>
  </si>
  <si>
    <t>b"\x10\xf5'\xc5\x14\xd1)\xd0\xb3\xc7\x02|\xe8\x19o\xd1?\xac\xdd\xd2\x98\xd7\xdb\x87\x9c\xb4\x88e\xad-G\xce"</t>
  </si>
  <si>
    <t>b'\x9b2\xca\xae0M\x00\xc6M\xb61\x9a\x05\xd7\x91\\@\xa8P}\xf7\xac\x0e\x93\x08T\xa4&gt;\x98\xb7\xf7\xff'</t>
  </si>
  <si>
    <t>b'\xb9l\xe9\xcdH\x8c\xbd\x9c\xbb\x87D\xc2\x04%\x14\x80\xbaqv\xaf\xb2P\x9a\x07E^O\x02\xab\xd1\xd1\x8f'</t>
  </si>
  <si>
    <t>b'\x01\xb1\x93{\xf9a\xa8f\xbd\xe4\xb7e\xca\x94\xf7\\\x1c\x18\x9fu\x9a&amp;\xa0&amp;\xfd\xb0O\x92r:\xa8"'</t>
  </si>
  <si>
    <t>b'\x980\x8dda{\xe7\xd5_\xa3\xf16\x15DI\xe8178\x02\xd2\xb1\x00\xb9\xcc\x1f\xa6\xa3+\xc4H\xef'</t>
  </si>
  <si>
    <t>b'\xe2\xf6\xaaY\xff\x983\x0fw\xd7\xc3`"l[\x99\xd9n\xa7-\xce\x03C\r\x07;\x91hg$\'\x8f'</t>
  </si>
  <si>
    <t>b'\xb7{L\x05z}G~\x03\xf2\xf4\xf8\xc2\xf7\x19\xfb%\x93\xf0\x04_r(@\xf3\x9eL\xc0\xcf\x7f\x87\xc1'</t>
  </si>
  <si>
    <t>b'\x15I\xb3\x02\x9d~J0\xa8-\xe7\x0b\x99\xda\x82\xe4\xc8\xcf\xea\x80\x0fm\xae?\x86\x9e@"\xcbya\x9f'</t>
  </si>
  <si>
    <t>b'\x0e\xf5\x1aQg\xd1V6;\xb7\xe0\x86:\xe4o\xf3\x80\xd3\xed\x1c\xe5\x1a\x19l\xb93\x8b\x8bb\xff\x9c\xa6'</t>
  </si>
  <si>
    <t>b'1\xfe\tD\x156\xd9\xfb\x93\xcb\xfb\xf4\xd0\xf4b\xec\xd5\x1f\x1a\x7fz\x89dt\x89D\xfe\x85\xf1r~\x15'</t>
  </si>
  <si>
    <t>b'N\'\xc1\xc5\xa5\xa5S\xca\xc3\xb6 \xcb\xec\x15\xcf"\xe6\x12\x00\xe6!\xb5z\xbf\xe0k3\xb0Fa\xcb\xa3'</t>
  </si>
  <si>
    <t>b'\xdf\x98\x001\xd2\xb9+\x19\xac\xd0]\xe4\xb6\x03\xe9\x97y\x08\xd6a\xb8M\x84\x1b\x8f\xdf4Z\xe4j\xc9\xdd'</t>
  </si>
  <si>
    <t>b'!\xb1\x9b\xac\xd2\xf2\xc2P&lt;;A\xbf\xac\xfb\xe3 \xc5\tw\xb2\xbd\xdd\xa7\xd0E\xd2\xcb\xc6\xa4c\x1c\xb6'</t>
  </si>
  <si>
    <t>b'\x16k(\x9d(\xe0\xe3\x06\xd1y\xab\xb1\n\np$\x1a\x07\xd3R\x9a\xeeJ\xa8M\x14 \xa9\xc9\xb6\xa61'</t>
  </si>
  <si>
    <t>b'\xe8\x00e\x16\x9dh\xbb\x9fQ\x82o\xc9\xff=\x94\xc0\xff\xd2w\xa6\x05\xf33F\xd1\xaa\xb2\x16\xbc\x99\x1d\xdb'</t>
  </si>
  <si>
    <t>b'5\xcdK\xf5\xc5M\x15\x8f/d\xea\xc1\xc4\xeeu29\x9a\xaaZ\xf6\xcd\x1f\xed\xfd\xe2h\xbe)\x17\xf7c'</t>
  </si>
  <si>
    <t>b'XZ\xeb\x8c\x99~\xfaQ\xc7\xbd\x04qa\x10\xb8\xff\xb2\x85\xfaQ\x8f\x94\xb3\xcd\xe6$\xa1(\x1e\xeb\xd8\x1a'</t>
  </si>
  <si>
    <t>b'\xe3{M\xec\xf5\x88\xb04}E\xc3\xb0|$\xa5\t\x1fQn\x81= \xdf\xd9\x98\xdf\x07"\x12Z\x08\xd6'</t>
  </si>
  <si>
    <t>b'P\xee\xcc\xf1\x9b\xde\xdd\x02\xa0\xe8\xee\x96\xd8t\xe6d&lt;\xee\xaf\x14ik\x16\xd9K\x16\xfa\x8c\x9b\x10.B'</t>
  </si>
  <si>
    <t>b'\xb7\x11\xc0\xae\xaf_\x1a\xf4\x97\xfa\x98P\x06\x8c\x8c\nR_\xb4b&lt;\x13D\xc4(A\x06\xf0E\xe04\xaa'</t>
  </si>
  <si>
    <t>b'w}\xb1\t\xb7\x94\x87\xd0\x9f\x8a\x86\x0c\xcamb2\x0fQ\x83\xc7D\xb5\xde\xa7\x12tg\xe9!z\xea\xfa'</t>
  </si>
  <si>
    <t>b'^\xd0GZ@\x02\x0cj\x91\x9c\xee!\xe4\x7f\xd1q*\xed\xce\xeeO\xdd8&amp;\xb3\x07\xd4\x8b t1\x9b'</t>
  </si>
  <si>
    <t>b'\xdb\x19}a\x10\x9a-$\x92\xc4v1F\x1d[W\xde\xec\xf1\xb1\xa0Z\xff\xb5l\x92\xdb\xe0@ \xe6\x98'</t>
  </si>
  <si>
    <t>b'\xbcoY\t\xff\x00m:8\x1f\x86\xed\xe1#u&lt;\x87\x95\xd4_\x14,\xa9\xaf&amp;\xef\xbf\xeem\xcc2\x1d'</t>
  </si>
  <si>
    <t>b'\xaf$\xad\xef\xa7\x1c\xea\x0e9\xdf\xdem\x81v\xda/\x966D\x90\x85\xd7\xe6\x87\x14\x08-\x02\xa0\xda\xc1\xa1'</t>
  </si>
  <si>
    <t>b'\x95E&amp;\xef9c\xa8g\x93\x87\xcd\xc9\xb7O\x84\x87d\x0c \xf2:"\xe4\xea\x13\xe8\xba\xaa \xf8W\xeb'</t>
  </si>
  <si>
    <t>b'+\x9d\x89\x13%~\x94\\\x8f\x06\xf9RvB\xcb\xe69\xab\x91,\xe9l\x0b\x19\xfd\x1b\x85\xdb\x08\xd2o\xc0'</t>
  </si>
  <si>
    <t>b'}+au\x93\xef]\xba\xd7\xee*\x92\xfb\xa1\xeeF\x84W\x17\xed\x03\xe9\xa8,\x10\xc85\xcd\xa5G\x0e\x96'</t>
  </si>
  <si>
    <t>b'\x1a\x00\xf8\xb7\xc3\xc4\x06\x8a\xcf1Xs\xf9^\xa5-\xb7&lt;\xd3!\x98\xd9\xeekao\xfd\x82\xea\xfd\xac\xa2'</t>
  </si>
  <si>
    <t>b'H\xfb\xcch\x10\x1eV\xa3\x1d*\x04_\x16\xd8Y\x0e#\xd2\x0b\xdc%\x0b\xffD\xd2\xc6\x8d\x93\xbdGU\xf2'</t>
  </si>
  <si>
    <t>b'9\x96-dT\xdc~\x1d6\xe3\x88#\xff#\xaf\rC\xcc\xf9X\xff;\x90\xb8b\xe7\xf53\x16\x18\x91\x8e'</t>
  </si>
  <si>
    <t>b'\xd4WE[\x89M\x18"n\x83\xc1\xbe8\xfa\xbb\xa7\x8dw\xca\t\x98\x0b\x9b\xfc\xe16\x187\x8f"\x0cC'</t>
  </si>
  <si>
    <t>b'\x98\xfa\xc9\x15\x99\x0b-\x12x3\x8c&gt;\xd6\xc4\x1a\xfeY\x08\xd8\x14\xfdxPEu\x93i\\\xb4\xad\xb9\xcf'</t>
  </si>
  <si>
    <t>b'\x80G\xfee\xc8\x06\xdf\x9e\x88\xbc\xd3z6G\xac[1\xe33\x87\xbdf\xffA\t\xae\xe1M\x10\xe2\x82['</t>
  </si>
  <si>
    <t>b'\n\xf6&gt;6$\x81T\xb3*R\xbd\xad9\x07\xcf\xda\xf2\xd5\xbe\xe8\x1b5\xc0?\x8dN\xb65\x04\x9a\xd6\x8c'</t>
  </si>
  <si>
    <t>b'c\x19t\xaeJ\x04\xc5\rg)2\x9a\xd9/\xed\x9e\xc2L\xd8\x10\x94M\xba\x7f"\xbc\x07\xad\xee~\xee\xbb'</t>
  </si>
  <si>
    <t>b'\x84X\xcb\xe0\xb4&lt;g~\xe2\x1b\x9d\xed\xa9b1:\xa6\x11\xde\x80?\x8ey\xe1\x128\x9d\xdcc|F\xb6'</t>
  </si>
  <si>
    <t>b'\xb2k\x85\n\x0c\xc8j\x14\x00\xfbs^\x1f\xd2\xb9\x03\xa3\xca{\x19\xdc\xe3\x02)\x1f\xb5\xc0;&amp;\xa2\x08\x03'</t>
  </si>
  <si>
    <t>b'\xfd\x8c`G\x94\xf8\x9c\x88\xa1\xa4N\xdd\x11J\x95\x1c\x1a|\x94\x14U\xdd-\x08et\xc08\x0f\xdf!\xec'</t>
  </si>
  <si>
    <t>b'\xaaP\xf81nY\xc5\xc6%/\xa2r\x80\x8a\x8b2t_n\x1d\xd5@\x8f\x9b\xc1\xb4\x0c\xaf\x15\xc2\x84\x08'</t>
  </si>
  <si>
    <t>b'\xb3\xaa\xa94\xf0\xaa\xc1}n\xffq6CC.\xf9,w1\xe5\x91\xfd\x81e\x8c\x07\xf0:\xc0\xae\x01#'</t>
  </si>
  <si>
    <t>b'\xf8\x8a1\x98&gt;\x15\x7f\xea&lt;\x15\xcc\xe8\xb6 |\xf6x\xd26\xc9\x8b\xe5QU\xa2\x19U\x19\xb1\xb3\xe5L'</t>
  </si>
  <si>
    <t>b'\x8c\x9f5\t\xb9\xaa\x8av\xe7\x94\xa3\xdb\xa0p\xbdS5\xa2\xd2lo\xf19L;\xe6\xfc\xf3s\xde(\x85'</t>
  </si>
  <si>
    <t>b'$o\xa4%L\x93!\xc3T\x93\xa6\xb1jOY\xe8)+\xe0E\x12\xf5\x18\xd8E\xa2\x13)\xa6\xb6\x03\x87'</t>
  </si>
  <si>
    <t>b'\xc7\r\xec}H\xa0\x07\xaa\x16Y\xc0\xb9\x0b\x04\xf2b\x05\x0eT\x96\x00D\x98!-\x0b^\xc9\xecl\xe1\xb8'</t>
  </si>
  <si>
    <t>b'\xd7\xe6\xd1u\x05\n2fvH\xc4\xce\xf3\xb1\xe3\xc4\x1b.Dz\xc7\xd3}\xee\x10g\xf7o\xdf.\xc3$'</t>
  </si>
  <si>
    <t>b'X1\xe4F\xb2\xa1B\xde\xe7\xbe\xd8#\xebd\x8f&lt;s\x18\x0b^\x0f\xb3!\xb8\xc9(\x83\xb6\x8ePLi'</t>
  </si>
  <si>
    <t>b'\x0e\xf2\xe7@4\xf2\x83\xfe\x96\xfe\x8d\xdf\xae\x96U\xdcg~;\xb0\r\x82\x06\xf6\x95\\\xc8\xc1\x03;\xf4\x00'</t>
  </si>
  <si>
    <t>b'\xa5Z\xf1\xe2\xe3\xb5\xad\n\xa6o\xbb\x9c\xf1`\xb5\x14!\xef\xe4\x96AY=\x17JeZ\xd4}x\x80\xce'</t>
  </si>
  <si>
    <t>b'T\xef\xc9\xfa\x15\xeaT\x87\xd5^5r@6\x07yCw-\xa4b\x19\xde\xc5\xa8a\xd8\x1a\x07\xd8{\xf4'</t>
  </si>
  <si>
    <t>b'P\xc0\xa9\x81\x86\x15\xb5&lt;%ae%3e\xaa\xb9\x11y\xe07E\x90\x83\x90\x89\xac\x9bm\xd2\xfc\xfa\xc2'</t>
  </si>
  <si>
    <t>b'\x1f\xc1\xee\xb2zv\xb6\xdf\x0fF*\xa4\xf4\x81\xcf4\x80#\xeaNz\xdbl\xa0hJ?Y\x13\x0e\xd9\x9a'</t>
  </si>
  <si>
    <t>b'\x8e%\x15\xf1?d_\xe9\xdad\x97\xab\xf5\xc2m\xcaG\xe5\x99zh\xdak\xfb\xedq\xb3\xc3:\x89J\x04'</t>
  </si>
  <si>
    <t>b'\xd3\xce(\x8d\n`\xc5\xcf\xc6AsI\x14\xee\t\x07 Z|8B\x89^\xd2xf\xe8\xcd\xaav\xfdz'</t>
  </si>
  <si>
    <t>b'\x1dP\x82\xe90\xbc\x8c\xb9\x93W\x88Y\x95!\x9aa\x8a\x11\x99\xce\xa8\xb7\x9f\x08~\xd4^@=c2\x85'</t>
  </si>
  <si>
    <t>b'\xc6\xa2\xe1a7\x10\xcc]\x18\xba\xe1Aj\xf6+\x15\x90.\x86\xd2\x9bUp`\xb9\xe0\xc0\xba\xe9\xdf\x96\xa4'</t>
  </si>
  <si>
    <t>b'1!*1#\xea\xd2j`kRU\x93~\x05\xef\x00@Wx?\xc6\r"\tx\x86\x91\xe4 mr'</t>
  </si>
  <si>
    <t>b'\x9c\xbf\x8b/\\\xce\xcc(\xec\x9d\x96\xb9\x15\x08\xc2\x87\xee\xd3\xbdB\x0b\x9bt\x83FK\x19\x07\xa2\x98\xb3\xa3'</t>
  </si>
  <si>
    <t>b'.\xc2\xc1\xde\xd8o\x01\xa8\xd6\xae\xdf\x89\x8b\x8ad\x9b\x15\x0f5\x0e\xcf\xa6\xb6\xae\x86\xf2\xb5\x03\xbb\x17v\x14'</t>
  </si>
  <si>
    <t>b'\x05\xa9\xa8\xfc\x14\xe6n\x86\xc9\x02\x98\xe7l\xa6U\xc8\x08\xfe\xfd\xb71i_ @\xff\xab\x80\x91q\xa6\x98'</t>
  </si>
  <si>
    <t>b'\x03\x80@C\xed\xedR7\xf1\x1d\xaa\xb2\xe37W\xad\xcfge\xbc`&lt;\xee\xed\xa2^0\xdfP\xd0\xab\x84'</t>
  </si>
  <si>
    <t>b'\x931"\xe8\xe8N\xf3\xc1\xad\xa90\xa4\xb0GB\x1b\x86\xce\x8f4\xd6\xf4\xc6\xb6\x03EU\x12\x10\xfc\xc7\xc8'</t>
  </si>
  <si>
    <t>b'\xafq\xb2\xa8W\xd9MZ\xfc\x14\xe9\xa9\xa2\n\xaf\xa9&lt;&amp;;\xfd\xd5\xc2\xa9\x98J\xb7y\xb1i\xbf8\x0b'</t>
  </si>
  <si>
    <t>b'\x1c\xf1S\xe9GvZ\xd3^"\xbe\xfe\x11\xe6L\xef\xdd&lt;4\x9cQ\xc1\x1a\r\xc8\xfa\xdb\x1c\x93\xf2f\xc7'</t>
  </si>
  <si>
    <t>b'\xb7,\x1b\xc8D\xcb\xf5\xc2\xf2N\xd1\xb6\xfe\xe2\x80H\xda\x00\x82\xb6\xff\xf5\x8d\xf5\xc1,\n\xe6\n\xf6[n'</t>
  </si>
  <si>
    <t>b'\xb8\xb0\x84\x9dK\xd0S\x8c\x8eO\xf7\xe2x\x90\xf6\xa9W\xadT\xd4\xbf\xc6.{\x15\xd43\x94$\x8c\xfe\xa2'</t>
  </si>
  <si>
    <t>b"\xfe\xc0\x18\xd8\x1f'\x0c\xc8\xf8as\xfc\x90\xd3\n\xf6^\x14!\xeb~\xf6\xfaS \xeeD\xc6\xb8*\xa5\xaa"</t>
  </si>
  <si>
    <t>b'\x83\x9b!\x05\xa95FAo1\xbb\xb1)\xcc\xf7\r\xeeF0\x16\xe9\x9aR\x92\x84\xd3\x1e\xe3k\x1di+'</t>
  </si>
  <si>
    <t>b"3\xb4-\x9b\xed\xf9\xde'\x11\x0e\x048;\x92m\xd7\x1f\x9d\xb0\xba\x87\xea\xb0F\x92\xf49\xcb\xec\xf4\xe8\x8d"</t>
  </si>
  <si>
    <t>b'y\xc9}\x0ct\xe7%S\xb2\xdd\xee=\xf3\xf2\x86\x15\rp|\xec.\xdb\xe9\xab\xd2\xbbi\xb0\xa4\xb92A'</t>
  </si>
  <si>
    <t>b'\xec\r\xe1\xd5\xbcDE\x1b\xfa\xf9G\x88I\xd2\xff\xe7Xg\x8dy\x0f\x9a\xd0A&gt;e\xde\x9c\x9a\xe3\x18\x87'</t>
  </si>
  <si>
    <t>b'\xd2\xfd\xef\xa38\xee\xe83\r\xd4]\xcd\xca\xdb\x9f\xed\x13\x9c\x93h+3\xfe\xfc\xc6\xc5\xf2\x9eT\x995\xe6'</t>
  </si>
  <si>
    <t>b'\xab\xf8\x04\x89\x8bE%\xb7\xec\xe5L\xc7\x9f\x08-\xbe?\x1a\xa4\x03\xa5~\xe1\xb9\x07q\xfe\x06\xe9:m\xa6'</t>
  </si>
  <si>
    <t>b'\xaf\n\xf3j\xd6\xb8\xf84\xdc)v\xa3\xd9n0|\xc0\xb4;pO\xce!\xfd\x9d6\xa0\xb1\x9ae\xca\xf1'</t>
  </si>
  <si>
    <t>b'\xfb\r\x0be\xd1qoS;\x84\xa4g\xb3)lZ\xee\xbe\xef\xb2&lt;\xa4\xfb\xdf\xf0\xdcL\xe8\xcdg!\x86'</t>
  </si>
  <si>
    <t>b"\xc5\xf8\t'\x88\x9b\xb6\xd2\x94&lt;\x95\xfb\x8d6d\x1a\t4\xb64\xab$\x9e\x02M@\xefU\xff\xa6\xd3\x97"</t>
  </si>
  <si>
    <t>b'\xfc\xf1\x1b\xa9\x1b\xcc\x94\x7f\xa8\xbaG\xafG\xe9\t\xde5\xf2\xe0\xe6\xfcb]\x86\x9fn&gt;u\xbcY\x8ao'</t>
  </si>
  <si>
    <t>b'\x06C\xa1A\xf4\xa7\xb1y\xc0\xde\xde\xa7]J%k\xbc\x89\x1a\xf0\xa0\xc9\xc4\xd5\x01\x9e\x85I\x94\x0f\xb1\r'</t>
  </si>
  <si>
    <t>b'\x03\xe2`)\xc0\xe5\x17\x05\x07\xb8\xadl\xb9\x9c\xa6=\xcf\x81\xe7\xa7-u\x87\xf4\x93u\x8d"k\xe7\xe0\xc8'</t>
  </si>
  <si>
    <t>b'l\xf8\xc8&amp;\x11%\xf9\x91\xcf\x15\x0b\xe0\xaf\xc0\xaa\xe3L\x92\\\x04\x93\xbc41\xf3\x97=\xe1q\x0e\xab\xca'</t>
  </si>
  <si>
    <t>b'Jh9jC\x90\xac-z\xad\xeee\xbf`\xf2\x9f\xcd\xd5D\xb6\x99g.\xfa\x06\xaaH\x04ZR\x8fV'</t>
  </si>
  <si>
    <t>b'\xa1R\xec\xc5\xc8\x8c\xd0\x1b\n\xb5-\xa2v\x1b\xf9\xe4\xf3\xf4\xa8T\xfd\xef\xce\x89\xfe}\xbeK\xe1\x1d\x9f\x80'</t>
  </si>
  <si>
    <t>b'\x03CjC\xdf\x01\x1a+a\xa5;T\xf2\x9c\x89pl\x03\x05N;\xeddZ\xfa\xccS&gt;\xec:^t'</t>
  </si>
  <si>
    <t>b'l\xed\xd8\xf5\xaa\xa3\xc8\x8eYz\x1e\xf4\t\xd2\xca{\xfdqKP\x0f\xe1G\xa9a\x07\xdc\xe5&gt;\xc7\xa9\xec'</t>
  </si>
  <si>
    <t>b'\xce\xb7\x0cKv\xabNS\xf2dv\xe1\xc2\x0f\x13\x880{\xa0\x1a|\x84\xe2\xa0\xd1\x0e\xe8\xcb\x9a\xb5\x80m'</t>
  </si>
  <si>
    <t>b'/\xf1\xce\xcf\xa9\xb6|\xecIW\xe6\x14\xc9\xd5\xb2\xed\x16_Zob\xab\xfb|\xf95\x03X\\\x9a\x97\x94'</t>
  </si>
  <si>
    <t>b'\xf3@V\xb7\xc9\x8d^\x87\xcf\xffg\x87%:\xd0\xfa\xba\x19\x0f\x1a\xe7\x07\x8f\x03\xc0\x1a\xdf\xdei"\xacQ'</t>
  </si>
  <si>
    <t>b'\x06\xde\x86]\xd6\xa3\x01\xc3\xa6\xf1\xee\xa1\x87z\x05\xeb\xe8\xba\xf6\xc5CR\xb5Q\x1dA\x803\t\xcd\xaa\x80'</t>
  </si>
  <si>
    <t>b'\x8ck\xe2\xdfvRCq\x1bp58o\x17*\xbe\xc0w\x0b\xda\xffxC\xe6&gt;\xc9\xa3W\xbf\x1b\x8d\x0f'</t>
  </si>
  <si>
    <t>b'\x87?\x93\x84\x9f\xbe$\xed\x01-\xdfg9\xb6\xf0\xb6\xbb\x88D\xf2Xl\xcd(\x9484"\xc0\xea\x12B'</t>
  </si>
  <si>
    <t>b'\x9b\xb9\x0beU4\x7f\xe2\x19\x93\xf2cz\x91\xc0\xdf.H)`**,\t\xab\xd4z\xdc\xe0\xa9\x9f='</t>
  </si>
  <si>
    <t>b'!J\x9c\x91\'"+9\x8a\x17\xe2`@\x14\x88\xf7\xccb\xce\x9f\xbaIAt\x13\x13\x1d\xfei\xe5\x1e\xe3'</t>
  </si>
  <si>
    <t>b'/@\xad@\x84?\xa6\x18eY\xcey/\xd1\x12\xff\xb8\xc3\xb4\x04@\xcfk\xaa\x96\xb5&amp;\xca\x80\xac\x1f\xd7'</t>
  </si>
  <si>
    <t>b'0\xfc\x91a\xbf\xcc\xb7\xde)n\x8fE\xcb#a\x102\xbb\xc4\x14\xfe\x9db\xc6$g#\xdd|\xc2L?'</t>
  </si>
  <si>
    <t>b'4\xc5h\xf0\x07\xbdf\x13\xecQ\x1e\xe8\xed\xaav\xf0o\t\xac\xee@,\xe3\x9c)\xa2\x0c\xc3\xbf\xa6\xfe+'</t>
  </si>
  <si>
    <t>b'\xa0]\xd3\xe7KSE5\xa1\x83*\xf1\xc6\xa1s\x1b\x1a,\xc7y\xf8EW\xbfZ\xcf\xc1\xea\xaa\xa36\xec'</t>
  </si>
  <si>
    <t>b'rF\x8a\xbd\x0f\x9a(\xd2XR\x90\x00\x8a}\xb5\x93\xbb6Te;|\t\xf7RkTk\xda\xbf\x893'</t>
  </si>
  <si>
    <t>b'\xdb\x16Jp+\xf7;\xef\x8d\xcd\xa6]\x03j\xfc\x7f\xf0\xc01\x9b\xca\x9d\xae\xc1\xc6\x8d\x12y\xc0\xe2\xa5X'</t>
  </si>
  <si>
    <t>b'w\xaa#\xb3\xd1\xde\x9c\xd5`O\x82\x06\xe2a\x97+\x8a\xf2\x14\x06E\xba\xac\x1et\xfe.\x07f9!\x83'</t>
  </si>
  <si>
    <t>b'\x9e\xafP\x01\xc2\xaej(HG,u#\xce\xdd"\xd1YD|P\x1f\x95{\x18\x81\x95l`\xf0\x12\x87'</t>
  </si>
  <si>
    <t>b'.\xcf\x89\xf8\x82\xff\x1b\xfe\xaa\x0b\x91\xb7\n0\x8e[Bw\xa5\xcf/\x81mK\xa0B\x84\x9cbR#\x19'</t>
  </si>
  <si>
    <t>b'\xf1\xc5C\rk[x\xe2\x13\xbb\xa8\x02u\xec\x88\x96\xe1~I\xd3\xb6\x81\x9b\x81G\xd5\x0f\x1c..\xf0\xa8'</t>
  </si>
  <si>
    <t>b"6Q\x844\xb2\xf5*\xfagG\xe0\x86*Y\xd6'\x16]\xbb$\xeds\x88\xf8\x1a\xec#\x1c\xbaR,\x9f"</t>
  </si>
  <si>
    <t>b'\xa3\xc4\xdf\x1b\x03l&gt;\xf3\x83\x04+#;\xaf\x04)\x01/\x13\x8d\xf2\xe5n\xe6\xfb\x94\x96\x9e\x9e\x8f\xb1\xbd'</t>
  </si>
  <si>
    <t>b'\xed&gt;\xe0\xb8VG9\xb1\x00\x1f\xac\x9b\xed\x13O\xf5\x93\x18\x85\xbc\x94\xbfdb\xf43*T1!\x01\xb0'</t>
  </si>
  <si>
    <t>b'\x1b\x96m\xa0P\xd7\xab\xb0\xc8\xf5P\x1d\x81\xfc\x1d\xaar\x7f\xeb\xd5\xc9\xd7\x94\x1e\x95X\xefb9\x9c\xf9\x8a'</t>
  </si>
  <si>
    <t>b'\x99\xa8\xf7\xb6C\x00\xd8\xf4\xca\x7f\x85+\xd0\xad\xe4\x8b\\\xe0IRF\x8c\x1b\x0eG\xdcC\xe3\x94\xf7\xd8\xcc'</t>
  </si>
  <si>
    <t>b'\xd3\x8a\xb5\xc3\xbc\x1e}\xdf~d\xb2\xa8Ns\xccW\xa2\x0f\x8f\xd4.e\x8f9I\xa7\xc0\x11\xdbpF\xc5'</t>
  </si>
  <si>
    <t>b'\x1d\xa5\xf7tI\x83\x05uctk++\x8f#\xd5\xbe\x88&lt;\xd7\xfd\x9fB\xf58\xbe\xa3t\xaa\xad\xa9\x11'</t>
  </si>
  <si>
    <t>b'\xc0\x1e&amp;\x02%y\xcf\xeb\xd5\xff\xbe\xa6\xc3\xb9m8UCr\x19\x9e9\xf0s\xb1\xa7y\x06\x17M\xef\xae'</t>
  </si>
  <si>
    <t>b'K\xb8@\x1d\xdbG\xa3\xf6\x1f\xe8\x0b\xfa\xa9\xc9\x9f\\\xadW\xfe\xe1\xfd\xdcTN\xa9b!\xa9p\xbez\xd1'</t>
  </si>
  <si>
    <t>b"\xf8&gt;\xe24K\x962\x8b'\xcc\xf7\xd7F\xd3\xea\x12\x1c\x14\x1fT\x07N\xdd\x92D\xf7\xbb\xbf\xf9\x87\xf8\x9e"</t>
  </si>
  <si>
    <t>b'\xb4\xac\xbb5mR%\xe6T\xc0-\xb3\n?;L\xdd\xfe9\x11\xb0\xcd\xeek\x85\x8cH\xe3\xa1\xd1=\xd3'</t>
  </si>
  <si>
    <t>b'+CM\xc5\x01\xff?(gD\x16\\\xd2\x98\x0c\x06N\x04\x890\xa0\x1e E+\x0ei@\xccI\xcb\x1c'</t>
  </si>
  <si>
    <t>b'F\x95\xccsp\xaa\x94\xf1\'c\xb4?\xad\x0b\xdc\xf0\x08]\x96(\x16j\x8dq\x88h"&lt;\x17EL&amp;'</t>
  </si>
  <si>
    <t>b'..\xa0\xe5.\xae_hViAg\xa7\x85\xca,\xea\x8e\xbd\xdb4M\x9a\xa8\x03&lt;V \xf4\x8f[q'</t>
  </si>
  <si>
    <t>b'd\xbb\x86\xa0\xb7W\xa4\n\xee?\xc6f5\xa9$\x10\r\x17\x01\xb9\xe0\xe5\t\x81\x9c\x1b"\xd8\xd4~\xad\xe9'</t>
  </si>
  <si>
    <t>b'\xf3\x9d\xe77\x05\x9a\x90\x18?\xe4B4\x0e\xc2c_2C\x92j\x16\xf5&lt;%\x19z\xc3\xaa&lt;pm['</t>
  </si>
  <si>
    <t>b'&gt;\x00}Zg\x82,\xdez\x8b\xfa\xfck\xd6\xbfN\x8e\x02[!5\xe8\xa0\xf7\x9a$\x1d/\x1c\x1cD\n'</t>
  </si>
  <si>
    <t>b';|\xb8\xe8\x0c\x1bt\x9e\x91\x17\xb3\xdc\xa1\xd5\x1c:\xbb\xb4\r\xa0\xec@Z(\x17]/\xb3\xca\xf4\xc2\xa0'</t>
  </si>
  <si>
    <t>b'\xd5\xedw\x9c\xa8+\xe7/\x1f\x1b\xb2n\x96\xb6t+&lt;rX\x8d\xc3D&amp;`b\x1fAN\x97{\xdf8'</t>
  </si>
  <si>
    <t>b'\xd9N\xa3\xe5\xc9C\xcd\xe4\xdcG\xfa,C\xf2:\xed\x06\x8b"\xf63\x8c\xa4\x80\x1c\x8f8\xbb\xf1_\xa3\x1e'</t>
  </si>
  <si>
    <t>b'\xdc\xba\xa3W\xef\xe1\xc35\xd6,?\xa4 }n\x08C\xce\xe8{\xc6\x03\x1a\x19\x16\\\x1c\xa2\x9eEBL'</t>
  </si>
  <si>
    <t>b',\xd5)\x01yH\xbaV\xb8\x7fE\x85\xff^\t\xce/\xc7\x0b\xf0\x81\x98\t\xf4r3\xd5w\xef\xb4K\xd6'</t>
  </si>
  <si>
    <t>418xx</t>
  </si>
  <si>
    <t>b'\xf4}\x04\x87O\xa62\x8e\xabH\xaa\xa7e\xb7\xaf\x8ad\xcb\x1b\x83\xafIAAS\xc7BQ7Nt\xa8'</t>
  </si>
  <si>
    <t>b'+\xb8*\xe9\xf5\xb8\xefl\n\xc8zp\xa8}-\xd3\x81\x00le\x8f\xe7\xe5\x06\x18\xa8\xfb\xb0\x9a\xa8L\xf4'</t>
  </si>
  <si>
    <t>b'\xb5\xc0\xf6|j\xc0sY\x8e\xb4\xb0\x030\x9bE\xf9\x9b[\xd1\xc7\x99*\x191\x8fW&gt;\x83\x8e\x9d\x14!'</t>
  </si>
  <si>
    <t>b'\xcb\xad\xd3U$\xb5\xe3\xaa\xb5\x1cW\xf5\xe0\xff\x91\xe3\xcd\xe6ej;n\xbe\x88~;\xf1\xc7_\xaa\xf7-'</t>
  </si>
  <si>
    <t>b'O\x8b\xe7t+.\x8dD\xeb\xe2\xfdj\x9e\x16~\xb1\x02\x92\xff\xc7z\x13\x1a\xef!\xfe=\x106\x94:1'</t>
  </si>
  <si>
    <t>b'\xcc;\xbe\x07\xbc%5E\x95(\xe4`\xe7(\xad|\x82u\xee\x9f\xe6\xcb\xa0\x04\xa6\xd1Q\x82\x9c\xbd!\xff'</t>
  </si>
  <si>
    <t>b'\xc4\xc3E\xb0vZ+&lt;\xb6\x0b\xb0Q0#\x7f\xdb:{\x91\xe8\xab\x171I\xa3\xc6\xd9y.y\xbc\x8d'</t>
  </si>
  <si>
    <t>b'K\x80\xbco\xbd\x0e.:\xc9*z;$:\x8c\x0bt\x03yzA\xf8\xd5\xca\x91\xe4\xc9]\xa6\xafp\xab'</t>
  </si>
  <si>
    <t>b'\x837\t\x07\xb0\xd2\xd6\xb6\x19\xb2\xc0O}\xbc_\xc1\xb4\xff\x8d\x89;\x0e\x93\xef \xd2\x8c0\xbaF(\xb8'</t>
  </si>
  <si>
    <t>b'7]\xc6!\xa4b\xcc\x8bER\xdd\xf1\xceg\xd4\x97\xcf\x82\x92$ \xb78\x1f\xb6S!vH*\x0e\xad'</t>
  </si>
  <si>
    <t>b'\xfe{\xce!\x7f\xa6P#\xec\xc3\xdcx9;t\\5*\x0f\n\xc9\xc0\x08{\x97^\xf2\xa13`\x80('</t>
  </si>
  <si>
    <t>b'\xc6\xe4b\xbb\xa2HB\xf8+\xda\xc9\xd9\xec\xe2\xaf+\x853\xb1b\xcdSY\x12\x1f`\x8bo\x05\xf4\x11o'</t>
  </si>
  <si>
    <t>b'\x9f\xff6r\x13/\xf7\xbf\xe7\xab\x92\xf7\x9cyU(\x01\xb8\xfd?\x9e\xcd\x96[S\x9a\xe6\x00\xc7qm\xb8'</t>
  </si>
  <si>
    <t>b'\xea\xe3\xed\x01E\x7f2\x81;p&lt;e~\x02\x8bP&amp;\x1f\x7f\xb4,\xebB\xa2\xaaw\xbd&amp;\x17\x93\x8f\x0e'</t>
  </si>
  <si>
    <t>b"\xe6t\xce\x0b\xdd\x81\x07b'f\x96H\xa5\x12\xd9\x1eE\xeb\x8f5\x89\xe3ONe\x0b\x03T0\xcfhe"</t>
  </si>
  <si>
    <t>b'1\x1f\xb8\xc1`B\xc8hc\n\xfd\x12\\\xb5\xdd\x82k\xe4\xee\x1c\xe6\xef\x0b*\xf4\x08o\x0fa\xd8/\xf9'</t>
  </si>
  <si>
    <t>b"QeT0\xcbDS\xe6\x84~of\xaf@\xcav\x03\xe8\x1c\xa8kv\xe8'\xf9y\xfb\x85Q$:\x83"</t>
  </si>
  <si>
    <t>b'],h\xd5\xf6/c\x95\xb2\xfbv\xc6&amp;%\x8d\x925yJ9\x1b\x1c\x89\x1b\x02\xa5\x87c\xf2y\xa1m'</t>
  </si>
  <si>
    <t>b'h\x1e\xeed\\\xac\xa5\xc3\xe5\xa5\xe8\xff\xbbW\xf6\x15\x14\xd5&lt;\xb9v\xb8\x8b*8\xebz\x84\xe5\xf1\xbe\x17'</t>
  </si>
  <si>
    <t>b'\xa1(\r\x03h\x96\x93z\x9a\x04\xd1\xfc\xf7\x99V\xf5U\x9f\xb8Y\xe3"r\x02_\xaf\xb9woHk\x89'</t>
  </si>
  <si>
    <t>b'\xde5\xd7;\x04\xe0T]=\x10\xf1\xf8\x08\x01\x98\x15sr\xd9\xa4\xef\xf2nw\x80\xf5\x1f\x9c\xcc\xa4\x99\x83'</t>
  </si>
  <si>
    <t>b'\x00&amp;\x02\xc1\xad\x11\xae|F\x0c\x1b\xfe\x11\x0bs\xddj\xff\xf9\x08\x15+Y@\xfcc\xb0\xd1\xcd`X\xfd'</t>
  </si>
  <si>
    <t>b'\xe1fG\xfe\xee(\xc0n\xe1}\xfd\xd0\x99Cv/\xc96\x91\x16k\xcaz\xf503\x0c\x06\xfd\xa0u\xad'</t>
  </si>
  <si>
    <t>b'\xb6,)2\xa9/s\xa2\xee\x0fJ\x14C\xaa\xf0)\x82\x90w\xba\x15\x16\xd5\xcd\x7f\x99\x1b\xa5\x0c\xd2\xe9\x82'</t>
  </si>
  <si>
    <t>b'\xd9aM@\xfe\xbe\xba\xc8\xd8.\x87\x90N\x92\x1e[\xban\x91\x80*T\x1a\x94\xf9\xc8Bk\xc9\x18\x8d\xc9'</t>
  </si>
  <si>
    <t>b'9\x17J\xb4\x89&gt;\xc7\xb7\x88!A\x92\xdd\xd4Q8\xef\xbc\x858l7\x1fT\xac\xe7\x08\xb4\xef\x92+\xcd'</t>
  </si>
  <si>
    <t>b'\xbb\x05\xcd\xa6\xcc\xca1\x137b\x0f\xaa\x84\xf98x&lt;\xec^\x1a\xedq\xd2\x854MBv\xad\xaa&lt;N'</t>
  </si>
  <si>
    <t>b'*Za\xa4\xfb\x1bQ\xc0\xc2\x02\x93\x16q\xce\xceq\xb7I\x11\xd5h\xe0\xa4\x81u\xe0 `\xf2N\xbe\xad'</t>
  </si>
  <si>
    <t>b'\xa7\xea\x1f\xfa\x84ta&lt;\xe3\xb4j\xa6\x89\xff(\x0f\x1a\xe9\x99\xd5Ji?6\x02Gl\xafz\xb9\xa4\x10'</t>
  </si>
  <si>
    <t>b"\xc1'~\xa6U\x93\xce\xb9\xe8Wx\xfc\xad\x9e\xe2\xfd9\x13[\x9a\xe3\xe4\xdd,!S\xb6\x12j\x14d\xa8"</t>
  </si>
  <si>
    <t>b'\xd0l`\xab\xc5\x89i\x037\xc2\xc6\x123\xeen]\xd0\x906\x01\x8b7\xbf1\x86P\x94\xa7\x01\xed\x94\xc4'</t>
  </si>
  <si>
    <t>b'\xd1&gt;\x11%\xe7\x89&gt;\xe5\xa1n{\x90\xbf\xb12O.\xce\x1c\x0fp)\xfd^:z\x9e\xd8\xe5u\xb4\xea'</t>
  </si>
  <si>
    <t>b'Af\xc1at\xda\xbd\xf2\xe9\x1bp\xea\x88\x0e\xa7~\x07A\xebD\xb1th\xa9\xe9\xd9\x93\xb1\x89\xef\x7f\xf8'</t>
  </si>
  <si>
    <t>b'\xfdci0\xeb\x02\x97\x836\xae;h(:\x0fMKrx\x0b\xf4\xf6O\x19\x03\xc5\xf1\xc4\xe0 \xf0\xe7'</t>
  </si>
  <si>
    <t>b'\xfcq\xc1\x8bP?\xcd\xba7\xbehk\xaa\xb6\xd6\x05\xe1\xdesP\xf2\xe3\xcc\xd4\x80u\xcf4\xa5\xc3_\xc7'</t>
  </si>
  <si>
    <t>b'4\x11\x81\xd5j\xce\x1e\xdc\x9b\x92pg\xa6;X\xa2\x94\xf1\x9ds\x17\x9d\n\xc2\xc7\x18\x07]\xa4\xe7\xefO'</t>
  </si>
  <si>
    <t>b'X\x0bA\xa1O\x81R\x9a\xfaw\x12\x86\x1akn\xf8\xec\xf4\xa7\x93\xc8\xb6\xc3\xaa\x7f\x1f\xf7\xdd\x01\xb5\xd5G'</t>
  </si>
  <si>
    <t>b'9\xf0#a\x83\x0c4\x17\x8dnrh\x07\x82\x1d&gt;\x88H\x18\xb8\x9e9\x19\x83\x83\xc4\x1c\x11\xe3\xc6\xb64'</t>
  </si>
  <si>
    <t>b'\x89\x18\xee+\xd8\x92\xee\xb49X\x8d\xccV\x02\x07\xa5\x10EPcUJ\x17\xd1i\xdbO\x9cN\xf6\xc0\x13'</t>
  </si>
  <si>
    <t>b'g\xd2\xf5\xffu\xd7^\\\xf7Y\xa4\x8e\xb7n\xe9 4\xb7\x9eh\xd6vEEw5\x02H/\tzO'</t>
  </si>
  <si>
    <t>b'P\xe1w\xbf\x9f\xea~G\xc9,F\xd0\x1b\x05\xa9\xf4\xe4r\x18\xf3\x83\xb0=\x8e\xa1\xf2\xd2\xb1\xb9\xb8J\xde'</t>
  </si>
  <si>
    <t>b'\xbe\xbe\x01\xb0\x98n\x8d\xc9]\xca\t\xf5\xa4\xb8\xa8|^\x1d\x96@\x87\xe9$~\x04\x1d^\xbd\xca\x85\x14\xf3'</t>
  </si>
  <si>
    <t>b'C\xb9\xc8\x82\xa6V\x83\x83\x9e\xaa\x17\xe2\xbb+\xcfX\xe2~\x01\xfa$&amp;\xe4?4`\xffi\x95\xeacN'</t>
  </si>
  <si>
    <t>b'R\xd3\xc0\t\xca"t\xcf\xa5[\x8d7\xd5\xec\x18p`(\x9b\xca\x070\xe7\xb2\xe7\xa6W\xe8\x08\x13\xea\x0b'</t>
  </si>
  <si>
    <t>b'\xa6\x07eg\xef\xd3\xd1\xce\xc8\x9e\xccq\xb1\xb0\x11\xbf5Ou\xf3\x16\xccR\x19\xf1\xc1\x00Hi\r:\x80'</t>
  </si>
  <si>
    <t>b'T\x91\x17%Z\x8f\xab\x14\x17\xa4\x84gv\x93X\x18JO:F\x1bJ\xcc\xf5s{\xca+\x99\xed\xe1\xe8'</t>
  </si>
  <si>
    <t>b'\xcc\xe8\xba\xd4\x1a\x87_ey\xb0\xfek\x91\x0f\xcbDOE\xb8LF\xa3\x13"\x1d\nr\xa3m2/\xcf'</t>
  </si>
  <si>
    <t>b'i\xd1\xec\xa0/\xa4\xdd\xb7\x9d;\x19&lt;vI?4&gt;8G0\x9e\x1a9&lt;\xd5\x15\xea\x06\xbe:\xa7H'</t>
  </si>
  <si>
    <t>b'\xe8\xe2 \x1bL\x9b\xbb\x82\x11~\x8d\x92\xf6\x1c\xd5\xe2`\xb4\x96\xbe}\xce\x97\xce\xc0{\xdb\xc4A\x86\xa3\xf8'</t>
  </si>
  <si>
    <t>b'\xdcL\x03G[\x88\xc2e\x86\r\xd4&gt;\xd7;#\xbe)\x17\x13Z\x19\x19\xab\x0e\xbe\x03\xb1\x14\x0e\xa4L\xc6'</t>
  </si>
  <si>
    <t>b'\xd2\xd1\x1am\x8f\x05\x1eM\xd8X3OW&gt;\xc1Q\x922q!\xa9\xa1\xd6\x15&lt;/\xdb\xcd5\x19h&lt;'</t>
  </si>
  <si>
    <t>b'Z\xb7\x85\x02x\x8b\xd1\xf1m\x0c\xe3t\x97\xc2\xcc\xf0Y\xb2\xb6gv22\xe0\x8e\xb5*\x16*+\xc6{'</t>
  </si>
  <si>
    <t>b'\xbe-\x17vHp"\x16\xa4\xd4?\xfe\xf6Ql\xff8\xc2\xc5\x98\xf3W2\xcf\x97\x0f\xd7\xfe\xee\x05q,'</t>
  </si>
  <si>
    <t>b'\xc8\x05\x1b1#\x9e\x9b\xd18\xf9\x19o\xf9[\xeeg$\xc7Ts\xe7\x7f\x8eh\xd9{?\xefr{\xdf.'</t>
  </si>
  <si>
    <t>b'7\r\xdd \x98.U\xee\xc7\xb4\xfa\x8f\x8c\xbd,\xd8&gt;\xbf\x7f4\xf1m$\xe5\xe1\xc8B\xad\xbf\xcaEH'</t>
  </si>
  <si>
    <t>b'g\x8a~y\xf7\x94\xa3\x8bm\x90\x1b\xe3\x1d\x82\xc2\xfb\x92\xa9J\xbda\xb3n\\\x19\xe4\x87[\xe4\xc7\xb0\xd3'</t>
  </si>
  <si>
    <t>b'\xe5\x81\xc8\x96\x03\x94\xa8\xa4!#L\xc1\xcc\xc8\xf2\xfeH\xda\xc7\xccD\xe9\x80\xa5\xc2z\xdf\x12\xd8=\xb6\xf3'</t>
  </si>
  <si>
    <t>b'\x84\xd0v\x1d*Jz\xda`\xb8\xc0\xcb\x0f6\xf4^&amp;\x98\x17!\x11\xca]qsx`\xb9i\x90\r$'</t>
  </si>
  <si>
    <t>b'\x87YWnhX\x04\x8aX\x1e\xf6\x0fI7D)X\x03\xe8,(B2\xfb\xa2.M\xadw\xdb\x08\x9e'</t>
  </si>
  <si>
    <t>b'\x05\x07\x17\x8080\x9b\x9f\xf9\xb1\x15\xd8\xbdo\xdc\xf3\xba\xee7\xabf\xacM{\x15\xc6o\x83\xbc\xf8\xac\xdf'</t>
  </si>
  <si>
    <t>b'\xb2J!\x159\x0bG\xe0\xc2]t\xbf\xc1QVq]6\xb6f\x8dG,\x81WD\xcc\x01Ut\xdb\xbb'</t>
  </si>
  <si>
    <t>b'D\xbd+\x93\x19\xee\xbf\x9c_\xdb\xf7\x80\xe1\xef\x19\x842)\x1bAi_\x87\x9f\xf8\x07\x08\x89X\xf0\xca\xbb'</t>
  </si>
  <si>
    <t>b'\x12-_P\x1c\x1e\xa2r\x03G\x1b?\x9a\xaa\xdfCpEJ\xf4\xc6\xc0|\xbd\xbe\x01\xe3{\xf5\x97\xba\xfb'</t>
  </si>
  <si>
    <t>b'\x8a\x0e\xfe\xd6!\xea-!\xd5\xcb~\x02\x1f\x90\x11\xad\xc5r\xd5\xc1s\xbe/\x06]\xd4\x81P\xa0\x88\xc9\xa9'</t>
  </si>
  <si>
    <t>b'\xa6\xc3=\xf6;\x8d\xe75\xcf}R\x1c\x05\xf4\xb8\x00\xc3E\\Z\xd4\xe8T$\t\x82\x8b\xfdud\xd3\xfc'</t>
  </si>
  <si>
    <t>b'\x85\x0e\x90g(^w;\xcdp\xd0M\xd1\x89\xee\x97\xdf\xdb\xe9\xfaa\xa7\xfeWlk\xf1\x8em\x06\x00.'</t>
  </si>
  <si>
    <t>b'i\x16\xefj\xef\x82\x0bX\t\xc3\x07k\x16\xc6\xd6\x9e"\x10\x81\xc2n\x07*}Db^\x02\xcf\xaeH\xce'</t>
  </si>
  <si>
    <t>b'!\x1f\x15\xcd\xad0gw\x90\x85\x951\xcc\xf0\x87\xba\xbb\x8e\x92\x0c\xce\xe2/\x95\x11ni\x8a\xfdH\xba&gt;'</t>
  </si>
  <si>
    <t>b'E\xae\xc5i\x0f\xd7,\x9f\xde\xf6\x13%\xa0(3\x0cp#\xc6\xa7ss\x04\x83\xe8\xe7v\x02\xf3.\x95\xbd'</t>
  </si>
  <si>
    <t>b'\xc8\xc2R^\xb3\xf0 \x97\xderx\x94\xf2\xdcz\xe6\xad\xd0F\x8f\r\x146U\x90~_m\xfa\xfb\x00\xd0'</t>
  </si>
  <si>
    <t>b'\x7f\x1c\x16\xc9\xaa\xad\xe6\xeeGCQ\xa8\xe5\x81\x08 )\x80\xda\x89\xfa\xfa\xae\xbe\xe1\\\x8b\x8ba\xf6\xae\x1a'</t>
  </si>
  <si>
    <t>b'\x03\xec\xbbh\xe7\x0c0\xf2\xa4\x92\xa2"\x8d\xcd/fB_\xfe(\x1bs\xf0\xf6ESn\xac\t\x82\xabv'</t>
  </si>
  <si>
    <t>b'\xa0\xe2g\xd4\xc9as\xcb\x14\xb6=I\xec\x84\x93T\x9d\xfbXC\x18\t\xe4\xfa\xce\r\xf4\xf1\x14Z\xf5\xad'</t>
  </si>
  <si>
    <t>b"\x84\xba\xa4\xe8\x7f\xdd\xa3\xaa\xd6z\x88\xde\xe1\xa3\xd3\x0f\x8d\xa1\xa5\x18Sqj]I\xfa'\xc1\x10\x00\r\xcd"</t>
  </si>
  <si>
    <t>b"'\xe3a?7\t\xa7,\x11J\xc9\xfc\xb53!--\xc8O\xe0\xcc\xc94\x8c\x1a\x8c0?\xd9\x00\xeci"</t>
  </si>
  <si>
    <t>b'\xf6\xf3*\xe7 \x92(n\x9bkn \xa8\xcb\xa3\xc1\xd4\x9b\xf4q\xc1{,\xa1i\xe6\x95Wi\x8dS;'</t>
  </si>
  <si>
    <t>b'\xcd)\xb7\xe1a\xd7\xc00\xa6[+\x82\xef\xb7\xefH\xe9\xc6%\xb4\x96\xa2\xcbU\x81\n\xb6\xccVW\xd5\x1a'</t>
  </si>
  <si>
    <t>b'a\xca;\xabC\xa1\xb9m\xd3\xae\xc7\xd0\x03e\xee\xa0\x0e@\x1f\xf8um\xb3\xcb\xdc6\x1f\xf8\x83\xf7T\x0e'</t>
  </si>
  <si>
    <t>b'\xb0\xc8\x1dL2d\xe3\xd2Q\xed\xf1\xe2\x92\x01\x11\xaf*\xc7*\x07!\x15i\xff%\xa7\xcb\xc7S\x9a&gt;\xf1'</t>
  </si>
  <si>
    <t>b'\xa0\xe1I\x92\x85\xe5s\xae\xbc\xe2\x7f\xc4Cz\xa2\xc0\xe9:\xd8\x05\xaby8&lt;M\n\xadRN\x08\xc4\x9a'</t>
  </si>
  <si>
    <t>b'\xf8\x11K\x1a6\xf2\xe6\xfdb\xbf\xa7\xfc\xfcMBM\x824M\xa55\xc2\xbc\xc5|$\x93G\xb0\x98\x99%'</t>
  </si>
  <si>
    <t>b'\xc3\xb4k2\x11\xc7\xe3\xea\xa8G\x9b\x0b]\xed\x81\xb1\x84\xd3\x95"h\xeb\xc9\xd0&gt;\x81\xa9!\xdc?\x88\xdf'</t>
  </si>
  <si>
    <t>b'YKSF\x13\xde\xac+t1\x0f\x0f\x13\xf8d\x83MJ\xa1\xad\x9bg\x9fk\x84Q\x8d\x05\xa1\xc7\xa4~'</t>
  </si>
  <si>
    <t>b'\x83W\x16gG\x9b\x1c\x18\xa6u\xa44\xe5i1\t\x93,\xef8G1\xec\xd5K|W{-\xde\xeb$'</t>
  </si>
  <si>
    <t>b'~\xb8\x1a~\xd4\t\xa4\x14G\xa6\x9f&amp;\xa8z\xbfrUX\xc8tz\xdd\x04\xbdApZY\x0c\xca\xe4\xb7'</t>
  </si>
  <si>
    <t>b'\xe5\xc9\xea\x83r\x1f=\x85\xd0\xc6\x9dN^i\x1a\xf6\x14.\x9cf\x05C\xa9F\x98]nm\xd2\x8e\xadE'</t>
  </si>
  <si>
    <t>b'\xafN&lt;\x8a\x06\x85q\x1a\xca\xf6S\xcdk15\xb3A\xe2\x19\xfcD\x87\xe6yk\x87\x13\x912h\xa9\xd8'</t>
  </si>
  <si>
    <t>b'\xed\xdbp\xe2\x81q\xa4\xd1@5\r\xf0\xeb9\xa1\x0cK!\xec\xfe\xba\xcd?\x83B\t\\\x0b\xf0\t\xa48'</t>
  </si>
  <si>
    <t>b'\xd5\x91\x8b\xa9\xfb\xecg\xd8\xf5\xa6\\\x99\x01\x8c\xeb.\x87\xf8M\xa7\xafN\x94\r\x11\x03Q0\xe6\xbeu\xc7'</t>
  </si>
  <si>
    <t>b'H\x0b\x85P\xb8\x99\x10\xc5\xaa\xcf6\x186\x1d\xbcRg\xcc\x03\x00&amp;\xea\xe7\xe5R\\\x9c\x1d]\xf3\x17\n'</t>
  </si>
  <si>
    <t>b'\xcc\x84\xe6\xd3!q\x91#\x86m\xb15T\xda\xed1\x13\x97\x07@\xb4\x89\xdc\xac\x7f\xde\xbc\x9b\x84\x85\xe8\xc8'</t>
  </si>
  <si>
    <t>b'\xc25v\xd8\xf4%MG\x7fW\xd8l\xb3d&amp;:\xa8S\x91\xa3\xb0\x9e\xc6c9n\\\xa2\xba\xbc\x946'</t>
  </si>
  <si>
    <t>b'\xcf\x8f\xf1:\xca\xe9s\x9e\xd9\xcc\x1a\xc5&gt;\xbc\x8b\xedj\xf0T]lEWs4\xbe4\xe1\x1e\xee\x9d\xf9'</t>
  </si>
  <si>
    <t>b'\xb9\xe1\xf2\xea\rL\xff\'\x04n\xc9\xbf\xb2\x0cD"\xbe\xdc%1{\xf7\x83\xa1[b\x00I\x82\x87H\xe3'</t>
  </si>
  <si>
    <t>b'\xfe\xf7\x97\xce@\x98\x07t\xca\x8e\xec\xaaQ;\x9b\x17\x8b\xb2\xbf\xac~j\xae\xfe\xd7z\xe7e\x16\x1a\xf3\xba'</t>
  </si>
  <si>
    <t>b'\x9fd\x0e\xa9-\x92Q\xdev\x7f\xd4\xe2\xab\x10\xdd7vWr\xfen?\xf5\x19:\xe5\xfd\xf4d\xd3\x80d'</t>
  </si>
  <si>
    <t>b'+\xd9&amp;\x18D\x10\x00k\xfd8\xc3\xb4m\x9c\x0fs\xb7w\x01\xa6\x86\xb7\xc9R\xe4\xbdqy\xb1\xd7%b'</t>
  </si>
  <si>
    <t>b':\xe1}\x1f\xa9t\xe7\x8ah=\xd8C\x8a\xd0\xcc5\xef\r\x86K\xd5\xf9\xd3MWu\x16\x91\x1b\x91n\x82'</t>
  </si>
  <si>
    <t>b'\x8c\xa6\x89b\xd09\x9d\x99}\xa1\x92\xc0\x0e\xd9^\xcbj\x1f\xe7\xf9!g\x83&amp;\xcf\xdb\xdd\xce\xbe\\\x1d\x16'</t>
  </si>
  <si>
    <t>b'\x81\xceC\x96\x18o6\x1ay2u\xe5\xf5g\x91X\t\xc2\xcdP\xce\xd7\xf4\xa7\x99\xbb\xd8\x19\xd1\xb4nM'</t>
  </si>
  <si>
    <t>b'Tx\xd3^b\xb6\x90\xd2\x81\xf4d\xc2\x8dV\x85+r;r\x05\xael\xf9\x1b\xfc\xb6z\xe7\x84\xf1\x03,'</t>
  </si>
  <si>
    <t>b'\x07\xe5\xd7oI\xd4\x10\x8cg\x12fA&amp;\x1f\xa8\xc2\x0e\xdf\xbfL\x07&gt;\xcdl\xfd\xdaJ\xf6%B\xd8\xc7'</t>
  </si>
  <si>
    <t>b'\xc5\xabU\xb2\x98\xed\xeb\xc0q\xa9V=\xcfx\xbf\xfd2\x85\x19C\xe1\xe1H\x16\xef_v\x16\xbd]l\x8a'</t>
  </si>
  <si>
    <t>b"\xfc\x18M\xdb\xf3\xecs5\xed@5K\xa9'Y\r] \xa5f\xaf^w_\x14\xde\xad\xbaHs\x8e\x9e"</t>
  </si>
  <si>
    <t>b'\xb6#\xb9r\x1b\xfdUJ\x81UZ\xfe&lt;\xc2\x96\x81\x84\x8d_\xf2\r\xc4(\x9c\xfe8\xcf\xfa\xce\x8d\n+'</t>
  </si>
  <si>
    <t>b'N\x9c\xd0\xc6EY\x16\xd6`+Q\x1f\xc3\xe9lr\x8d\xee*\xef\xed@\x13\xf7\xa3\xb9\xfa\xfe\xc1\x93\x8c('</t>
  </si>
  <si>
    <t>b'\x11\xf2\xdf\x96!B\xa89#\x1f2\x7f\xbe8\x8d\x8b\xbcX\r\x9a\x93\xeeg\xbdf"\xcd;\xea \xd7D'</t>
  </si>
  <si>
    <t>b'\xf5\xc4\x0fF\x8e\x04%\xb1\xca\xa8\x84 \xda\xb9M\xa0\xcc\xfc\xc4\xdb_85\x81P\xccL2\x92r\xd9\xa9'</t>
  </si>
  <si>
    <t>b'\x13\xd3\xc2N\x10\xc3\xbb\xc8\xfd\x07\x0b\x8a\x83\x1a1\x03\x051\xb9\xd3_rp\x07.\x19\x90F\x17\xea\x88\x96'</t>
  </si>
  <si>
    <t>b'\xf0H\x98\xfe\xa5k\x8d\x13\x8b\xe5\xcdX8\xc45\xc7|\xa1\xb8\xeby\r\xd8\xd8\x07\xf8\x97?\x16\x00]\x9d'</t>
  </si>
  <si>
    <t>b'\xcfXq\xd5-\xbd\xee\xeaW\n\xc6*\x8a\xf9\x91\xb5\xcd\x828\x80\xf2j@y\xd0g\xdc\xfc\x86\xdc\xc2\x00'</t>
  </si>
  <si>
    <t>b'\xd8i\xea\x04n\xac\xffe\x0eX\x11\xfc\xf7\xd9\xb3\x11\xd0\xf1\xdb\x9c\x1aM\n\xca\xc4\xf1\xd5O%\x17OV'</t>
  </si>
  <si>
    <t>b'\xbdE\xb7Gw\x7f\xa3\xf9a&amp;\xa5\xe1\xeb\xbd6zc\xec\xe5\x02\xf81\x89r\x9b\xeb\x12\xda`\x01\xf5\xc4'</t>
  </si>
  <si>
    <t>b'\xfd/\xd5\xe0U=\xd8\xa94\xda\xb1\xda\xc3\xe4dbXE\xb4\xab\xa7\xf6?Pb\x89\xbe\x9eqd\xa2\x99'</t>
  </si>
  <si>
    <t>b'9x\xf9\x89K\x94J\x93\xef\xbaV\x1eq\xd3\xa4\x00T6r\x90\x9c\xb3\xa7\xe0(\xf5\xab-0\x07\xe7B'</t>
  </si>
  <si>
    <t>b'g\xd16E\x1e\xd9vcw\x1a\x02\x0c\xe3\xda\xd1\x98\x11w\x1b]W\xf8\x83\xe6\xb8f\xad\x8ee]\xb9y'</t>
  </si>
  <si>
    <t>b'\xcb\xa3\x9c\xb0:\xc5\x97\xbax\xe58_\xb2_\xb7\xf7A\xf4\x1bZ\xd9`:\xa7-\xc3\x06\x0c\x1aI\x15\x10'</t>
  </si>
  <si>
    <t>b'"OZf(\x87*wL\xe4uP\xdcm\xeb\xd9%\xe2l\x80\x9f2\xa2\xd8Q\x03\xcc\xc6\xb0\xa2\xcbS'</t>
  </si>
  <si>
    <t>b'~\\\xf1\xc6\xb7\xbe\xeeQJ\xd0\x99\x02\x8f\x1f\x06[\xf3\x08wM\x9b\xf8"\x91\xbal\xda\x0be\xb1O\xb1'</t>
  </si>
  <si>
    <t>b'\xde\x80\xbd\x04\xc3\x8d\xb1O()\xb9]s\xc1\x7f?-\xbd?\xa7\x04\xdf;\x00\xda\xcc\xd9\xe4\xc6\x97\xabm'</t>
  </si>
  <si>
    <t>b'~\xd6\t"\xbb\xbbf&amp;\xce\x93\xc3\'\xbd\x95N\xb9v\xcd0\x16\x87\n#\xeay3/gMD~\xe5'</t>
  </si>
  <si>
    <t>b'\xdeQB\xa9\xf1\x1fk\xd0\xc2)\x99\x8c\xe6\x86\\\x973\t}\x1eG\x93/\xe5\x83\xce\xf8|\xad\xcd\xb9g'</t>
  </si>
  <si>
    <t>b'\xcbE\x99\x0cA.\x14XG\x91\xf2\xff`Y\xday:gG1\xb1\x9e\xdc\xffJe\x98\xd7u\x0e\x03\x1f'</t>
  </si>
  <si>
    <t>b'2\xdb\xe7A\xe8\x92\xb1\x0f\xeb\xf4\xe2\x11\xf7$\x1b\xbb\x9d\x19\xb4\xc1\xc3(\x08\xa7N\xe6\xac\x10\xa6$\x97\xea'</t>
  </si>
  <si>
    <t>b'6\xfe\x985\xf5\x915\x9ep\xec\xe9\xb1\xdb\xb0\xcc\x00\xa8\x9ep,\x93\xad\xee\xcf\x8e\xcb\x93\xd7V\x10\xecI'</t>
  </si>
  <si>
    <t>b'\x84\x1bhM\x9e\xf5\xb5G\xf59\xb75AIp\xb4\x89|\r\xa3\x02\x9d\xe91\xc3kj\xc7n\xd6\xb9\xf8'</t>
  </si>
  <si>
    <t>b'F\xba\xf4\x8a(\x1a\r\xbe\xde\x98\xe6@5Y\xd3\xd4\x9e\x14\x07\xce&amp;\xd9\x1b\x04\xd1\xdb\xad\x84\x0ce\x97\x9d'</t>
  </si>
  <si>
    <t>b"\xdc\xb91\xec\x1b8\xeb\x94S\x9c\xdd\x97\x99\x1cfD\x16\x15\x11\x06\x94 5\x8cQk\xba'\xad\xa9\x97\x97"</t>
  </si>
  <si>
    <t>b'\xc3\xd4\xdcNK\xc0\xee\xf0\x96\x1b=$\xd9m\x08#\xcb\xbf\x8c\xcd\x184\xd9\xe2C\xd7R$3\xaen\xe3'</t>
  </si>
  <si>
    <t>b'0\xcb\\\x02/H\x0cS\xb6\xf0\xa0$\xfe\xb4\r\x81\xb2\x19&gt;\xfb~n\xa4\xc9\x06\x9dN\x0e&gt;\x06A\xe8'</t>
  </si>
  <si>
    <t>b'.\x93\x8a\xd6^\x1f\xdcl\xc5o\x01\xef\xc0\x87j\x04\xde,\x0f(\x81[z\x8a\xf9\xfb\xce\xe8\x8d\xe6~\xe4'</t>
  </si>
  <si>
    <t>b'\xbc1\xd95\x12(\x1f\x91B\xef*\xa3\x0bzC\xd2\xfe\xfes\xfe^\xa7\x10\xce\xd8W\xb3\xae7S\x8c\xf6'</t>
  </si>
  <si>
    <t>b'~\xc3\xd4\x08\xc1;n\xe0\x8dX\x8f\x02\x99\xbb\xfa0n\x16\x0e\xbc\x91\xc3\xe91\x1a\xd7\x12\xdb\xac\x01\x0c`'</t>
  </si>
  <si>
    <t>b'Ja@Q\x8a\xa9\xc18F\x855\x13\x98\xc9\xf9\xa8\x8a\xa5\xad\x17M\x96@\xda`\xb3b\xeb\xcd\x11\xb1\xb3'</t>
  </si>
  <si>
    <t>b'\xca\x07&gt;\xe8A\xa8\xe2\xc3\xc1kUCn\xf5B\xcc\x82\xff\xaa\xd2j\xbdHGf:\x8b\x83b\n\x0f\x04'</t>
  </si>
  <si>
    <t>b'\xc5\xbb\xfe\xda\xa1\xd9\xdc\xfdtZ4\xdb\x15\x81\xad\xbf\xa9\xf7\xa0\x06\xd58\xa5\xfa\xd0\xf0D\x96\xbd\x1b\x03\xe4'</t>
  </si>
  <si>
    <t>b'\xeb\x98\x99e\xf8t\xb0\xdeE\xe8\x91\xb7\xa6s}q\xff\x82\x03b\x95\x11t\x8b\xe5\x07\x83%O\x02x\xe5'</t>
  </si>
  <si>
    <t>b'\x13\xc5\xbc\xd2\x18\xc6\x96\xaf\xbf\xe3\xf14\x854\x85\xbdz\xd5\xaf\x8c\xa3\x81\x9e\xa5\x9e4G\xed\x01m\xf73'</t>
  </si>
  <si>
    <t>b'8\xf8\xca \xef\xa8O)\xb4\xaf \x9c\x05\xcd;\x91z\x9d\x0fo\xbb\xff\x82\x82\x19\xe7\x04\xb7c+YB'</t>
  </si>
  <si>
    <t>b'\x9a\xc4\xb7F\xf8\xcd\xfc-8\xdc\xaf\x91&lt;\xe5np\xe9\xd0\xd7R\xaa\xa8\x9e\xb2\xa9)\xc6k\x94pz\xef'</t>
  </si>
  <si>
    <t>b'&gt;u\xc4\x16F\x9e{l;\x96OE/^C\xbf\xe4\xd7c\xc4\xa7&gt;V%V\x91\xd5\xf1\xe7K=\x10'</t>
  </si>
  <si>
    <t>b'2&amp;}\xb4\x8d\xfd\xbb\x18&lt;\x9f\x97\x1e&lt;\x8d\x85\xe1\x81\xcc&lt;[\x18\xd2\x82\x89GBf\xb9/\x98 \xfa'</t>
  </si>
  <si>
    <t>b'O|\xe8]\xf1\xf4hJ\xd7Q\xc3\xd6\xd9\xf0\xf8&gt;\t\xc5!\x87\xd3\x02\xad\x11\xaf\x85O\xbc\xe9\x13\xab\xa2'</t>
  </si>
  <si>
    <t>b'\x96\xbf\xc0z#{\xc1\xb5h\\LC\x87\xad\xbao\xb9*!Z:\xb0W\xee\xea]@k\xe8\x7f\xf6\xf7'</t>
  </si>
  <si>
    <t>b'\x8bA&gt;\x0c#\xb5eD\xf2=\xd3\xca\xdb\xf9\xfb6m@pE\xbd$\x1c\x08\xd4\xad\xb0\x8b&amp;&amp;\xe9\xb8'</t>
  </si>
  <si>
    <t>b'p\xb7\xb3\xff\xbd\x9c\x90\xbe1&lt;\x91\x07W\nQ\xe24~i^\x15r\xf3\x90J.Y@\x01\xbe\x98\xe9'</t>
  </si>
  <si>
    <t>b"\xeeCs\xb5\xe7\xa9\x0f\x0b\xf4U\r\xcf6\x19\xdc\x15&gt;r\xcf\xda[\n\xb1=\x008'P#\x81\xec\x82"</t>
  </si>
  <si>
    <t>b'k\xf6\xc0\xf7\x1eQ}\x11?;X\x07Q\xb9\x80\x84\xd4\xb4\xb9.$\xe7\xe0\xffgv\x9f\xef\x13\xa1\nu'</t>
  </si>
  <si>
    <t>b'D1_\xa6r\xb2&gt;\xdf\xc9\t\xeaw\x13\xe3\xb0\x99\xe2\x06DR&lt;\xc6\x9f\xd6\xe69\xf4\x05\xdc\xddF\x9b'</t>
  </si>
  <si>
    <t>b'\xfe\xa3~&lt;\xfb\xde\xf0\x9f%\x81\xbd\x84\xa9\xbe\xb9\x98\xfc\xe7k\xb0\x98\xa0\xf8\xb1}i\x0e\xa4!\xd5\xc2S'</t>
  </si>
  <si>
    <t>b'\x86g2\xaa\x15ew\xdb\xf1\t\xd0:m2x\xceh\xd6=\x97\xa4a\xb2\x13\xa6s\xa4\xc5u\xf4\x89\x10'</t>
  </si>
  <si>
    <t>b'\xe7`\x828T&amp;\x0f5\xd3P\xab\x87}\x82\xc4\xdc\xab\xda\x0b;\xa4+7\xf6\xde\x94`W\x89\xfb\xc1\x1d'</t>
  </si>
  <si>
    <t>b'&amp;\xa7\x91\xaeA\xdf\xb3p\xbf;r\x90\xc1\x88\x94^\x85Q\x82h0n-\x99\x1a(\x03\x0f%=\x04b'</t>
  </si>
  <si>
    <t>b'\xda\x16+A%\xbf\xf2k\xfa"\x1aM\xbe\xcf7\xf7\xc2z\xabiO\xa75\xf1\xc5z\x00\xd8\xe7\x81E\x1c'</t>
  </si>
  <si>
    <t>b'\xbc\xf9;,\xbf\x04=\xaf\xf6\xa2\x90\xcd!\xa1L:\xc4\xa4\xb3\xb2,\xc5\xbf\xafKV\xa1\xbc[\xcf\xb8W'</t>
  </si>
  <si>
    <t>b'](=z\xa9Op\x7f\x11\xc9\xa9\xa6&lt;\xd1\x11cLa\x1e\xd0\x11\xdf\x1e\x17\xb2_\x87\x0bz\xbbE3'</t>
  </si>
  <si>
    <t>b'\t\xe0X\x15\xa1!1?\x11&gt;\x85\xf7\xc9\xb0$\xbf\x90\xdf\xc8,\x0f\xcf\nH\x95\x9c7\xff\x92e\xb8\x1d'</t>
  </si>
  <si>
    <t>b'k1A\xb5r\xd1\x8d\x94d\x0f\x07\xe9\x9eC\xc8\xb6\x83o\x02\xfa\x06\xe0:\xac\\U\xb2\x00\x0cNym'</t>
  </si>
  <si>
    <t>b'\x12\x16\xec7\x19\xc4QZ\x17*i\xeb\xba\xd0\xbee\xdc\xea\xbb\xaeIS=\xb8@\xeb\x81)[0s\x9c'</t>
  </si>
  <si>
    <t>b'\x18E\xd8\xf2\x7fy@\xf2X\x14R\x1av\n\xd1\x00d\xd3\xebv\xa7\t\xa5\xb1\x86\x9f(s\xe7r\xd5^'</t>
  </si>
  <si>
    <t>b'k\xc6\xb3\xb7\x0b\xda\xd6\x9bJh\xac\xe0\xab\xa6\xba\x0c\x953EF|QfF\xfbV"\x8a\xb19K\x99'</t>
  </si>
  <si>
    <t>b'\xae\xf1\xe57~hG\xb9y\x01\x80\xe2\xe2t\xd3\n\x91\x01\xe6\x98\x02\x99kJ@\xfeAt\x9a\x1f]p'</t>
  </si>
  <si>
    <t>b'\x13E&gt;i\xb4\'\x9cr\xb5\xe8O\x1f\xa5\x82\xad\xfeR\x81|\xf4l"\xd6\rJ\xe3\x8eB\x97\xf9\x9cn'</t>
  </si>
  <si>
    <t>b'\x95\xfb\xbf\xa7\x1e\xbb\x838\xba`6\x9fbZc\xb4w\xcf\xbf\x1dc\x87 Y\x86\x1d \xe5\x0c\xf4f\x9e'</t>
  </si>
  <si>
    <t>b"\xd1\x82\xda\xa4/F;U+\xc4J\xc0FNx\xe2\xecgf\x14\x18\x87'\x7fmv\xa0D\x13f\x0e#"</t>
  </si>
  <si>
    <t>b'\xce\xafm\xc7\x948\x7fO\xb7829\x02\xb9\x8b\x8e\x92\x9e\xf6\x7f\x97\x17\xe1\x1a\x84\x07\xfb\xd3`;\x8a\xfd'</t>
  </si>
  <si>
    <t>b'\xd0]\xe1e}\xdd\xb4\xbd\xfd\x10:)\xc8-S\x81\xa3]\xb0$,\xfd\xcc\x97UFd\xdd\x94\xcb\xe3\xd6'</t>
  </si>
  <si>
    <t>b'\x82\x0e&amp;\xb9\x8f=\x9f\xd9\x95|q\xc4hP\xc6\xea\x13\xae\x97\xc0\xbc\x86\x0f\x8c\xe2%e=\xe1HB\x86'</t>
  </si>
  <si>
    <t>b'S\x14t\xce\x1e\xd9\x12~!\xb0\x06v$\xabDU\xd0\x90\xab\xeao\x97;\x12\xa9a*[\xec\x9b\x94\xbf'</t>
  </si>
  <si>
    <t>b'8\x90\xa1\xc6\xddN*89\xc0\xa1x\x9c:X\x08\xcc\xb4"\xba\x88\xaa\xae/\xac\xae\xc2\xfa.[\xe1X'</t>
  </si>
  <si>
    <t>b'\xcf\xae\xd7$\x85\xcc\x02\xaf\x8e\xb0v\x89P4\xd1P\xd1Y\xbc\x19\x8c\xe4\x1c\x137\x1d\x86\xc4|\x0f4\x0e'</t>
  </si>
  <si>
    <t>b'8sNQZ\xca-\x0f\x0fL\x9913\xa8\x13\x94\xe6V\xcc&amp;\x97dH\xcaJ\xeb\x8b7\xfe\xdc-\x17'</t>
  </si>
  <si>
    <t>b"\xae\x99^M\x88' T|\xe9\x88s\xde%\xf1\xf8I\xbe\x00\xa4\xb3\x97;\xe8B\x9d\xe4\xd6WO\x19W"</t>
  </si>
  <si>
    <t>b'\xbb4&gt;\xacg3\\Q\xda6\x08L}\xe4%\xd0\xd3\xdb\x82\x1er\x06eX.K\x87\xe6\xb5[\x00u'</t>
  </si>
  <si>
    <t>b"N\xb95\xffF\x06\x05\x96\xf73\xc2U\xa1\ro\x07\x937\xa8\x00v\x05\x948\x9cz\x07'u'\xdc\x91"</t>
  </si>
  <si>
    <t>b'\x18\xef\xea\x15A\x9e@\xda_\xa7\x16n\xa2\xe8\x8cT8\x81\x1b\xce\xae\xcd\x8a\xc4\xc0\x84C4\xf1]l\xae'</t>
  </si>
  <si>
    <t>b'\x95\xd8\xc8p\xb4\x11\xce\x83\x14\x9d\xa3P\xf4\xe6\xc9\xed?\xb7\xdcP2G\xf69\xe4\x90&lt;\xf6\xafwoN'</t>
  </si>
  <si>
    <t>b'\xcb9UC[\xad\xd0\xce\n\x85\xdaXU\xd4p\xa4\xef\xff\x04\xa8\xedb\xa8\xa6l$DT\xc7\xa1\xbey'</t>
  </si>
  <si>
    <t>b'\xda^\xae\x16\x1c\x12Q\xd03\xd0\xcd(\x88\xe4\xcc\xf4.\x03\x8dg\xfa\xaa\xfbL\x8a\x01\xd9\x10S,e\xe0'</t>
  </si>
  <si>
    <t>b'\xc4g\x14B\xf74\x94\xa7A\x97v\x13\xa0or\xbfe\n\xd0RK\xcb\xa2~\x1a\xc5\xea\xeb\x7f&amp;\xee\xb6'</t>
  </si>
  <si>
    <t>b'f\xb6\xbb\xe95\xd3\x1e\x97\xd2\x9f\xe6\x02\xe5\xadP\x01M\xb59\xf0\xabr\xdfm\x1d\xe7dC\xf9\xf13\xc6'</t>
  </si>
  <si>
    <t>b'\x8dI\xeb\x1d:}\xca\xa5\xf4\xf6\xf4&lt;\xcc3\xbc\x9f\x02\xc1\x0c\xa9\x95{#\x1a\xd7\xaff.\xc3\xb2\x95O'</t>
  </si>
  <si>
    <t>b'\xf9I\x0eCw\xa1\xf5\x01\n\xe3\x05[\xa84k\xe2f=\xb0o\xde\r\xfbiz4p\xe8\xa2 f\xc9'</t>
  </si>
  <si>
    <t>b"\xd7\xb2\xf8\xc0\xfd\xbdW2\x13\x15\x00\x0fi\xf7\xaaP\xe4\x1e\x1bb+\xa3\xc9\xc5\x10\xa38\xd7\x1eY'\x1d"</t>
  </si>
  <si>
    <t>b'\xba|\xb6\xad\r\x1b\x02\xf8*]}\x05z&lt;\xcb\xb8.\xfd!\xf4q\xb0yJ\xf8\xccc\xff\x98KH,'</t>
  </si>
  <si>
    <t>b"\xd3\x06y/\xaf\x13\xdd\x14\x80#\xdd\x91\x04f\xfax'\xc88\xe1\xd30\xf1\x87\x04\xba]\x99\xb1\x8eg\xd4"</t>
  </si>
  <si>
    <t>b'\x1dp\x85\xe5U\xb1\xbav\x84\xd9\xf4\x07o\xf9\r\x17F\xe8\xd4@\xb5dQD\xc3r\x9e&lt;\x0e\xd2(e'</t>
  </si>
  <si>
    <t>b"\xb8\xda\xdf\xc5\x90MHe\x02\xe27\xa5\xd91\xaf\xc5)\xe9\xd6J}K\x97E\xe5\xae@d\xa4'N\xf0"</t>
  </si>
  <si>
    <t>b'0\xbe\xff\xe9\xc2\xd4S\xea\x9c\xe7z\x8e:|\xac\xb9\xfc\xbb\xd9vu\xe8\x9d\x8f\t\xe4,\xaf\x16\x93\xa1\x87'</t>
  </si>
  <si>
    <t>b'\xdb\xd2\xf1\xcd\xc5\xb6.\xd0\xae\x050qK!c\xa1f41B\xc4&amp;\xb74a\x03l\x94%\x19\xa7i'</t>
  </si>
  <si>
    <t>b'\xb5R\x97\x86\xe7*(\xc0\xcbKI\xa8Ra\xd0\x89p\xfbs\xf4\xc9\xcch\x16Yj\xef\xcb\xc6\x8c\xe6H'</t>
  </si>
  <si>
    <t>b'\xf9&lt;m\xcc@i0\xe9@j"\xe7\xba\xc1`L\xcf\x98LJ\x9c\xa6\xea{\xed\xbd\x1emc&gt;\x07\x9d'</t>
  </si>
  <si>
    <t>b'\xcbV\xac\xf6\xdaI\xa0\x1d\xa0\xff\x8d\x93(7\x17ediN\xed\x91\x0f\xbbk\xfe\x9f\xc4\xe4NT\xa2L'</t>
  </si>
  <si>
    <t>b'\xa8\xf2\xe6\x85%\xe5\xc2(Yc\x06\x89\tC\xbe"\xe2\x05\xca\x9a\xff\xa1\xe4\xa7\xc7\xaf7\xb8\x001\xccL'</t>
  </si>
  <si>
    <t>b'\xfe\xd7a;\x0f\xcd\xc1W\xa6."c8\xf6\xb1!\xd9~B\r6b\n\xe3\xc2*s\x03\x15\x10$9'</t>
  </si>
  <si>
    <t>b'\x02\x80\xb7\xbf\xd2\r%n\x0co\x87N\xcab\xa6i\xb8@\x08\xe31 \xa4^\x11Is\xb0F@T\xc2'</t>
  </si>
  <si>
    <t>b'\x1ax\xce\xc0\xf0\xcb@\t\x83)\x8aL!\xfdo-J\xa7\x0b\x87\x8c\x95g\xc1\x99\xd0\tX\x83\x82\x0e\x04'</t>
  </si>
  <si>
    <t>b'-0\xa2\xa0\xd7&amp;\xca$\x0b\x9a\x12\x980o\xb5\x93F`\xc3+\x7f\x15\xd8\xa4\xee\xcc\xe1\xf8\xf1\xc2U\x19'</t>
  </si>
  <si>
    <t>b'\xb2W\x806\xdf\x83\xd7f\x0c\xa0`\xce\x9elL?\xf8\x93\xc8\xb3\xb5\x0c"\\\x87\xc93\x98s\xc8\xcc\xc8'</t>
  </si>
  <si>
    <t>b"r\x88\xe5\xb9\x91\x8d\x0b='\x11\xc9\xca\x9dAW\xc2)Q!$H\xb4\xd3\x98\x9a@zF\x0b\xc6\x89\xcd"</t>
  </si>
  <si>
    <t>b'o\x99M\xc1lc\x1d\xc0\xe9vc7\x15\xdf\x127E\xdd\xe4\xd4\xef\xe6\x0c&amp;\x9e+Te_a\xb68'</t>
  </si>
  <si>
    <t>b'\x9d\x8f\n\xb9\xbc\xf74\xda\xfb\xbb\xec\x10\xf8\xef^\xa1\x0bu\xde\xc3U,\xf0O\xd1\xea\xf2*\x1cq\xdb\xe9'</t>
  </si>
  <si>
    <t>b'c\x9e[\xec\xbcL\xdc\xd1Q\xf4V\xf0H/h.\x8a\x97\xa7\x88\xca\xd0,[mz$\x0e\xaf\x97\xfco'</t>
  </si>
  <si>
    <t>b'\x84\xc3~\x9ehA\x0c~\xd4\xd7\x99\x1a\x8f\x93\x0e\x9cT7\xd4\x01\x95_\xc80\xdd\xcb\x83pCd\xc1\xd6'</t>
  </si>
  <si>
    <t>b"\xd3\x06[\xf1'\xa7\xfa\x9e\x9eM\xd8&lt;EO\xd0\x11M\xd2\xa9V\nj\xa2\xd9\x08\xa6\xcc\x80\xcd\xf9BL"</t>
  </si>
  <si>
    <t>b'\x02\x1e\xb2[G\x9b\xf5\xcf\x04M\x9bRd\xa77 C\xfb5\xd1\xb2b\xab@fF\xae\x19\xd8\xf9M\xac'</t>
  </si>
  <si>
    <t>b'\xa2\xa9\xdc\xf8\xf1Xa~\\Q\xd0\xc1s\x0e\xa5\xd8X%\xfb\x13\xbe98\x00)U\xd4!W\xa30\xe9'</t>
  </si>
  <si>
    <t>b'\xd3\xcfM\xbc\xdb\xbbg\xe8\x0f\x0fj\x9a]\x91Qv\xec\x86\xa2\xd8\x1d*w\x8bh\x8d\xba\x91\x92=U\x17'</t>
  </si>
  <si>
    <t>b'\xb5\x12\xbf9^\x87\x12\x12v\x97\x0f\x1a=\xa6\x91\xb1\xae\xd0\xcb\x03\xedV\xaf\xcf_]\x10\x178\x94v\xda'</t>
  </si>
  <si>
    <t>b'\x84b\x84\xd1\xd6\xa3\xfd\x9d\xd3\xb6\xd7?\xb7\x92\xc0\x19\xb2\x11\xb4\n\xcbF\xa5\xe1\x18\x98\x9e|\xeaR\xfd\x1c'</t>
  </si>
  <si>
    <t>b'\xaa\xcd:\tRh\xb6\xd8&lt;\xb8\xa2]\xa1W\xeb\xd7\xbe\x17\x07\xeazW =\xa3\xf8.N\xd6\x07\xcb\xf0'</t>
  </si>
  <si>
    <t>b'\xb8\x0c\xf8\xde\x00\x12\x99\xb2\xee\xdd\xba\xa0\x8di\xd93\x13\x03R\xfb\xff=\xea\xc7\x15\xd3\xccp\x91\xfeQ\x88'</t>
  </si>
  <si>
    <t>b'&lt;\xb4\xf9\x12 s\x8e\x04\x9a\x96\xa4&gt;\xb2\xea\xd0\xf6\x03\xe3{\xdd7\xf1\x9a/\xa9e\xd3\x84\xb1\xa5\x88g'</t>
  </si>
  <si>
    <t>b'\xa5\x967_\x8a\xfa\xe9NwEqT\xd1\xf17\xaa\xc0\xd6&gt;`\xfc\x8d\x9fXj\x94\x8c\xb5\xf3\x06\xd0v'</t>
  </si>
  <si>
    <t>b'\x08)iUef\xcf\x0e{\xae`R T\x9d\xfe\xf5\xf0\x1b\xa6HS\xb6\nT\xf0\x91V\xa5\x878\xfe'</t>
  </si>
  <si>
    <t>b'Z\x01l\xb4}2 R"\xa6\x9fV\xbcA\x8c&amp;\x07P\x8d\x0c\xb6\xaf\xab\x02\xc3\x96\xbd\x1f\x84\xe07\x8b'</t>
  </si>
  <si>
    <t>b'\x9f\xd8i$\xfc0\xd88-\xa2\xd9h\xe17\x03\x1a\xf9\xbb\x86\xc2\\\xa7\x92\xf0\x8b-\x8d\x1e\xb6\xc1\x16\x8b'</t>
  </si>
  <si>
    <t>b'\xf2N\x1a4\x0b\xb5\x01FvZ\x06$iy\x00tF\xc5w\x7f(\x80\x10J$\xc3\xab\xac\xd4U\xb2\xdf'</t>
  </si>
  <si>
    <t>b'!\xbe\x1d\x89F\xcf\xc65C\x8d\x16\x9b\xe8i\xf9\xd2)\xd0-\xce\xc7\xd6\x0f\xa9\x11\xe0"\x83\xa5Hr\x10'</t>
  </si>
  <si>
    <t>b'oLpN\xaa_h\x0f\x98N=\xa8n\x90)I7{\xedS\x13\x95\x8d\n\xca\x16(\xe2\x89\x16\x84\x98'</t>
  </si>
  <si>
    <t>b'\xce\xea\xce\x00s\xe1\xf2u\xf6\x0f@{F\xb1]\xfam\x02t&gt;\xda\xb5\xaa\x11&lt;*(.$Qk\xc2'</t>
  </si>
  <si>
    <t>b'\xb2\xf7\x08yS\xec\x06i\xa7Y\xbe&lt;S\x98\x81-\rp\xe8\x85z\x90\xd6K\xd6,X\xff\xfc\x19\x03\x8a'</t>
  </si>
  <si>
    <t>b'O\x8b~\xca\xe2uU\x16\xbd\xbd\x8d\xa2\x19\xb7\x18\x88\x98;R\xe2\x98\x96\x85$3\xb9\x0e\xe7=\x81k\xfa'</t>
  </si>
  <si>
    <t>b'\xa3\x9d\xe5\xcd(A\xc7\x0c\xd7\xcb\x90*\xf6\xd6r\xf4\xc8;\x94P\x1a\xb7\x93\xa4\xba\xf5\x91`h#\x99&amp;'</t>
  </si>
  <si>
    <t>b'aW\xe1\xc0\x83\x95xY\xc1\xfd\xc5\x8d\xbe\xdb\xbf\xad\xb1\x197\xccRY}&lt;O~\xad\x0e\xfc\x93M6'</t>
  </si>
  <si>
    <t>b'\x94?\xda\xe4\xc1+\xbba\xf4\x0f\xd2\x17K\x90\xdd\xc5\x10c\xc0\xfdK\xa7}\xff\xdbc\xd6\x08x\x00\x9c\x81'</t>
  </si>
  <si>
    <t>b'i\xca\x15\xafN\tn\x8b\xcd2\xeeM\xd7z\xe0\x80\x83;\x87\x0e\x14\x92\xef\xb4\xea\xa4\xa2\x1c\xbfoEJ'</t>
  </si>
  <si>
    <t>b'L\x1a\xf2\xbe\xeb\xda\xde\x8b\xd6C\xda\xc4ncF\xeaKS\x7f\x0e\xbb\xd7\x9f\x90\x8e\xee\x90\xdf\x91X\x9b\xe3'</t>
  </si>
  <si>
    <t>b'Mj4\xa2\xbf\xe6\x16\xccb\x89-\x97\x96u\x00\x91\xf9O\xbd8T\xd0\xc8Qs\xb4\x1aI:[\xc3\x1c'</t>
  </si>
  <si>
    <t>b"\xcd;\x92/\xc8\xd1\x15\xec@$=\x94\xe2\xb2\xdd\xc4'\xd4\xc1\x02\x96\x14\xdd\xd2/\x1b\x0c7\xae\xff'\xd0"</t>
  </si>
  <si>
    <t>b'7h\xf9\xe0\xcc\xfe\x13\x98\xe4\xd9\xf5%\x9c\xcc\x04\x8b\x10\xdf\xf5\xe4OYA?\xb8\x0f\x1c\xa9\xd8c,L'</t>
  </si>
  <si>
    <t>b'\xc1\xc0\xb5\x0e&lt;0\xbcit\xcd\xc0\x00\'h\xb3\xd33Z.\xbf\xc4\x9ds\xcc\x91l3\xf4"`o\xe3'</t>
  </si>
  <si>
    <t>b'\xcd\xa53B\x1d\xd7t\x16\x1cGR\xc8\x88\x991\x93\xcc\x7f\x0e\x18\xc2[\x00\xbef\xb7\x84\xca\xe9|Z\xc8'</t>
  </si>
  <si>
    <t>b'\xa4u\xbdB\xe5)\x08\xeaI\xd5\xad&amp;\x8b\x8e\xf5\xb0\xbb\xe0V\xab\xc7\x81\xd7\xa3\xcb\x0e9(\xa6\x8f\xe1f'</t>
  </si>
  <si>
    <t>b'X|a!\xb8\xe3,\xafz\xaf\xea]\x1b\x13\xcf\xdf\xa0\x19L\xcd\xb5\xf3pB,\xb6\xa2\x1aE\x01n\xd3'</t>
  </si>
  <si>
    <t>b'\x1e1\xea\xc2\x97\xb2h\xb1\x0bh\\~\xbc&gt;\xbb\x88C\xc6(\x87S4~\xae\xf0\xbc\xdek\xcb\x10\xc7Y'</t>
  </si>
  <si>
    <t>b'\n\x98Z\xecs\xca\xe2\xac\xe5\x8c\x9d\x0b8\xe1\x94\xc6;\xf7\x02\xc4\xd3\xa2\xfa\x9f95-\x00\xb8\xaa\xf4\x13'</t>
  </si>
  <si>
    <t>b'\x0f\xa0\xf8\x91s\x86/Fh\x93\xd2\xc2\xacq\xd6\xa5\xea\x04w.c\xda&gt;\xb0\xc2\x1fN$\r.\xe5\xf3'</t>
  </si>
  <si>
    <t>b'\x81\xf2\x8f\x00\xf1\x91Q\xa9\xd9\x8bd\xc6\xcb\\\xce\x0eCe\xda\x87\xa5\x0eJ-\xeeA6\x81;\t\xac\x1a'</t>
  </si>
  <si>
    <t>b'\xdd_A\x06\x7f&gt;\xd2\xad\xe4\x15\xf4C\xd6s\xf97\x1c\x18\xfaCd\xea\xf6\xb9G\x01*\x972\xea5V'</t>
  </si>
  <si>
    <t>b"C\x02\x0eo\x1a\xab\xc2\x11\xc9\x8e\x84'\xcd$\xec\x10\xa0\xfb\x05j \xb4\x0c\x97A,1\xab00\x0f\xdd"</t>
  </si>
  <si>
    <t>b'\xacc\x17\xafj,\x98H\x88\xc3&amp;\xa4D\xbc8\x84#\xabQs\xbdt\xecg\ri\xfa\xae\xe0\x07-J'</t>
  </si>
  <si>
    <t>b'\xb2=\xaa\xf6\xfc\xdf\x0b\xdf0l\xb1\x1d\xc2\x19\xee\xb5`\xa9a70\x9c\xf1\x15\xa3\x9b\xe5?\xdd\x98\x10\r'</t>
  </si>
  <si>
    <t>b"{\xf3\xd6\xfd\x9e\xd2R\xb7\xd2\xdf\xc5\x08@49\x9c\x9c\xcc\x06\x00\x13\x0b6\\l\xb3\x99\xc5\xbe\xae'D"</t>
  </si>
  <si>
    <t>b'\x06\xe4\xeb\x90\xb2\xa0\x15\xf5\x0f/\xdc\x82P\x195\x90\x88\xcd=\x8f\xc6oa\\\xc9\xdd]\xe5!0\xd4s'</t>
  </si>
  <si>
    <t>b'\xd2\x0e\x7f*\x1d\x8f2\xe7\x1d\x17\x98\x84E\xfe3\x9f\xa0\xa0\x9a\xfd+\xce\x13\x0c\xb1"-\xa7\xde\xc2\xfa\xd6'</t>
  </si>
  <si>
    <t>b'\xfda\xda\xfb\xc9L\xadC\xf4]\x87\x0f\xe3\xc0Xd\x8b/\x1aas\x93\xb2\x10\x98pD\x94n\x18-*'</t>
  </si>
  <si>
    <t>b'%Ky0yw\x9c\xbd\xaeW\xcd,B\xaf\x8a\x9d\xe8K7r\xe4\xd0\xd9\xd2E\xb1 \xe9/O\x1bw'</t>
  </si>
  <si>
    <t>b'\xa9g-"\xd9W\xfa\x19\x04\xb7\xa5\xc6[\xa7\x02\xd0@W\xb9a"\xdax8\xa7\r\xd9\x88\x86\x9d,\x80'</t>
  </si>
  <si>
    <t>b'\xc4LYl\xa0Z\xbaG9\x0bf\x94\x9d\xfc=\x06\x12\xa5P\x8c@Tl\xde\x1a\x88i\xcf\xa5\xf6\x92\x9b'</t>
  </si>
  <si>
    <t>b'\xa8\xa6\x00\xe1L\xadG\xc2gS\x9eH\xbb\xc4\x8d\xd9\x8b\x94\xa3\x9f\xea\xa3\xe60\x00\x02`5\x07l\xf5B'</t>
  </si>
  <si>
    <t>b'=\x9c]\xff\xf6;\xf9\xe8a\xdb_\x0b\x96N\xf2#\xf3j\xe9\x94+\xc80\x95L0\xdb\xd3\xb1\x1c\x9f\xf8'</t>
  </si>
  <si>
    <t>b'\x1b\xfb\x18\x96&gt;\x9b\xdd\xc7iw\xf6\x9f\x1b\x17\xe0Df\xa0\xefe@c\x8e#\x0fu\x89\xea\xe4\xa8q\xff'</t>
  </si>
  <si>
    <t>b'\xc01\t\x83{3\xf8Vy7lt\x8ar\xd8\xbd\xda\xcf\xc6\xea\x9e\xa6c\xef\xd0\x14\xc0\xe3\x18\xd0\x18\xcc'</t>
  </si>
  <si>
    <t>b'\xc1G\xa2\xc1\xc7#\xa3\xba\xb9\xec\xe1\xa8\xab\xf1\xa5"\xcd+\x08\x14\x16\xd8\xceT\x16{\xae\x1e\x1b\xc7}\x1c'</t>
  </si>
  <si>
    <t>b'\xa9\xba?\x91\x83U\xf8\xe9\x81\xd4\xbb|\x93\xf8MQ\x08\xeb\x86\xf6D\x10\xda\xd5$\xb5q\xd2\xf1\x87\x0f\xac'</t>
  </si>
  <si>
    <t>b'\xef\xc8 \x93\xa9\x1b\xa9^\xab\xfe6\x8b_k(\x11\xc6\xd0W\x00\xfaa\xdb\xd6\x1f\x8d[F\x88\xdb&amp;\x7f'</t>
  </si>
  <si>
    <t>b'\x04$P\x0b,1\xd8\x1d\xc4\x12{5\xf1\xf6&lt;}v\xcb*=\xdd\xb9}\x99\n\xcfs\xaf\x11\x90+\x90'</t>
  </si>
  <si>
    <t>b"\t\xe2\xd5\xde\xae\xaa\xfd']\xa4\xf45Z\xa5\x95\xe2\xa7\x14\x13h.Dd\xc0\xc8\xcd\x96\xf8\x8a\x18s\xfa"</t>
  </si>
  <si>
    <t>b'\xd7\xe6\xf7:\xef\xd7v\x95\x85\xf3\x86@\xe3\x8d\x07o\xc5\xfb\xd9\x05\x0f\xf6&gt;\xb22\x8b&gt;\xd1\xecf\x10m'</t>
  </si>
  <si>
    <t>b"\xb5:F\x91\x06\xfd\xc3\xd3\xce\xf3A'\x011/^n\n\xf0\xd4\x1c\xd4\xde\x1bZ\n\xb3&lt;_\xb9+\xda"</t>
  </si>
  <si>
    <t>b'\xb8d\xe3\xc7f\xc5\x97\x1c\xee\xd2\xf5pc\xcc\t\x06\x8b\xfd\xff\xe6\xb5\xbb9\x88\x0e\xc5\xef\xdf\x1a\xe2X\x90'</t>
  </si>
  <si>
    <t>b"\xa9\xe9\xb3%\xcd!\n\x97D}\xbd~/\x85$\xaa\xf3r\x97\xab'\xcc\xaf\xf4\x0b\x96\xddCqi\x1b7"</t>
  </si>
  <si>
    <t>b'\xe7\x9e\tb\xb2\x17\xcd: \x01\x0bz\xcdK\xb7\xf7\xa04{\xc7=\xa7\xb4u\xb77T\x8d\tf\xb3P'</t>
  </si>
  <si>
    <t>b'\xf8U\xc5Y|\xd3F\xffP7\x0c\xda\tGs\x81\xdeLM\xed\x8c\x8e\xc8\x8bH\xbfb5\xa1\xf27\xc7'</t>
  </si>
  <si>
    <t>b'j\x0f\x89\xa3X\xd1\x98H\xec\x9f,W\xc4-\xab+\xbf\xf5\xf6\x076\xc5\xb9\xd6\xb90\x1d\xcd\x12\r\xe5\xec'</t>
  </si>
  <si>
    <t>b'S \x14?\xd1F2&lt;-\xed.\x82\x88l\xa5]\xbf\xd6\xc6 \x04c\xc3=1\xf2\xed\xfb`N\xe44'</t>
  </si>
  <si>
    <t>b"\xd2r'=M/\xa8\x0c\xbbP\xa8jsu\x9a\xean\xd7\x88\xe6\x87\xe3\xd3[\xe4q\xf7\xf4\x9a\x8c\xec+"</t>
  </si>
  <si>
    <t>b'\x13\xda\xff\x13(\xdf\xf0\x1c\x18\x10\x83Lf\x1c\x05\xf0\x188n\xf1\xec|\xb6\xce\xd8\xca\n\xbe=\x97\x81\xdb'</t>
  </si>
  <si>
    <t>b'6dp\xd3\x9d5Q\x16m\x8d\xb88\xd2T\xc6@\x00\x17\xbc\x81\xdaK:vpqZ\xb4\x0b\n\x85a'</t>
  </si>
  <si>
    <t>b'\xd1\xd1]\x85Rz\x1e\xee\xa8jn\x8b\xa4e?\x9c\xad\x8aJ\x91d\x8cbKly\xecl\xcd\xba\x08\x9a'</t>
  </si>
  <si>
    <t>b'\x94\xc5\x01\xe39\xe1:v\xf8D\x9e\x14,1\xba\n\x0e\xd3u\xbf\xd0\xd4w\xcd`=t\x89\x0c\xb0_\x8e'</t>
  </si>
  <si>
    <t>b'+\x8d\xf5\xd7"\xbc\xbasR@\x16!\tB\xfd\x1dj\xbf}\x08B\x0e\xa2I\x1c\xed\x0f\xc4\x92&amp;s\xe4'</t>
  </si>
  <si>
    <t>b'C"\x9e=\xb2z\x83\x81\x9f\xb3\x93\xe2PS.*\xe4Ky\xaft\n\xce\x00\x81\x17l\xd4\xd3.V\xeb'</t>
  </si>
  <si>
    <t>b'\x97\xde\xa8s\xdayq\x84\x12\x0c\xfd:\xd4\x16\xf5\xbd\xc4`\xf6\xb6\xb7\xae\xfc\xe3\xbaW\xea:\xdd@\xef\xeb'</t>
  </si>
  <si>
    <t>b'zH\xc5Q\x14\x12\xb2U\x8ez\x92\xf0\x02\xac\xbeL\xa6\x9b\xb0IF\xcc\x92\xc4\\\x98C\xb1\x9b%\x07w'</t>
  </si>
  <si>
    <t>b'\xf7\x8d/\xbd\xc3\x93c,w&amp;\xdaT\xcb\xe2\xe2\x0e\x17\x82\x14k\xd1]\\\x88\xcd|\xebf;+\x94\x15'</t>
  </si>
  <si>
    <t>b'\xfa\x1fISs\xae\xcf\xb4^\\\\8\xdf\xf3Jwz\x9bh\xa3\x853\xa12\x9d\xb6\x02\xfe\xddl\x9d\xd9'</t>
  </si>
  <si>
    <t>b'\xa7j\x9e\xd1\xb2F\xd2[\xf3\x9bc\xeb\x9b&amp;\x06\\\xa1.\xdb\xea\xd5\xb8L\xe4R\xf4nB7\xd2]k'</t>
  </si>
  <si>
    <t>b')\x87F\x1dl\xc1\xac\xf1\xd5)8\xda\xbc\xf5 \xf3wsk\t\x9bq\x96{\xe0U\xfd\x9d\xdf\x90\xca\xd1'</t>
  </si>
  <si>
    <t>b'{\xba\xfbc\x97\xd5\x8eh&gt;}\xac\xee\x1cF\x9b\xda\x12\x1c\x9a\x86ul\xcc\xa8O\xfe\xdd\xaf\xcer\x1a-'</t>
  </si>
  <si>
    <t>b'Y\x9a\xcd\xad^\xb1\x16\xc9\x9b\xeb9\x1bcPv\x0f\x08\x11\x0cJaoR\xd2N5pAB\x90=='</t>
  </si>
  <si>
    <t>b'd\xc3\xba\xcfvC)\x1d\x87`F\xe1-\xa4\x05yN\xcar\x8c\xb6\xadf\xa5T\x1b\xd7T\xa3\xdb9V'</t>
  </si>
  <si>
    <t>b'\x984\x83_\xd5\xd6]AM@\tV| \xc6\x81\xa0\xa4\xf9e\x17\x03\xbfgx\x94\x83\xae\xd2\x1c\xc2\xc8'</t>
  </si>
  <si>
    <t>b'FJl\xed\xff\x8a\xa7\xf6frB\xc7\x8b\x88\x16{\x1c\x06\x8a3\xf6=\x8do;\xf6\x1aZ\x17\x0cqu'</t>
  </si>
  <si>
    <t>b'\x91gTj\x8d\x1e\x97h\xd3v2\xb9\x8bB\xe6\x1b\xe0pr\x86\xb5\xa2\xc0\x1e\xbd&gt;\xe4\x837\xe7=\xae'</t>
  </si>
  <si>
    <t>b'#s\x1f\xd2\xe8K.vW\xa4H\xcbS\xda\x05\xcb\xa8&gt;\xd5\xbc@\xd1_\x1a{\\\x86\xf9%\x1e\x15\xa9'</t>
  </si>
  <si>
    <t>b'/|\xf52\xdek\x1c\x0f\x95\xe3K}\x01\xcdg\xd7\x9b\xe92\xdb\xb9\xad\xb0\xa5C\xc9P\x0f!\xc1{\x01'</t>
  </si>
  <si>
    <t>b",-\xdf\x9e\xfd\x15m\xc6%\x87\xc88\xaf\x12\x87`wU\xa1\x84\xc4\xd8,\xb6u\x88w\xa5y\xc7\xab'"</t>
  </si>
  <si>
    <t>b'\xd2t\x82&amp;c\xc3\t\x10\xd5-\xad\xa3[\xb1\x9d\xd7\x14\x91R\xa4^&amp;\xa9\xbb\x81*\x95\xa0\x18\xa1\xa4\xaf'</t>
  </si>
  <si>
    <t>b'H8vSF&amp;\xdf\x16Zs\xbf\xe4\xad\xc1\xd1Z\x14uR\xfd\x94aN+\xc8\x1e\xa9\x85A\xe4\x87\xef'</t>
  </si>
  <si>
    <t>b'\xac\x8aez\xba8\x83\xea1R\xf7\xbd\xb1}\xc4\xdds&lt;\xe8\xab\x9dD\x99\x14Af\x1f\xff\xd2\x82\x0bE'</t>
  </si>
  <si>
    <t>b"\xca\x1b'|\xa8\xc3\xf9\xd8\xd2\xb7m\xdf\x99\x16!\xec%+\xa8\x07\xdd\xb4\xa5tHf\xa6\xcd:\x01\xa5\x08"</t>
  </si>
  <si>
    <t>b'B\x8c\x16_\x9a#0\xd2\x85Xc&amp;|w\xedG\xe9\xe2%\x1b \xee\xe2U\x19\xf1v\xbf&amp;\x8e\xdc\xf8'</t>
  </si>
  <si>
    <t>b"p\x9f\x04\xfaH\xc6\x04\x08\xa5:k0;J\xab\xe5'\x01%'\x8d\xb5x\xc9\x04^\x87\x81)\xbf\x96o"</t>
  </si>
  <si>
    <t>b'Y^\xa2\xe3\xdb&lt;\xdf}l\xb0\xda\xff\xea\x8f\xfa\xe2\xf7\x19\x13\x02&gt;\xca&amp;^\xd6;\xe8\xd85*\xbb\xd1'</t>
  </si>
  <si>
    <t>b"'g$\x15\xe1,]\x87h\x12\xd8\xa2\xb0_\x9d\xe2\x12d\xd7\xe9(\xa7X\xb4\xd7\xeb\xb8\x17\x1b\x98\x9b\x89"</t>
  </si>
  <si>
    <t>b'$e\xefK\xb2Z8`\x90~\x017a\xc8A9\xca\x9e&lt;\x8d&amp;\x17\x7f\x8d]Y$]P\xbc\xf1\xcb'</t>
  </si>
  <si>
    <t>b'*dc\xea\xef\xf2\x19_\x8a\xea\x96&amp;\xa35\xe2\x11\xec\xbb\xb1O4\xb3^t\xee\x94\xfb\x8a\xc1\x0c\x9ci'</t>
  </si>
  <si>
    <t>b'\xf6\xe81\xb8\xf8\xd2\x0c\xe4\x1d&lt;\xe5?\xaauD\xb2\xe8?\xd90}\x0b\xe2\\\xbeq\x9f\xff\x7f\x9b\xef\x99'</t>
  </si>
  <si>
    <t>b'\xf9\xaag1\xa4Ft]7\xab\x08SY\xb4\x054rCt\xddeN\xa1\xed\xe56\xdd\xda\x1e\xb7\x8a@'</t>
  </si>
  <si>
    <t>b'{\x86\xde\xb0\x8fQ\x10\xb8\n\xdb\x19~\xb9[jg\xb0\x1b\n\xec6\xea\x7f\xc5\x9f\xa5\x11\xbeMaY7'</t>
  </si>
  <si>
    <t>b'\xcc;\x0b5\xc3:\xac,\x96\xb7\xa1 \xd4\x8f\x16~\x04\x03\x9a\xff\xea\x94}\xd74\xe0\xf1\xed\xfb0\xe3\x86'</t>
  </si>
  <si>
    <t>b'Sn\x11G\xa65P\x89\xc1\x95\xd0\xd1\xaf\xcdD\xe8H :\xc6[\x8a\xdfz\xec\xf7\xa7"\xa4\xca\xe0P'</t>
  </si>
  <si>
    <t>b'\xba\xe3\xfa\xac\xc1\\VCQW_lb\x91\xa1`\x9a4`\xa3\xc8z\x8520-\x85\x11y\xa3L\x02'</t>
  </si>
  <si>
    <t>b'\xa5h=\xd1Io[6\xc3\xe2\x92\x18\x0c\x7f;\\IV\xfe6\x0bA\x1b\x9d\xdb\xf1\xae\xc5\xc9\xc7\x00v'</t>
  </si>
  <si>
    <t>b'Ub\xd4\x96\x971\xce7\t\xcb\xc9\xf0\xd3\x85V\xdct72\x88I\x12\x85\x13\x0e\xf0\xdfj\xb6\xab\xa8\x9a'</t>
  </si>
  <si>
    <t>b'\xdf]\x89\x10\x13N\x05)+\x15\xcb&lt;\xce]\xf9T#\xf9\xb4\xed\xe5\xc0\x13\x15\x16\x81\xbb\xca\x9c\xb6\x8b\xb4'</t>
  </si>
  <si>
    <t>b'\xa7\x1co\x97j\xb0\x99\xbb\x9e~\xc3?&gt;\xf6\xd6h\x9b\x85#\xe0\xf0q}ND\xcd\xab+s\xf1\x99y'</t>
  </si>
  <si>
    <t>b'\xab\xe7\xc9\xac\xe0\x1c\xe9\xa55\xf1\xd0\xcb\xc6PT\xc3\x04\x90G&amp;\x11\xf7W\xb9{\xf7\xea\xfe\x10\xdak\x01'</t>
  </si>
  <si>
    <t>b'$\x15\xcedK\xb0K\xb4\x18\xab\x86\x10\xe9_R\xd6\xa0kp/\x08l\xd1i\xa1\xc2\xf8B\x94\xafq\xec'</t>
  </si>
  <si>
    <t>b"\xdb\xe5r\xf4\xa3\xdatbN\xf3\x87\x81\x0cE\xd8/\xc5R\xca\xafym\x00fS '\xc0]\xc3o\x8b"</t>
  </si>
  <si>
    <t>b'#h\x83\xd48Gbp\x89\x16\xb5\x93\xff?\x90OOE\xea\x1e\xed\xcf6\x93\xb2\xe6\xf5\xcf\xfb\xc9\xf4\x01'</t>
  </si>
  <si>
    <t>b'\xea~\x04\x7f/h\x9e}gkUK\xe1~\t\xc9\xb4\xcd}\xaa\xd6\xaf\xa6sP\xc5\x96\x19\xc5\xea\xcb\xc2'</t>
  </si>
  <si>
    <t>b'\r#Z\t\xce^,\xb4o\xe9.M\x95\xfe\x9c[\xc6\xc2\x8c\xe8\x81p\x90\xa2u\xa6=H\xd4&gt;\x89X'</t>
  </si>
  <si>
    <t>b'|\x1f(\x80\x82\x9b.\xe3\xb4/\x13Ai \x94\x8b\xcb\xcan`\xc2\x16e\xd94\xbd\x1a\xf5@\xad4\x94'</t>
  </si>
  <si>
    <t>b'\xa41\x87\xa9\x08\xf1\xc3^\xbeoe\xfb\xe0\xd2f\x96\xca\x17`\\\xc7%]\xa5\xa7M\xeb\xba7\x93\xf4r'</t>
  </si>
  <si>
    <t>b'h\x1cw\xf9 5\x87B\xf9\x7f1\xee\xe0,\xef\xf7\x1a\r\n94\xd2%\xdd\x9e\xa9\xe4\x0bc\xbe#i'</t>
  </si>
  <si>
    <t>b'\x844t\x9aT{ho\xdbAF\xf394\xa9S\x06=p=\rof\x05\x8flu\xa5\xb4\xfa\x86X'</t>
  </si>
  <si>
    <t>b'\xc9mh{\xaf \x11~\xbb\xd6\xa9\xcd\xb8\xee\x061Q\xac\xfe\xef\xcc\xfa\x10\xd0 \x85\xed\x13\xba\xc6\x8d%'</t>
  </si>
  <si>
    <t>b"~n\xfd\x08`\x83D\xf15n\xd7\x12\xd6\x93\x901\xfd\xefz\x95-,\xac\xa7\x19K'\xad\x04RzW"</t>
  </si>
  <si>
    <t>b'\xdd\xb5\xb5#\xb2\xda\x82\x84[\xea\t4g\x9b\xa9\xba1\x0f\x19\xbc[\xee\xa7\x87\x93\xa2\xee\xba\x18E\x0c\xe5'</t>
  </si>
  <si>
    <t>b';grL\x0b;\xd4h7\xedB\xc7\xe1\x11\xacNw\xb79[\x91an\x80\x9e\x1d\x06\x0c\x8aL\xba@'</t>
  </si>
  <si>
    <t>b'\x9a%Z\xebS\xfe\x15\xe1\x1c\xfa9\xf4\xc3\xbfQ\x02`R\xe8`VyL\xc8\xaeBq4\x1b_\xe1,'</t>
  </si>
  <si>
    <t>b'\xaenD\x9c\x0e\xb3\x88m\xb1\xb6\xad\x90\x0e\xea\x9bGC\xa0\xd2.\x19\x90?\x94\xc6\xb9\xf8\x92d9\xf5\xce'</t>
  </si>
  <si>
    <t>b"H\x8c\x89\x1e\xbf\x99W\x89'$\x93]\xdc\xa5\xa3\xde\xed\xfa\xc5\xd3\x9a\xce\xa6^S0\x0e\x85\xa0D\x16\xca"</t>
  </si>
  <si>
    <t>b'\x04\xd6\xe0`\x7f*\xd8;\x14\xefcZ\x1e\x85|4+\x87\xa8{a-\x9a\xe0z\x86\xc7\xf5\xaf;f\xb3'</t>
  </si>
  <si>
    <t>b'E\xa4$\xf9h\xdcc\x0c&gt;H\xa8n\xe5\x8e\xe4\x99\xfeu\xfc$P\xfc\x07\xab;\x8f^\xb2\x1d\x16\xb5\xac'</t>
  </si>
  <si>
    <t>b'\xeb\xeb}k[\x04\xa6g\xec\xf9\n\xcbz\xf66\xb5\xdc\x99 pmZ\xcf\xad\x98\x18^U\x81\x166\x91'</t>
  </si>
  <si>
    <t>b'\x82~\xed\xdb\xc7\xb6j\x9eM\x93\x9ba\xd5\xd7#%\xacX\xb9\xa3\x07\x93}\xcf\xbfy\xe6\xcd\xbd]\x0b*'</t>
  </si>
  <si>
    <t>b'\x81=&amp;DL`\xc4\xe4\xdc\xc9\x02v\xb7\xb8\x9d\x05R\x86\x17Z\xed\x81|P_+\xbesp\xe2\xd3.'</t>
  </si>
  <si>
    <t>b'\x85\x1f\x96\x18\\:\xc0}V=\x1f\x8en\x87B\xaf\xe45/\x87]\xd67\xdd\x1c\xc8\xf3\xcb\xc6{6\x1d'</t>
  </si>
  <si>
    <t>b'\x13\xd7\x0e\xcen\x89\x06ek\x1b;-T2\x85\x86\xdd\x9b\x97\xc1\x9b\x1fRJx\\\x93\xc0\x07\x02\x07S'</t>
  </si>
  <si>
    <t>b'\xdd|l\xbe\x9a\x107\x91h,\x17B\x084R=\x10\x8f\x14\x9e\x9af\xf6\xef\xe1\xac\xc6\xbd|\x0f\xca\x1f'</t>
  </si>
  <si>
    <t>b'\xcd\xc6\x8f~\xe9\x8c\x97N\x9e\xd2\x8f^\xa0\xb8\x7f_\x8e\n\x84\x8e\xdc\x9f`~\x03\xad~\x85}\x1a\x00\xd0'</t>
  </si>
  <si>
    <t>b'+\xd8\xdao\xc6\x1d\xd1Ir\x86M\x98\xbc\xe4}\x07\xe4R\x7f9\xef\xb4\x02,Q,\xc2\nQ\xa0\x81\x9f'</t>
  </si>
  <si>
    <t>b"y\x8a\x1by\xd2\xd1\xf7\xce\x98'\xc6[\x07\xb1@\xb4\xed}$5\x15\xc8\xaa\xb0\xa5S\xc9\x85\x99\x95Mo"</t>
  </si>
  <si>
    <t>b'\xf7\xbeI\xb5\xe5!G\xa1W\xd8\xe7K{\t\xb0\xb4\x86tB\xa07!GpA\x01\xd36a\xa5\\\xb2'</t>
  </si>
  <si>
    <t>b',\x0fo\xee*zs[\xbe\xc8\xcb&amp;\x81\xa08\x0c\xe5\xca\xbcH\r\xa7\x1c&gt;t\xd5\x1b\xd3`\n\xf2\xbc'</t>
  </si>
  <si>
    <t>b'\x18GF%\xff\x87\xb9\x8d\x0e\x97\xad\x87Jf\xc3\xc6t\x00CWt\xe7\x89AoT\x7f:\x9a\xb0\xec\xf5'</t>
  </si>
  <si>
    <t>b'pf9\xc8\xaa1\x80Jh\xd6\xfeQ\x01\xb1}\x13\x17\xd9\x90\x03\x10\xcb~\x8a#\x95\x1fN\x00@\xbd\x84'</t>
  </si>
  <si>
    <t>b'\x90\x1b\x9c}\x9cZw+\xc6JM\xff-X~QW\x87]\xfc\x00\x10\x8b|S\xafC"\xe0 \xe3\xf2'</t>
  </si>
  <si>
    <t>b'\xd4\xbf8\xa0\x9eB\xeeh&amp;\x15yn\xc1\x83Kp\xd6\x954lJ&gt;\xe9\xb2\x15\xd6\x87o\xce\xf60_'</t>
  </si>
  <si>
    <t>b'\n\x15\x06\xea6:\x1f\x11c\xa2Q%\x8d\xc9\x1a\xfb?VB}~\xf2Gj5o}L\x03[\xc4\xfb'</t>
  </si>
  <si>
    <t>b'L\x1f\xf9\x8b\x98\xbf\xb8&gt;\x15&amp;\xd4tl\xa0\x89l\xe7~?\xb7\xbdE1Jw\xf4o\xb8G\x8c\x0e\xa8'</t>
  </si>
  <si>
    <t>b'{T\xd4\xb7\xcd&amp;\xc7\xc3Z\xb8\xfb\x05F\x01Os\xed\x9a\xd7\xa1\x01\x05\xa4\x96\xc5\xe5*h_7]\x00'</t>
  </si>
  <si>
    <t>b'v5\xdc\xd0\x98\x8c\xf2\x94\x00\xb9\xd6\x91\x82\xed\xf7\xdaJ\xe3KR\x0bO[\xb2\xd3{v\xcf-\xbd\x1e\x93'</t>
  </si>
  <si>
    <t>b'x4N"\xc4\'v\x15_\xf5j;\xcd9c?O/T\xc5nl\xaa\x10\xe3B\x00\xe9\x9cL\x995'</t>
  </si>
  <si>
    <t>b'\xf8\xd4 \xc6\xa0&amp;\xd1\x0b\xf8\xa0\x87z\xd87*0\xf6yk8\x16\x1c\x0c\xccx\x9d\xfa\ty\xaaS+'</t>
  </si>
  <si>
    <t>b'&amp;\xd8\xd2\rM\xb5\xed4\x92\xce\xcf\x9a\x9cm\xf1\xe0\xccJp,K\xfc\xe3\xa0\xe9:\x0c\tZa\xee\\'</t>
  </si>
  <si>
    <t>b"\xa7\x11$'\x84\xdc\xaa\xd2v&lt;4oKFF\xb4\xe8\xbd\x88\xdd\x01Gl\xbd\xe8\xf9\x9e7\xab\x07og"</t>
  </si>
  <si>
    <t>b'\x04\x91\x0f\x8fM\x98\xec\xfd\xcb^\xbb\xba\x81\xa6\xe1\x182N\xd6DL\xed\xe0\x19rSA\x87\x1d"\x9fq'</t>
  </si>
  <si>
    <t>b'\xe7\xfc@\x7f`\xb9\x1b\xe69\xddX\x1eI\x92\xa6\x06\xa4qk\xb8HX\xc0//\x89\xacf@\xe1\xce\xc4'</t>
  </si>
  <si>
    <t>b"%0;@X\xbc\xd1-\x10\x03\x80\xa2\xb6_0\xe4\t\x9f\x99'^\xb7KW\x95\x0cS\xe0\x1am\xb9\x8b"</t>
  </si>
  <si>
    <t>b'\xd8\xd3\xe3\xb7\xc6\x14\x83\xd6\xa6\xf3\x9c\x8a\xfau\xd7\xe8?\xc1\xde\x08&gt;\x03c\x0c\xe3\x87:\tuS\xd0Z'</t>
  </si>
  <si>
    <t>b'@T\xcaY\x01\x18nAc\r\x0c\xe2?l\xfd\x1eaSM\x8e\x1aG\xd4/\xebx\xc2\x10pY\xff\x92'</t>
  </si>
  <si>
    <t>b'\xa3\x06ND\reu\xac\xed\xdd\xdc\xb4djkG\\\x10\xef\xc1\xcb\xa5\x9a\x83\xc0(\xb9\x98\x8b\xfbwu'</t>
  </si>
  <si>
    <t>b'\xf6\xba\x88\x98\xe3\x8d\xe1r\x1f\x96`\x99\xfcL\r\x9a8\rRxX\x10\xfe\xb6X\xf63p\xfb\x91\xc7Y'</t>
  </si>
  <si>
    <t>b'\x9b\xa0\x8bQ_u\xe1z\xfa\x15M\xc7\xac\xf8\xc1X6\xa80\xc4=B\xadL/ \x06\xe3\x90\x01C\xba'</t>
  </si>
  <si>
    <t>b'\xe0\xfe\xb9t\x1b\xc06\x9b\xff\xe6\xd4\x1a?\xe4s\x03\x04ijc\xee\x920F\x13B\xb0\xac\x9c\xbe\xeb\xd9'</t>
  </si>
  <si>
    <t>b'\xb6;$\r\xb9x\xaa}\x82:\xa2\xc7^\xe88z\xb4j\x94E\xcf\x0b(\x04\x92Ii\x9a$\xb6\xeb\xcb'</t>
  </si>
  <si>
    <t>b'G\xa0\xca\x95\xe3\xe2\xf7\x94\x0c\xb1\x94\xe2E\xb0\x8c\xa9\xf8\x87(\xceq\x98\xeb\xa6&gt;g\x90&lt;\xdcH\xd8\xa8'</t>
  </si>
  <si>
    <t>b'\x9f\x80\xd5\x00#\xd5\xa6\xab\xfc\xa2\xef\x18Uw\xd4d\x8b0\x0e\xa5,`\xacmU\xf8\xb8\x06\xb1\xc4y\xa6'</t>
  </si>
  <si>
    <t>b'_\xac]\xa6:\xa56\xf4\\\x81\xab\x10s\xfcun\x88\xd4\xa3\xec\x9b\xa7\x83\xa9\xe2g\x97\xea\xee\x04\x11\xb7'</t>
  </si>
  <si>
    <t>b'Z\xf4g\xcf\x86\x1e\xb7m\xbc.\x01\xbfo\x84Ge\x9d\x8dd\xb5\x8e\xbcg\x054\x1a\xb4\xc5\xf8\x9a\xdb\xf0'</t>
  </si>
  <si>
    <t>b'\xd2\x82\xcc\xdfz\x14\xc4A\x19}\x90k\xc5\xb2\x10\\&lt;\x12\xd1\x9e\xb9q\x87wf~RL\x16\xd5\xfav'</t>
  </si>
  <si>
    <t>b'U\xa2\xcc,\x07@\xcagYSOX\x0cP\xab\xdf\xb8\xcc\xffvF\xbc\xcdl\xf8\x87t\x1a\xef\x93\x1f\xd1'</t>
  </si>
  <si>
    <t>b'd\x1f\x06\xa8\xe7\xc8\x14j!U\xf1o\xdb\xd6\x97&gt;|\xe2\xe74\xe8xl~\xf1q\xa8\xde\\\xa6\xef\x18'</t>
  </si>
  <si>
    <t>b';\xaeC\xb5\x80\xb6z\xf2\xe3\xfa\x08R\xdf)|\xa0\x99\x199\x16z{ZN(\n&lt;\x8b-_-\xa2'</t>
  </si>
  <si>
    <t>b"\xcc\xe2\xa8R'n\xf7\xfa\xee,\x8cu\x89\xf93\xe7\xc6Z\x94?\x1c\xf4$2\xc0\xdf\x06\x0cx\xc6\xc3s"</t>
  </si>
  <si>
    <t>b'\x84\xdb\x7fh)\xc1\xb2x\x87\xbf\x9e\xb6\xa5\x8d\x89u}\xdc\xcaK\xeb\xd1p\xcc\x98\xda\xbcfF\xaa\x02\xb3'</t>
  </si>
  <si>
    <t>b'\xdc\xf7\xdc\x8e"\n\x97\xf3\xf5\xbcU\x99CZ\x80:\xd1\x99\x81\x11;\x18\x9f\xa1u\xe0\x1cM\x1f0S\xf8'</t>
  </si>
  <si>
    <t>b'\x12\x80b\xd4\xff\x9a\xdf\xbfA\xae\xeb\x93\xc9\xc4\xe83\xcd\x138(s\x84B\x05\x9eP\xd9\xf3\x92n\xb8\xec'</t>
  </si>
  <si>
    <t>b'\xe1\xa1\xdaC\xff\xcb\xde\xb9\x8e\xe7\xd4\xe6b\xb6\xe1\xbb\xdd\x0e\x1f\xac\xf8\x02\x00I\xac\x0b?\x84\x1fl\xa3u'</t>
  </si>
  <si>
    <t>b'\xf6\x04m\x16\x17\tql\xe8}J\xa4\xces\x182j\xd9L\x16^\x81\xe6\x0fu\xd3\xf50Ek\xca\xbe'</t>
  </si>
  <si>
    <t>b'\xb6\x04:p\xeb)\xe62R\xc9f~\x84\x9d:\xabPkD\x0e\xb8\xd8\xc9\xce\x81\x8f\x1b\xc0\x7fb\x88\x95'</t>
  </si>
  <si>
    <t>b'\x10=V\x91\xc2\xed\xdd)\xf1\x96\x16\xf7\xcf\xb0\xb5T\x0c\xdd\x04\x98\xb2\xd3E\xeb\xe5P\xe3\x0e\xec\x13j\x98'</t>
  </si>
  <si>
    <t>b'\xbc\x8a{8%\xd9Q{\xab\xb3a\xb9{\xf6\xfc\xff3\xa7\xf7\x13b\xe0\x13\x08\x97\xf8e\xc6\xfc6\xaf\x8c'</t>
  </si>
  <si>
    <t>b'\xa7\xf3=\x08 \x10\xff\xc7\xe6\xc2)[\xef"\x1fe2i\xfdGSvT\xdd\x01\x89\x1ev\'\xe5\x1bw'</t>
  </si>
  <si>
    <t>b'\xc0f\x15n\xea\xae\xca=*\xad\xd5\xa6\xd24 \x1c\xc7\xa7\xf6\xcb\x9b\x83\x1e\xc5"\xa3\xcb\xed\xfa\xc7\xfd\x05'</t>
  </si>
  <si>
    <t>b'W\xde\xf0\x82\xbbt\x10\x01\xb3]\x8c\x01\xd2&amp;&gt;\xb8\x95\x84\x92\x93A\x9a\xd1\x18\x83df\xedY2g\xcb'</t>
  </si>
  <si>
    <t>b'\x0fZJ\x02)\xd0\xbb?\x92\xed\xe7\x86U\xa2&amp;\x98\x95,\x17\x8a?\x9e\xc3\x11\xed\xaa\xafF\x98N]\xcf'</t>
  </si>
  <si>
    <t>b'r\xaa\xae,\x1f4\x84\xac\x1e\x86\n\x0b\x95\x97o\x08\xa0\x8c\x81\xd3\xf6\xe3\x8c\x95\x84\x11\x13\xb6\xb4\x1c\xd1\x84'</t>
  </si>
  <si>
    <t>b'f\xa9v\x0c\xb6\xeb\r\xb9\xe5V&gt;JC!\x85\xd3\xd2\x01\x05\xe5?\xc3\x9a\xf0l\x84\x9dj\x92\xd0\xf9A'</t>
  </si>
  <si>
    <t>b'\xf2\xaf@\x89\xb5\xb7U\x86\x90\x84%(n&gt;t\xea(\n\xf3\x92\x80\x1f\xc1\x08\x93\xce\xfe&gt;\xfaQ\x06\x8e'</t>
  </si>
  <si>
    <t>b'\xfd\x8f\x0c(\xb3K2\xf3Q\x0c\xa1\x81\xa1\x916\x8d\xb5iD\xb0\x0fKNL\x95\xf3\xeb\x04YS^@'</t>
  </si>
  <si>
    <t>b'\x83$\x8e\xfb\x9d\xa3\xbc\xfdT\x93CC\xa4He%\xbb\x83 \xd7\t\xf6\xfeHR\x8c\xd58\xa8\x93\x87g'</t>
  </si>
  <si>
    <t>b'\xaeR\xa9Y\x88\xd5\xba3\x1f\x98v\xbb\xb8\x94\x17\xe3\x99\x7fT\xf2\xa9\xfb3.!E5\n`%\xb0\x80'</t>
  </si>
  <si>
    <t>b'Y$WP\x96?\xec3\xa2"\xa2*j\x91T\xf2mz\xd4&gt;\xeb\x1f\xb8\xe1\x12+\xf0&lt;u\xeb`S'</t>
  </si>
  <si>
    <t>b'\xb4\xdf\xb8\xba\xe9i\\\n,e\xfag\x1e\x97\x96\x18\xdd\xb2\xe4\x88\r\xef\x1c\xbc\x16\xd4E\x94\x08\xfc\xa3\x15'</t>
  </si>
  <si>
    <t>b'VL\xaf\xba\xdakF\x11\x02\x0c\x03\x98W\x8b\x9e\t\x17n\xcf\x8e\xccZ\xcd\xbe};\xdf\xe5\x91\x8c\x1e\x13'</t>
  </si>
  <si>
    <t>b'\xc9\x00\x9eM\xa6\xb4x\x17Y\xac\xbc\xe3\xebGln\x05Q\xbc\x0e:\x8ccK5\xff`FK\x02\xa0.'</t>
  </si>
  <si>
    <t>b'\xd8\x89\xad\xf4\xe4\xd5]L\xaa\xbfi3&amp;\x87`\x14XD7C\xed\xac\x1c\x00qNB\xec\xb0\x84d\x12'</t>
  </si>
  <si>
    <t>b'4m\xadU\x8d\xef&lt;\x01\xb1YD\x1eU(=v\xe08\xe7\x01\x7f\xd4CL/\xbf^B*o/0'</t>
  </si>
  <si>
    <t>b'i\xd0\x11\xe2\xce\xfb\xf1\x83#t8\xd4\xd4\x80\x9f\xdf w\x94\xc7\xfe\xb4n\x0c\xe6\xa2\xf4F+\xf6+\xf4'</t>
  </si>
  <si>
    <t>b'.G\xf6\xcez\xa2\rQ\x18\xa0\xc2\xd5Ti=\xe2\xb5\x8bW_7lg\xf0k\x896\x8f\xd2\xcez\xa7'</t>
  </si>
  <si>
    <t>b'Oe\xb8\xc4\x0b3hr\x02\xbbR\xdc!\x94\x9e\xd9w\xd6\xa7\x89#\t\xe2\xa5\x82\x1aqU\xcd\xf3\x9d\xa2'</t>
  </si>
  <si>
    <t>b'\xf0\xde\x07\x9f\x95&lt;P`w\xe7\xf6\x9a\xdf\x08s=6\x04l\x16z\xef,\x96!\x1a\xde1\xb0P\\\x11'</t>
  </si>
  <si>
    <t>b"\x1e\x86\x83\xcc\x8a\xc5C'\xf8\x7f;\xcb\x87\x86]\x88\xac\xe5\x98M\xffi\x11\\V\xe0\x08\xd4M\x90\xe3\xc6"</t>
  </si>
  <si>
    <t>b'(r&gt;1\x19\xa0kM\xff\x14\x88\x02}\xe2$\x88 \xb8\xe4\xcc\xc7}\x88+\xe5\xa4+$\x8f\xd8+j'</t>
  </si>
  <si>
    <t>b'\x9eO\xeajX\x9c1}W\xb6\xd38o\x9b\xaf\xde-\x08\x9a\xa9\xeb\xa9P\x15 \x8b\xb8\x0fM\x1a\xc7\x0e'</t>
  </si>
  <si>
    <t>b'|\x16\xe1\x1cA@B\x97#\xbb\xed\x87g\xe3)\xdb@\x13\xcef\xd8\xa5\x8b4\xddD\r\x1d\xbd\xdf/$'</t>
  </si>
  <si>
    <t>b'`\xb49\xd6\xe2\xf4\x0cB\xf4\xa7\xb4H\xc2\x8fC\x1bSB\x93/\x01\xa2C`\xda\xf0\xda\x11\x8d\xad\xbc\xe2'</t>
  </si>
  <si>
    <t>b'\x1fb\x8cE\x8e1\x9c]dd\xbe!\xe5\xa4\x8a\xd6\xb7\xbc\xcda\xf8-\x00\xc6y\x01\xdc\x95xg\x9d\xcc'</t>
  </si>
  <si>
    <t>b'NMs\x16$(\x1e\xfe\\\xb3;\x88\x9e\xb7\x8eAQxo\xf6!\xe4\x03\xd7(\x11W\xf3"\xed\x9b\xed'</t>
  </si>
  <si>
    <t>b'V\x97\x8bi\xee\xe3t,\x1d\x17\x95\x89\xd1\xd8\x01o\xfe3\xf8\x8d\xbe\xb6\xe0\xaf\xb8\xc4\x16\x01/0`\x0b'</t>
  </si>
  <si>
    <t>b'\xdb\x98\xc9\xd0\x1a$\xd45Z\xd5\xf8\xc1\x94\xb9\x84&amp;f9\x936\xe9\xbb\xb0\xc8e\xbd\xe4Y5\xf81\xe2'</t>
  </si>
  <si>
    <t>b'N\\\x11\x91\xddN\xa0\x88\xed\xf0\xaf\x02\xd2U\\%\xc2;\x1a\x04\x93\x80koM\xd5C\x04\x1d\x87""'</t>
  </si>
  <si>
    <t>b'M\xa2O\xb0\xf6zC\xd7jNn0\xfb\xf27L\xdd\xca\xe3=\x11\xe0\xc4E\xfen@\xd2p\xadP3'</t>
  </si>
  <si>
    <t>b'\xccc\xa9\xe4\xf0\xb6\xc8\xcaW\x0e]g(,X\xef8Y^~4/\x0ey\xf4*Y\xecV&gt;Lo'</t>
  </si>
  <si>
    <t>b'\x03|-A\r}\x9a=\x14$x\x153\xaa\x1f\xbf\xb3\n\xec\xf1\x17\x86j\x16\x9cv\x8a\xa1u(Bj'</t>
  </si>
  <si>
    <t>b'h\x02b\xf2]\r\xea\xd8 \x97&lt;K\xc0%*Lr\xeb\xeb]^\xcf\x16)FM\xca$l\xd8A\xc4'</t>
  </si>
  <si>
    <t>b'\xcc\xe0\x10\x1e\x9b\xaa&amp;\xc1gJ\xe2[/\xfdI\xc9vE\xc6\xbaeP\x15\x1c\xe5\xe7;@%\xca\xfa\xae'</t>
  </si>
  <si>
    <t>b',b\x8c\xc7\x92Y8\xd0\x9d\xe5\xb9\xfa\xa2\x17\xfc\x0b\xbcU\x82\xed\xd2\xa2H#\xb6\xfc\xcc\xaa\xfc\xe4C\xc1'</t>
  </si>
  <si>
    <t>b'"\x87\xb7\x14N{\x85={}{\xba;\xcaJ\xd4\xc1\xd8NC\xcb\x16 \xf5\xab\xc7#hi\\=\x0c'</t>
  </si>
  <si>
    <t>b';\xdc\xcc\x93\x9eo\xfbC\x08\x06\xbfH\xb2z\x86\xe1?`m\x9a\xa8\x81#\xb4x\xe2~\\\xb3\x12\xd9%'</t>
  </si>
  <si>
    <t>b'\x92\xc5\x05\xfdv@\xb5\xbe\xaf\xc5\xdb\x83\xa5\x01\xe2\xb8)#n\x85\x03u*\xa5v\xc3\xfc\x955\xb7r\x1f'</t>
  </si>
  <si>
    <t>b'\n\xda3\xa2\xc6b\xd3\x00\xb9\t\xf2\x8f\x95\x95\x0f\xa7\xe6\xb9\x97Zr\x83K\xf8yZ\xa7\xba\xac\x98\xb7\xcd'</t>
  </si>
  <si>
    <t>b"\x1d`$l@a\x81\x80\xaeo\xb2\x95\xc8\x82q\xd7\x08p~\xbd,e\xa1\x06'\xef\xe6\x9f\x9d\xb4a\xb7"</t>
  </si>
  <si>
    <t>b'\xffRU3\xb3\x0f\xd2\x84\xc9\xebo\xb0L0\xc1\xda\xb3\x87j\xe4\xc5Qb\xfdm\xf6\xf4\xda\xc7%\xb9\x95'</t>
  </si>
  <si>
    <t>b'\xecy\xe5Z\xaet87GN\x02N\x88\xde\x99I\x9b\xbb\x88\x8b\xf1$-\x95\x1bq\xe5\x0e\x9b\xf6\xaa#'</t>
  </si>
  <si>
    <t>b'\xf3\xcab[\xad\xff\xaa\r&gt;\xe9g\xbc\xdd*\x1d\xd6\x83A!=$\x9eM\xcfe\x82\xed\x98\xd8\x05d\x03'</t>
  </si>
  <si>
    <t>b"\x92j\x96\x9b\x8d\x80\xfe\x1a\x96\xd4A:@\xdb'\x829\xb3\xbb\xc7\\q\x1f\x1a\xdcL\x7f\xf5\xde\x8cA\xd5"</t>
  </si>
  <si>
    <t>b'\xf4\x19\x85\x183\xd4%\xda#\x0c\xfaW\xe30v\xca\x9b3/\xba\xb5({T\x90\xd8\x8b^\xa5\x1a\xa0\r'</t>
  </si>
  <si>
    <t>b'\r$\x89\xf9\xee\xc1\xb2v1Bi\xd4\xdfY\x84\tV\xcc\x9c\x82\x87\xeeE/rZ\x15\xaf\xbcK\xb3\xc9'</t>
  </si>
  <si>
    <t>b'\x93\x12B\xdbo\xd4\xbb\xa46\xe6\x87n\xcc\xc2\xd1w\xa5P\xad\x05\xf4\xdaL\xd0p\xdb\xe9\xe2\x04\x94?\xd0'</t>
  </si>
  <si>
    <t>b'\x90\xa3\xc7Y\xe99\x8e\xd6f\xac\xfbk\x1f9wB*~\xf3i\xfc\x01\x18\xe4M\xc1bj-N\xba\xe5'</t>
  </si>
  <si>
    <t>b'\xdf\x1c\xdbA\x07\x0f\xfb\x14dZ\x1d\x13\xb8Aq\xfb\xb3=G/\x16V&lt;\xc7\x00J\tgO\xf3\xb8\xd1'</t>
  </si>
  <si>
    <t>b'-G\xe9,\xa6\xe3\x99\x0f\x8buU\xab\xd6G\xd4\xb6\xc4\x1f\xf9\xc1\xc0\x1e\xa1]\n\xcd\x00q\xa4\xda\x9e\xbe'</t>
  </si>
  <si>
    <t>b'J\xf8\xc6\x982\xed\x12\x02\x81\x1bTTu\xa4\x16\xdf\xb1\x14(\x8c2{\xc5\xb1?\xe3\xaeyF0RN'</t>
  </si>
  <si>
    <t>b"\xaf'\xe3o\x08%\xa0f\xc8U\xb0\x05NP\x8eQ\x91\xea\xa2\xea\\7,w\x16\x82t\x9c\x04N\x1e\x15"</t>
  </si>
  <si>
    <t>b'\xf1\x93L\xd55y\xd9\xdc\x01\xd6\x07M/\xb2\xbe\x89\xbev\x8a\xf9[\xbe7\x0f\x05\xcf\xb48\xfe\xc4\x03e'</t>
  </si>
  <si>
    <t>b'\xd4\xb9\xf5\x87\xb8n\x00\t\xb3\xff\xf52\xacA%\xf1=\x9f\xb1G\x93F\xf9-\x03\xb9\xe3\xbb\x912&lt;\x03'</t>
  </si>
  <si>
    <t>b'\xab\nHO\xc0\xec\xd0\xafn\x82r\xb5\x8b4\x91\x1fF\xe7\x86^a\\\xac\x84+5\x87\x9c\xe8\x9c\xf1*'</t>
  </si>
  <si>
    <t>b'`\xe7\x03*\xb7\t\xd5K\x14\x842\xf8\xe3A\xeb\xac\xf8\xbeO\x0b\xb6zv+2\x91\xbd\x1eO\xe4i\xad'</t>
  </si>
  <si>
    <t>b'nG\xa5"\x81\x02\x87\xa8\xb7\x8fs\xc9\xae\xbf\x04\x9d\x1dLn\x91\x16\x81n\xb9\x8b\xdf\xf8h\xf4\xdc"j'</t>
  </si>
  <si>
    <t>b'\xb1\xcb\xf4\xa5vC^\xae\xb3\xd9j\x98 \xc0\x81\x06\x08\xfa\x88/\x87[\xa2\x84ns\r+\xf7\xec\xdf\x1a'</t>
  </si>
  <si>
    <t>b'+\xa9\xad\xac5\xf6\x90&gt;"Sv\xa7\xf7\x966Fk$\xa42\xff\xb3\xbf\xd0l\xf9wwT\xa1\xfe5'</t>
  </si>
  <si>
    <t>b'\xaa\xb6\xbdl\xb2zp6\xe2\x82\x883\xda\xa8\x84s\x0c\x94\x9e\x15;,-\xc9\xbc\x14\xe8\x9a\xc9\xc9\x0b\xae'</t>
  </si>
  <si>
    <t>b'\xe4\xad95\xf054Ww\x1em_eP_L$\xfb*\xe4z\xee_~"V\x9b\xf3"b\xd5\xdf'</t>
  </si>
  <si>
    <t>b"\x82\xef\xcf/\xf7\xba'\x16\xe1\xdc\x19\xb1w\xe7\xd2c\xf3/\xef\xe8\x91WHml\xed\xafo\x0f\x16/\t"</t>
  </si>
  <si>
    <t>b'.\xb2wz\xc1\xa3G\xe3\x82$\x9c\xbc\x0e\xdd\xdd\x81\xd7\xd8q\xe9\xe2\xb81\x16\x1d\x9f\xbd1\xfd \xba\x1d'</t>
  </si>
  <si>
    <t>b'k\x99\x80\xb36T\xfb\xc0\xbd\xa5G)\x8b\xd0\x96\xef\xfc_\xe4c\x81AT\xack\xe0#\x85\xb1i\x7f\xc3'</t>
  </si>
  <si>
    <t>b'\x9f\xe7T\xb9\x92q\xc9\x0eq\xb4&lt;\xf0\x92\x1b\x02q\x94|\xd3z\xc5\x86#\xf26o\xee\x0c2r\x9cY'</t>
  </si>
  <si>
    <t>b'\xe9\xf6"\xb2\xf9\x8b\xe0\r)\xda\x1b\xeb\xd9\xe9\x11E\x8c\\\x06R\xf5\xff\x9ct\xa8(\x18v\x10\xd85\xc1'</t>
  </si>
  <si>
    <t>b'\x14\x8d@\x0f\xf5`\xfc\xde\x8c\xd7k\xe9\x9fG\xa3A\xc9\xef\x9f]d99\xcc\x1a\x18\x8dq{\xa0\x89\xfb'</t>
  </si>
  <si>
    <t>b'\xfd\xbb\xd4P\x03-\x9d\x00Nq\x8d\x97&lt;\xdd\x8c\xc6\xa8\xf7\xff\xd7\x0cm\xb5QX;\xf5n:{\x1b\xa1'</t>
  </si>
  <si>
    <t>b'\x05\xdd[\x8a\xc9\xb8\x06\xd0\xf6\xe5\xcdcO7Z\xba\x80\x85y\xf6\xdbs\xb5d7\x84N\x0b \x11\xba\xf8'</t>
  </si>
  <si>
    <t>b"\xcdc\x92Z\xef\x82q\x00\xc6'\xdbIW\x13\xb0\xd9|\xbf\xd8\xd1~\xb23\xd4}\x03\xaa\xd8\xd3N\tE"</t>
  </si>
  <si>
    <t>b'\t\\\xeb\xe4\xfe,\xec\x11o\x89\x00\'Vn+K\x9b\xf0\xf2\xf7\x87\x9c\x86A\x92"x\xfc\x13&lt;\x05:'</t>
  </si>
  <si>
    <t>b'\xbf\xe3\xe4H\rL3\x1d\xee\xbc?\xfb\xb9u\xcaf\xd1?\xf0\xff\xc1k\xebg\xa0\xe4k\xdcL]\x85;'</t>
  </si>
  <si>
    <t>b'v\xae\xbeP\xb8t1jf\x89\xb3/^\x91r$\xbc\x1e\xe4\xb5\xf5\xc4\xf3c\xd3\x96\xba)\xea\xbf\x18\xf8'</t>
  </si>
  <si>
    <t>b'\nP\x8c&gt;\xe4\x85C\xb5\xe7&gt;\x9d\x00X\xf9\x99\x9bp%\xce9\xd2\x01i\x87\x0f\xed~\xbe\xf6\x1d\xe5}'</t>
  </si>
  <si>
    <t>b'\x9ewr|\xb8\xb3k\x8eN\xa8\x85s,\x80\x16\xcc\t\xccY\x83\x12A\x008\x9c\\zK\x80\xd7\xfb\xd9'</t>
  </si>
  <si>
    <t>b'\xb2d\x1eP\xb5\xc2\xbe\xa4]\xf9\xa2\xb9\xb3\x08\xa7\xe4j\x98\xa6\xfb\\\xe0\x03P`\xf0\x06\xf6\x90\xf4K\x1d'</t>
  </si>
  <si>
    <t>b'\x7f{\x12p\xc4\xa5\x1f\xe5\xbb\x1b|\x8e\x8d\x91@}\xd4\xc7\xb1\xdd\xe4\xf5Z\x80\xb8\xf3N#\xf2\x87U\xca'</t>
  </si>
  <si>
    <t>b'\xd2z\xf6\x93\x08G\xdf\x04\xe1\x8f\xe80Ju\xa2\xd2\xa7\x03\xf9\xb9:\x7f\xf0\xb1\x8e}\xa5\xb7,\x1e8^'</t>
  </si>
  <si>
    <t>b"\xed\x11\xaa\xf0\xdf'\xcf\x1f\xcc\xb3\xeaqO\x06\x9d;\x05\xda\x99\x10db\x8e\xd0}\xa0\xb9\n\x8c\x19\xf9\xf8"</t>
  </si>
  <si>
    <t>b'\xf1\xe0q~[7\x8fN\xa5o\x0f[q%\x0f\xc3*\x98+\xda\xd5\xda\x98&gt;n2JF&lt;\xb4\x14\xa0'</t>
  </si>
  <si>
    <t>b"'\xb6\xe6\xd4\xa7\xd8\xce]\xa1V()\xed\xe8\x07h\x92D\xa8\xc5\xd7J:\x86#\xb77\xd9\xb3Y&lt;\xaf"</t>
  </si>
  <si>
    <t>b'\x07\n\xedst\xb4\xe8r]\xfb9\xc4\xa6N&amp;N\xe0\x0b\xe3\x9b\x9b\xb1=\xef\xef p\xab\xcb*c\x12'</t>
  </si>
  <si>
    <t>b'\x18\xc7\x94r\x0e\x9e\xc3\xd4\xc5\x86\xad`\xb7\xf4\x92Lp\xa2\x94\xdd\x05\t?\xa6\xaa(\x89\x1e@2NT'</t>
  </si>
  <si>
    <t>b'\xb8\xe0\xf0\xef\xd2.\x13\'\xd9N\x9a\xda\xab6\x91z\x0c\x99\x12\xf0\x882\xf8"y(\xcb\x85~^\xe3\xd4'</t>
  </si>
  <si>
    <t>b'\xff\xa6\xe2n\xaa{\x8e\xe4\xb6\x12\x08:\xa8\xb3\x07%\x97\xb9\x02?v\xca\xd6,\xf4oK\xea2\x12\xf4\x93'</t>
  </si>
  <si>
    <t>b"\xb60B+EXo\xeeS\x9b65\xbc?\xb0\xa1\xa0_]\xb4\x9c\x89\x9b'\x0c\x81.\xf9\xb2u\xcb\x95"</t>
  </si>
  <si>
    <t>b'Q\x03&lt;\x88*9|\x85iHv7\xb8\x1c\x19\x86\x99#O\xef\xcc?,u+\x8a\x16\x8c\x80\xa9l\xd4'</t>
  </si>
  <si>
    <t>b"\x97:\x98\xc3\xe8\x90K\xb3I+J5\xc9\xfd\xe5X\x91iS\xac\xc3\x15\xccJ'E\x19-s\x14\x08D"</t>
  </si>
  <si>
    <t>b"\x82\x0f\\\x89;A\xe4\xaev.\x18W'{\xea}\x15\xcb\xd8/*\xde=\x03\xcd\xf6\xa0\xe9\x12_\xcb\xbd"</t>
  </si>
  <si>
    <t>b'&amp;\xce\xb3&lt;]\\\x1d\xbcN\x1c\x9a\xbe\x912\xccc\xd0.\xd4D\xd1\x157,?Z@\x10\x1c\xbe[\xb2'</t>
  </si>
  <si>
    <t>b'\xd1\xa4Qj\xfd\xc7\xbc\xea\xe2\xda\r\x8d\xdeo\xae\xad\x15}\xb0\xa0\xcbw\xd3(\xfc\x18)\x8a-\xe8\xbd\x84'</t>
  </si>
  <si>
    <t>b'\xa1\x8a\xf4Rvc!fObO\x8b$9\xb7\xdd\xfb\xb2\x1fM-\xad\xff\xf2\xec\xbe\xcb\xdfa\x06y\x05'</t>
  </si>
  <si>
    <t>b'\x9d\x0c\xf7X\xb3\xc1\xbd\xd5\r\x0e/\xa2mI\x8c&lt;\x16\xce\x08VJ\x18&gt;\xca\x1aI\x07\xa7ER\x1a\xfe'</t>
  </si>
  <si>
    <t>b'\xc1\x1c\xc0\x10l\n\x95O\x87\xd4\xb8X\xb1^E[{\xdb&gt;f\x10G\x083\xde:[q\xe8\x9b\xd5\x90'</t>
  </si>
  <si>
    <t>b'\xe6[\x81\xc2\xa7D\xbe\x86\xb7\xd2\xaa\x80@\xca$\xad\xd9"\xe5\x96Xq\xbbV\xafZ\x1a\x83\xf1U\xf4\xb8'</t>
  </si>
  <si>
    <t>b'\x02\xcc\x00&amp;rM P\xd1\x0c%\xb3\xa0\xbf\x15\x94hH\xcc\x9b\x85\x9d\x8b\xf6z(ZT\x98\xdc\xd9\x8e'</t>
  </si>
  <si>
    <t>b'\xeeJ\xe2\x08\xddb+\xcb\xc5\x9a\xd1\xab9qT\xba\xea\xcdvN\x11k\xa0 U\x97\x1bL\xa3S\xb5\xe3'</t>
  </si>
  <si>
    <t>b'q,\x91\xed\xd2\xa7:X\\R\xf2\xeeB\x1ds\xc5\x98\xf4u\xb5\tk{\xf8t\xaaYQR\x83\xf9n'</t>
  </si>
  <si>
    <t>b'\xa5)^\xf2\x93+v{\xb4\x84(\xc0\x87\x19\x7f\x9b\xc9\x9e\xbfM\x9e\xab\xc4+y\xe4\x986\xd1Hit'</t>
  </si>
  <si>
    <t>b'\xef\x0e\xc7{m\xca\x0f+_y:"`\xf1eq\xad~Upy\x16\xcd\xaa\x85;\xd8\x1ds\xa8\x15\x07'</t>
  </si>
  <si>
    <t>b'q{X\x7f!+\xeb\xc2`Hg\xd6\xb4T%\xe37\xb6Hn\x81\xb9\xcf\xaaU\x908\xe1\xd3\x7f\xfa\xf7'</t>
  </si>
  <si>
    <t>b'\x05I.\xbe%+\xe1~\x04\x9f\x1a\xd1L7\xf9\x85\x9a\xce3\xd4g\xfa\xad~\x13\xec)\xd4\xdd\x01\xfa\xcb'</t>
  </si>
  <si>
    <t>b"\xc0\x8e{\xa7\x99\xae\xb1\x8c\x9c\xd5\xbf\xddL\xa6\x0b\x1c\xf3?\x9c\x02\x034\xae*V\xc9M\t'L\xdc\xe4"</t>
  </si>
  <si>
    <t>b'\xa4D7a\x83C\x8d:m\xfdIi\rK\xee}\xc7\x99\xcd\xb2\xc2\x86\xfa\xe9\xc5`\x1e(\xa0G\xad\x05'</t>
  </si>
  <si>
    <t>b'[\xde\nX/\x14U\xd5\x07\xe5Wu\xf7F\x93\x003n\xd7\xe9- \xeb\xcc\x05\xf4*\x7f\x1c \xd4 '</t>
  </si>
  <si>
    <t>b'\xab\x02e\xbe\xa9^\x84\xcd8\x9f\x9b\x9d\xa2\xd9\xd6&amp;Uy\xd7MhkZl\xbc\xfd\xed$\x9d\x82\x03\x06'</t>
  </si>
  <si>
    <t>b'\x7fM\xf7\xfd\xb4\xc4\x13\xe0\xe2\xfb\xdb\xe4$+\xa5\x99o\'\xa0Y\x0e"G\xda\'\xcc\x7f;\x92N\x01y'</t>
  </si>
  <si>
    <t>b"\x0b\xeb\xff\xfa\x9b\x05\xfcT\\\xa2\\\xa5\xd8\x86\x03\xf2\xa5\x81q\xcb\xb6v\x07\x08\xc0\x02A'x%Yv"</t>
  </si>
  <si>
    <t>b'h\xd2Or9\xd7\xb3\xb1!p.~=\x17\xbd\xf1\xf7d;\xe4\xfa\x8c\xf6\xdf\x87\x08s\x1f\x87\xb2\xfd\x1c'</t>
  </si>
  <si>
    <t>b'i\xeb~\xba\x9b\xa5\x031\xfd)\xb5\xe0\xcd+\xfa\xa8\x1e\xe5\xad\xa2v\x030\xac\x8b\x17\xd5\xc0nM5\xd8'</t>
  </si>
  <si>
    <t>b'\xfd\x9a*\x1a7O\xf5\x1ca\xf7\xcb\x0b\x02\xd0j\x1c\x88y\xeb\xc3%b\x16\xd8\x18\x02},\x82Gs:'</t>
  </si>
  <si>
    <t>b"\xb9be\xd9\xf75X\xb7\xadv\x1e\x9d\xb6C\x8d,\xdeod\xa4\x10\x8d3}\xc3\x8b\xe8s'l\x83#"</t>
  </si>
  <si>
    <t>b'\xd5\xd2\x18\xc7Y\xa9\xb7_p\x19h\x83z\\\xf5\xb2\x0fA\x86\xb1\x0b\x0e\x86\xd0\x8b\xbca\xf2\xe6\x91\xe4s'</t>
  </si>
  <si>
    <t>b'\x03g\x1d\x06\xc3\xcc\xda\x07\x83\x0fy\x95\x9f\xb6\xdfc]\xd1\xb2.\xfbzA\xa10\x88\xbf\xe0\x00\xdf0\xeb'</t>
  </si>
  <si>
    <t>b'/\x0e)U\x983\x1d/\x00\xeaj\xd4\xf1w\x98Fk\x1b\x1d\x89\x05\xfd\x9b\xcf\x0c\xa95\xb3\xe8[\xfbM'</t>
  </si>
  <si>
    <t>b'\x918\xe6\xc8\xe9\xe3^V\x8f\x8bM\x0ez=1Z\xdb$\xbf\xc8\xdeJ\x11z\xde\xa0\x83\xeb g\xd6%'</t>
  </si>
  <si>
    <t>b'"Do2&gt;\xa6i\xd9\xbf\xda\x05\x17\x94:\x8b\xeb%\x90\xd0\x11\x13\xc3\x8f\x9c\xd9~\x93 \xa7\xab\xa8\xc5'</t>
  </si>
  <si>
    <t>b'\x9e\xb3\xfeB\x1c\x12\x1bl\r~t\xce\xcc\xeae\xbdZ\xce\xd7\xc8ey\xd5k\x04\xe7y\xd3\xf2&amp;\x14\x9a'</t>
  </si>
  <si>
    <t>b'\x95\x98;\x92\xf6\x9f\xefaFZx:o\x9e\xc6\xd3\x8f\x99\xe7S\xd3,ON\xdb\xea ~o\x97\xc3\xd1'</t>
  </si>
  <si>
    <t>b'\x1b\x7f\xb2\xb3\xd6\xbe=1 \xa8\xf3\x02\xe41\xaa\x82}7\x82\x94\x9c\xab\x11\x87\xca\x8em\x80H\x9b\x8c\xd7'</t>
  </si>
  <si>
    <t>b')\x85\x0e\xc7\x81\x17\xdcH\x93K\xf3\x19`\xd4Ef\xf6\xacC\xcf\xe6\xd1\x11#f9\xa9\xe4\x84\x0b\xff\xab'</t>
  </si>
  <si>
    <t>b"\x8b\xed\x06UY\x1bX+(\x99u\xd3\xd7\xa6\xf5\xc4\x88\x82\xff\x11\x02sL\xc2\xdb/'\x95\xb8\x1dT\xd5"</t>
  </si>
  <si>
    <t>b'\xca\x1d\xb0\xf4\xa6\xc4\xde%e\xebDp\xe3q&amp;T\xf5\x8f\x89\xebD\x90\x8f\x04;\xd1\x0c\xdf\x01\x9br\xdd'</t>
  </si>
  <si>
    <t>b'C\xed}\x01\x16\x8dR\xb9\x99\x82\xf2\xcc\xc0\x17\xcb\x97\xb9\xba\xe2\xf8\xe0\xd3\x9aHu\xaf\xc1\xd0\x96\x89: '</t>
  </si>
  <si>
    <t>b'\xc9\xc6a6[\xc8\x0f\x0bI\xe77A\xedb\x14c\x0b,\x07\xd0\x1c5q\xeamz-\x11i\t\xbd\x91'</t>
  </si>
  <si>
    <t>b"A|-\xe3\xdf\xd6\xdc\x90\xa3\xc9\xee\xfd\x03\x08Cp\xf6l\xd3\xf0\xb8\xe0\x80x\xaf\xbe\xb4'\xd3\xfe\x80T"</t>
  </si>
  <si>
    <t>b'Y\x98\xbeO\xf6\x96\nP\xc3\xe0O)\xc8\x0b\x1c0\xbe\x04\x886\x8d3Y\nE\x8a\x8f\x1d\x17\xbe\nW'</t>
  </si>
  <si>
    <t>b'\xda\xa2\x03U\x84\x13[\x9b\xcb\xf5-\x8f\x8f0\xe4\xdeIC\x93\x1a\x01\x18H\xdd\xb3\x17\xffKG\xbf\xbd/'</t>
  </si>
  <si>
    <t>b'7\xf5\x04(C*u\xcb\\\xc9`\x89Z.7\x9a\xa18\xe4^\x00\x0fn.\xd2\x1fkJB\xfb\xc9\xec'</t>
  </si>
  <si>
    <t>b'\x97\xe8:/\xe0^\x00\x0f%\x15L4\xf6]\xf81\x06Q&amp;L{~5\xed\xc4c0sf\xcf\xfft'</t>
  </si>
  <si>
    <t>b'\xf7\x91\xf1\xef\xe1\xf4\x90\x02S\x84\xb6\xb7?\xf1\xf4\x9c\xa0\xb5/h\xe1\xa8?s\n\xddG\x95\xf3\\\x83\x01'</t>
  </si>
  <si>
    <t>b'\xe5\xbe\xcf\x82EI\x19\x14\xc6\x9f5"A\xb1\xa8\x96\xb7\x99\xab\xcf\'\x7f\xd8\xd7\x13\x9026\xbch\xec\xe1'</t>
  </si>
  <si>
    <t>b'\xb5Zb\xa5c\xd0_}\xde\x92\x84\x9f\xa2E`\xfbI\xe4\x8a\x99\x03\xb3\xf6\xf9\\\x84\x82\xf71`\xbc\xf1'</t>
  </si>
  <si>
    <t>b'\x9dt-\xc8?{\x89\x94P*\xb5\x17\x00\xc1\x1dUX\x8b\x92\xd1\x96\xac#go\x88*Cf\xdb\xd1J'</t>
  </si>
  <si>
    <t>b',t\x11\xd6\x8e\xb0\xffN\xca" \x05\xb0-\xed\xb4\x96B=\xf5hf\x02MWao\xefJ\x07\xba\xf4'</t>
  </si>
  <si>
    <t>b"\x810\xffT2\xb2'\x8d\xdeG\x9f\x9f\xe4&amp;\xd4G\x0c,U\x07\x07^\xaf\x02\xa1\xbe\xc0\x14\x1c\xeb\xfeL"</t>
  </si>
  <si>
    <t>b'W\xeb\xa2\x00\x8c\xf4\x8f#\x02\xe51\xea\x03\xe1\'\x15r\x90\x9a\x8e\x8a\xde\x92\x84W"\t\xe8\xf1\xf4k\xc6'</t>
  </si>
  <si>
    <t>b'\\\xea\x9d\xd2*\xbc\xe1\xbeb\xfb\xc5\x1d\xa4U\xf8\x9aw\xd4\xf4M\r\xde\xd2\xdb\xfd\xc4\xf0\xdb%\xc2\xe6\xc2'</t>
  </si>
  <si>
    <t>b'`\xba&amp;\xe9v\x155t\xf5\xb3\x12\xf1\xfe\x17\x0e\x88\xac\xe8\xe4\xa25\xe5\xdaM\x82\\E\xf3\xaaY\x9e\xc7'</t>
  </si>
  <si>
    <t>b'h\x9d\x91\x84{W\xb4\xb7\xf8*l\x80\xb7\xb8v\x1fv\xca)\xaa\xe0\x1f\xb0\xb9\xaf\xbe\xb0N\xb0\x14\xab9'</t>
  </si>
  <si>
    <t>b'\x03!\xabl\x13\x800\xfbwCe\x81A3\xdf"3\x13\x1bB\x80\x92\x08\x82\x168\x8b1\x17\x92\xa8\x1c'</t>
  </si>
  <si>
    <t>b'\x9fjm\x1a\x08\x86\xd5"\xbc\xbd\x95\xb6\xa2W\xda\xb3\xf9\x87\x94\x1c\xf4O\x13\r\x1f4af\x85\x13R\x99'</t>
  </si>
  <si>
    <t>b'\x0e\xb9\xef\n\x04\xdf\x14\xe9\x16t(k\xd0%=S\x0e\xf6\x8b\xac\xd6lPF\xa8\xbf\xeb\xd5-4\x80\x8d'</t>
  </si>
  <si>
    <t>b'W\x892\x04\xe0\x12w*\xa5Kbt(\xea\x1d}F1A\x91\rW\x03\xd1s\x82\x92W?-!o'</t>
  </si>
  <si>
    <t>b']\xe4+\x16w\x15P\xf8\x02\x1f\xa8\xb4`\xf1\xff\xa1\xc5\xb8\x86s\xe9m,\xfd3\xf0h\xd2\xe3\xd3\xb1\x19'</t>
  </si>
  <si>
    <t>b':!\xa4\xc1\x18\x97W\x13\x1a\xdc\xd6Q\x9dGh\x11j\xbb\xb0\xc2D?\xb9\x10S\xa5T\x8b,Fw\xd6'</t>
  </si>
  <si>
    <t>b'q\x18tF\xb3t\x9e\xb3\x05\xcf%\xf5\x82\xf78H\x0e\x0c\x91mv\n^d\x83\xafOi-!\xb2\xc7'</t>
  </si>
  <si>
    <t>b"\x06{L\x7f\xc8|\n\x99\xb8F\xf1*d'X3\xf7\x8d\xf8\xb7\xe1\x7f(P\x16\xf6)X\x1a'\xcd\xde"</t>
  </si>
  <si>
    <t>b'zOW\x14:\xbdHB|\xa3\xe9\x998X])e\xa5\x92yi\x02kt\xfb\x1bK\xee\x13\xc7\xda\xd7'</t>
  </si>
  <si>
    <t>b'\r\xf7*\xd5\x89\xd1\r\xa5\xd8\x19\xa0\x0b\xe4\xad\x16k\xf3!\xeaW\xc54\xea4\xab\xea\x89\xa9G\xe8)}'</t>
  </si>
  <si>
    <t>b'T\xd4p\x01\x84\x8b\xa3\x9a\x8cd@AB$y\x13\x01\x045\x07\x14\x17x4t\xa1\xed%\x08\xa1zn'</t>
  </si>
  <si>
    <t>b'\xd7Q~X?\x8f^\xa7\x9eQv\n\x85a\xad\x87\x83\x8ao\xc7i\x81\x9cv$@\xbaPR+3\x81'</t>
  </si>
  <si>
    <t>b'\xd3\x13\xec\xf2\xad\xa9{\xf9&lt;h\x7f\xeb&gt;\xde}\xd6\xb2F\xbc\x9e\x93\x8e\xa2\xf0\xd3\x81\x03\xf2\xf6\xe4b\x02'</t>
  </si>
  <si>
    <t>b'} \xef\x9f\x8bw%\xad\x8c\x80\x1a\xabP\xaaAz\xfc\xbanU|z\x0c\xa1r\xb3!\x91\x96\xf2aX'</t>
  </si>
  <si>
    <t>b'L\xac\xa0\xeffV\x97\xa4\xf4\xb1\x1a\xc8!\x06\x1b\x82\xd4\xea5\xca:\xf9\xbcu)6\xeeW\xfc\xf2{\xe4'</t>
  </si>
  <si>
    <t>b'D\xf76\xbcd\xd3S\xb2\x1c\xe9\xf9\xc6\xb0\xe6\x96?zl_\x88\xbf\x1d\x07\xbaG\xb6\x16\x83\xa2\xde\n\xcb'</t>
  </si>
  <si>
    <t>b'N\xb0\xf3*\xfbd\x95&lt;\xb7\xe2j\xb2bK\xb8|0\xf5\x8a#\xcbR\n\xbf\x9e\xb2\xc7e\xbe\x02\xf2\x1d'</t>
  </si>
  <si>
    <t>b'TG\xfa\x9d\xd2p\x102\x91\xa3\x8d\xe1t\x9d\x11i\xc7$\x8f\\\xf6\xf4\xb7\x02\x17\xd3\xf6\x02\xddJ^|'</t>
  </si>
  <si>
    <t>b'\n\xb2BI\x9ff7+o\xf0\xc6\xd0FO8\x9c\xa4\x8a4\xbaU\xecDy\xc4\xef\xc6\xc2\x14\x97\x9d\x12'</t>
  </si>
  <si>
    <t>b'\x1dev\x8bw-\xb8\xa7O"\x84O\x91\xdcp\xef\x8e\x96\xee\x9aK`2_\x0b\xf2\\P\x14\xfd7\xfc'</t>
  </si>
  <si>
    <t>b'&amp;\xa2"\xab\xc8\r\x9f\xd7\x91i\xb8r\x91Om\xf47\xcc\xe5\xc0\x07\x88\xaeToQ\xce2\xff\xef\xe2 '</t>
  </si>
  <si>
    <t>b'\x82|\x86_\xda\xa1AN\x07/Rc\x97\xb9Q\xe2\xfd\xa7\xea\xd91J\x90P\x9b0w\xd5\xc2\x91\x05\xda'</t>
  </si>
  <si>
    <t>b'\xf6d:I\xcd\xa9\xcf\xfd(s\x18\xccM\xb5"\x80\x05\xd7\x8d\xca^\n\xb2Pu\xe95\xacDY\xf9j'</t>
  </si>
  <si>
    <t>b'c\xabr\xea0H\xda19e`\xdc\xafo\xf8|C\xc4\xb2xp\x1f\xd7\xebU\xdc\xa0\x061*x\x07'</t>
  </si>
  <si>
    <t>b'\xd7\xba\x80\xa1o\xb6\x1e\x80\xc7\xe8\xbc-E\x1aNl\xcd\xe6]\x84\xa0\xeb\xee~\xeaw\x19~$\x86]u'</t>
  </si>
  <si>
    <t>b'\xdde\x017\xbe"\x18\x8ae\t\x8fV\xa5\xbd\xc3\xc1\x16\x13N\x05\xe2M\x02\x94rg\xa4\x84\x12\x9a\\\x05'</t>
  </si>
  <si>
    <t>b"\x97\xa5Q\x88\x868BM\xeeR\x10\xb2\xe4\xffc\x98\xdf1S\xc9\xed/Z'\xa8\x05M\xfb-A\x9cL"</t>
  </si>
  <si>
    <t>b'\xd7\x83\xcf\xect\x14\x856*\xd5\xb79\x1e\x05e2M\xf9\xf0\xad\xd8h\xd5B\xdc\xda1r\xe2\xb2\xe1.'</t>
  </si>
  <si>
    <t>b'\xbc_\xe8\xd5\t\x1e?\xc4\xb48\xca\xee"V\xd9\x96h\xfa\xfb\x93\x8a&gt;\xfdk*\x0e\xd8\xf4\xbeH\xe1\xfd'</t>
  </si>
  <si>
    <t>b'\xbe"\x8d\xae\x14\xa1\x9c\x95\xa9\xca\xa6\xea\x94}h/\xf4\x93 )\x85q`\xd5\xf1\xbf\x01\x14\xd0\xf0\xb2F'</t>
  </si>
  <si>
    <t>b'G\xf1u\x96\x9a\x10\xa6&gt;\xa7\xc8\xc2\xd3\xdb\xed\x1c.@`\xe1SH\x9d\xf6\xe8\x05(\x05\x89\x0c\x82\xc6w'</t>
  </si>
  <si>
    <t>b'\xa5\x0eZ\x12\x1f\xf3K\x0fW\xfd=_r\xd6\x01\t\xb8\xc4^\x8dI\xe2\xd7\xf9\xa6\xdev\xae\xa6\xef\x8fU'</t>
  </si>
  <si>
    <t>b'\xebB4\xc2\xbd\xad\x05\x1c/+\x0cJ\xe16\t7\x1f\xf5H\xa7j\xf2{M@|\xf7\xed\x9f9\xf86'</t>
  </si>
  <si>
    <t>b'\xb8\xfd\n_8\x1fl\x93\xb2\x1e%\x9d\x16wi\xc4\x8bZ\x0c\xdd\xb0L]\xaf\x85\x050\x17\xda\x84 \x82'</t>
  </si>
  <si>
    <t>b'3\x00c\x17\xbaI\xdc\x0c2s{\x05\xac\xa4xdOl\xa8p\xe6\x1c\xc7\x17M\xf0\xfc\x06\xea\x99\xaa\x9e'</t>
  </si>
  <si>
    <t>b'\xed\xea\x03\xa3&amp;mM\xc5\xd2\x86\xa5\xf7P\xa3\xa2,\xe2Y\xa0\xda\xfbiV\xfb\xfe\xfc\x15Be\xe5wA'</t>
  </si>
  <si>
    <t>b'\xcd\r\xbbnV\x045\xc2\xd5\xdb\xfb\xf54\x89T\x9e\x1f\xb5\xd9\xd1\x02\xe8\xbdzK\x1e\xcd\xb8\xdaG\x95:'</t>
  </si>
  <si>
    <t>b'\xc3\xadIu\x1e\xee\xd6&lt;\x83\x1b\xa2i\xaf\xb7\x9e\x9ai}\xd6W\x10\xca\xc5\xb3\xbb\x89\xfd\xa4\xdf\x9a\x12\x07'</t>
  </si>
  <si>
    <t>b"\xea\xde%\x15\x1e\xb53Y\xe2\xae\xdd\xd1\x96\xebY\x1aR\xe7\xe6\x83\x15r\xa3\x1e\x82\x1d\xe2n\xe3\xa3R'"</t>
  </si>
  <si>
    <t>b'\xc7\x13Q\xe33\xad [Y\xb4\x1d\xfe\xd6\xa7C\xf8+\xbd~\n\\\x16\xe43\xa3{\xe4(@.\xfej'</t>
  </si>
  <si>
    <t>b'6U}3\xa1\xee\xb8X\xd0\xfa\x05 O\xe0\xb3&gt;\xf3\xcf\xc0\xf9i\xa6\xc7#\xa7\xe7\xa0\xee\x98\xb0l('</t>
  </si>
  <si>
    <t>b'\x11.\xa5\x89=\x8e~\xa4\xec\xd1\xdf\xa4\xe6\x8eN\xdd\x13\xec\xf1\x02*76o\x85U\xb5\xc7\xcc\x93Zc'</t>
  </si>
  <si>
    <t>b'\xa4\xea\x8c[uw\x85\xfb\x8b\xf3\xc7\xcb\x14Q\xdd\x8e\xf2:\xb0+r\xda\xc4\x96\xa3\xbd\x9d%\x8b\xfd\x8e\x99'</t>
  </si>
  <si>
    <t>b'\xe0h^\x88\x9a\xed\xa7L\x9c\x8e\xc6\xd0A\xc1\x96\xb9\xc7\xbf\x16\x9d\xdd\x9fZ\\S\x15U~\xef\x8be\x04'</t>
  </si>
  <si>
    <t>b'\x00cRNc\xd9p\x16t\x01J\xc4\xba\x8c\xe7\xc0#G\xcaX\xa6o\x05\xfa\xc1(\x8d\xe8z\x1e\xfb\x12'</t>
  </si>
  <si>
    <t>b'\x9c\xf6\xd1\xcd\x13\x9d\xf8oz\xf5\x95E\x11O\xfehT\xeb\x1d_\xfc\x13\xb0\x87A7\xba\x961H}\xa4'</t>
  </si>
  <si>
    <t>b'2)\x8a6\x91\x11\x03W\x06\xac\xcd\xffL.\xc0X\x12bLI\x1f\xaauVt\r\x05\x8f\x9f\x1b\xea\x14'</t>
  </si>
  <si>
    <t>b',\xe0\x99\x0f?\xfb\x8b&gt;JM\x16sVHi\xed\xc1\xe2&gt;\xb4R[F\xd6\xf4\xb0U&lt;8\xe2q\r'</t>
  </si>
  <si>
    <t>b'\xb5\xe9\xe3\xf0\x1b\x8f\x8a \xd7\xc3\xb1\xa6\xab\xb0\x97{\xc2\xae\xb8\r\x12k\xfbq?_&lt;\xb7[C\xda\xf8'</t>
  </si>
  <si>
    <t>b'\xab\xd6\x84\xd6qk\xd5)Q\xc9\xa7;\x87$\xb4\xc9\x05A:\x80\xa9\xb9\x87c\xfc\x97\x1e\xb1\xb3\xef7('</t>
  </si>
  <si>
    <t>b"\xa7\x8as\xc6q\x16k\xdaF9\xbb'\xbbx\xbaH%~@\xfe\xce8\xf9\xc9EV\xfb\xd0{\xbb\xc9,"</t>
  </si>
  <si>
    <t>b',\xb2\xd4\xff\xa9\x88\xd3\x10\x10\x80c\rv\xf7\xf6k\x8c\xb4\x01\tn\x92\t\xca\xc1n\xf0J\xfb}\x9fw'</t>
  </si>
  <si>
    <t>b"\x99\x8cSc\x15O\xce\xb4\xda\xb4od`\xc9\xb8\xc9\xbaC\x19-\xa8\x8bK\xe6\x90'D\x9e\x0b\xc3\x9a\xe5"</t>
  </si>
  <si>
    <t>b'\\8\xf0\x9dx\x14\x92i\xb6\xa9v\xaa\t\xdf\xbfog\xbf\x13\xa1\xf2~j\x05\x8aj\xcd\x04\xe1L\xc8y'</t>
  </si>
  <si>
    <t>b'\xb9D?p\xfa\x92\x06\xfff}z\xb45\xff\x85\x9f\xae!\xe4?T\x18\x86\x03\x19Fo\xdeh\xfa\xed\xaa'</t>
  </si>
  <si>
    <t>b'\xd0?\t\x0f\xea&amp;#H\xd2R\xd8I\xa5\x00Jf\xd2K\x81X\x9a{WM\xe3\xb1\xc4\xa6\x90\xda\xf7\xdb'</t>
  </si>
  <si>
    <t>b'\xdc/\xe3\x9e\xac\xfa=8r\xdcf0\xe2E\x14i\xa3\xb7\x83^\xd9\x86\xc9\x10\x06\xdc9U\xeeZ\xee\xc4'</t>
  </si>
  <si>
    <t>b'\xc8\x9c]\xb7R/N&gt;\x99\xf5\xad\x9c\xd9t\xe5`\xcf1\xfc\xaf\xdfx\xe7-x)\x1aw\x14K\xb2\xa4'</t>
  </si>
  <si>
    <t>b'\xde\xb8\xe9\x82w\x1c\x89S\xfa\x17s\xdd\x87S\x01\x14\x1c\xb7\x18\xf49\xff\x931\xc8\x1a\xdc\x9d\x92K\xd4\xde'</t>
  </si>
  <si>
    <t>b'\xec~\xcf\xa1\xc91\x9b\xcf\x01W\xc4\xffm\xf4\x91\x89F=8\xb6f\x9dlHY\xe8\x0c\x0e\x82\xceP0'</t>
  </si>
  <si>
    <t>b'\xf2^\x06z\x13\xe1\xb1\xbcb\x1b&gt;3\xda20\xd7\xf4\x87\x8a\x1d\xa4\xc9\xdc\xdf\xce\x8c\x8eH\x8dY\xc4\x95'</t>
  </si>
  <si>
    <t>b'J\xe6\xb8\xd3j\x98\xde[\x90\xe9(\x1c\xed\xd8\xa2f}\x0e\xc6\x88\xcb\xb0_\xc5\xe2\xa7g+l\x1eJ\xf1'</t>
  </si>
  <si>
    <t>b'\xe2\xa5Wnq\x0b\x88mX\xaf\xff\x80\x90\x8a{\xdeMS\xee\x03\x97\x1b[c\x89\x81:\x15i\xfc\xf4\x10'</t>
  </si>
  <si>
    <t>b'\x9cP\xb1\x8f\xb1\xaf\xc2\x81\xe8\xdb\xa5\x0e\x1c\xb0C(\xedcB\x9e\x9bM1x\xa7-O\xda\x02,{k'</t>
  </si>
  <si>
    <t>b'\x9d\xf5!\xeb\xbdxR\x06\x10#\xa4T\xf8\xda\x97)]\xd0\xc0qX\x00\xcf\x17;\xf29\xbe\x1f:\xb9K'</t>
  </si>
  <si>
    <t>b'B\xeaz:\xd3\xa4-\xea\xdbko\n\x08+\xee\x1a\x02:\x99p\xea\xf4\x84\xf5\xcf\x1fx\x85\xd0\xfa^\xaf'</t>
  </si>
  <si>
    <t>b'\x0b\xeb\xe05\xc39\xb2\xc3x$\xe2\xec\x11\xba\xb9\x80\xe8\x8b\x95\xfc^,\x14\x82%\x1bm~Q\x0c7\xd2'</t>
  </si>
  <si>
    <t>b"\x18\x8a\x1b\x02\x9f'Er\xb9\xd9\xd9b2`m%.\xab\x14\xf8k\x92\x12\x847dZ\xda\xfa\x18z\xaa"</t>
  </si>
  <si>
    <t>b'2\x83\x08Q\xd5\x17P\xacp,\xf8E\xf0\xe1\xe4M\xe4U;\xcb^\xac\xcbo\xbf\xae\xad\xd7\xe1\xb9\xba\xdc'</t>
  </si>
  <si>
    <t>b'\x02\xa1\x9f A\x97\x08\x1a\r_\xc8\xb7O\xe9)\x07_\xbd\xc3\xaa\xdb\xd0(\xf9\x06\x0b\xc7%$_#c'</t>
  </si>
  <si>
    <t>b'\xf2\xc2\xb1\x8b\x95\x84\xb8\xed\x9e\x88g\xc8G\xf8\xe2\xf9\x19Z\xbc\x9dA\x8byn\x12TOwx(\xd4\xf5'</t>
  </si>
  <si>
    <t>b'\xe7\xdc\x82.\xaf\t\x882\xc1\x86{\x1b\xe5\xb3\xb6\xcd\xa6\xdeoLdM\xf7U\xa8\x11\x8b2pBw\xa2'</t>
  </si>
  <si>
    <t>b'\xa1\xdf\x170\xe2\x13\xa1\xa2\xeb|\x9c/`\xa1o\x83;\xe2\x8e1%\x9cG?G\xcc\xa2m\x0cwN\xfa'</t>
  </si>
  <si>
    <t>b'z\xe5\xfa\x9e\xf4\x13\x0b\x04\x9c\x8cD&gt;\x03\xfa8\xa6#\xc9Dw(\x16\xca\xd0\xec\x1c_0\xe0\x00\xe8"'</t>
  </si>
  <si>
    <t>b'L{\x9a\xbf\xc7Ls@\x19|\xacU\x01\x0e\x94\x84%\xc1\x95R\x8f\xf1\x1d\x93\x13\x9c\xfac\xfc\xa5{\xf5'</t>
  </si>
  <si>
    <t>b'\xb1\x11-\xbd\x9b%\x8d\xc6\x16E\xd1\x8a" \xfb\xb8\x14\xee\xac\xdd\x02\t\x0e\xf5\xf5\x17\xba\x11\x8e\xbb\x8f\x88'</t>
  </si>
  <si>
    <t>b'\xdf\x9a8Lw9\xd3+\xce\xfa\xda=\x87\x93*j\x0c\xab\xcbT\xf55\xc6t\xef\xa4\xc2\x82/-g\xbe'</t>
  </si>
  <si>
    <t>b'v\x05}m\x1e\xdf\x8c\xd4\x98\xc8\xf6\x846Q&amp;\x12{xK5\x90\x81I\x9d\xab4!B\x90\xe9~\x8f'</t>
  </si>
  <si>
    <t>b'\xf0w\x03Z\x95\xe3\xfe\x90@_4\xff1\xd2&lt;\xbd\x86\xef\xa9\x8d\xf9t\x06\x1d\xfd(\x92\x91b\x13\xad='</t>
  </si>
  <si>
    <t>b'\xd3\xc8\x1c\x81?\xc2(H\xf5%\xd9\xc5\xb3\xc0\xc7\xc7o\xf0\xd7\xe8x\x1btF\x05\xeeA\x0c\xe1\xd9\xf4\xa4'</t>
  </si>
  <si>
    <t>b'\x90aQ\xa4\x95&amp;I\xa7\x0em\x9c\xcb\x0eN\xb3-\xffm:D\x8c\xcd\x9c\\\xb1\x9b)\x19\xc5*]\xc9'</t>
  </si>
  <si>
    <t>b'\xa8\x12}Y\xe2\xb6\x00\x0c\xd3.W\x04\xd3\x86D\xbeE\xf9,\x83\xa9\xce\x89\x1b1@g\x89@A\xb2Y'</t>
  </si>
  <si>
    <t>b'!\t\xc6\xd9\xea\x91\xfa\x07\xf3[\x90\xb9n\xbb\x9d\xac\x945\x9a\xde$\x83"Y\x82\nm\xdca\xdckz'</t>
  </si>
  <si>
    <t>b'\xdf\x9a\x0c\x83RY\xb65\xf6.]=\xb4\xcb\x90%\xd7\x0f\xdb\x8d3\x853 \x1b\x90q\x01\x0e\xda-\xcd'</t>
  </si>
  <si>
    <t>b'\xf62\xbb\xbe\xcfg\x90\x88\xff;\x1d\x19m\xd3\xc9|0m{\xc5\xc19\xfd\xac\xe3iB=\xab\xb2\xaa\x06'</t>
  </si>
  <si>
    <t>b'\x80\xe3~\x99\xf4\xd2uYOS\xc6\x9du\x1d"\xc5\xb17}\x86\xb8\xd8Di]\xa4*\x7f\x05\x1d\xb9g'</t>
  </si>
  <si>
    <t>b'\xeb/!\xed$\xcc\x19\xec\xee\xa12\xc9\x0f\x16\x93x\xafZ\xb5a&amp;\xbc\xbd\xc0\x05G\xc80\x98\xa3\x05{'</t>
  </si>
  <si>
    <t>b'\\\xd1\x1d\x04\xac\x01\x88\xe4\x0fG\xce\xab2\xf5q&gt;\xaa:2\xecu\x8a+\t|\x01r1\x12\xd7\xd0e'</t>
  </si>
  <si>
    <t>b'\xf5\xf4\xcdud\xbf\xf0\x96\xb3&amp;sx,\x92\x84Xie\xf8bz\xa75\xd8lB\x82\xc7\x9d\xf3\xa6:'</t>
  </si>
  <si>
    <t>b"\xe7:q\xe6\xa5\xc5`\xabk_s8\xef\xaa\xc1\xa7\xc4:\xdf5\xf4n\x1c\x05\x88~\xf0\x91']\x9e\xea"</t>
  </si>
  <si>
    <t>b'~\xe6`\x08\x15\x8d\x158;\x91o\n\t:nf\xa9\xcc\xcb\xd4\x95\xd6\xe4GwUlx*S\x04\x16'</t>
  </si>
  <si>
    <t>b'uq\xc1l$\xeb\xe2N\xc0\xb8\xcf\xcf\xd70\xf0\xa0s\xfe\xb7\xbcTt\x8eV\x9a]\xf9\x804\xbc\xdc\x80'</t>
  </si>
  <si>
    <t>b'\xe3\x81\xc7B\x95qvb\xb7A\xca1\xb5v&lt;\xdb\x8f!\x89\x9b\x10\xf9*\x83\x9f\x13\x1bj\xf5\x84\x89\xac'</t>
  </si>
  <si>
    <t>b'\xce\xfd=Q\xdck\x8f3\x8e\xd0\x8b\xef\xf7$8lCl\xbc\x89\xb8\xf3&amp;\xa3\x08Kq\x93\xd4=\x83\xc1'</t>
  </si>
  <si>
    <t>b"\x10\x1bwZA\x00o%\xdf\x82B\xb4\x1b\xa7@=\xa0$5\x97\xcef\xec't!I\xffFm\xea\xfa"</t>
  </si>
  <si>
    <t>b'?N\x8f\xceU\xf6\x99\x8a\x85\xd7\x91]E8\x9e\xbeA\xd2\xd4d3\t\t\xccb\xef\x9f\xe1\xcb%\xc2\xfb'</t>
  </si>
  <si>
    <t>b'\xa0\x9c\xc9\xe0\xb9\xe8@+\xfd\xd7\x84\x98\x81#\xb4\xa4\xcb&lt;\x98\xb5\xea\xda\xc4\x90\xb0\xf9OA\xd5\xee4\xd5'</t>
  </si>
  <si>
    <t>b'\xcbW"\x16\xc0\x80\x03%$K\x8c\xcb\x8d\xa1a\xc3\xdd\x8b\x17\x16\x13\x12v?h\x8c\x12P\x01\x8c\x97\xb0'</t>
  </si>
  <si>
    <t>b'\x18\xb1i\xe3\xb1\xcf\xfe\xdc(d\x1d^\xc8S\x15\xa1\t)J(?\xd6\x8d\x06\x18 \x7f\x91e\x16\x8b\x8d'</t>
  </si>
  <si>
    <t>b'n\xe8|\xad?\xb8t]zl\x14\t\xa75p7\x8d\xd3j\xf5\x0b\xe44\xb5\x07\xf2\x14\xe9\xbf\xe8\xf1\xc6'</t>
  </si>
  <si>
    <t>b'CV\xabI\xb2)\x813\xe5\xd7\xe8n\x8b\xec\x82\x88f\xe6\xc3\xaa\nt\xcf\x04\xdd\xa0\nHe\xb4oO'</t>
  </si>
  <si>
    <t>b'D\x00\xfb\x03\xd2\xe3@\xa5\xf6o38\xb3\xef\xffL\xd5i\xbbS\x04\xf9.\x92Q\xaex\xc0\x1c\x0f\xae\xf9'</t>
  </si>
  <si>
    <t>b"\x95\xc8s\xc8\xcb\x97\xa1\xb8E\x0f5\xd6A\xba\xb2\x14[\x15i'\x88\x0elj\xf6\\rW\xe0\x14\xcd\xaf"</t>
  </si>
  <si>
    <t>b'\xb5 =\xe9\xe0\xe4\xf3\x03\xa4\xeb\xb0\xcac\xbc\xaf1_\xadw\xdd\xaeX\x97\x98nw\xca\xaex\xe9\x06\xaf'</t>
  </si>
  <si>
    <t>b'\x01\x9c\x10\x08!_\x90!\xc2\r\x7f0\x8fUJ\x86%M\xaf:F\xe7\xd6\xae\xec}\xbf\xb4\xf3R\xc6\x82'</t>
  </si>
  <si>
    <t>b'\xeb7\x83\xf5g\xf1\x9d\x93\xfb\xcb\xee.Ij6a\xf7"2\xcf\xcb\x90\xd0W\x9b\xd8\xfbE\x9d\xf1\xa8\x1a'</t>
  </si>
  <si>
    <t>b'\xec\x1b\x1d\x82"[\xef\xd6\xd1Ne\x16\x10\x89`\xcdx\xc2\xc3\x1bw\xdd\xd7%z\xe4#\xc5\xb8\xfe\xc2\xad'</t>
  </si>
  <si>
    <t>b'\xde\xc9\x1893\xa8\xa5K\x94\xd9B\xcb\xf5\x84\xf6X\xc2\x85/\xca\x98N\x1c\xa2\xcb\xaf\x14\xea\xe8\x86\xcf\x1b'</t>
  </si>
  <si>
    <t>b'\xbb\xff\xfd\xfbO\r\x0182C?;S\xfcjV=\xe3\x1e\xfdl\xc0\x82*\xd1*n\x86O\xcc\xb6\xaa'</t>
  </si>
  <si>
    <t>b"S\x08\x87\x85{\x1af\xe7S\x10\xe2\xaf\xe0\x8d\xbc\xc3k\xfd@'\xd8\xcd\x9c\x07d\x9a\xcdE\xe1`0A"</t>
  </si>
  <si>
    <t>b"\xc0g\x9c\x9e\xe1\xbf\x84\xa5\x1db\x8fsv\xd4\x99\xb8\xd4\xe8\xec\x8fiXO'r\xb3-\xf0?\xe0\xa7\x92"</t>
  </si>
  <si>
    <t>b'\x83\xe5\xd6|(!\x1b\xa0D\xebvQ\xef\xbc\xdby\x91_\x86\xad\x0e"\xab&amp;x%\xc5N\xc3T\xe1\xb8'</t>
  </si>
  <si>
    <t>b'\xf2YmX/\x04\xcc4\xf8\xd9\xf5\t\x9d\x9c\xce\x8cS\r\xde\xfe7\xf1\x0e\xb4\xe9\xaa\xf7Iz\xb8@\xe9'</t>
  </si>
  <si>
    <t>b"\xfbs\x971\xb9\xd4\xec\x02\xd3\xc8\xa6\xcf\xa3\x15\xbbryg&gt;\xca'\x11\xa6\xdf\xa2Fd\xfb*\xed\xff\x15"</t>
  </si>
  <si>
    <t>b'\xd8\xce\x11\xc9n\x92\xcfg\xbe\x10\xb1\xabd\xb0r%9OJK\xc1\x92`n!\x99\xb7p5Q\x8d\xc5'</t>
  </si>
  <si>
    <t>b'\x81\x06\xaaHdC\x88\n%\xd0\x0ee\x99\x1c\xcf]\x84\xcfD)\x86\xe0\xf9\x81=!\x96h\xdbN\xd3\x01'</t>
  </si>
  <si>
    <t>b'\x93\x14f&lt;TYp/l/j\xd2m\x8cO\x91\xd2\xf9U\xec\x97J\xee\xc2\x01\nCOr\xcc[\xee'</t>
  </si>
  <si>
    <t>b"P&lt;`h\xd10#0(\xb6RY\xcc\xcfN\x1cl[\x00\x1a\x08a'\xb8\x17\xae\x0el\xf51\xe8Q"</t>
  </si>
  <si>
    <t>b'\xeb@v\x033n5)\xe5\xf8&gt;\xc8\xae\x16\x10\xda\n\x9d\x0c\xc3@\nW\x017\x0b\xa35(\xd9\xa3['</t>
  </si>
  <si>
    <t>b'\xab\xa1\xf2\xee\xc0\x97\xa2\xd1\xb0\xbcV\x9d\x94\x8d\xc2\xd3!K\xf3\xc6I\xc3\xc3\xa4P\x9d\xb2\xbf\x80\xe2\xf1\xab'</t>
  </si>
  <si>
    <t>b'!\xa1\xed\xe6\xc7j\xff\x00\x92\xd2\xad\xeem1ST\xdf\xa2~\x123?\x07g\x12\x91e\xce\xc1\xfd\xba\xe0'</t>
  </si>
  <si>
    <t>b'\x98D;\xb1\x01Q\xc21#\x0c\xebx\xf9&amp;\xe9\xbd+\x1d\xcdc\x9c\xec\xd0\xe8\x8f\xf2\x97\x82G\xf8(J'</t>
  </si>
  <si>
    <t>b'\xd4&amp;U9\x12\x97y`\xa0\xe6)\xab,"FK\xdd\x98We\xff\x19)\x15\x9e\xcf\x06\x7f\xcf\xf4oP'</t>
  </si>
  <si>
    <t>b'_TWwb\xbc\x08z\xf9\x06\xd6S\xa2)Qi\xc5\x98\xb2~\xcbk\xba\xb9\x1e\xc4\x9f\x90|\xbe\x10('</t>
  </si>
  <si>
    <t>b'v\xd8\xa1Ag\xe1mKE:\xb7\x18\x99\x19\x1e\xd9\x01\x10\xf1\x08O\xa6B\xa7]B\xcerZ\x0c?\x8b'</t>
  </si>
  <si>
    <t>b'\x8d\x13\xd3\x84\x83\x8a\xcb`(pi\xcf\x07,\x8a\xf0 \xa6T\xa9\xc9\xa2\xe3\xcc\x96\xfe\x1b\xb2\xa8\x83\xf7\x98'</t>
  </si>
  <si>
    <t>b'\x05\x03\x97\x18\xaf\xa0\x13p\xfc\xc5\xd0U\x1d\x19\xc65\xed\xb0\x9f\xf0\xdb\x15&gt;\xa4\xb7(&amp;X,\x7f\x856'</t>
  </si>
  <si>
    <t>b'\xaa/\x89I_t\xc7\xe4~\xe7\x9c\xfc\xde\x96\x8c\x18\xe0r\x9b\xde\x1a^#\x10\xd0\x0eB2"\x04g\xa4'</t>
  </si>
  <si>
    <t>b'a\x9a\x83\x88s\xdd\'\x8a7C\xda\xfeP\xcf\x7f\xf0CR\t\xa9E\x95\xce"6\x15\xe9R\xc8\x83\xfb\xe0'</t>
  </si>
  <si>
    <t>b'MVy\x88\xc6T\xa5\x94\x14\x998\xd3\x92\xe0U\xdd\xe4\n\x9e?\xbb\xff\xa7Ks\xa9\x9fJ\xdd\x02\xd0l'</t>
  </si>
  <si>
    <t>b'\xdd\x1f\xd9\x9f\xb4\x15-\x0c[O\xc7\x11W\xd8\xfe\xe7\x98\xd6\x8617P\xf2g.\xc4\xa9\xce\xdbMm\xe3'</t>
  </si>
  <si>
    <t>b"\x02\xa4\xe6\xf6\x06\xf2\x19i\x10\xcf\xfd7\x11\x16Z\x1eK\xa1\x84'x\x05\xce\x9d?\x88jh\xe6\xbb\x8d\xd6"</t>
  </si>
  <si>
    <t>b'\t\x19B\xbc,W\xac\xb9\xfb\x14\xfb\xac5\x1f\x18&lt;\xb8t\x96\x05\x00\x02nD&gt;\xcd\xc2\xe5.f\xf6\xa4'</t>
  </si>
  <si>
    <t>b'\x8d!\xb6\xd9^,\x89\x80?mY\xc1\xde\x05u6`\xf4\x82[\xe4\xb0\x9c\x18\rF\xaatI\xe4\xdd\x87'</t>
  </si>
  <si>
    <t>b'\xf3V\xc3\x82\xbe\xed\xf8\xc3!\x9eK\xde\xeb\xe6\xfe\xe6\xddC9\xf32W\xa3\xc8M\xef\xe2\xcbE\xed\x8a\xcb'</t>
  </si>
  <si>
    <t>b'v\xfc8\xfe\x85\x122\xaf^\xe8\x15\xcc\xcb\x90\xb6\xc54\xfdmp*x\x87\xe75\x12\x1a\xe4\xaf\xeb\x03\x0b'</t>
  </si>
  <si>
    <t>b'\xe5wC]"\xfd\x00\x96\x86\xe2\n\xf6i\xa3\x1c\xe1\xe2R\x1b+\xbc*\xa6$Y\xcd\xbe\x7f\xe5/\xcb\x96'</t>
  </si>
  <si>
    <t>b' ?k\xf3*\x95fw\x10\x19au\xe7J42\xba\x19\xf0\xdb\x96\x86\xc3\xd0\xf1\xc1^\xdf\x18\x0ed\xad'</t>
  </si>
  <si>
    <t>b'\xe3\xb7\xe3\x04\x14\x03\xb2F~\x7fB}\xf1$I\x14\xef\x10\x15\xc5\xa1\xae\x1b\xc2\xed\xe2c\xf2\xf3\xa9\xacn'</t>
  </si>
  <si>
    <t>b'\xb6?\x15fk\x02\x02\xf2CxF\x96\x17\x9a\x96\xbb\xdd\x98\x95\xdb\x9d\x9f\xc1\xea\xe2\xcd.\x01pAG\xc6'</t>
  </si>
  <si>
    <t>b'u\xd1c\xb5\xb9e\xa4\x9cH\xb6\x94\xf2W+\xbe\xe7\xf4\xef\r\xe1\xbf(0\xb2\x15.\x7f].\x103\x97'</t>
  </si>
  <si>
    <t>b'\\\x8c7\x01O\xbc55X\xd3or\xec\x01\t,\xe5\x86\xd9\x94EyAa\xd8\x02\x11\xe7\x8a\x8aai'</t>
  </si>
  <si>
    <t>b't1\xf1\x99\xb2\x11\xb9x\xbe:\xe8\xeaBT\x98\xd0\xcd\xbf|\xeb\x0bii\xefg\xfeT\xdd\xdb\x82\x99l'</t>
  </si>
  <si>
    <t>b'\xd4`\x1f\xa8\xe2\xd4\x15h\xad\xcf\xdd$\r\xcd\xa2\\\x98\xcf\x1e\xce\xd9\xa0&gt;4\xbc\x82\x95\x90Q\x9c\x88p'</t>
  </si>
  <si>
    <t>b'&amp;\xfa\xbb\xcf\xa0.j\xbe?\x03c\xfcd\xd8\xa6\xdb\r33j\xae\x82\xc5\xaa\xfa\x8f+\x9c~y\xaf\xb5'</t>
  </si>
  <si>
    <t>b"SNk\n7\xfa\xd9$\xc4\x0bV\xff\x8a'\x07\xfd\x8b\n\x9d\xf3\x0fk\xc5O\xbcs\xde\xd0\x00\xd85\xad"</t>
  </si>
  <si>
    <t>b"\xd8`&gt;\xced\x99\xad\x96\x8b\x04X\xfc\x90\x1a {\x06\x02\xff\t\x04s\x14\xec\xf1'O\xe4\xfa\x99\xb7/"</t>
  </si>
  <si>
    <t>b'V\xedB\x90\xce\xdc=\x9b\x06z\xe8\x92\xb0\xea\x9d\xaa\xad\xd1F\x90\x04\xabP\xa3\xe2\x11\x0eE&gt;6\x12\x1f'</t>
  </si>
  <si>
    <t>b'pheSr\x8c\xd5w\xfc\x99\xd6\x11\xa6\xc0\xbb\xd1\t*\xc6\x8b\xe1\xda\x9c\xf7D\xd3-\xf3+j\xc02'</t>
  </si>
  <si>
    <t>b'A]\x888\xb5=\xc9\x04\xe5\xa9\xa1\x96\xc5\x87\xaa\xf6&amp;\xd0\xc2\x8dVuG\xb2\xc8\xe6N\xd6}\x14\xd6\xa7'</t>
  </si>
  <si>
    <t>b'\\F\xfeR\x84\xf4 \xf1\x16\xd0\xd3$\xcb\xfeQ\xf9X\x9f\xa4\xb0\xae\xe0\x86\xd9\xab\xbcW\x1d\xbc\x8a\x08I'</t>
  </si>
  <si>
    <t>b'W\x1d\xf3\xffs\xe8\xec\x0bP\xed\x83\xcf\x0eE!y\x91\xcb\xefL\xd8A\x92\x0bd\xf6D5*\xc5\xe1\xb7'</t>
  </si>
  <si>
    <t>b"\x00\xc6b7V\xf5\xdc6\xdc%\xb7\xcbA\xae\xb1\x9c\xb7\xa9'&gt;\xb2\x9bu\xcc@\x8b\x826z;\xc8\x83"</t>
  </si>
  <si>
    <t>b'y&amp;\x12\x1c^W\x81\xf8\xb8VBx\x1f\xfc\x91\xc7\x18/r\xa1\xd5G;v#\x84~\x902]\xcem'</t>
  </si>
  <si>
    <t>b'\xc3|\x92\x81\xec\xc3E\xc8tI\x88\x08k\xec\x84|\x1a\xf1\xf6\x1e:\xff\xc8GR\xf9H\xb8Y\x13P\x03'</t>
  </si>
  <si>
    <t>b'\xf2\x15\xe5#\x1c\xae\x0f6W\x84\x8d8\xef\xb98n\x80\xb5\xca\xe7h\x9c\xa6\x95\xc3\n\x996\xa8\xc8\xc5\x9e'</t>
  </si>
  <si>
    <t>b'\x0b\xdd\xe0O.g\x1azs\x87+\xf9\xa1*\x9a!\x8a\xd6s\xaf\x15\xf0~\xd4\x1f\x0fi\x99\xd7\xa9\x98\xa3'</t>
  </si>
  <si>
    <t>b'\xe8%\x8b\x16\\\x95\x8f\x82\xf3L\x12d\x1a\xb9+g\x95\xd9\x1e\x05\x15\xa4\xe8\xaf\xe1\x98\xe1\xf4\xbdDe\xaf'</t>
  </si>
  <si>
    <t>b'\x90\x1a\xdb\x01\x86\xe6\x81\xc4P\xaf\x15LJ\xf8\xb2\xb9\x0f\xc8\xb3U\xab\xe9\xa9\xe43\x0fLr_t\x10\x05'</t>
  </si>
  <si>
    <t>b'u\xc1\x86\xe4\xe1Ry\x8a\x8fq&gt;1\xf8:\x17\x144b\x16\x99\xfb\xcf\x11\x86\xc3\x83~\x1bNR\x92P'</t>
  </si>
  <si>
    <t>b'\x83 i\xdd\x8fH@w\xdb\xa1\xa5\x96E\x9b\xc1\xa2\xce\xd4\xe7\xe1\xbd\xd6f\xbb.\x1f%!\x88M\xb0t'</t>
  </si>
  <si>
    <t>b'\xd0\xf4D\x11\xdb\xb0\x94]&gt;\x85\xb9\xaa\x1b\x8f\xea*Fy\xe8\x0f\xcc;KT7THt\xbc/\xa7\xa3'</t>
  </si>
  <si>
    <t>b'\xbc\r\xf0\x97\xa5\xb2\xc1\x91\xe0|=/\x7f\x16\x14\xa5\xac\xc1^N|~v/2\xa9\x94R:/8;'</t>
  </si>
  <si>
    <t>b'\xaa\xb2\x11\xd3h!.\xbd\xef.a\xa2\xbc_=\x1d\xf9\xb5?@\xe7-\x8a\xd8\x8c\xb55\xad\xc6P\xa1\x17'</t>
  </si>
  <si>
    <t>b'`"\x8eK\x82w\xaf\x99mE\xd8)\xf7\x1e 8e\xfe\x02\x9f\xa8|\x14\xb5\xa3\x19\xd0\x9c\x1b&amp;\xaa\xb2'</t>
  </si>
  <si>
    <t>b'\xe9*\xa2\x83\x85\xc8\xb9\xb5\xbf\x90\x81\x7f\x0cI[\xeaW\x1c\xe8d\x98\xc0\x1d\xed\x9a\xacQ\x0f\xdd4\x984'</t>
  </si>
  <si>
    <t>b'\x16\xc4v.\x88\x1c\x00bn\x18\xd9\xf2\xd6\xd6O\xd9u\xa1J\xa5X\x15\xb0\x11a\xd4v\xd4#\x9a\xf7\x9f'</t>
  </si>
  <si>
    <t>b'\x9a\xedxl[\x86\x92|v\xd0\x08r\x14\x81\x05Jp\x89\xd1k\xc0:/6\x10\\\xf3\x90y\x1b\xd8\xcb'</t>
  </si>
  <si>
    <t>b'D\x95q(\xf8a\xb0\x98\xdaO\x85\xdef\x87\xb4Cv\x04\xffP/\x04cw\x06A\x92_\xba*w\x18'</t>
  </si>
  <si>
    <t>b'6\xf1\xe0\xe9I\xbc\x14\xa9\xb3"\xd8\x86i\xfe\xa4\xf8\xf3\xb6M%\xee\x9aW\xf3\x10\xa9[\xa9f\x0fl\x89'</t>
  </si>
  <si>
    <t>b'\xb6\xfa\xa5\xf1\x93\xfd\x87b\x04\x06\\\xe4\xde\xa8r\x9fn\x11\xbf\x1ez?\xc1\xb0\x1f\x85\x13\xf3\xd5`\r/'</t>
  </si>
  <si>
    <t>b'\xeb\xc8:*Uh\xaf\xe3\x87\x08=v7\xcb\xed\xc4\x89^\x1b\n\xf1\xfaR\xb5\xc9\xcc,\xf5\x91\x06\xa2\x9b'</t>
  </si>
  <si>
    <t>b'\xf2`\x1c2\xd4t\xdd&amp;Ic\x1a=\xd44\x91\x05\xc4tq\xeaT0a\xa1\x1f@\xc79w\xe3R\x9b'</t>
  </si>
  <si>
    <t>b'\xf1\n*=C\xad\xaaRaW\xe1\xf9uX\x14\x8chT\xc07\x0b#\xa5TTC\xd5\x82Gp*\x1a'</t>
  </si>
  <si>
    <t>b'\x1f\xbd\xd8\x85Gh\xf0V\xfb7\x9b%/\xf0l\x96Q\xa9)\x83\x9e\x01\xd3I#\x8b\x8d\x00\x00r\xd4\xc9'</t>
  </si>
  <si>
    <t>b'\x8a\xd2\x02\xe0\xbf*\xdf\xf0\xff\xa2\xbc\xe3y\r\x16\x05\xe3\\X,"1{\xdd#\xa8$\xf9c\xf2\x84\xfa'</t>
  </si>
  <si>
    <t>b'G\x18\xa4\xde;&lt;#\x95=\x9e\x7f\x03\xad\x14\xe8\x020Z\x03\x18\x9d\xe6\xea\x12\x0c=r\x84\x02\x17\xbbf'</t>
  </si>
  <si>
    <t>b'F\xcd@\xa4p;0\xd7\xea\xc6\xb4\xb4e\xdc\xef\x12\xaf\xdf\xac\x84\x97\x93,&gt;\xb3\xd7\x0b\x1a\x9c\xc7\x8e\x82'</t>
  </si>
  <si>
    <t>b'OY\x1f \xdfmf\xfa\xae\xc2\xb7\xfe\xc5\xfc2`\xa8s\xa8\x8b\xa1\xc5\xd6\xe4\x1c\xaf@\xb5\xc6\xbd\xb5\x18'</t>
  </si>
  <si>
    <t>b'\x07\xf0H\xe4H=\x16\x9eIL"\xf8\xa6G\xfe\x9d\x97?\xa7 \xb1t\x95\xa7\xa7\xbfA\xcd\xbb\xe0\xa5\''</t>
  </si>
  <si>
    <t>b'\x8e\xc7\xff\x87\xe4\xac\x9c\x19\xf8\x9c4\xf5\x8b\xa9\xe9\x13XO\xb5\xef\xe9\xf0C^\xad\x0cD\xb4q(\xad\xed'</t>
  </si>
  <si>
    <t>b'V\xbd\xb0,\xf6Z`\x05\x85rO"\xa0\xad\x90\xb7`\xbf\xc1\xee!G\xe8\x8a\x14\xe5!\x16;\xc9\x1c\xfc'</t>
  </si>
  <si>
    <t>b'q\xac\x9a\xc0\xe3\xbe\x05\xfbS\x9enq\xe6\x81\x88\x04\x1dLp\x9a\x02\xd3@\xb2\xd7\xfc\x94\xa7\xe0\xe5\x00\x07'</t>
  </si>
  <si>
    <t>b'\x81\xf2\xa7\x03\xfa\x1dKb7s&amp;)\r\xd3\xb5\xc7\xdb\x84b\xaa*\x07\xe6\x07:I:0A\x00J\x86'</t>
  </si>
  <si>
    <t>b"G\xf5\x94\x12,'oa\x90\x08\x8e\x03\xe458C\x99\x85x]\x891(?\xb4\xb6\xa1\x00\xe8\xd7\x1fc"</t>
  </si>
  <si>
    <t>b'1h^\xfaA\xb6u\xe8m}\xa5W\xed\t\x8f\x85+\xb1-#\xd6]q\xc5\xd8SV\xe5\xcd(]\xd3'</t>
  </si>
  <si>
    <t>b'-E\xce\x17/f`y\x15]:\xe9\xd0\xc3\x8f@.\xb1s\x05\x8e0\xe1\xf0\x85&lt;\xb5ep\x85\xeb\xf2'</t>
  </si>
  <si>
    <t>b'\xd7\x9e\xb15h\xa4a\xc7\nd\x1e#\x97B\x95\x90f\xc7\x90eW\x00sX\xb1\x10\x94\xdaIr\xb8e'</t>
  </si>
  <si>
    <t>b'6\x89\x80\xa7[ey\xb9\x18\x95\x9etY\xd7h\xaf\x9f\rj\x13\x1b\xab\x02_\x8d0\x9d\xb2h\xc4\x05\x83'</t>
  </si>
  <si>
    <t>b'=\x14\xf8\xa9\x04+^\x04\xdcz-&amp;\x02\xd4\x97\xe2\xd5\xe1i\xa5\x82\xed\xd3Q\x05\xcd\xc2\x08\xb9&lt;\xcc\x14'</t>
  </si>
  <si>
    <t>b"\xae\x96\xd9\xb8\xdfs\xb9\xe7\xc8a\x95\xaf\xfe\xb8\xccqG\x9b\xbbP%\x12\x1f'\x04\x17\x90\xbe\xc4\xbc\xd2\x0c"</t>
  </si>
  <si>
    <t>b'\xc7\xcb-\x04)\xc6\x931\x17\xa3\xa1\xc3\r\x8e\x01\xcd\xd7\xe3I\xd2\\\x97\xeb\xfc\x9c\xd4\xec\x90\xab\xd8:\xa3'</t>
  </si>
  <si>
    <t>b'\xc3w\xb3\xdaf\x06\x7f\xc7\xfa5Z\xda\xae\xe2\xb8\xac\x1d\xbb)\xa51\x9ea\xf1\xb4w\x06"\x87\xdf^\xd6'</t>
  </si>
  <si>
    <t>b'\xb4\xfd2\x81]\x03\x93\x9c\xdeD6%b\x87\x82\xd0`\x85#W8$\xb1B\x87\xc7\xdc\x85{\x19\xcb\xb6'</t>
  </si>
  <si>
    <t>b'\x89b\xa9gP\x12F\x0eZ=\xdewt\x9b\x7f\xe4\xe4\x88\xd9\x0beED\xff\xfb\x98\x11\x93%{w\x90'</t>
  </si>
  <si>
    <t>b'q4rc\xd1"9|\xebJ\x11\xa4\xb1\x0fl\xceo\xde\xdd`X\xed\xce#\xc3\xb1\xab\x17\xeb\x82\xe4\xa6'</t>
  </si>
  <si>
    <t>b'v \x19\xfd\xce\x7f\x89\x1a\xfc\xbbX\t\xbf&amp;|\xca\xfaao&gt;\x19/UH\xb9\x95\xc7\xfcrd\xf0\x88'</t>
  </si>
  <si>
    <t>b'\x08[S\xb2B-\xf6\xffQ\xbf\xceHZ\x96\x0e\xb5\xed\xa5\x9dn,\xd9}\xdf\xf2\x81\x83\x9cc9\xd1\xd9'</t>
  </si>
  <si>
    <t>b'p\x10\xc4\x00\x01&amp;\xd8\x89\x95^\xc4&amp;\x8cO~\xc21|\xc9\x9a&amp;\xdc\xe2\x00\xbf@\x1d\xb9\x10\xe5\x95\xa8'</t>
  </si>
  <si>
    <t>b'g\x92\x8ed\x17\x8euz\x81&lt;\xb8h\xae\xb9\xb2J$\x11\x07y\x9a\xf0\x02\x92I\x92\xd1\xa8l\xfeBz'</t>
  </si>
  <si>
    <t>b'h\x03\xfc\x92RzU\x1dZ\x03"\xdf9w\xae\x82b\tc8\xaa]\xf6\x03\xe1\x05|2SN\x11\x92'</t>
  </si>
  <si>
    <t>b'N|\xf5Kc&gt;\x98\xf7in\xc2\xf78)YH\x9b)\xd4r\xf2\xb3\xd33\xf9\xc7Fw\xedl\x9a('</t>
  </si>
  <si>
    <t>b'\xd19FL\x88\xb4f\x95\xae\xbe\x10\x9e\xfen\x15\x136\x9d?c5U.\x07J\x05\x8d\xf2x\rA\x03'</t>
  </si>
  <si>
    <t>b'\x14\xbb$\xfc\xf5\x97\xa4\x1eM&gt;\xafr\xae\n\xbb&gt;\x9b\xb4\x0c\x17S\xee\xefQ\x06\x8d:*\xf9\x04\x0b\x94'</t>
  </si>
  <si>
    <t>b"\xb4m\x7fp\x9bT\x9f\x7f\xea\xd9;8\x1dr%\xc8i\xdbJr\x81&amp;'\x9c3{\x92\x8c\xea\xf1\xb4E"</t>
  </si>
  <si>
    <t>b'\xa8\xe6\xc2\x02\r3\xbc\x06\xec\xcf{l\xfe\xa2\x03\xde\xb3?\x99QZ\x10\xb4\xc0\x07\xd9x\xea%\x91Vk'</t>
  </si>
  <si>
    <t>b'\xf5\x1f\xb9\xb2\xa9s\x14\xf0\xf8\xf6\xad \x18C\xd5\x0c}\x0f\xf2Z\x12K\x14\x12\x90\x97S#\xd1 \x94Q'</t>
  </si>
  <si>
    <t>b'\x89!\n\x1c\x0f\xca\xd2\xbe\nD\x00|\x0f\xc9Q\xca\xa8\x08\x0e-\xe8?\xec\xe3-]\x19\xf1\xc8;\xc8\x1a'</t>
  </si>
  <si>
    <t>b'(\x9f\x04\xde\xd7N\x05\xe0\x16\xe9\xb9Q1\x0c\xaa\xf7\xcc\xb5\x1c\xca5;\xf6W\xb2\x11h2S\xc3\xe9\xed'</t>
  </si>
  <si>
    <t>b'&lt;\x92\xd7\xe5b/}\\i\xf7\x0c\xcd\xd2\x99_${n\x7f\xc4!\x93\x99o}G\xcfC\xbe\x9ah\x13'</t>
  </si>
  <si>
    <t>b'\xfb\xb9\xfaL}eC;\x1e\xb1n."\x87@\re\xf3U\x91\xad\xc9\xcc\xb3yR\xdem\xa9NUA'</t>
  </si>
  <si>
    <t>b"\xcc\xd9'x\r\x06\xce:\xb3w\xa5\x13\x99f\xce(\xa1\x00 \x1b\xe8\xfd.\xe2\x04\xa8\x12\xbf\x03Y\xbb\xcb"</t>
  </si>
  <si>
    <t>b'\xc4?\x7f\x97\xad"[\xaf\xd4CD\x84 \x97Ny\xa7\x16[\x16\x07\xf9es\xab\x97G\x06\xe0\xbf\'\xda'</t>
  </si>
  <si>
    <t>b'\xa4\xe2\xe7\x8e|\xc8p@\x877*\xb5\x8e\xc5\xff\x17\x00*\\\xe9\x13\x01\xd42\xe2\x10\xab\xab\x12I\x1a\x82'</t>
  </si>
  <si>
    <t>b"\xeb+\xf5\xdc\xb0\xea\x02!\xe4v\x1401T(\xb1q\x9a9\xb5\xf7\xe5\rk'\xd3\xd5\xc7;[\xaf\xab"</t>
  </si>
  <si>
    <t>b'I\xb9Z\xafe@F\x92\xfa\xd5\x0b\x11\xa9[=\xcbz.%\x05\xda,\xfe\xee\x867C\xb8\xb3B\xfe\xb3'</t>
  </si>
  <si>
    <t>b'"\x9b\x85\xba\xad\xf7\xc3\xe1,&lt;?\x11Sq \xae\xa4xa\x97;\x8e%\xc4w\xcf\xfe\xd9s\xa5$"'</t>
  </si>
  <si>
    <t>b'7\xc6\x11\xef\xf9A\xbaq\x91{\xe8\x10\x90d\x1b3\xad\xdd\xb6\xca\xa3\x85!5y\xe6`\xd7\xe7\xaa\xfa\xa5'</t>
  </si>
  <si>
    <t>b'\x18\xf2\xbb\xb9\xb2\xd3\xa3h\xe1X\xda\x89\xd1y\xc33L\x87\x08:G\x13o%+Y\xc8H\xdeLs\xad'</t>
  </si>
  <si>
    <t>b'P\xed\x03\x9dLG\xc77\xf9M\x08?\x91b\xb0.\x11,\xbb\xda\r\x9d\x86\xf2\xaa\xdd \x8d\xd7v{k'</t>
  </si>
  <si>
    <t>b'\x11\x17\xc2c\xb6\xbeL\x05^\xfc\nct\xa6\xd9\xaf\\&gt;V\x07\xbf\xda\xf4\x14\x1da\xb7\x02xo\x1e\x93'</t>
  </si>
  <si>
    <t>b'\xda\xddR\xe8\x06\x95\xf7\xd8\xe5+?\x9c\x9e\x93\x83lTpQ\x94\x1c\xa6\xca\xf4\x90oh\x05DN\xbd\xa2'</t>
  </si>
  <si>
    <t>b'%\xdfn\x11T#\xd9@\x8a\xed\xf4\xa4\xb2\xca\x01`=\xe8M\xe5\xaf0\xd6K\xda\xe7C\xdch\x1eW\xa3'</t>
  </si>
  <si>
    <t>b'\x89\x90\xfe\xeb-\x02\x8c\x16t\xfa2\x0c\x8fL\xc3@\xb5a\x8e\x04\xf1\xa3P\x93N]\x05"H]C\xd1'</t>
  </si>
  <si>
    <t>b'\xd0\xbd\x9b\xc1/(.E`\xca\x1f]l\xf4v+W1\x0c3\xc7\xbfu\xff\xd8\xb7\xf5Q\xd4H\x01\xc3'</t>
  </si>
  <si>
    <t>b'\\&amp;y\xa3\xf1Q\xc7\xf1+\xcf\x83V\x1c\x07b\xa6\xbc/P\x1c5w\xe8\x1f\x8e&lt;\xeaf}l\xf4\xd7'</t>
  </si>
  <si>
    <t>b'\xd0\xb4\xba\xae9\xb7\x9d\x83\rl\xf1\xff"\xe2\xbeq}\xb5\x85\xb7\xe0\xe2)\xa1\xfc\xed\x1b\xbc\x8d\x00\xd9&lt;'</t>
  </si>
  <si>
    <t>b"\xfe\x86\xdd\xaf\x94\xca\xc7\xf5I\x82\xaf4\x9d\xbb\xa0\x17\x9cE\xcae'sm\xe0\xbd\xbfX\x93\xfc\x9e\xd7&gt;"</t>
  </si>
  <si>
    <t>b'\xe97k\x80\x86w\xf5&lt;\xe8\xd0\x04\x96\xed\xaa\x9a=s\n\xd0\x8bRV\xd4\x08&lt;|\xe0\x0eS\xad4\x17'</t>
  </si>
  <si>
    <t>b'\xcfl)S\xd8\x8f,:\x19\x99\xe2\\\xb2\x9c\xcdW\x83\x84BEGZ\xe6\x8aUS:\x9a*\xd2\xc8%'</t>
  </si>
  <si>
    <t>b'\xe3\xc0\xc1\xcb\xf0K\xc5ON\xe7R3um7\xd8\xcc3\xff\xb2e\x8c\xfd\xe5\xcf\nC-\xdc\x87\x00*'</t>
  </si>
  <si>
    <t>b"\x98\x9bX\xf0z\x18\xb2='\x17\x87\xc7\xcd\x15\xcf\x11N\xb1\x80\xb5H\xdc\x1a86\xf1\xb1\x9d(q$\xb0"</t>
  </si>
  <si>
    <t>b't\xc5\xd1\x94lCA\x95]~\x00\x84\xf6N8R\xee\x0f\xa9\x0e\x11\xbf\xb2\xcaF\x99\x0f[\x1cS\xb0\xb7'</t>
  </si>
  <si>
    <t>b']MN\xf37\xdc\x02z\x0c\x07:%\xc5\xb0\xf3\xa3\x19$\xd6\xf7?dz\x13&lt;\xa3\xf9\xe4\x0ec\x89\xb7'</t>
  </si>
  <si>
    <t>b'\x87\x92=\x02\xb8\xa2y\\n\xfa#&gt;\x94\xf1B2\xeeR;\x7fQt\xdb?\xac\xecX\xfed\xfdO/'</t>
  </si>
  <si>
    <t>b'\xf2p\x97#\xdd\x86%]7\xd1X\x16\nf\x19S`\xa3:\x0b\x9fnq\x90U\x9bB\r"\xfe\x99\x86'</t>
  </si>
  <si>
    <t>b'\xdc\x9c\x96n\x8a\x1b\x8c\x08Y\xeb\xbf\x08\xe7\x84a\x06%\xd9\xb8\n*O\x85mPs\'\xed\xce\x06\xdb"'</t>
  </si>
  <si>
    <t>b'\x8ah\x1d?\xb3\x8fXr\xe3\xd1\xac\xaa,z%\x07\xe41\xf3s\xcb?\xf1\x80\x11\xcd\x85k\xd4\xacQ\xa2'</t>
  </si>
  <si>
    <t>b'\xd4n\x927G\xc5W\x9fY\xd9\x1c)p\x11\xd8\x9e\xf1h60y~\xa1N\xc0Mf\xbe\xf2`\xf6r'</t>
  </si>
  <si>
    <t>b"&amp;\xc0\xf0F\x96=\xb4&lt;\x03`h'\xf8;\xf4\x06\xe7+\xa6\xb3\x8e\x9b\x0e\xe8?\xb9\xf1\xc4R\x81\x96]"</t>
  </si>
  <si>
    <t>b'\xff\xb8\x9c\xf8\xcc\x86\xee\xf1\xda_+\xad\xba\xcc&amp;\xce\xae\xedgE\xeem\xbb\xd8\x8a\xe1g=\xaa\x7f\xf1d'</t>
  </si>
  <si>
    <t>b'#D\xee\x08&gt;?\xa6I\xfc\xdd\xefc\x96\xe1\r\x1a QEVa\xf8Na\x8aa\xb7-\x95K\x84\xe1'</t>
  </si>
  <si>
    <t>b'\xdca\x10%\xb0\xf7D\x97v\xf0\xfc\x13WU\x88\x99A\xd1\xef\xd30\xc4\x95\x9b\xf9\t\x07m=\x843.'</t>
  </si>
  <si>
    <t>b'Ka\xaeO\x1e\xb3_p\x0e0\x13\xbf\xfd2\xc8\xfc\xb0/\xbb]\xb0w,rWTC\x8b\xe8\xb0\xf0\xca'</t>
  </si>
  <si>
    <t>b'U$\xaa\xb0\xf9\xb8\x01\n\xe6A1\x02W\x11\xcey\x88\xe1\xaa\x19\xf6\x96qX\xce\xa7\xea\x9eJ\x85\xf9;'</t>
  </si>
  <si>
    <t>b'\x94\x94\xbe\xf9\xedl3\xd4\xa7\xab\xf5\xa6\x8f\x04{\xd3\x1e_\xd0\xd70\xfa\x03\xe5\x04v\xf7\xf8\xa4&gt;$\xca'</t>
  </si>
  <si>
    <t>b'V\x18\xf8\xd2K\xb3\xe3\x04\x8b\x9e\x05\x06u\x94\xe0\x08\x1c\xf0\x06\xc9\n\x16j\x07\xa1\xf6\x16y\x11\x81\xc0L'</t>
  </si>
  <si>
    <t>b"(@\xef\xb7\x07\xda+\xf5\x8d\xf5\xd4\xe7\xc7\x03(\xa0\x9bz+Q\xa3l/.\x8f'~\x1b\n\x0e\xd81"</t>
  </si>
  <si>
    <t>b'\xf2o\xf1&amp;3M,\x97\n\x14\xde\xc4$)\xbf\xec\x87\xac\x9bZ\xa9\xf6\xd4\xed\xbe%\xff\xb3\xc3\xf1\x01V'</t>
  </si>
  <si>
    <t>b'\xce\x986l!QC6\x02\xf9\xb6Xct\xce\xd5S\x05h\xec\xad\xb3Z\xa00\x05&lt;\xf6\x1b8\xbd\xbf'</t>
  </si>
  <si>
    <t>b'\xeb\xc4t\xb1\xfb\xc1U\x1e\xe0\x90K.8,\xf7C\xa5\xe8"\xbe\x918\x8f\'\xcf\x9es\xb5#k\xc9\xcd'</t>
  </si>
  <si>
    <t>b'\xc88\x80aW\xa0\x1a\xe3zm\xb8:\x8a\x99\xf4=\x86O\x1d\x12@_Kc\xdc\xe2&amp;(\x91\x8f\xfcb'</t>
  </si>
  <si>
    <t>b"Jz\x9d\xec\xea|\xda\x85W\xce\x8c\xaf\x02\xfd\xe6&amp;+\x1c\x9a*\xe7\x07'4\x1d\x0fOf\xec\xac\xd3\xb2"</t>
  </si>
  <si>
    <t>b'\x1d\xf0\xb6\xe263\xad=\xaaZ\xe5x\xdb\xa5j\xc7\x88\xc1\xe3\x8b\xae\xe6\xb5\x87\x07\xf0\xe9\xdb\xc2\x05\xbd\xe8'</t>
  </si>
  <si>
    <t>b'\xbf\xa85\xfe\xc2\x00\xaeW\xa2\xd7\xd0-\x88\x8fo\xcau\xe5\xe3\xb9\x02\x8d\x08W\xf4\x0e\x8fj}\xfe\xe5p'</t>
  </si>
  <si>
    <t>b'&gt;\xba\xe0\xe6\x98Y\x89\x9c\x00\x17}\xc3B\x828\x14"\x0f\x00MmG)\xb5\xb6\xc7\xea\x08a\x01y\x17'</t>
  </si>
  <si>
    <t>b'*\xea\xa1\xa61BZ\x9az&amp;/Qy\x05EO\xda\x0f\ngGx.3+:\x82\x19&gt;\x9a\xa8\x0f'</t>
  </si>
  <si>
    <t>b'\xd7O\x86zd{BYr:9\xd1\x17Z\xcdLS\x01{|\x83\x8d\x0e[q=\xf2\xcbO\x18\x1f\xa8'</t>
  </si>
  <si>
    <t>b'@my)@\x96\xa2\x9f{ad\x9c8\x12\x8e\xd9f\x88K"\xebS\xad\xbb\xd2\\df\xf8\x99\xe5\xb3'</t>
  </si>
  <si>
    <t>b'\xe1\xfd\xc9\xcb\xca\xc0t#\xb6\x93\x06\x84\xf0\xab\xdb"kVo\x07\xc8&gt;\xf1\xc6k5\x8b\xdc\xc3\xf4\xbd\x14'</t>
  </si>
  <si>
    <t>b'8\xedk\x8f\xa9EnY\x93Z\xe0\x16k\x1fB\xe7&lt;\xda)\x01=\x16s\xc0K\xbc\xe62\xa1\x9a\x18\x8a'</t>
  </si>
  <si>
    <t>b'\xe8\xbf\xd2\x97\xd8\x16\x04\x8e!Q%%\xa5\x18l\xa6Pn%\xef\xb6\x1f\x9d=\xf4\xe0_9\xf4\x10P\x0b'</t>
  </si>
  <si>
    <t>b'lAv\x01\xa9\xe9\xeb\x929z\xabG\x98$Vo5\xf7l\xf0}]\x1c\x0c\xc5\x11\x1b\xfc\xd0\xc3\xd3\xa7'</t>
  </si>
  <si>
    <t>b'\xf8MDQ\xfa&lt;\xd9/\xcfN\xb2\x15\xb7\x06]\xf4;\x17\x8e\xb9\xe9b\xf9\x9d\xf7n:U\r\xe5\xb4\\'</t>
  </si>
  <si>
    <t>b'/\x84\xf0\x94\xf0\xc2\xc2\x9f\x92~\xfc\xf0\xf1*\x10u\xa3\x14\xa2\xa3\x82\x92(z\x00j-\xc9\xb5T\xbb\xd0'</t>
  </si>
  <si>
    <t>b'=\x06G\x99c\xeai\xcf\x9d\t\xa7\xa1G\x10\xb6Y\x8a\n\xa0b\xfe\xc3\xe9AY\x80\x7f\xdb!\x81W\x94'</t>
  </si>
  <si>
    <t>b'\xa7;\x1e\xbc\xa1?\x0b%\xbe3\xc4d\x0e\xf5\x98\xdcc\x153\xdd\xb5\xa8\xa6\xe1\x93\xd6\t\xc1[\xb8\xf2]'</t>
  </si>
  <si>
    <t>b'\xd1\x91\x13\xd7\xbf\xc0q\xf1&lt;2d\x88\x9d\xe6\x88\xe0p\xbd\xca\xe7\x11\xbeb\xa9\x1f\x88\xe3\xab\x90\x8f\\\x10'</t>
  </si>
  <si>
    <t>b'\x02L\x18\x173k\xb4\xa5n\xa5\x86\xd6\xb5\x0f\\\xca,( \xfd\xad\xea\xdb#\xfb#!\x83\x93\xf2y\x84'</t>
  </si>
  <si>
    <t>b'\x8b/\x1c\xa5\xf8\x9b\x0f?/f\x8c\xb9\xad\x9b\x93.\xd0y\xa6\xf8]\x0e\xccw\\\xdf\xea9qp\xb1\xf1'</t>
  </si>
  <si>
    <t>b'(~\x9fvD\xbb\xb3=8\xc0\x1b\xf7I\x03\xf0\xdd\x80\x1c\x87\xa64\xf1\xa9\xc4x\xda%q\x0c\xc7{\xb9'</t>
  </si>
  <si>
    <t>b'4=\x92\x0e\xbc\xc9\xb2\x85XF@\xca\x195\x0c5e\xd8\xd8\xe3\x18\xc3\x95\x98/\xff \x95Jv\x00\xfb'</t>
  </si>
  <si>
    <t>b'TJ\xb8&lt;\x12u?c\x0fx\x0c\xde\xfa6SH+\xd2\x1d\x1e\xf4Q\x87Jh\xb3\x0e\x04\xe7\xf6R\xec'</t>
  </si>
  <si>
    <t>b'\xc3&gt;o\xbd\xee\x84\xd0P\xd3\xcc\xe0\x10\xf6.\xb6\xb2]\x92\x04\xb2u\xec\xdc\xcb\x94\xafK1\xd83\x86g'</t>
  </si>
  <si>
    <t>b'\x8fA\xf7\xb4\xa0\x03\xa8&lt;n\xbb\x0byI\xba\xb8\xeb\xaa\xde\xa2\x1a&amp;\xc4\x19\x9eo\xe2\xb8.&amp;\x04b\xf7'</t>
  </si>
  <si>
    <t>b'\x9e\xeaKH\xd7x\xb2&gt;\x81\x10\xb5\xc0\xfa\xef\xc6_]\xdc\x0f|1\xf2\xd4\x0bY\x01C-\x90\xa4\xa7\xa5'</t>
  </si>
  <si>
    <t>b"O\xdej\xb0-\xbf9\x97^\x9c\xee\xf5)8\xf9}\x05.F\x9b\x1a'\xb6\xef\x07LNZ\nt\xf5\xe2"</t>
  </si>
  <si>
    <t>b'\x86y\xa4\x11\x8cq\xcfTx\xa5Is%!~\x1f$3wf\n\x9c#Lc\x0f\xe4\rUNu\xe5'</t>
  </si>
  <si>
    <t>b'n\xe0\xbby\x06\xe2F\xda\xb3\xad\xdfp\xa7\xbf\xcd&gt;\xaf \n|\xfba!\n$\xc0,g\x9c\xc1;\xcc'</t>
  </si>
  <si>
    <t>b'\xc5\xecu\x8e\xd2h\x90\x0e\xa5)\x0f\x1c\\\xadW\x8ae2\x019\x8c\xe9~\xc9d\xdfQ\xa8\x12\xbe\xf5z'</t>
  </si>
  <si>
    <t>b'@y#1\x8b\xb2\xc9\xf48\x08.K\\S\x10\x90\xcc3n\x1f\x18v\\\x89\xbc\x1e[)\x10..\xd6'</t>
  </si>
  <si>
    <t>b'\x9e\x99N\xfa\xff\x8b\xee\xf8\xde\xfe\xa2\x8c\xc7\xba"\x19\x04\x83\xed\x1cn\x12\x1eKE\xd7\xc7\xfe\x03\xed\x85\x9c'</t>
  </si>
  <si>
    <t>b'\x1c0T\x9f\x94\xca\xad\xfe\x91\x1e\xf7\xc3z\xcd\x97t\x84\x14]\xe1\x00#\x8a*\xee\xbb\xd5\xc1P\x8d\xa1\xdc'</t>
  </si>
  <si>
    <t>b'Y\xc2\xf0\xd0\xa4\x1b\x1c\xfa\xd5\xf1d\xbb6%u\x97gX_dF\xdb\xc7\xd4\xae\xa2\xca\x01u\xcab\xea'</t>
  </si>
  <si>
    <t>b'\xe8\xa7\x8d\xa6\xdcc\x15e\x1a\xfb\xf3{\x1ch\x80\x07%,\\\xf5\xcc\x8b3-\x19\x9c\xae\x91\xf0\x84\xa3H'</t>
  </si>
  <si>
    <t>b'ZD&gt;!\xc6\x8b.0\xb3\xf9\x8b&amp;\xf8?\xca\xf9\x12d\xbb\x89\x18x\xa2\x97/7\xab\x85J\x81k\x85'</t>
  </si>
  <si>
    <t>b'1\xeb.\x9eJl\xac\x0bj\xeaA\xd2k\xb2\xd7ZC%\xe1\xf5\x00(;\xcf\xd9\xb8\xff\x9e\xadjOw'</t>
  </si>
  <si>
    <t>b'G\x92\xee"o\x7fY\x15\xf1\xd6\xcc\xed\xca\xa1O\xedu\xc8\xdd\x7f\xc1V\xf9\xad\xd2n\xb43k+\x8b/'</t>
  </si>
  <si>
    <t>b'\xe51\xb4\xba\r\x16Ru^\xa79\xdd\x01\xb6\x94\xa0`\xac\xadl*Q\xbd\x15r\x01\xde\x03=n\xfe\x9d'</t>
  </si>
  <si>
    <t>b'\xd0J\xfe/\xa5\xcb\xa7\xe7\x81\x17$\xd7x\xe3F\xa1\tg\xc4UB4~Y\xf0\xc5\xe5xe\xb2\xaf\xb3'</t>
  </si>
  <si>
    <t>b'N0\x83\x8c\xc0\x92\x0f\x10\x9c&lt;\xd1v\xd6%\xbf\xf5\x00\xbe\x1c\\\x82\xb2M|"\xa2E\x14y\xf8pN'</t>
  </si>
  <si>
    <t>b'\xa2a\xe4t\xf0\xd9\x0501?\x9e\xbf\xd3g\xb0(\xb8\xbe3\x11\x13\xebj\xd2so\x95\xe8\xcc\xa3\xd6\xbd'</t>
  </si>
  <si>
    <t>b"V\xeb\xd5\xbd\x7f\xcc\x9e\xa9\xbeP\x888\xd3\x82\x06\xd7\x1e\x93'\x880RC\xc3\xae\xb4\xfa\x15\xdbg\x11\xa6"</t>
  </si>
  <si>
    <t>b'\xb1\xce\xcb\x7f\x8c\xae%\xf8\xde\x18`\x05i\x16\x8b\xd1\xb1o\xed\x89E\xdewD3m\xbea2\xe9\x00['</t>
  </si>
  <si>
    <t>b'Hy{4\xc4+\x1a\xe4zW\xd8\x1e\xf4\xb0\xa6\xe9\xdc\xf8\x9a\x9a\xda\xeeQ\x1af\xc3\x94L\x7f\xf9\x12;'</t>
  </si>
  <si>
    <t>b'\x90M9\x12c3\x06\x83\xd8\xde\x12\xa0\xc3\x92:\xd4\x10K\xff4\x18\x16;g\x06U\x80uB\t\x9b\xfe'</t>
  </si>
  <si>
    <t>b')\x1b\xba\x9b\xf2\xd5\x8b\x9d&lt;n;\xeb\xf1\xdf\x03\xc7\x05\x133+\x90r\xd6I3\xd1`\xbcZB\xb4\x81'</t>
  </si>
  <si>
    <t>b'/\xd1\x1c\x0b\x193\xf6SdB"\xef\xa0\xac[\xdf\xedb\x18$m\xc1P\xae\t\xf8\xba\xf8\x81N\xff\xea'</t>
  </si>
  <si>
    <t>b'n\x15\xf0\xeaJ%|\x957A\xe9\xff?\x94d\xa81\xaa\xcf\xd0\x8e06.&amp;\xa0F\x1bI6\x8bz'</t>
  </si>
  <si>
    <t>b'\xf8\x99j\x03\xd3\xf0&lt;\xc8TzR\xf6\xcdpY\xa2]^\xbd\x1a1\xc3\x1c\n7?\xbf\x07J\xe1\x01\xde'</t>
  </si>
  <si>
    <t>b'\xc8S=\xee\xb4*\xf9Y\xb8\x93\x94NmSu\x17\xe6\xf4N38\x80i\x14yR\x07\x04ee\xa6\x95'</t>
  </si>
  <si>
    <t>b'b;\xe1\x9a\xa8\xd6\x1b\x8e\xc6b\xd4\xff~\xb8\x05V+\x18\x86\xcd]\xc8l&lt;\xdd\xad\xd4\x9e\xf7]\xda\x80'</t>
  </si>
  <si>
    <t>b'\x93\x04.s\x03c\xfd\xe5\x15\x12\xf1\xe5\xe6Rt\xc3o\x88!\x02\x9dT\x91\xbbXnd\xab}\xcaCc'</t>
  </si>
  <si>
    <t>b'\xc9&lt;:\x94\xea\xd9\x1d\xf1/~@\xcd\xf0\x9d\xbf\x07\x14\xa7z\x93\x1e\xb9\xbfE\xa7\xebS\x03\xd2&gt;\xbb\x06'</t>
  </si>
  <si>
    <t>b'\xb9\xe1\xa8\xec\x8a\xa9\x16u\xfe\xafQ\xad\xac\xb0;\x01\x04}\x81=\xf3\x13aqc\x90\xa5\xf3\x14V\xbd\x0c'</t>
  </si>
  <si>
    <t>b'\xf8y\xc7g\xf8\x87b\x9b\x9f\xaa\x1cu7H*\x08Z\x91`\x7fa\x82D\x0f\x05\xca\x00\x1f\xeb\xb0&lt;A'</t>
  </si>
  <si>
    <t>b'\x8exX\x08\xb6\xfd\xe8\x13\xbfk,d\xb1,~\xbb!\xa8\x98\xff\xe3\xd6t\xb6\x1f\xf7"\x83\xbc\xb9!\x1e'</t>
  </si>
  <si>
    <t>b'\n\xdb\xb8\x835\x97r{v\x8a\xee\x07a\xde\x99"\xb5\\\xbf\xe3\xb4\x9f\xfd:\x9d\x90\x91\x943\xd6y\xb9'</t>
  </si>
  <si>
    <t>b'\xf2\x80Y\xeb&lt;@\x97[\x93:\xe5\xbcd]\xb0\xf3\xe3`\x84ie\x89E\xd1`]\xbe\xb0&gt;\x86PS'</t>
  </si>
  <si>
    <t>b"\\*'\xa2\xa2\x11z_\xda\xb0\xa5\x92\x98\xb4P\xe9\xc8U\x88\xfdN\xb3?7iA-\xea\x0cKa\xb2"</t>
  </si>
  <si>
    <t>b'\xd8\xe0\x84\xe8\xdf\xbc\xd3\xba\xbb{R\xad\x8f\x11\x11\xf5\x8b\xfao\xb0\xd8O\xf0\xc2\x00\x11\xd9\x83\x1by\x94\xa3'</t>
  </si>
  <si>
    <t>b'\xf2\xbc\x12\x8f \xee$f4\xe4\xbd\xbd/\x88\x1a\x8e\x05l\xf20!g,N\x922\xd1\xbe\xd6U"\xf2'</t>
  </si>
  <si>
    <t>b'w \xc8,\xe1\x13\xea\xb2j#\x8a3?\xdcP\xed\xe7\xfb\x00mG\x1fz~\xb3\xe5\xf8"z\xd4\xa1\xc7'</t>
  </si>
  <si>
    <t>b'\xe3\xac\xc9M\x01\xa5$\xd0-O\x10|\x9b_\x07t\xb8\x0e,6y\xf7]\xbe\xfb\xeb_(W=\xa7\x93'</t>
  </si>
  <si>
    <t>b"\x07\xbd\x18\xa9\x0b\xe2\xc3Be\x8ef9\xc9p&amp;,?\x9c\x92\xa7\xfd!y|\x0b\xcc\xb0\xc2'\x13v/"</t>
  </si>
  <si>
    <t>b'I2\x9eo\x1d\\m2\xaa\xea\xa1\xe0\x15LL\xf6\x82\x85tw\xfe\xdf\xbdE\x91n.\x92\xb1\x9f\x1f\xc4'</t>
  </si>
  <si>
    <t>b'M\xf3I\xfb\xf0n\x87\x92\x0c[\xc4Q\xb4\xc3\t`\x13\x89n\xa6\x103?\x8a\xd83K\x10Q\x1c\xc8\x91'</t>
  </si>
  <si>
    <t>b'O\xa7\x85XT\xca|\xa9\x88\xd6\t\x03|\x19QkLm\xb1]\xac\xf8\xd7\xed(\xcdR\x8a\x1b/{\xfa'</t>
  </si>
  <si>
    <t>b'\x99\x9f\xcf\xac\x9d&lt;V+.\xc2\xf4 $\xb1\x89\xa6\xaft\xc3y\x94\x9fS\t\xcc\x1f\xcf\x122\xfe\x0bt'</t>
  </si>
  <si>
    <t>b'\xe2\xe1\xc0_\xe2\x8f\x13d\x8d\x0f\x8eR\xea\xa7BK\x18\xa9\x98\xfe7\xce\x1fnH\x036\x06]\xd1\x80\xf3'</t>
  </si>
  <si>
    <t>b"\x80\xc75\x9d\x18\xf7\xad5'\xc7\xe0\xaf\xad\x8e\xf0\\\xd8\x01\xe7/%\x14J\xde\xbc\xec\x18Qh3\x8f\x91"</t>
  </si>
  <si>
    <t>b'\xf7CtB\x0b9\xab\xc8\x1c\x89\x87\xc0\x04\x00\x07\x14\x81c2Q\xd2?y^1\xa0\xa1"GOf\xe5'</t>
  </si>
  <si>
    <t>b'\xbc7\xdb\xf1\x87\xd6\x05\xa8\xf1\xa0\xe0\n\xf8\x9e\xc4R:\x89%\xea@\x1d\x9f\xec\x90A\x18\xb8#\xe1\x022'</t>
  </si>
  <si>
    <t>b'\xcf|\xe1\x10K(R\xe1=\xa6\xc7\x95f7\xe7\xad\xc7\x14\x98\xb4q\xe4\x9a\xceoyG\xf9a\xd1\x9d\xee'</t>
  </si>
  <si>
    <t>b'1\xe7\xf3Z\x01\x9d\x15\xf4\x03i\xde\x17\xd45&gt;\x9bc\xceM?\x85]\xd5\xa0\xabm\xa9\xc9\x7fG\x8b\x03'</t>
  </si>
  <si>
    <t>b'\x11TiU\x87BD\xb1\x0f\x93\xe9K\xf2\xb8\xea\x8arg\xb0J\xd3\xac\x01\xd4\xaak\xd1]P\x08`|'</t>
  </si>
  <si>
    <t>b'\x1e\x10\x90\xd7\x91lB\x81\xa6(\x07\xfd\xc7\x02*\x1cc5[[\xeb\x83OW\x0f\xa25\x1d\xe8*\xc8\xc7'</t>
  </si>
  <si>
    <t>b'}B\xf8\xf1\xb04ol\x9e\xe7\xc0RG\xe8!\x9d\xc1\x0c\x86\xee\xfb\xf4\x9e\x9c\xa3\x97\xc5*U/8\x0e'</t>
  </si>
  <si>
    <t>b'\x044u\xf3t1k\xe6\x92\xd6\x97\xc5B\xbc[\xcd\xf2\n\x00\x0b*\xfc\x95t\xf6\xbb\xaeK\xebE&lt;*'</t>
  </si>
  <si>
    <t>b'\xd3\xf0\xe1S\xdf\x93\x86W\x1b\xcaw\xf6\xb0\xff\xa4[xn\t\x89\xed\xc0\xaf\xc6\x93\xfaXM\xa5\xa0\x8e\xe6'</t>
  </si>
  <si>
    <t>b'\xab\x08\x1b5\xd4\xaa\xe6\x0e\xc6|\x15\xab\xd0\x19\xaam\xac\xa0K\xeb\xab\x95@\x13\x1d\xd4h/\xb7m\xe3H'</t>
  </si>
  <si>
    <t>b'\xf3\x94a\'\xfb0\xfe\xcc\xf6\xd9\xb1\xc6j\xbfx\x83\xa0\xc4J[\x04huH\x12\xa8\xfc\xf6\xd1\xbc\x08"'</t>
  </si>
  <si>
    <t>b"\x10\x81\xc8.\xf6\xab\x81'\x88V\xefK=L\xda\x19wJp\xda\xd9_\x10\xe3\x18\xabT,\x04\xdb\xc6\x08"</t>
  </si>
  <si>
    <t>b'\x04\xc3\xa2\xbf\x117:Q\xe0\xc1\x9fb7 \x1bYO\xc3z9\xffq\x1b\xe9\xe0\x1fc\xd3\xdb\xbb\xdcy'</t>
  </si>
  <si>
    <t>b"\xc4@\x8f0\xe5c\x18\x9e\xe4\x9f\xce}\x8b\xd5C\x03\x15\xac*(\x8e\xe8\xa0H\xbbE\xa1\xdb'-W\xe8"</t>
  </si>
  <si>
    <t>b'\xea\xae\xc8-.\xab\x88c\x1bh\xc2\xb1\xe2\xf6`\x06m\x81\xdb\x02\xfc\xedh\xed\xabw\xf6\x05Nq\xdbR'</t>
  </si>
  <si>
    <t>b'\x17r\xa3=\xfc&gt;\xcem\xb4\x95}{\xf7s\x8b\xbd\xa4\x1c\xa4\x1d\xe8\x92\xde\x9d|hG\x98\x8f0\x10\xfc'</t>
  </si>
  <si>
    <t>b'\x19\x9b\x82yB\x00\xe9\x1e(c\x13\x943IQ\xf2\x95.\xb0=KB\x9f5\xbf&gt;\x1b\xb5\x90\xd3\x8e\xf6'</t>
  </si>
  <si>
    <t>b'e\xc5\x0b\xa2[\xbd\xd6\xa4\x84`a\x84\xab6\x97?*\xb6\xd2\x7fD\xd4\xf0\xbc\xde,\x1d\x8c2\xfc\xaeH'</t>
  </si>
  <si>
    <t>b'J5\x9e\xda\xebP\x81G%!\xb8\x03\xe9N\x83\x18\x84\xe1\xf1"\xba\xe3\xcc\xd1\x8fG&lt;\xba7\xae{\xe9'</t>
  </si>
  <si>
    <t>b'\x91\x03\x9fy\xd4\x00\x0f\x8ai\x9d\xaa\xe2\r\xef\xfb\xf3\xd4\\\x8c\x1e\xac\xc1\x80\xb8y|\xc7mw *"'</t>
  </si>
  <si>
    <t>b'F\xe6\rX\x1cY\xe6\xfe\xf5\r\x0ek%L\x0fP\x12/upO*\xcc\x03\x9e\x0e\xe1L\xc6\r\xcf\xbc'</t>
  </si>
  <si>
    <t>b"\xde\xba\xe3\x02E\xba{\xf9\x04Pu\x15\xdc\xbb\xbc\xb2\xe2\x13\xa5\xa3\x8et4\x03\x1e\x9a\xc9\xc0\xb0\xe41'"</t>
  </si>
  <si>
    <t>b'\x1d\x97~\xc1\xc8_FX\xae@\xfeC\x98p-\xbb\xbbYv\x98x"&amp;\x1fR!\xd8\xee\x89\x93/z'</t>
  </si>
  <si>
    <t>b'\x04\xb3\xa2\xe3:\x1b\x8bCIZ\xcc\x15in\xbfa;\x04\xbc\x81\xae9F\x9b;\x1b\xe2\x92h\x1d1\xc3'</t>
  </si>
  <si>
    <t>b'Q\x90|Y;h\x1eAC\x1dj4\xb3\xee.K\r\x0e\xe3\xf9\x9c\x05\x14\x8b\x1d\xb9\xff\xd3Y\x11\x1a\xc1'</t>
  </si>
  <si>
    <t>b'\xac\xa5\xa8\x9a0+\x7fX\xce\xceZ\x94V"\xc8\x04$R$^V+\xe3\xd4\x89\xab\xd1\x9d\xb6\x05\x85\x88'</t>
  </si>
  <si>
    <t>b'\xa2\xdb\x08\x05\xf2Jw\xc4\xe8\xa7\x1dN\xa2\xdb-r\xef\x1d\x98myq\xb6R\xfc\x04\xcf\xd5Gs\xe5]'</t>
  </si>
  <si>
    <t>b'j\xddT\x9a\x00\x90\xe7\x80!\x81H\x0f\x13\xf6\xf87L\x08\xb90P\xb3\xc6\x0f1\xa5\xd5_~\xb3&amp;\x10'</t>
  </si>
  <si>
    <t>b'&gt;MKa\xbf\xc8\xe4\xfeX\xa22g\xfb\x0b\x87\x10\x0f?a)\x8c\xb3\xc4\xe56\x1bgG\xc5\\\x9cW'</t>
  </si>
  <si>
    <t>b'\x8d\xdc2v\xcav1Zz2\xcf\xdf+\x1cp"\x10\xbdms,v?\xd0;\xc3\xf9\x0eS\xad\x17\x9b'</t>
  </si>
  <si>
    <t>b'2\x91\xcb\x1as\x08\xf7\xb1\x17#\x94\xa4\x8f\xca\x95\xd7\x1fR\xfaD\x06\xc54\xe4\rP\xd6\x89\xde\xd3\xc3\x90'</t>
  </si>
  <si>
    <t>b'\x10\xe3\xa3\x02}U\x81\x80\xa2\x8c\x9f\x9f\x08\xc5l\xb0\x1fw \x16\xa6\x05\x0b\xfc\xfc\x861\xf1\x84\x9bx/'</t>
  </si>
  <si>
    <t>b'\x08`j\xf1\n\x1fG\xddZ_\xac\x18,|\x92c?\x90\x0f\xcbT\xad+\x0f\xeb\xff+\x81{T.\xe2'</t>
  </si>
  <si>
    <t>b"]\xad\xdb!{\x0b7i\x8aK\xda\xe7.m\x06\xd8F\x15\xed\xb0\x1f\xcf\xbe+\xa7\x17\x84'\xa5Di\x17"</t>
  </si>
  <si>
    <t>b"\xf5\xe7f\xcam\x1e\xff!^*Q\xc6K\xf3i\xee\xd0\x82\x7f\xcf!7'B\xfd\xf58\x8d`\xa7\xbc\xf0"</t>
  </si>
  <si>
    <t>b'M6\xc4R\xd9c}\xf9\xe3pC\x14.\xc3\xaf\xce\xf1\x1f\xf0FE9\x88tF\xdfI\x1a\xa8J\x7f\xf2'</t>
  </si>
  <si>
    <t>b'A0\xbc\xd2rr\x00aC\x85\xf1\xbeb\x15\xaf\xfc\xef\xc7\xee\x96IY\x8a\x87\xda\x10o\xe0\x86\x8a\xf4J'</t>
  </si>
  <si>
    <t>b's{\xd1\xeaip\xb1B\x94:\x19\xee\xff\xf5\xde\x07\xe6\x1c\xfb:\xc2\xcfe\xc0H}\x83\xea\x8flKo'</t>
  </si>
  <si>
    <t>b'\tp]9\x08p5Io\xe7L%\x0e\x81L\x91\xe9Y\x03K\xd3aq\xa0\xc0\xfd0cdV\xa1e'</t>
  </si>
  <si>
    <t>b'p\xad\x14\x9eZ\xdb\xa4\xe2\x14#\x0e\xdc\xe0\x10\x8c \xaf\x17"\x07\xd2\xac\xe1\x8a\x0b\x9d\xa6\xc8B_\x91\xdc'</t>
  </si>
  <si>
    <t>b'\xf1\xd4\x9a\xa2\xe0L\x9c\xce&gt;\xa9\xa0J\xb2\x1fT\x1eX)\x06\xf7~\x03x\xb7\xd9),\x86\x07\xc5@\x9e'</t>
  </si>
  <si>
    <t>b'+TF\xd8\x8f98\xb4\xab\xaa\x08Fk_\xd1c_\xdf\xe1{\x0bV\x06\xcf.\x0e\x0c\x9d\xc1\xf21\x8f'</t>
  </si>
  <si>
    <t>b"^\x04\xb8\x10\xe4S\x85\xed\xef\x049\xfe\x13nf\x86\x0c\xc4\x9b'M;~pJk\x11\x8dpY\x9d\xc8"</t>
  </si>
  <si>
    <t>b'G\x14}\x8e\xd7\xf4W \xe0\rv\xfb-\xdb\xe5\xfb\x156/\xa1\xf0\xaa\xf1\xf2bOTI\xd9\xe4g1'</t>
  </si>
  <si>
    <t>b'wi QT\x1boVi\xfb&lt;&amp;\xe3f\xee\xc5\n7\xf8&lt;&lt;0AeBEB\xed\xdc\x87t\x01'</t>
  </si>
  <si>
    <t>b'\xd4\x02c\xa7e\xe8%&amp;U&lt;\xf8\xb0k\xe6\\\xdd\x07\x0c|\xc9\x8cU\xf0\x01\xab\xdb\xb4F\xe0h\xac\x9f'</t>
  </si>
  <si>
    <t>b'\x06\xcaA\xae\xaa\x8d\x08K\x0f5v\x124\xe1&gt;\x0bRM\xc2M(o\x9d\x15\xb3\x1bG\xd0\xd7\xe0\n\xc9'</t>
  </si>
  <si>
    <t>b'),0\xc6\x005\x81\x84D\r\xb871\xbaa\x94Ca\x92\x8e/\x81\x9f\x1f{E\xc3\x95\x99\x89\x05\xb5'</t>
  </si>
  <si>
    <t>b'\xb8"Eb~\xd1\xc6\xc8hCvF\xdc\xf2`\x089\xeaS2[\xecyU\xb9\x05*\xa0w&lt;\x97)'</t>
  </si>
  <si>
    <t>b'\xd0xp\xd0\x0b }\xfc\x08H\x95\x1e\x83\x13\xbf&lt;\xeax\x02\x88\xf6\x9c\xbd\xba\xfb9U0E,@\xa3'</t>
  </si>
  <si>
    <t>b'\x96P`\xf6\x9b{\x80\xac1\xa8\x90\xe4\x83\x04\x1e?\xcd\xf1?@+o\xd2\xd1\xdf\x13\xd6Z\x8a\x08\x1f\xd5'</t>
  </si>
  <si>
    <t>b'G\xac\xd0\xc8|\x9a}.\xbc1\x04&gt;TG\xc7\xa6\xb9D}8\xb2Wb\xe8=[k[\xb5\xd1\x99"'</t>
  </si>
  <si>
    <t>b'\xd4\x05\x89IQ\xa5-\x80m\x99eU\xa8\x149\x1e(M3\xf6\xcais\x0f\xdeJo\xb3i~\xb6='</t>
  </si>
  <si>
    <t>b"ZE\xc3\x19\xd7'\xec\x00`\x11\xcdc\xe8\xe8\xc6\xa7\x85\xb1\xb5\x1b\xd2 n\xbf\xe6S\x90\x91\xa1\xad5\xe7"</t>
  </si>
  <si>
    <t>b'\x1f\x9d\xc4\xc4\xe4L=\x1c2\x98\xd0\x8eh\xec\xb6B\xa5\x1f\xd0\xad}\x9d\xf3xP\xd80X\x94\x08\xd5\xd3'</t>
  </si>
  <si>
    <t>b'\xeb\xb6\x05!\x86\xd5\x14Z\xb0\x9d\xce\x93\xb1,\x90v:\x8c\x17\xb4\xd8\x15\xd7\\\x0e\xf6\x1e\x86\xcc\x05\xdfv'</t>
  </si>
  <si>
    <t>b'\xc0G\xeeG\xbec\x04\x11\xfc)\x0b9\x8bT*\xdf\xc7\x91\x92\xbd\xbf2A\xef\xd3c(\x06-\x8d9-'</t>
  </si>
  <si>
    <t>b'U\x9e\xd4g\xe0\xd9\xd6\xd5\x80\x1fd\x82\xf1\x8d\xd9\xd7"\xaer\xb3\xda\xbd\r\x9e\xaa\xd3\xee\x8f\x11$\x04#'</t>
  </si>
  <si>
    <t>b'\xea!\x10\xc0\x9a\xc5\x1f)\x1e"T\xf4\x92\xa2[\xaek\xbev\xdb\x0bire\x8d\x1e\x121!W\x01\x86'</t>
  </si>
  <si>
    <t>b'd\xd7\xb3W\x8e\xd0YS\t\xd2\x02U\x15\xce\xa3\xa1\xd6\xe36B\xa1&lt;\x88WqF/\xe2(\xe9=\xe4'</t>
  </si>
  <si>
    <t>b"+\x17\xa2\xc1,\x1b\xba\xa3m\xeb\x8e\xf8\x9c\xf4\x14\x8b|&gt;\xb0'\x91?\xb7z\x1f\xb9\xc4\x80\x1aa\x7f&amp;"</t>
  </si>
  <si>
    <t>b'\xcc\\\xe4;\x0b\xd3\x9a\xb0\xbc(\xb8\xf1\xff\xea\xfe[&gt;\\\xe4\xca\xc5K)\xe7\xb4\xdd"\xe0\xe0\xbb\xae\xdf'</t>
  </si>
  <si>
    <t>b"QwV\xad\xc6\x89\x1c\xf5(YX\x8bA\xe9S\xb8\xcdZ\xba\x00\xa24\x1d\xaa,#'\xdf\x0f\x9d\xee^"</t>
  </si>
  <si>
    <t>b'\xa49\xa53n\xc5FqQM_*\x9b\n\x15\xd0\xaaG\xf6`\xf6\xadj,\x1e\x94\x9c\xeb\x04\x1b\x925'</t>
  </si>
  <si>
    <t>b'\x0c\x98\xae\x97\xea\xaa\xd1\x87\xaf\xb93\xa1\xdc\xf2~K\xdd\x92|\xba]\xeb\x86\xb6#\x88\xaa\xe8~,\xceg'</t>
  </si>
  <si>
    <t>b'\xceSh\xd09\x14\xba\x8a\xfcH\xb7}\xe2\xe8dbA\xf2X8\xb3,Q\xb6\xbb\x99=\x92UD\xb4\xcb'</t>
  </si>
  <si>
    <t>b'L\xcd?\x87\x8c3\x98-d\x80R)\xdc\xf4:%\x95\xfe\xd4:\xf7#g\x93\xe9,D\xaf\xa6a\xf4-'</t>
  </si>
  <si>
    <t>b'\x89h5\xad\x7f\xcd\xbeq\xc9-l\xe7\x1c~\xdd\xfdA\x91\xb9\x95&lt;-\xad\xe6l[ @\x01\x8f\x9d\x15'</t>
  </si>
  <si>
    <t>b'\xb1y[\xf8\xa1\x15\xd4X\xda\xfd\xb8yw\x89\x8d\xa0A1\xbdyV\xf9Q\xabD`\x10\x13/*f\xef'</t>
  </si>
  <si>
    <t>b'\x87U\xa9\xb4D\xc5\xf1=v\x08\xbf\xe1\xa8\xa2\xe1\xd2\xd3\xb7\xe0\xac\xf9Ma\x86nXX\xeb\xdb`\xc9\xb1'</t>
  </si>
  <si>
    <t>b"\xca\xfe\x9d\xf9\x15\xdd\xeb\x16aQ\x07?s \xd4\xe5\x9e'\x17\xe9\xeb\x10?\xe9\xe8\xd4@\xf7\xa1\x91\xd6-"</t>
  </si>
  <si>
    <t>b'\x02\xb1\x80n\xc2C\xde\x98i\x9e{\xf1\xd2\xcc\xa0F\xea\xe4a\x8b\x08\x97Gu{\x97\xb4\xd1!\x85\x82g'</t>
  </si>
  <si>
    <t>b'\x07\x9b\x80\xb8\xbf\xb8\xf4K\x03\xe2\xd8\x15\x14\xe7.lpp\xd0\xf0\x14*J\x1a\xa6\xbf\x08\xd5\x99\x882\xb4'</t>
  </si>
  <si>
    <t>b'\xc9\xc0h\x8a\xf0f\xb8\x7f\xff}\xa8\x86LF\x02\x1a\x8a\xd9\xe3\xeac\xc2\xd2\xdaP\xd6\x01\x1e\xbc\xe2\xf4\xaf'</t>
  </si>
  <si>
    <t>b'2\xb6)a?oj\xe3HZ\xc9\xedQ#\xa0^\xd5\xdcn\xf0\xefmP\xe8\xbe\xd9U\\\t\xdc\xc3\x97'</t>
  </si>
  <si>
    <t>b'\x01\xa60\xe0\xefI\xb0\xd4\xa1\xc3\xb9:A_\xa6\xe6\x97\xa0\xe0-l\xfcl\r&lt;\x08\xf7\xb8{\xf2\xec*'</t>
  </si>
  <si>
    <t>b"\xa1\x9c\xc8\xect\xaa~\x87e\xcf\xf4\x0e\xe0WC\xba\xfc*\x1cA}#\xdaN\xf7\xc8\x9e+\x05'.\x82"</t>
  </si>
  <si>
    <t>b'\x0b\xa9\x8b\xec\xbf?\x1b\x9b\xf1\xb4\x91\x89p@\xc1\xe4\xf7e&gt;\x8a\x96\xb6\x18E\n\xdcR\x17\xa6\xc8O\t'</t>
  </si>
  <si>
    <t>b'\xf3\x8d\xb9O\xd4\x05z\x84\xf4\xfey\x8e\xa7\xe5\x0e:x\xf27\x1d\x06\xb2\xfc\x1b\xd6_vF\x80;J&lt;'</t>
  </si>
  <si>
    <t>b'\xefl\xdf\xf5R"\xea\xca\xf4\x00:\x85\xa2\x90x\xa8\xe0\xda&lt;C`\x078*ya3:T\x17RG'</t>
  </si>
  <si>
    <t>b"T/K\xf40&gt;^\xff$_G$u\xb6\xd7\x1cI\xf8\x11\xe5F&amp;@\x1d\x93h\xb5(\xab'\xe2\xe5"</t>
  </si>
  <si>
    <t>b'6^p\xdf\x01\xb5\xf0I\xe8\x90\xf6s\x83\x82\x8e?\xdc\xb2\xaa!(\x94Q\xbcn\x93F\xef\xc5\x96\x9b\xde'</t>
  </si>
  <si>
    <t>b'A}7x\xa1X=Y\x9e@\xc9\x0b\xf0\x84\xd8\\B\xf0B\r"N\xf7\x07\xdcM\xe4q;\x97\x13Y'</t>
  </si>
  <si>
    <t>b'\x85\x15)\xf2\xe1\x81\xfa\x9e&amp;\x89\xf3\xa1b\xb84\xf73\xa2\xeb\x9a;\x0b\x8f\xcb.}\x92\xecN\xb0*\xd2'</t>
  </si>
  <si>
    <t>b"#\xfb\xf3j\x94'k\xbd~\xb6i\xfb\x80\x9dz\x0bM\xc9O|\x11j\xb9\xd7y\x88u\xb1\xd99B\x7f"</t>
  </si>
  <si>
    <t>b'\xe26\xcdk\x8a\x96\xc4P\x1d\x97\x9d\xc9\xb4E:\xd3%\xa9\x0c\xba\x013j\x93y\xb8\xdc\xbf6\xb6\xcf\xa5'</t>
  </si>
  <si>
    <t>b'\xe4\xcfI\xd3sQc\xea\xd5\xa7\xf6\x8c\xce\x06\r(jU\xa0\x07\xfb\x80\x84\x11\x13\xe0\xd25-\xf7\xeb5'</t>
  </si>
  <si>
    <t>b'\x83\x04\x12\x994\xf8\xf8\xb5\\\xb6\xfe\xf26\x17n\xbc\xf8\x85\x19q-}\xa1\xf7\x9c\xd7\x99|\xd9\xcf\x86\xf4'</t>
  </si>
  <si>
    <t>b'\x9f9j\xa5\x98s\xc7\x11\xd5c&gt;g\xaa\xb5\xd8\xddB\xf2\x98\xbe\xf65V+\xba\x17\xcbm\xd6cn&lt;'</t>
  </si>
  <si>
    <t>b'\x10\xc8\xb7\xb2\xcf\xae\x9d\x8e\xd3\x05\xf0#\x1b\x05\x14Zl\xe5(\xf4\x1540\x8bj\x073\xf8%\xbbK\xb0'</t>
  </si>
  <si>
    <t>b'\xc6\xd1p\xf9\xafw&gt;"\xa5s\x96\xcc\x1a\x91\x81\x19\xac\xb8\xff\x18\x0cW\x038\xab\xb8@\xf4\x83\xff\xbb\x91'</t>
  </si>
  <si>
    <t>b"f\x7f1\xed\x1ej\xaf\x10a\xec6\t\x9dw1M\xcahEv\x88\xb2\x95-a'\x8dK\xc6\x11\x1b\xd1"</t>
  </si>
  <si>
    <t>b'D\x16`\xf29\x14\xe9\x1cdG\x10\x8cZ5\x8f[{9m9\xdfZ\xc1?%\xdck\xe8Q\x03\xb0\x86'</t>
  </si>
  <si>
    <t>b"\xc87|\n\x18p*\xd6\x04\xb1\xff\x92{\xb2\xf0|A\\\xca'@\xf4\x1bb\x17\xe0\xe1\xe3s\x87-\x07"</t>
  </si>
  <si>
    <t>b'\x14\x0f]`G\r\x81\xb9\xbcc&amp;\x85\x12T\xafh\xfdF\xfcb\xb2\xa3\xf3\x15\x02\x89\x97z)k\xaf\xd4'</t>
  </si>
  <si>
    <t>b"^\x1a\xfd\x05\xb5\xf6&gt;'kS+`\x1a\x99\x1a9\x02a\xa6\xb0\x9f\x85\xdb\x19'\xb6R\xd0\x8f\x9c\xdeB"</t>
  </si>
  <si>
    <t>b'\xde\xd9\x84K\xeb\xe5\xdf{\x08\x1f\x16V*\xb3\xf1\x044W\xe4P\x1d\x025Q\xa3\x19\xca\x1d\xec\xc8&amp;"'</t>
  </si>
  <si>
    <t>b'\xe2k\xde\xa6\xa4\xda\xda\x11VN|\x00\xe0\x99\xee\xe9\x7f%p\xd4\x05_c\x13vR\xf1\xa2Je\xbeZ'</t>
  </si>
  <si>
    <t>b'\xf2:9\xb9P&lt;\xa0\x0f\x80\xaf\xbb\x1b\x11\xf1qq\x93\xd8\x0cDK\x00?\xe7\xf1\xbfU\x8e\xd4H\xbd\\'</t>
  </si>
  <si>
    <t>b'\xa9\x83\xa5\xaf\xe1&amp;a\xda\xde=\xe1YW\xda\xc3\x9c-\x1f\xd8\x18{\xa2\xe3\xeb\x08$5-"\xb2~4'</t>
  </si>
  <si>
    <t>b'[\xc9p&amp;\xe1\xab\xeb\x1e]%\x99\x82\x1f\xf8\x08\x9e\xd2r7+@NU\xcf\xe3F\x19|[\xeb\x85\x03'</t>
  </si>
  <si>
    <t>b'\xfe\x1b\xd9\xceR\xd0&gt;\x8cJ%\xf8\x01m\x86\xe6\\\xfa\xbf\x16e\x9b~\xcb\x0f\xd5\x90\xae\x83"w\x1b"'</t>
  </si>
  <si>
    <t>b'\xe2\rO\xb8\x85\xa7\xf3\xe9\xdc\xbc\x11\xd6\xd7\x94\xe7^2\xd6\xed\xb2\x80\x05\xfe\x98\x98h(\xf8\xdf\x9b\xe8\xed'</t>
  </si>
  <si>
    <t>b"\x13\xe9\x99\x8b \x18\xacDT\x97\x0f\xc5\x04\x89\x93\xbe\x96\x15\xab\xc4eO&lt;\x10'\x8cU\xeaK]\xefY"</t>
  </si>
  <si>
    <t>b"\xa7\xeb\x04\xd8\xe6\x17o\x9d\xaf\x8b\xdf\x8b\xa2\xa1$\xdf.9\xdf\x07't\xd3\xa6\xaf\x12}\x1c\xca\xe0\x8bg"</t>
  </si>
  <si>
    <t>b'\xcd\xd1O\xbf\xac\x9c\xe3\x0fqoJ\x08A\x11\xb9{\xd5\x03a|\x11\xb5\xa8\xe0\x0c\x02\xc8g\xae\x96\x96\x10'</t>
  </si>
  <si>
    <t>b'\x1czr\x16\x02q6\xd0*\x8d\xf4i\x18\xeb \xc7\xe36\xeb\xd0\x85s\xf2\xc8\x85\xad\r\xbc\xb7\xab\x97{'</t>
  </si>
  <si>
    <t>b'_\x9f\x9d\xe0\x1c\xa3&lt;r\xd3u\xc7\xfb,\xa4\xaa\tV7\t\x903\xba\x92\x8d\xf9\xe9\xd8)f\x7f,\xd6'</t>
  </si>
  <si>
    <t>b'\xc3FP]|lfn4\x01t\x04\\-\xdc\xf4F8\xec\xc9\xc5=\xb8\xb6A\x07w\xb9O~I\x8f'</t>
  </si>
  <si>
    <t>b'^\xe2(\xe2p\xa4 \xc3\xc6\x8f\xe2\xbc \x1e\x98o\xcb\xe8\x7f/sP\xaa\xf9\x88H\xded\x01%+\x19'</t>
  </si>
  <si>
    <t>b'\x82\xdeF\x12kA\xc7\x903\xcd\x1e},\xf1\xda4\xf9J\xc5\x0b\xcf\x95?\t#\xf8%r"\x1e\xbc\xd9'</t>
  </si>
  <si>
    <t>b'\xbc\x90\xff\xb5\xfd\xbc%&amp;!\xef,o\\\x8aBE$\x03\xebE~\xf1\x00\x00\x08V~\xee\xa0\x9c\x92\x1b'</t>
  </si>
  <si>
    <t>b'\xe4\xa7\x92\xbd\xce\xc8Y\x90\xa0c\xe2\x81\xa9\xecO\x02\xca\x00\x10\x0c\x1f\x00\x05\x16\x169\x15x\xa1C\xc2\xcf'</t>
  </si>
  <si>
    <t>b'\xd9N\xc2\x8d#\xd9c\xa9\xe3\x8b\x8as\x18Z*\xae\xb3v\xd2:\x9bw\xcf\xa9\xd3^\x9d@\x8agG\x8c'</t>
  </si>
  <si>
    <t>b'\xb32\xf7UO\xff\xf3\xd8v\xe0|\x89R\xfaz\x91?`\xf4\x99\xb5\x8bE6\xe8I\xd9\xc2\x96\xdb\x80\xc8'</t>
  </si>
  <si>
    <t>b'\x81J\xd5;V\xa28\xc6CH\x03\x1d\x90kl\xe4\x03V^\x00\xecl.\x8f\x8f\xc1\x0f\x9b\xb8\xb1\x84\xfa'</t>
  </si>
  <si>
    <t>b'K\xcd\xc3s\xe8-7=\xbe\xbc!w\xee\x14\xd1AN\xeb\x9b\x01J\xf6\xed(F\x99\xaf\x8d]\x15N2'</t>
  </si>
  <si>
    <t>b'\xbc\xa7F\n\xfe\xec\xb8\x9f\xef\xd76\x02k6L\x93\r,\xd2\xf4\xbc\x84\xe88\xfc\xdf\xddPo\xd6q\xd9'</t>
  </si>
  <si>
    <t>b"h0-:\x8e\xf7\xfec\n \xd0\xb3\x9aY\xd3\xb4\x86\x1eM7:\x90\x8d\x90!\x95\xb3\x1e\xc9'\xa0\x00"</t>
  </si>
  <si>
    <t>b'\x07&amp;\xfe\x1f\xb2\x85\xea+\x0f\xd9\xa9t\x19\xbb\xae\xae\xec\x90?\x9d\x04\x81\xc1u\xa4}O\xad\x17"\xbd\xee'</t>
  </si>
  <si>
    <t>b'\x8a\xe9\xfe\x1f2]S\xbbA\xff\xc2[\xb3/\xf9sE\x83\x80\xfe2^\x08\xbd\xa1\x9cK\xfa\xfb\x152\xd6'</t>
  </si>
  <si>
    <t>b'\xe1\xed\xef|1+\x90\xd0\x9b\x11\xeb\x96zT\xd9\x99\x19\xc1\xc7\xa2LJ\xe7w\x8a\x91\xf6\xe6\xfaR\xef\xc1'</t>
  </si>
  <si>
    <t>b']_\xee\x1bt=%\xe3#i\xfe;\x94TEH&amp;\xc2\xe4\x06lO\x0c\xc0\xbd\x85\xd4\x8e\xaaq\xee\x99'</t>
  </si>
  <si>
    <t>b'] \x937~\xf1WT\xd3N\xae\xfdi9\xed\x88v\xe2\x91F\x84A\x87\\\xa1\xf0z\xa5\xef\xcb\xe3&amp;'</t>
  </si>
  <si>
    <t>b'\x15\xf3?3\xb2\xe5Q\xfb\xed\x80|3vt\xaa\x80\xear{\x96\x12\xb5,\xb6\x89\x81G\xfbI4.\xf8'</t>
  </si>
  <si>
    <t>b'z\xf5\xb5\x8f\xab,\xb2\x97Qn`\x90i?\xf2.\x80j\x8c\x85\x83\xbc\xa0\xea\x8d5\x04\xe0]\x1dbh'</t>
  </si>
  <si>
    <t>b'\x19)J\xc0\xf3\xcd\x038\x85\x16x"7 e\r"F\xfe|\xa4\xd2\xd5\x1a\x0e];\x89\x89Y\xd8\xdc'</t>
  </si>
  <si>
    <t>b'\xf0\n\x04;\x9e\xa8\xc7\xf4\xf5\xbb8(\x7f\xc2\x81:\xb6\xecP\xd3\xd3\xa1\xcfg\xaf\x0eb\x00I\xa6\xa9\x08'</t>
  </si>
  <si>
    <t>b'?\xde\xaa+\x06\x15B=lR\xfdw\xc3\x92\t\xc5\nT\xb4\xf9\x94K\xb6b0\x11\x01i*2\x08\xa8'</t>
  </si>
  <si>
    <t>b'~\x9a\xfa\xe6\xea/\xcc\xd92\xcfo\xa17\x00\x7foD\xd2\xda\xf6J&lt;\xfd\x91\xd0\xe9!e\xda\xb6\xa3\x89'</t>
  </si>
  <si>
    <t>b'\x05\xca..r\x97\xdb\xb4\xf3\xcam\xd8\x85\x07\xa0]\xc9\xf3v\xefr\xfa\x08\x016\xad@o$%\xa0\xd3'</t>
  </si>
  <si>
    <t>b'p\xdc\x96\xae\xbf\xfa\xa0IGF\xb5\xeb \xfb\x12[\x8d\xc0I\xee\x0e\x13"L\xc5G\x10Q\td\xfc\x8b'</t>
  </si>
  <si>
    <t>b'\xbbA\xa6\x08\x90\xc7\xf9;\xa6#,\xf8\xed\xb3\x89\x8cX\x9a\xc4V\x96/m\x9d\x8381L\xddV\xfc)'</t>
  </si>
  <si>
    <t>b'q|N\x83Z\xa5\x02\xd3\xe4\xa8$\xa7\x98K\xf5\x9a\xaa\x04\xb0f[MP-S\xe91\x82\xfai\xc6Y'</t>
  </si>
  <si>
    <t>b'\xceE\xbc\xaa-=\xf8\x96\xe6z\xfc q\xec\xferSI\x9d\xb9\x8bUyzB\x97\xb6\xca\xb7\xec\xb0m'</t>
  </si>
  <si>
    <t>b'\x8d\xdf\n}\x14#\xc0\x05\xbbT~!\xc4\x05\xc4\xab\x1c\xba\xda}#\xc6qp,@\x18\xe2~\xecx\x8d'</t>
  </si>
  <si>
    <t>b'\xef|{\xe4\xff$\xf8\xde\x93\xea\xa2%\x99\x81\xa2Co\xc3X\xb4:\xbc\xf8\xe8~Q\xeb\xe6ot\xa9\xcf'</t>
  </si>
  <si>
    <t>b'\x9c\x0c\\hR\x83S\xff\x1aF\x03\xc5\xf0\x84^oJ\x10\x11\x00I\xd7~$\x9f\x14\x15\xd9\x1d\x8c\xc0v'</t>
  </si>
  <si>
    <t>b'a:\xe4\xfbb\x9c\x8b\x82\x14\xe3\x05T\xcb\x16\xbe\xba\xd9\xce\xca\xab:qQ\xba\xf0\xcb\x07\xe1F\xbcu\x1f'</t>
  </si>
  <si>
    <t>b'\xca\x904\x7f\x14\xe0q\xe0|\xc6\x8f/O5\xaa\x7f\xe3\xd2&lt;\xd7&gt;q\xc2\xf8.\xed\xa6Uz\x94\x14v'</t>
  </si>
  <si>
    <t>b"i\xa8\xaa\xc9\x92\xbc6^\x1e\xc3m\x11\x19\xcd\x19\xcf\xf5\xfa{K\xe5#\xe3m\xc7Y\xcf\x94\xb7e'k"</t>
  </si>
  <si>
    <t>b'\x8b\xf7\xec\x92\xab\x1a\x8a\xaf\x02\xe1\xab\x89\xb8\xd1%\xaae\xd7\x8b&lt;\xdby\x87{\x80\xe9\xa1\xb4 H}R'</t>
  </si>
  <si>
    <t>b'9\x0e!\x17\x0c\x19\xe2\xe4\n\x0foWL\x95\xb7h\xfe\xe1J\xb8\x96\x1b\xa4\x1a\xd1+\xc8\x83i\x82\n\xa8'</t>
  </si>
  <si>
    <t>b'\'\xd5q\xfejE\xc6\x13"\x90\xa2\'\x13Y\xcd\xb8\xaf\xd0m\xff\xd9Gb\xd9SN\x90\x83\x0c\xd1\x8cz'</t>
  </si>
  <si>
    <t>b'\x9d\xb7\xa8\xf07\xc7/v\xac\xa3\xa5\x19\x91\x06}*\xeb\xd68\x16S\x99\xa0\\\xb6{&lt;-K\xa6w\xe7'</t>
  </si>
  <si>
    <t>b"Y\x92`W\x96\x1d\x8f-l&gt;!_&gt;\xf2\xeb\x17\x89\xc2oRq'\xc2!kO2\xee\x8b?*B"</t>
  </si>
  <si>
    <t>b'Z\x93+\xf0 \xd6\xc6\xe4\xd3\x93\x86\x90\xcfX\n)\xfc\xec\x0f\x99\xf9O\xfb \x0bhq\xc3\xef\xcb\xb1\xa6'</t>
  </si>
  <si>
    <t>b':\xc6\x85]\x9d.\x7f\xaa\x06.\xc5S\x8a]\tk\x1b\r\x9f#\x1eV\x837\xdbA\xe6\x7f\xb7\x0f\x7fH'</t>
  </si>
  <si>
    <t>b'\xa1\x19\xdf\x1f^}\xbc\x9a\x0f\x18S\xe4[\xdd\x15o\xe3\xef\xa4\xa4\xcbN\xcc\x84|\x80\xc8\r\x1f\xbffz'</t>
  </si>
  <si>
    <t>b'\xfb\x04\xe6\x88\xdf0.\xc3\x84\xc7\x82\xd4\xb7\xe8\x06\xff\xe1d\xf9\x9f\xd1 \xb3Rq\xdb\xfe\xea\x83m\xcak'</t>
  </si>
  <si>
    <t>b'\x1a\x1b\xe0\x9e\xd7$d(\xfc\x87i\xb1\xdb\x8e\xfa]\xa0\x13\xc9\xbf\xeb%\x9e\x0eJR\x960H\xe6\x8b\x9d'</t>
  </si>
  <si>
    <t>b'\xe7S\xea\xcb\x82\x1aZ\x83t\x1c!\xd69B\xca^a\x03\x8a\xc6Ul&amp;\x8c\xcc7\x0e\x03\xdf\xa0F\xd5'</t>
  </si>
  <si>
    <t>b'y\x9f\x80\x86J1\xe6 \x99\xdeM\xb7O]\xcd\x99\x13Op\xe0F\x14\xad\x18\xfeZ\xc4\\T\xc3\xf9\xea'</t>
  </si>
  <si>
    <t>b'\x1d\x87*\xc8z,\xb8]\xc9\x97\xe2\x9d\x1e.\xb5\x91\xc8\xae\xdb\xba\xcb\xe9c\xb5\xe6\xd5\x91v\x92\xcdfo'</t>
  </si>
  <si>
    <t>b'8[\x84Np\x82]\x01\xac\xdbM\xe2\xf5\xbf\x93\xd0g\xbb\x96uc\xc8f3Ga\x89\x06}\x87p\x9d'</t>
  </si>
  <si>
    <t>b'|*\x9b2!\x11&lt;\x8bz\x8c\x89W\xd9\xdd7\xff\xe4r\t\xc9\xfd\nM\xefl\x12z\xf8\x85\x81\xdaC'</t>
  </si>
  <si>
    <t>b'\xc9\t\xf6\xcdH\xc3\x10\xe4\xdf\x13Uu\xa8\xc3\xc8Q\x13\xb0Z\xc2\x03\x02\xe3\x8a\xe5&amp;\x8f(M\x06v\x19'</t>
  </si>
  <si>
    <t>b'\x0e\x014\xb1\xa4\x89h\xb5\xc3\x06\x12\xecp~W,\xcf\x97\xd3\xdb\xf4\xc3\xc9\x1f\nPE\xd70\xddY\xe8'</t>
  </si>
  <si>
    <t>b"\xca\xef\xac\x88oX\n\xfe]8\xc6\xd5\x19;b\r|\x88\xe8\xf4(\x01\xf3_\x10\xab'\xa9\xdd\xaa\x14\x10"</t>
  </si>
  <si>
    <t>b'\xd4N#"\xeb\x9e\xd3\x14kh%\x14\xdf}*\x85\x90\xf69z\x86\x95\x9a^\xccV\x90\xe15\xe0\x1b6'</t>
  </si>
  <si>
    <t>b'\xcb@\xc3\nS\xc3\x9c\xb7\xb2\x84r\xbb \xf7\x92s\xf4\xe9\xb2\xb1u\xf1\xedC\xde\x8d#\xd3\x19\xec&gt;\xe2'</t>
  </si>
  <si>
    <t>b'\t\x88\x1e\xf6\xba\xdf\xcb\xdc\xfd\x8f\xebC/}M\xc4\xb8D\x82\x93\xc9\x97\xd86F\x10\xc6\xb8h\x18\xa2S'</t>
  </si>
  <si>
    <t>b'\xda\x80\xe9\xddy\xf4\x82T\xc3\x94\xab\x84\x8c\xee&lt;\x91\xd7\x06\xe6\x03\xa7\xad\xd85D\xf0\xcb6\x03\xef\xb3w'</t>
  </si>
  <si>
    <t>b'sk|%\xc7\xf2\xb3%\xb17{KNq?C1Wu\xab\x8f\xedr\x12\xdd\xd7P\x9f\xe2\xe0I&gt;'</t>
  </si>
  <si>
    <t>b'\xf0\x96\x88\x1c\x1d\xc7\x16\xda!\xc6\x82e\x9a\x035\x10\xc6#\x1c48\xc8.\xa2\x9e^\x88&lt;/wf\xba'</t>
  </si>
  <si>
    <t>b"'M\x85\x12\xd2\xad\xb2\xfeAv\xf8-\x9c\xcd\xea\xaa\xebyK\xc7C\x91\xf8\x8dl\xff`\xca\x8dQ\x07\x17"</t>
  </si>
  <si>
    <t>b'\xce\x85\xcc\xb0\xe7\xdc\xcb@\xcdf(\x84\xa7t\xa5\x85T\xfd\x15\x16\xf5T D\xf7&gt;\x9d\x15\xa6]\r\xbf'</t>
  </si>
  <si>
    <t>b"\x18\x8eF\x88'\x95M\xf9\x8au\xb2\\\xf1&amp;\xbeE`17\x15\xa1\xe8\xe1R2\x15\xa6\xd3\x8e^\xb7\xa7"</t>
  </si>
  <si>
    <t>b'\x82k\xd3L\xfed \x06I\x1c\xe1\xe7m\xc0\x92~\x10\xa3\x95Q\x01\xfbG\xe8\xe0 \x8b\xde\x84\xc6K\xf2'</t>
  </si>
  <si>
    <t>b'k\x11\x12\x93\xef\xd7\xcf(\xb5\x84no\xc9\x98{\x1f\xd1!Wk8\xb0\xdf\xcaaf\xb7Wo\xfe\x1c.'</t>
  </si>
  <si>
    <t>b'\xfc\xac\x87\xa9\x89\x8d\xda\xdfE\xeb\x8f\xc5%w}\x8b`\xb3\xc2\xbe1\xfb\xe6\xfc\xd7\x9dI\xab1\x8f\x07r'</t>
  </si>
  <si>
    <t>b'\x07\xf4\xf7q\xdfH\xcd\xf4v\x91H$l\xbbt\x0f\xd5%\xed\xfe\xb5F\x06\x06\x05\x8e\xe0P\xbf\xa2!-'</t>
  </si>
  <si>
    <t>b'\xa3;\x97T\x17w\xf7\x04a\xe7\x8b\x81\xfeQ=\xb8A\xaf~E\xd8\xeb\xb6\xc8\xbd6\xca\'\xde\xc1"\x11'</t>
  </si>
  <si>
    <t>b'^\xba\xf2rYF^\xda\xf7H\xec\x01\xe18\x0b\xf0\xfbR\x9d\xdc\x02q\x8e\xd1|\xb9\xf2\x8e:\xdc\xc0k'</t>
  </si>
  <si>
    <t>b'\xab\xf3\xd34IL*\xd3\xe5\xfaP2\xe2\x99\x10\xdf\x00\x1e\xdfJ&lt;TJ\x19\xe2TY\x86\xd2\x0f\xdc\x91'</t>
  </si>
  <si>
    <t>b'\xa6\xe2f\xd0\xf4\xef\xe6\x05\xe7\xa4%,\x10\xef\xf7\xd8*l2\x0b\x07\x91Uj+\xeb:\x86\n/\x9c0'</t>
  </si>
  <si>
    <t>b'X\xfc\\\x7fT\xd5\xcf\x87\xf1\xd3\x94\x05\x89\xdeKm4\xa8\xfb\x94`\x9d\x8f\x15d\xe4p\x9f\xd4\x97\xb0\xa9'</t>
  </si>
  <si>
    <t>b'd\xa4B\xf2\x94s\x8c\xcac\xff\x1d\xdd\x00pr){\xfd\xdd!k\x14\xd0\xf6[\xcev\x9b1\xa6\xad\xb7'</t>
  </si>
  <si>
    <t>b'\x18?\xb4\x1b\xe2\x8f;\xff\xecBL!\xc3\x88\xfa\xed\xe0\xcf\xb7\xb5\xc4aO^.\xee\xe7]P\x98H~'</t>
  </si>
  <si>
    <t>b'\xeb\x9f\xec\xdb0\x18\xaf\xff\xe0\xfbM\xd9\xb3\xdc\xab\xb9\xf1&gt;=ztz_\xf5\r\xc60\xba\xe9B\xa5\xe4'</t>
  </si>
  <si>
    <t>b' Y\xb1&lt;\xae\x1d\x17\x8f\x14\xe0\x9b3\xd6\xa1\xbb\xdf2\x18\xd6\xa8\xb6\x8b:zl\xbbk9\xe7)\xc5\r'</t>
  </si>
  <si>
    <t>b'\xd9\x85Z\x12\xf7\xa9v\xda\x8d\xf6\xab(\xa8y\xf5\x0e\x81f\xbf\xb1LKkM9\xe2\xad\xda\x90\xc1l\xbc'</t>
  </si>
  <si>
    <t>b'\x06\xd3\xf9\xfc\xa3\xe5\xb9;\x16^\x06\xd1Y\xd8*\x11\xb4d\x970\x11%\x022\xf8\x1c7\xcbO/\xa6H'</t>
  </si>
  <si>
    <t>b'a\xbf\xc9\x90\xe6\xf02P\xe0\xce\xff\x13\xf0r\x05\xd5\x87\xce=\xb7\x85S\x1dr\xe2Llt\\\x93/G'</t>
  </si>
  <si>
    <t>b'\x7fO\xa7\xa0\xdc\xad\x80\x88\x93\x97\x8a\xd5C\x18\x99o\xb2\xa2\x9cm584\xa9\xbeeL\x1d\xf7\x01\x02Q'</t>
  </si>
  <si>
    <t>b'x{*9\x9bm\xa4\xcc\x07j\x022\xb3\x0f\xf6\x12{\x17\xda6\xb6[\xcd\xdf\xc0\xa9o\xd4\xef\x8c*"'</t>
  </si>
  <si>
    <t>b"\xf9\x9b\xfc\x03H\xab8\xff\xd8\x9e\x11 9\xbb\xf6!l\xfd\x05\x01&gt;\xbb\x0e&gt;\x0f\xbd75\xa4\xa8'\xc1"</t>
  </si>
  <si>
    <t>b'\xc2\xe2\xae\xf2&amp;Ai\x8d\x04\xcc\x1dm \x97\r\xe5~)\xcd\xb9Y\x0fO\x898\x1eP\xf1\x0b\xec\xb7\xda'</t>
  </si>
  <si>
    <t>b'!\x8dt\xf4z=m\xaa\x9d\x8dJF\x15\xe3\x10iu8\xc5\x89\xe0\xf9\xc2\x85&lt;a\x05\xb35wL\xdc'</t>
  </si>
  <si>
    <t>b'=J\xa2#\xfe\xc9\x9f\xcc\xb3\xc7\x89\xe2\xef\xa3\xabgQ\xbd\xae"8\xc2\xfaZ\xb6X\x92\x17\xae\x0b\xa1\x86'</t>
  </si>
  <si>
    <t>b" t\xb3\xd6\x14\x17\xa8\x19&gt;\x95\x9bm8y\xe7\x17[h%C'\x00\xfbn\xe1\x12\x8d\x90\xf6\x07\xe4\xc3"</t>
  </si>
  <si>
    <t>b'mr\x9aG:\x86\xd0\x161[Y\x1e\x14p\xe2\xb0O(\xaa\xd8X\no?\xbaq\xae\x15.\xfc\xa5L'</t>
  </si>
  <si>
    <t>b';\x11r\x95R}\xcf\x897\x10\xea\x13\x01\x00\x07\xeb\xc9\xabx\xc2\x9a\x99\xee\x86\x93\xb2a*\x1d$\xceP'</t>
  </si>
  <si>
    <t>b'\x89\xf4)\x80V\xbduh\xd3\xacW\x0e\xce\x8c\x92j\x12f\xed\xa4\x9b\x1c\xd7\xcf\x9fx\x7f\xcdT\x95\x93\xf9'</t>
  </si>
  <si>
    <t>b'o\x9c\xc1c\xb9e\x99\xa1\xae\xff\x18\xf0\xfaSj\x1c&amp;\x04&amp;\xc1\xbb\x15\xc6\x0bh2\x18`c\x08r\xf0'</t>
  </si>
  <si>
    <t>b'\xeem\x93\xd1\xbf\xd5^\x8eL\xba/\xb4\xb2\xdb\x0b c\xa8\xbbbE\xad+\xec;\x02\x18v\xcf(-H'</t>
  </si>
  <si>
    <t>b'\x87\t\x0cq\xb5r\xea\x13\xbbv&lt;\xe1Hn\xf0\x08\xc4\x87\x06;\x1e\x07\xd5\x97\xc5\x19\n\xd8Z\xc6\xc5f'</t>
  </si>
  <si>
    <t>b'\xd1\xb2g\t\x1c\xae\x1fO\xe4\xd9\x9d\xbe\xe5\x85\x1ci\xb9\xfe\x13\xef\xd3TK\x9dMk\xaf\x89\x9e#\xc0v'</t>
  </si>
  <si>
    <t>b'\x0f\xf9/\rK\xa3)XJ\xb3\xb9fb\\O\xa6\xb7\xe7\xfalP\xe7\xbaolg\xdbq\xf3\xb5\xe7\x87'</t>
  </si>
  <si>
    <t>b'\xc9\x17&gt;\x1d\xdc0gA\x81\xd2Y\x1a\x85\x10\xe4\x9d\xf9\x9f\xb2\x8e^\xec\x07\xcahn\xaa\xc2S\x0b\xa67'</t>
  </si>
  <si>
    <t>b'\xe8\x01\xf0%2\xa7\xea\x16\x89\xe33+\xf0X\x86\x0b\xcaxbn\xdb\xca;K,\xbd\x1c\xa8\x9d\xd2\xf3q'</t>
  </si>
  <si>
    <t>b'\x99\x90-^\xa2\xc1\xbbo\x0b\xd7c\x81\x16X\xebW\xb7\xf4\xae\x83\x16\xa9=\xf1D\n{\xdbA`\x93d'</t>
  </si>
  <si>
    <t>b'b\x95\n\xc3\xe3\x96\xbc\x0f\xb4N*\x9c\xac\xcb\xe1\xff\xe4\x97\xba\xc8TPZ\xae0)\xceXAL\xc2\x03'</t>
  </si>
  <si>
    <t>b'LA\xeb\xcbE\x9f\xe0\xaa.^\xae\xaa\xc4S\xdb\xe1Vx\x1c\x14yX\x18Q\x94bG\xd8\xea\x96\xc0x'</t>
  </si>
  <si>
    <t>b'\xd0\xda|\xc2\xd9\xba\x9f\xe8\x1b\xd60h\xa4j\x1b@\xad{\xcd\x85a\x9b\xbe\xedI\xbd\xd0u\xb0\x87\xd2&gt;'</t>
  </si>
  <si>
    <t>b'S\x7fGi\x1b]\x11Q\xceC\xaeU\xf9\x19\\\xdc\xc2;\x9d\x1a\x06\xb9*\xf0\xb6\x05\xfe/o\xd8dL'</t>
  </si>
  <si>
    <t>b'\x16\xa9\xec\xed\xce\xea\x84\xd0\x8cOo\xfd\xbd\xb2+J\xc9hyM\xb9j\xbb\xd4HJ\x80\x10\xa4\xad\x89+'</t>
  </si>
  <si>
    <t>b'\xf0L\xe4b\tj^\xba\xe9M\x96\xfd2\xb8\x85\x846\xcfSa\x9a\n7r\xe4n\xcav*R\x06\xd3'</t>
  </si>
  <si>
    <t>b'\xd7\x14\x8a\xed&gt;\x07w\xa4\xb8\x00\xe7\xf8E\x11\x89WB\xdc\x1c{\xa7&lt;\x880\xd4A4\x0e\xe2\x13\x1aZ'</t>
  </si>
  <si>
    <t>b"\x9ak\x99\x7fy\xbdQ\xa0\xe1tA\x19J\x99SN\xa42\xc4^\xbeP*=s'\xf3\xb0@g\x06\xd7"</t>
  </si>
  <si>
    <t>b'O\x87nx\x88J}p\x8aN\xf3v\xd4W\xf0\x8e\x87\xc7\x0bew}t\xc6O\x80-;\x15807'</t>
  </si>
  <si>
    <t>b'0H5\xd4\xc9\xbb\x12,m\x802T\xe0\xbf\xc5\x11\x9eu\n\xdc\x01n\xc0\x9d\xa5\xb8\xbf\xdc\x93S\xc3G'</t>
  </si>
  <si>
    <t>b'\xf8\x8b\x13\x00\x96=\xd0~\xa7\x08\xdcN4)\x14\x9ab\x8488v%\xf0\xfe\xe7\xb0GD\xd3\x97\xa72'</t>
  </si>
  <si>
    <t>b'\x03\x17\xe3MK\xcb\xa5r\x9c\x11{\xa1\xe9\x12\xc2\x1bot\xa7\xe14\xcc \x13&lt;\x0f\x82i\xf9\x85n\x8d'</t>
  </si>
  <si>
    <t>b'\xee[\x1b\x0c\x96\x0fr\xd1\x08\xb0\xe5\xb7\x86\x9b\xf1\x99\x13\xad\xbbH\xf7\x9d\x19y\xa7T)\x1ed\x8f\xf3{'</t>
  </si>
  <si>
    <t>b'\x86hq\xe5\x00`\xe4\x8d0.\xb6\x18Bj9\xe8\x80?$\xcc\xba\xaa\xbf\xbf\x90\xbb\x0f\x98\x18\xa0&lt;5'</t>
  </si>
  <si>
    <t>b'\x85%\x87\x1d\xd5I\xbdWWgT\xf3\xbc\xb9\xb1\xa3\xa9Z\xb4-\x8e\xfa)U\x15\xdc,r\xe15)\xd4'</t>
  </si>
  <si>
    <t>b'\x01\xbd\xf3yE\xfa\xee*-\xde\xcb\xf0~\xdee\xba\x8c\x0b\x8477&lt;\xf7\x93\xdc\xb2\xfcwEg\x7f$'</t>
  </si>
  <si>
    <t>b't$\x03;\xbe\xc9\xc5_mD\x87\xa87\x84z=E\x7f\x83\xb4\x14\xa1\x0b]k\x01ld\xe5\xc5v\x08'</t>
  </si>
  <si>
    <t>b'\xe5x\xb2\x9aL\xbf\xa1\xca\xa1nGE(A\x12D{U\x17\x01y!\xc1g\x07+i\xc9\x92\x97\xd06'</t>
  </si>
  <si>
    <t>b'\xc0\nC\xd5=\xdd\xdbO\xc1?\x19\xb9\x99\xbc\xf9\xbaG\x9a]=\xdb\x04\xa2\xb6;\n\x02\xd1\x1ew\x98\xb0'</t>
  </si>
  <si>
    <t>b']l&lt;\xc8\xde{\xba\nm\r\xc9\x01\x9b}\x9a\x91-\x8e\x0f\x19\xd9\x92\xb0sN\xea\xd7\xc8\x140\xc4\xad'</t>
  </si>
  <si>
    <t>b'\x83\x94\xdb\xa3&gt;&lt;\x0f\xc7\xfd\xf60zx\xa6\xa9\xd8\x95\xb3\xecC\xa7\xc3\xa8\n\xfe\xc8)oF|\xa6\xae'</t>
  </si>
  <si>
    <t>b'\x87\xba\xc2\x88iva\xffR\x87h\xfeD\x85\xb0\xe7BC\x0f\xceB;\xd3\xa6Q\xd7:\xbc\xbeQ\xa5N'</t>
  </si>
  <si>
    <t>b'|\x14r\xfb\xba\xcc\xaaf\t91b\xee&amp;C._&lt;\xef\xc8t\\IK\xf4\x8c\xa0-\x04\xcf\xa2\xdb'</t>
  </si>
  <si>
    <t>b'^\x9c\x1f\x1c\xa8\x966\x83\x94\xacD\xdc\xd9S\x03\xdcW9=\xd0\x89J\xfch\xe3|\xb5\xee\xb6\x8e\x0c\x06'</t>
  </si>
  <si>
    <t>b'V(\x8c\x16C\x9dU\xa1\x0c5\x06\x1cf\x05O{\x1f.;\xb8\xc2\xbb?\xef\x9b\x1cu}R~\x9f#'</t>
  </si>
  <si>
    <t>b'G \x93\xb9\xcaL\x1b?&amp;k\xef\x13E\xf1\xd62yV\xe3}\x89\xb7\xb2\xe1\x1f|\xc5\xf9\x85\x8a\xbb+'</t>
  </si>
  <si>
    <t>b'^}\x94\xb6\x9e59\x85 \xf6V\x06\xf7\x0c\xa2\x8c\xc0\xbc\xb5a\x7f`0\xb4W\x15KZ\xa7\x85!\xc1'</t>
  </si>
  <si>
    <t>b'|[\xd6\xb6"\xa3\x82w\x88(\xa9\xd6Y\x12\xa3q\xe3W\xbe\xb8\x0c\xb6\xbb~\x1b;}\x02o\xdc\x8b.'</t>
  </si>
  <si>
    <t>b'_\xd3\xbd\x10\xd7\xf8H\x1biJ\xe9gJW\x14\x1c}\xf9?P8\xa1\xec\xaed\xdf@\x8d\xec\xfc\xab$'</t>
  </si>
  <si>
    <t>b'\xaa\xe0\xcc\xf4\x1b\xcf\xd4\x0e\x0fo\xc5\x99\x8dU\x1cz\xb6Ea^\x01\x9a\x83\xfe\x9a\xbc\xd2#$\n\xb1\x1a'</t>
  </si>
  <si>
    <t>b'ite\x97D\x95\xbcp-:\x14X\xe6\x0b\xc0\x15\xb9\xf0\xdf-j&gt;\x8a\xb1Q\xe4\x8a\x9f\x8c\x90o#'</t>
  </si>
  <si>
    <t>b'\xec\x9c\xb2\xa1\x933\xf7[\x10\x80j\x8aW_\xecX\xbb\xea\x07+iF^\n&amp;\x03\x8fP\x1aU\xcbP'</t>
  </si>
  <si>
    <t>b'0_m|\x02\x8b\xd9\xbaq\xfb\xf4\xfb\xfc\x822\xa2\xbbK\xb6x\xa9"*\xe6G\xbd\xe5&amp;\xe0\x87o\r'</t>
  </si>
  <si>
    <t>b'\xce"\xd9W\xc4r\xcb[\x80\xec~\x11\xdd+-\x863X\xd0\xe3\xeb\xea\x95\xe8Xv\x0c\x86\x91\x85\xfe+'</t>
  </si>
  <si>
    <t>b'\xf62\xc9\xa5\xcd\xe9\xfe\xb8\xa7m"\'Fz\x9b\xfc\xdd\xd4Y\xd3\x85\xfd\xc1\xa4j\xb6\x17\x8f\x92\xc6\x074'</t>
  </si>
  <si>
    <t>b'\xd4Z\x8b\xa8&gt;\x9c\x9d\xcb7\x0e\t\xc5\xf1\xefy\xd7\xb0y\x855\xb7\x0cy\x9d\xa2\xbbz9\xb7+b\x1b'</t>
  </si>
  <si>
    <t>b'0A\xc4\xf5\xa6\x04\xff\xa7QVA\xc0\x0b\xfd\x13C1\xac?!L\x14Ij\x1c\xaf\xbe_[`\x11)'</t>
  </si>
  <si>
    <t>b'Q\x7f\x84\x8d\xfd\x11\xc2\xd2]\xa0y\xe7a\xe7\xf4\xc9\xae\x07\x08\xf9\x10\xf6=F1\xd1\x96|s&gt;\xbc\xc1'</t>
  </si>
  <si>
    <t>b'J\xbd(\x03\xa13?\xb3h\xc6\xfd\xc0\xf1xF,T|w&amp;\xa3\xf4\xe7\x04\n\r\xe0\xef\xf8\xe0\xbeC'</t>
  </si>
  <si>
    <t>b'\xa2\x86\xea\x9aNxl\x9b}\xb3v\x16\xc8\xfc\x02{\xc6\r\xe5\xf4$\xf0\xd26K\xe9\xce\xda&amp;\x07\xae\xea'</t>
  </si>
  <si>
    <t>b"\xb8\xd5=\x8c=C\x1crQ\xbb\x14Mo\x8b\xc4bH{P\x11a\xd9E\\{;\x9fe'\xbe\xf1\xcb"</t>
  </si>
  <si>
    <t>b"\xc9\xff\x8c\x14\xdb\xe2\xfe\xe6&amp;\x12\x87\xd4]\x0c/\xc9\x8c\xaa'\xb3^\x9e\xd0U\xd1fo\xf553\x8d&gt;"</t>
  </si>
  <si>
    <t>b'%\xff\xe8\xe7ltf\xbe4\xd1`^u\xde\x81L\xd6d\xa3\xd6\xdf\xe3\xb1|\xdc\xa1\xcb\x10&gt;\x1ab\xb0'</t>
  </si>
  <si>
    <t>b'`)^\xe4\x84Uj\x84\xd8\x13\xcf\x96\xae\x13f_9&lt;\xbd\xff\x07W\x9c\xb5f\x80\xbf\x8c\xca\xcb\x83\xb9'</t>
  </si>
  <si>
    <t>b'\xf3\xca\'\x19\xb3\x06\x98v"\x08\xfdI@\xd5\xeax&amp;\xa8F\xdb\xd1\xb3 zA\xa8\x83\x1e\xd87EM'</t>
  </si>
  <si>
    <t>b'\xae\x95\xc5\xd6\xc9\xc3\xd3\x0b\x02\x93\xb2\xbd\xdf\xf0c\xedoZ\x84\xed\x95\xf5\xb8\x9d\x8c#\xdb\x88"\xeb)\x14'</t>
  </si>
  <si>
    <t>b'\x05\x00W\xc5\x8e\x8e\xf1N\x94eO)\xe6Q\xb44\x1dK\x9a\xbd\x99\xb9\xe3\x9b\xe2n\xc7v\xa5\x98B\xeb'</t>
  </si>
  <si>
    <t>b'O&lt;\x03\x06\xb2\x80V&amp;\x89F\xc43\xd3f\xb7\x9e\xc4\xc3\x84u\x8eT\xe0\x05P;\x82\x82\xef\xa1\xc0$'</t>
  </si>
  <si>
    <t>b'\xe0\x11\xe5\x86\x1dP\x1b\x16\xe3\x17@\t,\x8f^_\x96\x81\x82\xc6\x1e\x1c\xad\xdd\xe4\xeb\x9a\xae\xf1&lt;\x87='</t>
  </si>
  <si>
    <t>b'X\x0e\x98q\x92\x0ed\x92\x19\xc7\xcc\x13\xe3\xa1\x839\xf3\xc1\x05\xc0.\xe6\x9en3\x94\xa4\xa8\x10\x1c\xa1&amp;'</t>
  </si>
  <si>
    <t>b'!X{\xcc&amp;t1\xda(Fwk\xdd@d\xe3\xf7\x81-\x89Ro\xdaA\x99\xe5\xf9\xa8\xc7\xd7\xf3\xe7'</t>
  </si>
  <si>
    <t>b'\x89l\x88\x0b\xf8\x83\xba\xab}.&amp;$\x95\xa8A\xe0T\x0eL\xcfW\xaa\x06\xc9-\xda|\xfbO\xb9\xd0\xca'</t>
  </si>
  <si>
    <t>b'9\xea4\xc3\xf3\x14dy\x19z@\xaaz\xc7\xb1\x80\x00B\xd0\xdf\x05k?4\xda|iI\xb2\xd2\xac`'</t>
  </si>
  <si>
    <t>b'~\xd2\xcbSAD\x1f\x13.8\xe1\xc9\x05*\xd6\x16%\x8e\xcf\xbe\xa7\xc7\xd0\x92\xbd\x10\xd1\xe8\x01\xe4t\x80'</t>
  </si>
  <si>
    <t>b'#\xc86d@\xc7\x15\x0e\x17\xc3\xe7\xc9Onx\x16\x02qn9\x0f\x03\xcb\xca\xb2\x92G\xc9\x00.\x9f\xe4'</t>
  </si>
  <si>
    <t>b'\xcd\x1d\x9er.J\x002\xc4\xe5?\xfc\xa7\xf14\tA\x98\xda\x92\xcb\xf8\xee\x92\xc8q\xe4\r\xb3\x86\xaa\xd3'</t>
  </si>
  <si>
    <t>b'\xc6\xf9\xa4\x87t\x12;\xb8\x1b\xf2v\xf9d\xd8t8\xee\xbe\x85\x8b\xe5G\x1fvB\x87U#&lt;\xf7wt'</t>
  </si>
  <si>
    <t>b'\x8a\x14&lt;\x1b\xe9\x93\x8f\xa20\xf5\xfbt\x9c\x08\x95\xe3\x06H@\xc1b\xb3\xe63\xb6z\x06\xfcj\xad\x03E'</t>
  </si>
  <si>
    <t>b'\xfa\x83\xda\x94\x8ef\xb0\x8a\x85\xc2\xcf2\x91\x0c\xf5u\xab)\x90?\x83\x9aa\x8e\x97\xda\x1c\x84\xc4\xb4\xfe"'</t>
  </si>
  <si>
    <t>b'\xd9\x91\xee\xc4\xcc&amp;\x9e*\x18\xd0\xd2\x859\r(\xc8FL\xc2\x0b{\xec\xf8?\xd2\x8c\xe0j\xd8\xb3\x89\xc5'</t>
  </si>
  <si>
    <t>b'\x9c\xfcR#\xf0\xf5S\xbd\xa5\xcf\xf9\x1f\x849\xe8\xc7\x92\x18\xb8\x83\x17\xcc\xed\xf3}#L\x1e*\x92\xf7d'</t>
  </si>
  <si>
    <t>b"\xf6,\xa0\x82\xb5_\x87V\x08\x80S\xee\x965\xbb\xa3\x93\xb9#$\xbd\xb7\xcf\xec'\x10_\x17R\x1bq\x80"</t>
  </si>
  <si>
    <t>b'\r\x00\xd7@K\x11Q\x06@\x0bUV\xbcS`\xecQ\xe2iv\xe0\xefg\xf0\xd6\x9dn\xc6gB\xbe\x98'</t>
  </si>
  <si>
    <t>b'\xf7,\xc3/\xb6\x97l\xfbrN\t\xbe\x7f&gt;\x96\xabz\xc2\x02W\xad\x9e9\x89\xcf-\xa4.P\xf11\x99'</t>
  </si>
  <si>
    <t>b'\xb2\x06\xcb\x1f(\xdb\xc8\x82\xd6M!9\x0f\x0f\xc6\x94\x8f\xfd\x13\x8a\xa1zGC\x11\xf2\xfcea\xcbkU'</t>
  </si>
  <si>
    <t>b"\xef\x07\x0e\xd8\xc4\xac\xdc\xad'\xc6\xd7J\x8c6?n\x8aNt\xb7\xea\x95\xeb4z\x97\xb14\xa9\xc2\xe0h"</t>
  </si>
  <si>
    <t>b"\xabTd#o\xb3\xc9$\x80+QE\x8d;g\x87\x9f\xfdYPg\x90\x85\x0e\x8d\xdcwH'\xc8\xbe\x14"</t>
  </si>
  <si>
    <t>b'j\xcc\xedz\xfd?}\xc4L\xf3N\x1a\xac&lt;\x83\x84\xe3\x81\xdc\x99\xc1\xec\xed\xaf\x1cfz\x03\x14\x14\x9b-'</t>
  </si>
  <si>
    <t>b'\xcf9!7\xcf\x90\x05\x82\xd8\xf6iBp](|\xc5\x1e\xe4%;Z\xeer\x80&amp;\xd0&gt;\x14\xa2\xf5\\'</t>
  </si>
  <si>
    <t>b'\x8f\xa0\xa4\x86\x11Qg\xdb\xc9\xb5o\x0f\xed\xaeR\xd7\xe0\xee\xc4?\xe5"\xd8\x89\'\xee\x19Y8\xb6\xb4\xa4'</t>
  </si>
  <si>
    <t>b"}P\xaaK\x05L\xcd\xdaZ\x10\x0c&gt;\xa8\xc2D\xac\x1d\x06\x1b\x83V(\xd4OxXe{;)\x9c'"</t>
  </si>
  <si>
    <t>b'|sh\xb7/\xa9\xf5\xb1\xc4E\x9c\xfa\xee&gt;^y4\xdd\xd8\xec\xc1&gt;\xa5\xa9\xb1\xa9\xd7\x9b\xf8lS\x07'</t>
  </si>
  <si>
    <t>b' P\xb1m@#\x90I\xf9\x88\xc5\xb3t\xfcX\xa6Z\x9f\xbb\xac\\\xd4s~\xda\xba\xc4\xeb\xe6\xbb-\xf8'</t>
  </si>
  <si>
    <t>b"\xc5\x8f\xbc0\x19\x00\xc0\xe2\x8e\x0b\xee\xac\xc9\x85\x9e\xfc\x9f\x7f\xe3\xf8\xf0\x93\x85TMA\x16\r&lt;A&lt;'"</t>
  </si>
  <si>
    <t>b'\x1f\xcffI\x99\xf8r\xc3\x1f\x06\xf4\xd25\x80HL\x9a\xb4\xd8\xae\x08\xd5j;\xd9\xd58\xa3\x90\xff\x85R'</t>
  </si>
  <si>
    <t>b'\xdd\xcb\xccwc\xf2M\xbbn\xa0Yj\x9c\xcd\xe3\xd3U\x10M\xfe\xe1\xdac\xbeJ\xfe\xf7/\xc1\xe0\x87\x02'</t>
  </si>
  <si>
    <t>b'\x02\xf8\x1c\xfb4\xd9\x8fM\xa25}\xe7\x80u\xb4\xad\x1f%\xe6lL\xe7\xbdYI\x13\xe4j\x92\x9b\xf0\x1b'</t>
  </si>
  <si>
    <t>b'\xa1;&gt;X\xc9\xcaJ\x8a\xcb)qHm\xe8\xa0\x1a\xcb\xfb3\x0f\xc0VX\xc2\xc3\x02)Q\xd7\xf0k='</t>
  </si>
  <si>
    <t>b'D\x95p\xa48\xfe4\xcf\xaf\x15\x1b\x8fP\xc1K\x8a\xd4\xce\xcc\xbe\xdc]-\xa8o\x95A{\x9af\xd4\xd3'</t>
  </si>
  <si>
    <t>b'~\xbdgX\xd7s=C\x83\xa1\xd1\xf8\x04\x9ew\xf5`aI\xfb\x8d\x10\x87\xff\xbf\ns\xe6\xee\x95?\xbd'</t>
  </si>
  <si>
    <t>b"w\x9e\xc9/N\x83\xf4\x08\xb8\xca\xf36I\xa4\x90s\xa1\x1e')\x07+\xd3\xe9\xa3LD\x08P\xd6\xad\xe5"</t>
  </si>
  <si>
    <t>b'\xe7\xba\xe7\x89\x9ej%2\x15;\xfd\xf1\x1a\x83\x02\xf0\x04\xce\x9e;\nP!;\x96@\xca\xfdJ\xfe\xbe\x12'</t>
  </si>
  <si>
    <t>b'\x08y\xc2\xacY\x19\x9aP\xb8\xbe.Y\xccZ{\x9b\x9a\n\x0b4$\xe61\x8a\xc5\xa0[\x01T\xd9\xebB'</t>
  </si>
  <si>
    <t>b'q\x9c7\xb3\x1b#\x1fu/\xda\xe4\xd4\xf1\xc88\x91j"]\xb4\x190\x1b\x9b\x95\xf1\xdc\x1dU\xe3%v'</t>
  </si>
  <si>
    <t>b'\xa6\xfd\xf2_]5\xf5 n4\xa4\x1b\x13\xff\xa2\x88\xb9\xe4&gt;\x1a\x82\xfa\x04r\x07Gn\t\xae&lt;\x97\x12'</t>
  </si>
  <si>
    <t>b"\x1ab!6\xab\x19\x10\xcfy\xb9`\x177@+'x\xb8\x08Y\x1es\xa9n\xd5(\xbf\xc2xN&gt;\x9e"</t>
  </si>
  <si>
    <t>b'0 \xe8_\x1f\x13s\x14O6\xcbI\xb6M5\xa8\xcd1\xa5\xac%:\xd0\xa3\xdae61\xf2\xa5/d'</t>
  </si>
  <si>
    <t>b"'\xa3H\xc0&gt;\x85.A:\x7f\nH\xb1\xb1\xcb\x80\xad\xbd\xa3A.\xdcM\xb9\xf5\xab\x05(\xefe\xb5n"</t>
  </si>
  <si>
    <t>b'\xd2o,`\x89\x0ecd&gt;|}K\xd0[\x03\xea\xb8\x13\xed\xcb\xf50\x89\xee\xf33T\x85\xf7\xf7\xfc&gt;'</t>
  </si>
  <si>
    <t>b']\x08v\xf9\x16\xaa\xc0q\xbe\x16\xa8\x84F\xf8\x83\x9e\x12\xa3\xb5C\xbcl\xfbK\x08\x08\xa6\xe0\x97\x0f\x89q'</t>
  </si>
  <si>
    <t>b'g\xdb\x89\x8b\xdeC\xb1\x01\xdc\xbc\xb6\x99N\xfb\x1f\x19\xf6\xac*\x07\x90`\x1e\x1f\xc3P4\x1c-2\xec2'</t>
  </si>
  <si>
    <t>b'\xad%vz\xf7\x17o\xb2\xc6\xad\x01j\xba\xe6\x84\xa3ax]\xe55\xc7$\xb3.\xddc\xaf\xaf\n\xad\xa6'</t>
  </si>
  <si>
    <t>b'\xbc\xa3\xb4\xa3\xde!a\xba[%P\x93cY1\xb5\xdfV\x1d[\xc2\x1f\xad\xea\x9cO\xcd\xda@J\xde\x14'</t>
  </si>
  <si>
    <t>b'\xe8\x99\xad\xa6\x15}\xbb^\x99\xb6\xd6\x01&gt;\x1e\xc8\xd4t\x8fFsz\xf1z\xa4\xd8R\x0fE\x9dE\x10C'</t>
  </si>
  <si>
    <t>b'r\xdf\x19e\x88\\r\xc5P\xf5\xc4=\xaf\xd1\xef\x05\x91\xa5\x9d1\xd8z0\x7f\x04\xd5\xc3\x9ac\xec\xfe\xa3'</t>
  </si>
  <si>
    <t>b'\xedBN\x7f\xc0=\x7fU8\xe9\xf8N4\x9f\xd5\xbd\x80 \xd9\xd1\x10dE\xcf\x9a+\xe6\xd6%Zm4'</t>
  </si>
  <si>
    <t>b'\xe4\xc1mg$\xef\x96c\x04\xa1\xa8\xd9\\\xcf\xd5|Y\\\xad\xa2H\xe0 \n\x8d\x87\x03\x984\xe5\x08\xc0'</t>
  </si>
  <si>
    <t>b'\x89\xf4\xb10\xe5W&amp;j\x89\xe0\x18W\xc7+e=\x9a\xa5\xb1+\x12*\x1eg\x95\xdb\xf8i\x83{\xad\x85'</t>
  </si>
  <si>
    <t>b'X\xacM\xc0E\x19\xc8\xc2 +\xa3\x13F\xc2_\xa38\xd6\xe1\x06\x8eR\xf1\xb5r\x82\xfeU\xde`\xaf\xc2'</t>
  </si>
  <si>
    <t>b'&lt;\x02Y\x7f\x96\xad!\x1d\x99\x85\xad\xba\xc0\xe7VJ\xc9\x10e\xac7\x06\xda\xe7\xeb\x98\xbaM&gt;n6\xbd'</t>
  </si>
  <si>
    <t>b'7\xf0\xd9\x80Q /P\xe6\x9a)\xbb\xbb5:$N\x1a\xc0Y\xfdl\xa3D{\xa2\xe7?!t\x00d'</t>
  </si>
  <si>
    <t>b'\xa0_\x9f\xd1^\x8e|\xcd\x98\x17\xbe\xcc^i&gt;\xc9\x84\xa8\xbf\x1c\xbd\x9b\x86@\xf0\x82ZZx\x83\xb0\xd4'</t>
  </si>
  <si>
    <t>b'K\xcc\xdf\xd9x\xf6\xca\xed\xb99\xe9\x89{{\x83\xe5_\x82\xc6L\xf8*\xfc@\x1e\xff\xb7\xfa\x93\x8a\xebv'</t>
  </si>
  <si>
    <t>b'\xbd\xf4]\xc8\x1e6r-\xa7\xaeC=\xa0\x14\xae5c/\x19d\xb8\x17FZ\xbfV2e@\x91\xe0\xe8'</t>
  </si>
  <si>
    <t>b'R\xfd\xec\xf2~\xc1\xf3\x8a\xe3\xf62\x13JWN\x88\xde\xfc\xc3%&lt;u\xf5b\x90$0\x0cj\xd2\xa4\x16'</t>
  </si>
  <si>
    <t>b'j\x92\x95\x03\x93\x7f\t\xe1\x91\xa1\xbdWi\xbf\xca:\xbe\xc9\xaa\xed/\x03H\x8f\xbdw\x96\xa1QQ\xf5\xa7'</t>
  </si>
  <si>
    <t>b'\x9a\xa4\x83ZED\t\xa2\n\xf7\xdd\xbe!\xc9$$\xda\xb5\x16\x85\xb5\xde\x9f\x12cZ\xb1\xb8\x97\xe0&amp;`'</t>
  </si>
  <si>
    <t>b'\xd7{`T\xf7\xbfKJ\xc4\xc1@\x0b,\x0b\x0b&amp;\xdb\xd5\xba\xfd\x06K\x19@y\xdc\x91\x9eX\x08\x07\xb1'</t>
  </si>
  <si>
    <t>b'\xebn\xad\x17\xc26\xa0\xadtbJ\xcaa\xc2hd@)\xd7\xb15\xa7g;\x9eVr(\xb6\x92(\xfc'</t>
  </si>
  <si>
    <t>b"\xc5\x85P/Cl\xado\xcfT8o\x9a&lt;'\xaa( \xff\n\xfb\xdb8\xad\xf1\xc0em\x9f\xc4\xd2\x0c"</t>
  </si>
  <si>
    <t>b"\x00\xe7W\xdft4\x9a\xf3\xf2\xb1mt#\xc4\xb9\xda\xd7\x80J\xdb\xce\x0e\xf8\xae\x83\xd5\xac}\xe3\xf8'x"</t>
  </si>
  <si>
    <t>b'me\xb47 \x13\xf8NN:\x81\xc26t7\xd2~\x08S`V\x98o\xa5\xea\x13\xa5eX\xc2\xa0\xdf'</t>
  </si>
  <si>
    <t>b'\x96"\xea\xacZ\xa33S\x9f\r*WZ\xbb3\xabK\x8bW\xbf\n\x11\xd38\xd0?\xa0 \x1eh\x8c\x8d'</t>
  </si>
  <si>
    <t>b'^\x04x!e\xebZ\x17\xa9_\xcf$m\x9d\x01-&lt;&lt;\x0b\xecS!\xbb;\x1d\x90\x977\xae\xe5[\xf0'</t>
  </si>
  <si>
    <t>b'\xee\xb4Ia\x89w\xa0*\x13\xec\xd2\x80\xb7[\xdcP\x11T\xado\xc4\x85k.d\x0c\xa4\xad\xaaQ\xcb\x0f'</t>
  </si>
  <si>
    <t>b'\xf7^ S\x92\x8f7:\x19\xda\xc2\xd7\x95\xa5.|\x85j\x1d\x13\xca\x97\x8a\x1cr\xb4\xcd\xbe\x82B\xc9\x02'</t>
  </si>
  <si>
    <t>b'\x1e\x1f\xc4\xe9\xbf|6\xff\xdfF\xa3\xa1\xb8\x8b\x8dz\xaa\xa3}t!\x1a\xb82&lt;\xc5\xeb\xe5\xc4\xf6\xec\xae'</t>
  </si>
  <si>
    <t>b'\t\xa5+$\x8e\xa5\xf1\xef&gt;\x88\t\xefi\xbb\xf1\xe9,\x91#W0n\xb9\xd4\xc9\x96\x03\xb0)\xcd\x8ch'</t>
  </si>
  <si>
    <t>b'\x8bu.\x8ej2Z1-\xbf\x1f\x90`)\x0e}\xe9:\x01\x850\xee\xdd\x064N\xd0\r\xbf\xba\xd7,'</t>
  </si>
  <si>
    <t>b'\xb5\xa8\x94\xa4U(\xf8\x04\x0fq\xe8\x9e!\xf5\xc2\xa2\xba\xa0\x82\x92\xf5\x08?3W8\x14\xfft\xad\xd5\xab'</t>
  </si>
  <si>
    <t>b'\xca\xc0\x99\xe8\xbf\x8e4\xe8\x88]\xa1\x86&gt;\x11\xae\xb9\xf8\x84\xb5\x96XO\xd4\x82N\xe2Qn2\xaagl'</t>
  </si>
  <si>
    <t>b'\x01J\x14\x03\x08\x85\x17\xa9\xf9\xea\xd8\xbf\xff\x16\xf2\xf5M\xf8\x08\x04F}p\xa5\x85j\x95\x9a\x1fV(\xf0'</t>
  </si>
  <si>
    <t>b';a\xd8\xa9\xa1\xf1}Y \x15\x16\xbe\x05\xcc\x02F\x8b\x027i\x8dlKs\xa9\xde\xd2\x1d\x88\x9eu\x83'</t>
  </si>
  <si>
    <t>b'\xca\x8eW\x12\xf0\xf5ek\xd4\x90@\nr\x9f\xc0\xd8%\x96\x1b\xc5\x01\xe8\xf4-\xee\x01q\xe6\x10(\x93\xbc'</t>
  </si>
  <si>
    <t>b'\x0b)\xb11A\xa77AC@f\x06\xedI\xc0\x7f\xad\xd1\xe1\xc0\xd7\x82y.\xa2 \xf0\x9e\xe6s+\xbe'</t>
  </si>
  <si>
    <t>b'f\xc7F\xb3gi\xb6\xed\xc9M\xd7\x0b\x92\x9b\xef9\xe1\xd6=\x14\x03A\x90\xe1\xca\x06\x9c\x15\x81\xabn\xb8'</t>
  </si>
  <si>
    <t>b'}\x1fv\xeb\x03l\xfd\x8b\xd1\xc5\xa0\xd5\x16\x06\xeb\xa4k\x90\xde\xc9t\\jy\x84S\xce\x12\xf8\xe7\xe4j'</t>
  </si>
  <si>
    <t>b'\xdc6Oc\xa8yd\xcd\xed^\t&lt;|\xe0\xd0@D\xc9"1-\x96\x8a\xa8\xf9\xfd\xb8L\xed\x17\x923'</t>
  </si>
  <si>
    <t>b'N\xebh&amp;\xa7oRv\xe1\x16\xdf\xe3\xf5\x84m9\xfa\x1e\xc5\xb3(;\xb2:\xa8?\xd5v\xe57.+'</t>
  </si>
  <si>
    <t>b'!\x0e\x95"H,\x1f\xa9s\xe0\x1b\xc9(Bnz\x03\x12\xa3\xf3\x88B\x81[P\xe48\xe83\xb3\x14t'</t>
  </si>
  <si>
    <t>b"@UA\x91\xc1S\xe3\xb4\xa5\xd0I7b\xc5\xe3'a\xf5&lt;_2\xe2[X\xdd0\xb6\x01\xb0y?d"</t>
  </si>
  <si>
    <t>b'vu \xedoL5oV\xd4\xf5z8\xe8\xbck\xfb\xf1\xd8\xfdee\xf0M%\x98\x01\xf0\x1eH\xd6P'</t>
  </si>
  <si>
    <t>b'\xcc\xeaP\xcd\x0c\xfe\xba\xc7\x89\x96\x1b\x07\xb9Xd\x9a\x9ee x\xf4~\xd1w\xd1\xea\x18e\xbbP\xb5g'</t>
  </si>
  <si>
    <t>b'0\xa1VJp@\xa9\x9dqKV\xcb5\x1c\xf4&gt;-^@RvT\xc2\xa5\xbd0\x8cVD9\xe0\xa4'</t>
  </si>
  <si>
    <t>b'k\x96\x83\x87\xbf\xc7\x8e\x19\xed\x0eW\x8c\x9c\x13[J\x0bZ\x97\xf4\xb3\x95\xb3{5I\xf2/`wY\x88'</t>
  </si>
  <si>
    <t>b'7\xabd\x80\x88\xedW\rqJ\xd5]\xaee\x02#Cd\xac\xc6R\x98@G\xf5\t\x13\xd3\x9b\x9bf\xea'</t>
  </si>
  <si>
    <t>b'\xd4\x7f\x96\x04x\xa4\xcc\x06c\x8cW\n\xfa,\xb5\xef[e~5\x06\x1d\\\xde\x7f\xf0_\xe0\xd4\xae\x90\xa3'</t>
  </si>
  <si>
    <t>b'\r\xd5\xab\xb9^\x19!\x0fp)\x9d\xc7\x88dv\x96\xf4\nL\x83\x85\xab\xbah\xde\xc5a,~\xe2Z['</t>
  </si>
  <si>
    <t>b'\xbf\x8a\xac~\xf0\ns\xb7\xc2\xa3\xb6\xf8\xb8O\xaf@Hm\x94\xf1\xdc,&lt;\xc2\x94;\x0c\x92MD+\x05'</t>
  </si>
  <si>
    <t>b'^\xa5\xea\xa3\xbf\x18:2H\x95x\x90\x16\xb0\xd8ei\xd9(5\xde\xadl?RoX\xca\x05\x02S\x00'</t>
  </si>
  <si>
    <t>b'\x8c\tX\x9ed\xed\xec\xad\x87\xd1H\xff\xf1\x16\xdc\x8aH\x17\xdcq\x8c{D\x92ST\xe6\x98\x8c\xe1\x82o'</t>
  </si>
  <si>
    <t>b'\xe8D\t\x0b\x90\xbbm\xf1\xe8\xaf\xdf\t\xf2B\xec\xf5\xac\xbd~\xa5\xb6X+\xb1\xac\xf1M\xb1\xb8\xff\xa2U'</t>
  </si>
  <si>
    <t>b'\x80\xe1\x88\x93w\xa8\x84t@u05\xa5\xcc3N\x99\x9b\xf4\r)\x97\x9d)\xa7\x87\xd8\xe3\x8f\xdd\xc4\xe0'</t>
  </si>
  <si>
    <t>b'%\xfb)\x9b(\xcfO\xfbPi\xa6`\x9b\xf5hB\xe1\xb2$\xe0\xc9\xdd\xb4\x04\xae\r\x98\xaa2\xae\nq'</t>
  </si>
  <si>
    <t>b'\xbf\x00~\xd3\x9bff&lt;q\xcd\xe5\x0e\xe8\x8f\x17\x8d\xcb&amp;\xabp\xfd\x0be\xc6\x9e\xf1\xcco}\xe8Z\xcc'</t>
  </si>
  <si>
    <t>b'\xda+\x18\x05vM\xbc\x9d\xd0Q\xd8\xdf\x1aQ\xa8\xdc\x9f\xa7\x06\xfa\xdea\x8e\xde\xba\xb0yn\x0e1\xd5V'</t>
  </si>
  <si>
    <t>b'\xdd\t\xfa|\x93k\x95x%m\xc1\xd2&gt;\xb0\xc3\x01\xf4\xb8\x14\xa5v\xc1\x90I@\x12\xee\x03\x9d\xb7\xb21'</t>
  </si>
  <si>
    <t>b'.\x12\xc1\xde}CV\xdb\r3\xb7\x88\x81\x8e\xa5\xad\x05\x882\xe5\x1d\xf3N\xd0:tc!\x10\xcf\xfds'</t>
  </si>
  <si>
    <t>b'\xbf*\x039\xa0N\x1e\xcc\x8c\xac\x87\x14\x11\x98-\xe5\x97\x04\xde\xc6c6\xcf\xed\xe7\\\xd2zR\xa3\xf2\xaf'</t>
  </si>
  <si>
    <t>b'\x180\xf2\x1c*\xb1\xb0\xe0\x92\x94\x91\x06\xa40j\x1fB5\xd9k\xf5\xba\xcas\x0el\x1f\x10\x1c\x18\x08\xe3'</t>
  </si>
  <si>
    <t>b'\xa7\x14\xa4\xd1\x16\xe9\x90\x05\xe3\x86y5\xea\xb7\x16\x7f}\xee\x07\xabN\x83\x0eX\x04\x84\xc8\x85\x82\xa5\xc3\x87'</t>
  </si>
  <si>
    <t>b'x\xb8\xab\x9a\x9cu&amp;\x07\x11pd\xb2zr\x01\xd2P\xa6?P\x7f\x85\xd2\x92\xb1G^\x98\xb1\x1d\xa9\xa2'</t>
  </si>
  <si>
    <t>b'\xfb\x17\xeb\x06\x84d\x0f%\xe7\x89O\xc9\xe6=p\x9d\x99&gt;\xfc\xb3Z&lt;\xd7\x8c\xab\x825A\xf0\xcfI\xc1'</t>
  </si>
  <si>
    <t>b"@$\xdc'\x13\xdd\xd8\xe0\xbaB&amp;\x82\xda3\xdd\x12[\x8a#\x8be\xb6\x02\x96l\r\xb6*\xd4\xe2\n\x8d"</t>
  </si>
  <si>
    <t>b'\xaf\t+[\xd3\x9b\xbb\xaa\xb0\xe4\x0fZ\xc8\xf3l\x82K\x08*8f\xc3J,\xb9\x0e=\xc9W\xf6\xf1\x8c'</t>
  </si>
  <si>
    <t>b'\xe44\r\x92%\xc8\xa9o\x92\x8c\x12\x04}\xb8\x87\xdb\x04\xa0y\xd9\x9e&amp;\x14U\xba\xf7\xb6\x8c\x93\xe12J'</t>
  </si>
  <si>
    <t>b'9C\xe8-H\x92\xa0\xb66\xf6Z\x89\x11w_\x98,\x8a\x08\x00wp\xe0s9\xd8)6g\x1f)\xaf'</t>
  </si>
  <si>
    <t>b'[R}\x98\xf4\xf6\xbe|\x89a3\xc5`C;e/\xba\xde\xca{}\xed\xb5]\xb3\x1f\x94~\xc6\xdf\xfe'</t>
  </si>
  <si>
    <t>b'\x11O\xe3\xae\xb6\xf2\xbbT5-\xc3\xcc\x96\x90\xfd\x0b~m\x8aV5\xfd\x1e1`;\xd4g\x0e\xea\xa4\xc4'</t>
  </si>
  <si>
    <t>b's|x\x85\x0c\xe4\xf1\x18\x0b\xa9\x84\xaf\xc1\xa7\x17\xe5J\xf7\xf6\xc3\x98\x1c\x96\xe2D\xfa\xae\x1a@6\xd5`'</t>
  </si>
  <si>
    <t>b'8e\x12\xbf\xb0Gj\x0c\xdd9~\x19\xe6k\x84\xdel\xe1\xb7\xc8\x1f\x93r\xa9\xe7\xcf\x93\xfb(\x81 \xc7'</t>
  </si>
  <si>
    <t>b'\x10_\x8e\xb9\xb7R=\xccS4\xeb&gt;\x1d4\x98=GEf~\x15\xd4\x1e\xb4\x95\xbbV\xd3q\xbb\xb4\xa0'</t>
  </si>
  <si>
    <t>b'F\xa2l\x0c\xfb\xc0\xe6,)\xc7\xa9i/\xbf\x8bBZ\x11\xe9\xff\xb2W\x99*&gt;\x98b\x91\x10[z0'</t>
  </si>
  <si>
    <t>b'r\xd1\xbct\xf8\x8f\xceO\x9bt\xcbiY\x1a]D&gt;\xbd\xf7R\xac\xa8\xd7u\x07\x8eI#r+/p'</t>
  </si>
  <si>
    <t>b"\xbdi\x145\x0c\x1f\xf8\x8e\xf13'n\xc3\xc5\xceO})\xcd\x14o{'\x93\x0b3\xea\x950\x12l\x89"</t>
  </si>
  <si>
    <t>b"\xe8\x7f#M'7NJY\x8fR?\x96\xd3\xc6\x85\x1aO\x99\xd0\x8a\xf0r\x98\x98\xe4\xc6&amp;(\xf2\xf4\x9f"</t>
  </si>
  <si>
    <t>b'\xcf.i7\x03=\x0f\xfb\xdbi=~]R;YxM\x07=\x11\xd2\x8e\xf3\xc5| \xe0\xea$.\xb1'</t>
  </si>
  <si>
    <t>b'\x05\x01\x90\x02\x05\xaeO".\x96\xddi\xf9\xfb&amp;\xa6\xc6V\xa7h\x0c4\xc5\x13\xe2|\x8f\xb7\xa4\xfbY\n'</t>
  </si>
  <si>
    <t>b'\x19a ee\x97\xe5\xddM\xfbz\xdb\xcd\xe4\xa1\x1eB\x82\xd7%\xe7\xb2\x1b\xe4\xb9/\xe64s1VA'</t>
  </si>
  <si>
    <t>b'\xe0M\xc0,\xf9\x85\x06\xc3\x1d\x91\xb6\xb1A\xf0o\xdc\x8b\x9e49O\x97\xc7U\xaa\xf1\xe4\x8c\x9e\xdf\x8a\x88'</t>
  </si>
  <si>
    <t>b'\xbd\xbe\x81&lt;Q@\xb3\x0bZl#\x0e\xca\xa2O\x9b#\xa0\x98\xf5\xe5\xaf\xbd)6\xe1J\x0b\xe7$$\xe1'</t>
  </si>
  <si>
    <t>b'\xf0\x08\xd0Oj\xb2:V\xe27@\xf9\x147\x80\xad\x80Y\xcc\x04\xaf\x135\x9dWb=\x94\xa0%\xa8Y'</t>
  </si>
  <si>
    <t>b'\xe6\x1bK\x12\x17s\x920\xbf\xaetX\xf1b%\xb4FDt\x0b\xf9\x1a~\x94\xa3\xa9\xaf\xe9\xb2\xafd\x02'</t>
  </si>
  <si>
    <t>b'\xcad\xce\xdf\x06|x\x0e]\x0ck\xee\xbb&amp;\xd5v\xfa4W\xd0\x88`\xa6\xac[i\xb1\x1f\x97C\xb9\x89'</t>
  </si>
  <si>
    <t>b'\xa1\xe7b\x16\xef\xa3\x17&lt;Z\xc1\x10\x01\x92M\xb1\xdd\x00\x12\xa5\x14\xf3\xaeJ\xbb\x052\xd1\x08%\xe03\xb0'</t>
  </si>
  <si>
    <t>b'H\xdf\xc9\xf3\xb1\x99Z,\xaclL\xc0/\x9e\x98\xf4\x18T\xba\xf3\x15)\xdf \x8aOY\x0e\xeb\x04`\x07'</t>
  </si>
  <si>
    <t>b'\xcf\x12B\x95n\xb0\xbd\x80A\x02!PH\x98\xb2\xd7\xa9G\x9f\xb1\xd4\x0c_\xb1\xa3Mo\xb3\x1cy!#'</t>
  </si>
  <si>
    <t>b'ZU]\xc6\xf8$\t\x8a(\xd4\xe2\xc8\x86\xc8\xe1&gt;\xaf\xd5\xff\x9d2\xe9\xb4\xa1|\x02\xd9i_\xeeh\xc8'</t>
  </si>
  <si>
    <t>b'D\x0c3\xff\x16\xae\xb3\xac\xb8v\xd0\x1aJ\xa9\xa1\xc9V\xbbP\xab\x13\x83\xee\x0e\x9e\xac_5\xa5\xfe\x07\\'</t>
  </si>
  <si>
    <t>b"\x95\xb0\x8c&lt;30\xae'\x0ef\x18\x04\x8a\xc4Bx5\xb6\xe19[\x8b\x9c\x7f)\xea=\x14\x194\xcd\xe0"</t>
  </si>
  <si>
    <t>b"\xbev\xdd+\xba\xf0\xc2\xadW\x00\xb0\x00\x1a\xe0\xb2ekG\xb4D\x16csm'\xaf\x94\x0bcn\xa0\x8f"</t>
  </si>
  <si>
    <t>b'\xb5\xc2\xfb\x0e\x90\x8a\xfdv\xf3\x0e\xbc\xb5M\xefI\xbc\x8f\xee\xcbv5p\x004\x8a\xdf\xc2\n4\x8f\xe3\x12'</t>
  </si>
  <si>
    <t>b'G\x0f\xa5|Y\xbbK64Ey\x12\xb3\x82\x95pI\xa9{\x9d\x9d\\S\xcd\x1c\x07\xf1\x08\x89\x15&lt;\x12'</t>
  </si>
  <si>
    <t>b"\xc5\x13\xef5^\x1e\xf1\x0ewu\x11\xfd\xa8`'9\x08\x1b7\xa3_`\xecK\xa4\x1c0Z\r\x91\xec#"</t>
  </si>
  <si>
    <t>b'\xcb\xecmd\x04\xef\x07\tWz!3~\xcd\xc8\xdc\r&amp;\x92\xcc\x95xJ\x12\xbf\\\x8a&amp;\xeb\x8c\xbf;'</t>
  </si>
  <si>
    <t>b'\xb7\x85\x0c\xa6\x0f#4P\xc5\xf25\xfc\xed&gt;\x88\xc2c\x14H\xa9_\rR9\xb9\xe9_\xb3\xd17k\xba'</t>
  </si>
  <si>
    <t>b"\xea\x9d$\xe3u\x8b\x92A\x1c'\x17yT\x90\xc9(\xb4\xc6\x13\x91h1a\xe5s|\x98(\x01\xc0\xb4'"</t>
  </si>
  <si>
    <t>b'l\xbb\xb2\xd2&gt;\xa9\xecPb\xfb\xc9KBt\x19)\x9d|\x18\xae&amp;i\x97P\x0c\x0b\x976\xa3\x1e\x12\x03'</t>
  </si>
  <si>
    <t>b"a\xe8\xbb\xbf\xc5\xbf\xaawHd\x88\xb6\x19R\xd5\xbc\xd2\xb6\xe6$m\xe8\xd7'H6*w\xb6\xbcG\xcf"</t>
  </si>
  <si>
    <t>b'\x13=\x8e&gt;?l\xdea\xff\xe1\x9e\x08\xe3\xa0D\\\xd4q(\xf3mn\x06C\x9b\xf7=\xef\x8d\xadf\xcf'</t>
  </si>
  <si>
    <t>b'\xa83\xb84\x85_\x03\x90\x95\xa3\x16\xb8M\xcd|m\xf1\xf7\x1f\x8f}n\xf1\x0c\xca\xfen\xf5}\xf5\xf7\xd0'</t>
  </si>
  <si>
    <t>b"\t\x03`g\xe9\x82\xbc\x06\xb9|%'\x82!\xb4\xd0\xb6c\xc2o\xa5\x07\x1d\xd7\xcc\xc1hO\x7f\xb1q]"</t>
  </si>
  <si>
    <t>b'\xba\x1aw\x85\xab\xed\x99\xcd1\x95V\xc8\xaf\x03\xcd?\x80|\xacqy\xdf\xce\xf5\xed\xe6\xfc\x1aB\x03\x9eS'</t>
  </si>
  <si>
    <t>b'I\xc2N\x04\xde,\x17\xff\xe9\xb8\xb4\xd8R\xbd\x93\xa1\x80\xd1\xfb\x0b\xfd\x13\xea\xa6\x08\xdf\xf45&gt;E\x05\xf8'</t>
  </si>
  <si>
    <t>b'\x82\xd2\x8e \xef\x91J\xd57d\xfbB\x0b\x15$\x15\x92\x1b\\8"g\xd4\xe2\xf3\t\xce[\xbc\x89\xea\xde'</t>
  </si>
  <si>
    <t>b'\x0b\xc6\x1f\xb5\x8f\x04\xdc\xf2f|\x08\xd8Xy"\x9e\x9f\xe4\xc1\x86\x08\x8fHK\x8c\x87\x80X\'&gt;w\n'</t>
  </si>
  <si>
    <t>b'js\x1d3\x82\x8dCW\x8f\x1a\x948\x965(3\x99c\xeci\r\xfe\xb1K\xd2\xdd\xf5}\x1d\xd5\t\xee'</t>
  </si>
  <si>
    <t>b'\xee\x86y?\x86\x18\xe7\xbe\x13\xe7r\xbfp\x88\xf7\x8f=6\xfa\x9am-^\x90\x0b\xe5\x18\xa2\x83Ui\xf7'</t>
  </si>
  <si>
    <t>b"\xc5\xd4\xd8z&lt;\x051A\xe9\xb5\x8b+,k\x1f\xa0\xf5,\x1b(hGsT\x0bT\x04\x9f'\xaeQ,"</t>
  </si>
  <si>
    <t>b'\xdfL@\xcd&lt;3\x88\xfa\x0f\x84nW\x08\x96Q\xb8\x93\x80\xec\x82&lt;\xe9l\xcap@\x15I\xae\xf6%d'</t>
  </si>
  <si>
    <t>b'\x07Z\x1bS\xb5!z\xb2\xc1G\x1a\xa3\xf2\xdf\x9a&lt;\x0f\xa2b\xf8\x16p\x11\x9dM\xf10s\x85\x19,\xcb'</t>
  </si>
  <si>
    <t>b'\xe8\x92\xdf\xe7A\xdd\xcf\xaa\xcaz\x8b\xa2\xd4\xd6qL\xe32a\x03n2\x86\x8eu\xb8\n\xf1\xff[\x1f.'</t>
  </si>
  <si>
    <t>b'\xf1\xa8\x05T\xde\xf9\xfe\xd1\x93vcd\xcf\xebY\x80V\x19\xaf\xfd\xca\xe9\xfe\xb8\xa5\x13Zi\x0f~\xef\x9e'</t>
  </si>
  <si>
    <t>b'\xa1\\I\xdbI\x1f\xf9\x12.\x1b\xf8\x99\\\xfeO\xac\xee\x07`w\x99-z\x08\x92\xaf\xe8s\x94(\\ '</t>
  </si>
  <si>
    <t>b'\xe51@d}\x8da\xecPH\xa70\x9e[@G\xe3\xa9H\xb0*D\xcd]Q\x01\x90\xb5\x8b\x8b"\xbe'</t>
  </si>
  <si>
    <t>b"\xbf\x1aF#s[\xd6\x98\xf8P\xbd\xdbE\x0e\xa9\x06o4\xe5\xa9\xdcp6('\xbc\xbe\xeeZ\x93\xbe\xff"</t>
  </si>
  <si>
    <t>b'5w8\xc9\x9d\xe9)\x8d\xfe\x15\x0f\x7f\x03\xa4Z\xe3\xd6S\xb9\xa2\xb3\xc0\xa6\xd6\xb6m\x0c\xbcN\xb7\xf6\xc0'</t>
  </si>
  <si>
    <t>b'\xcbCuJM\xfb\x9f\xad\x1a\x864\xfb\x13\xbb\x99\xc5\x17\xbd\x80\x7f\xaf*\xda\xb2\xba_\xcbd\x87P%&amp;'</t>
  </si>
  <si>
    <t>b'\t\\j\x93\xcf\r\xb5\xbcP-\x0fsTM\xbe{9\x03\xa16\xf8\xe9\x97R\xff\x14\xfb\xbc*\xe8}\xc1'</t>
  </si>
  <si>
    <t>b"\x9aM\x0b\xbakc-\xe2\x88\xda\xdf\xa1-\xa4m\x08\xf2Kv\xc6/\xc1\x8f\xf4\xa6\xc8\xf1\x13\xb1\x7fk'"</t>
  </si>
  <si>
    <t>b'\xbf\xcc\x1ebY\xac\n\x10\x85\xc3\xbd\xca\xfe\xb2\xe4\x02a\xb5"^j\xac\xf0\xe1\xfd\xea\xbf\x85\xd4\xdc\x11\x1f'</t>
  </si>
  <si>
    <t>b'\xa0\xf5\x00M\xf9\xb0\xde\xed\xdf}o\x03Q\na\x86ksF\x06\\\xb8\xb0\x9e\xf6\x8e\xdb\xd6la\x84\x11'</t>
  </si>
  <si>
    <t>b'Geg3G\x0ee\xc8\x82C\x08@\xd1\xa2,=Y\xe2\xb6\xd0\xb1\x10%$\xa6B\x0b7\x81\x0f\xe6\xbf'</t>
  </si>
  <si>
    <t>b'\xf5\x8c\xff\xdb\xa7\xb9I-\x83 \xab\r)\x19\xf6$$\xf6\xed\xa2)h\xfep\x0e\xb3\xea\xb3\xfb\x98\x1dM'</t>
  </si>
  <si>
    <t>b'/G\xb5\xa4\xbbK\xb2\xf6\x82&lt;\r\x0c\\nw\xd31\x87?\xablo\x9b?\xf8\xce\x8f\xaeK?\xf6c'</t>
  </si>
  <si>
    <t>b'\xa0\xf2\xfcue\xf8\xc9\x80\xb4\xb4p1mP\xf9!)\xa3\x856}\x1c^\x92(V\xbb\x8e9\x03\xb7\x91'</t>
  </si>
  <si>
    <t>b'g\x97\x0b\xc7\xa0\xeez\x842.\x89TFtKL\x91W\x97\xc4C\xa4\xb6\xd5R\xf1\xbc\t\x86\xb3\xdb3'</t>
  </si>
  <si>
    <t>b'\xf0\x18^.\xb1\xdb\xa9XK\t\x12\xbcL\x1d\xe9\x06`A\xc6\x85uQE\xcd\xb8\xf2&lt;E\xf4n\xd6\n'</t>
  </si>
  <si>
    <t>b'\x83\xdc\xc9\x92\xe1\x04\x9d\xf5\x0bU\xc1A\x95\x1d\xaaW\xecZJ\xee\xa5\x81\xb0R\xa6\xca\xc3\xba\x92\x93\xc2\x04'</t>
  </si>
  <si>
    <t>b'b\xa6\xc1y\xe2?\xb4\xcb\x84uS}uj\x86T,\xd9u\xa3\xd8\xcf(\xaa\xf3\xf0\xab\x0f\xa1\xbbhG'</t>
  </si>
  <si>
    <t>b'\xa7o\x84% \xf2G\xcb\xcc\n\xc9\x89k\xeb|\x12\x07c\xcd\xa1\x06\xbd\xba\xecb)\xba\xab]\xb3Ag'</t>
  </si>
  <si>
    <t>b'm\x10\xdb\xe6~\xf5\x91\xa3\xe3\x91\xb6\xdfZ\\/\xb2\xfb8\xec\xc9R\x7f\x02JF\xb94/U\r\xf8.'</t>
  </si>
  <si>
    <t>b'\xc4\xca\x9eL\x05\x00#\xbc,\xf3\x95\xc0\xa7T\x0c N\xb2kO\x7f,Z_\xf9b\x1f/\xae\xa0Z\xd2'</t>
  </si>
  <si>
    <t>b'\xbcQ/ ?\xf8W8x\x13\xd9\xc1\xbe\xfe\x9c\x9b\xcf+&gt;\x88s\xeeq\xb5o\x80X\xabOf_\x9e'</t>
  </si>
  <si>
    <t>b'\xd6\x17\x85\xe0\xd6J\xe6\xf2bCfx0\x81\xc4\xfb\xec\xebic\xe7\x9bJ\x90\xb9\x8c\xbd\x1f9b\xb3\xd3'</t>
  </si>
  <si>
    <t>b'\xca\xfa\xadj\xd6\x19\x8a\xb0f\xbfc6p\x006\xdd\x0bc\x85.#\x8c\xf4\x8cpr\x06\x8b\xeeU\xbd\xd9'</t>
  </si>
  <si>
    <t>b'\x1d\xbd\xa4\x94\xc1*K\x8bg\xd1\xba\x05\xfbK\xe3\xc1\x9b\xf1\x94\xa4\xe1\xc7N~v#\x10\xef\x1fn\x0f9'</t>
  </si>
  <si>
    <t>b'p\xa6\xd96\xa35\x87\x17Y\x84X\x88\xd2\x03\xa5`/\xb1S\xfb\t\xfc\xf0\x04\xf4\xaf\x1d\xfa\x9f\x11V\x9e'</t>
  </si>
  <si>
    <t>b',4w\xb1\xe0\xd2\x9d\xf0\xe1\xb9(\xdf~\x91P\xd1\x86\x19f\xe8;Q\xd9o\x18\xea\x13\xd2\\x\xf1\xfe'</t>
  </si>
  <si>
    <t>b'\xa8\x14\x82O\xfc\x06\xa7V\x15\xd9\x1f\xdf~!m\x9a\x18\xaa\xbf\x9b\x1e@\xcf\x90\xc7\x90Z\x05\n\t\xa8\x82'</t>
  </si>
  <si>
    <t>b'\xf5\x0em\xaebu\xb5\xcf\xef\x83P\xbb\xdfT\x7f\x9f._\x1c\xd7d"\x02\xb1\x93\'\xd0\xa3\\\x91\xe6\x85'</t>
  </si>
  <si>
    <t>b'\x04$/\xc4 \xf3,fw\xf4\xdfr\x1d\x98\xbaR\xe9pH\x08h\x0f\x9b\xa7\xab\xba\xa3L\x8b\x18\xcd\xff'</t>
  </si>
  <si>
    <t>b'\x00\xea\xadh\xf7\rv\xfb\xec\xbb\xd8V\xcd\x01\xca\xb2\xfc\xae\x01\x01\x95\xb6\xc4M\xea\xe2x\xb2\xc7|[R'</t>
  </si>
  <si>
    <t>b'T{\x17\x86\n\xd5\xc9v\xbc\xc5\xd2\xaaS~\xfc[\xc7\x86\xa4VhM\xaf\xcc\x03,R\x86\x0fh\x19Z'</t>
  </si>
  <si>
    <t>b'g\xd2\x12\x03\xf1\xde%3\x81@\xef\x17\xc4\xdb\xad\xc2wc\x18\xc0\x93\xf8\xfeJ\xc0\xc6fY\xea\x88_\xd6'</t>
  </si>
  <si>
    <t>b'g&lt;\xc1\\9\xc1\xfd\xb2v\xfe\xb9/\x1d\xe2r"d\xdf)b\x9c\xb3w:d\xf6\xccM\xca\x13\xe2:'</t>
  </si>
  <si>
    <t>b']\xac\x888\x97n\x9f\x83\xbe\xf7Q\xe0\xe3\x1c\xc2a\xf8o\x83\xbf\xa8!\x9aY\xeb#\xbe\xbcE\xd1\x16\x93'</t>
  </si>
  <si>
    <t>b'&gt;\x9eE\xfd8\xc358\xb7`\xa5\x1b\xca\xad?I\xd7J\xec\xd7\\\x1aN\xc3k\x8e\xe5w\xb1\xf5\xa1\x17'</t>
  </si>
  <si>
    <t>b'\x90&gt;\xdf1\x15w%\xb1\xd4k\xa3\xdeY\xa2@\xe1\xc9J\x00.}Vusz\x18_\x863\xb3\xb0K'</t>
  </si>
  <si>
    <t>b'\x8eK\xba\x86\xa2\x0c\xa7\x99$\x8b\xe4=}\x1ePh\x12\x87\x93\x00"F\x01\xd7\xbe\xef$\xfd\x08e\x9aG'</t>
  </si>
  <si>
    <t>b'1C\xe4\x00\x0c\xf3\xdd\xd6\x1aR\xc1\x9e\xe1`2-G\x96|\x0c\x1b\xb1!\x17\xd42|\n\xa5\xb1\xa5\xea'</t>
  </si>
  <si>
    <t>b'\xe3\xc1G\xc3[R\x01\xc5\xb7\xbe;\xa8K\x0e\xa5\x96u/\xf9\x165\xb4\xa6x\xe06w\xdc\x0f6\x07\xbf'</t>
  </si>
  <si>
    <t>b'\xb5\x92u\xe3D\x0c\xb7y9\x98\x89ooUF\x99\x13\xd0(\x1eo\xfb^|\xfbh\xb8\xe2\x89\n\xff\xd6'</t>
  </si>
  <si>
    <t>b'y\xd2\xd3\xa0F,\xae\xa5(\xa7\x1cU:\x03yH\xdb\x95\xa3\x9ePHt\x7f\xe62W\xacM\x9eN\xa7'</t>
  </si>
  <si>
    <t>b'?\x16\x8e\x1c\xd9W\xffB\xc1 ?4\xe6s\x93%\xe5\xc2\xd1\xec\x193^\xb8\x18\xc6\xf92(6QK'</t>
  </si>
  <si>
    <t>b'\x14\xf4;)\xab\x80\xabo\x87\xae\xb8\xc9\x8b+\x19\x01\x9c\xf91\xb6\xc7;\xd1\xe4\xa6M\x81\x14\x0e?&amp;\xb8'</t>
  </si>
  <si>
    <t>b'\x0c\xfb\x8d\x1b!u\xd7J\nO}\xab-,l\x19\xfb\xb3\xe3Pd\xf2\xd9\x95\xc4-"\xc9p\xed\x84\xd9'</t>
  </si>
  <si>
    <t>b'\x19\x94=\xa2\x14\xb0e\xc1\t3y\x88\xd3\xcczU\x0b\xa9XI\xfc\x11d=O\x8fnf\x11\xce\xde\x1d'</t>
  </si>
  <si>
    <t>b'\x96\xefv\xc6\xf4Gs\xd2*4;\xabrds\x84k\xb4\x91vQ\xa4\xc5\xddS\x9a\xaa\xb6\xa3\x91\x80\xcd'</t>
  </si>
  <si>
    <t>b'dV\x07hv-i\x1e\xac\x85\xe4\xf7\\\xcd\xcd\xfa\x12b\xb7\xa66\x1f\x99G{\x0eK\xa5\x83\xf9\x97Y'</t>
  </si>
  <si>
    <t>b'\xedCP(l\xea\xa5\x8b\x88\xc0N\xa4\xc0\xb8\xebLZ^w\xf4\xfd\x00\x17-\x82\xe3\x17\x90i\x8dsS'</t>
  </si>
  <si>
    <t>b'\xa8q\x9d\x88&amp;t\xd1s\x05VlE\xd8\x90t\xcb/v\xb5\xcf\xbeE\\\x91\xb2~?\xf0_qR?'</t>
  </si>
  <si>
    <t>b'f\xeb+?\xdf\xf5IEi6Sf\x1e\xe7\x98\xaa\x0e\xfd\xfb\xf1\xc5\xf9\x9f\x86=\xcc[d\x0e\xaeZr'</t>
  </si>
  <si>
    <t>b"\xc5\x1c\xf4\x0f\xf1b\xc8'\xdf\xc7\x91\x91\xbe\xe2\x81t\x1c\xe5\xeb\xfeT\xd6X\x93J\xe6\xb9\xe9(\xa6\x8b\x9b"</t>
  </si>
  <si>
    <t>b"y\\E\x8d\x8f\xc0\x9f\x92c\x94\x82\xfb\x83}t&lt;\x84\xbc\x9c\xb3,ej9TOf'\xbf,$b"</t>
  </si>
  <si>
    <t>b'\xbb\xdd\rS\x19\x9d=\xf9.\x94\x11+1nX\xb6\x00`\x10Q\x8fW\x00\xf3TO\xb2\xcd\xa1cx\xe1'</t>
  </si>
  <si>
    <t>b'\xb2\xf3\x99\xe0$&lt;\xb7\xa0\xbd\xccq\x89\nU\xbf~\xa7P\xd8u\x10\xdfY\x04\xb6m\x90\xc1\xf5\xda\x89\xef'</t>
  </si>
  <si>
    <t>b'\xcd\xb1\xf3\r\x97\x1d\x06\xec\x1c\xc4\x83\x9a\xaaz$HI\xb8\xe5P\xd3\x8a\xc7a\xddP[2\xe6,\xc6\xaa'</t>
  </si>
  <si>
    <t>b"Y\x1dY\xfdz\xf7\x0e\xf8\xe0\xa2\xe6g\xb9{\xdb\xd5\xb0X\xfb\x11\xfe\xd2U'~\xbb\xca\x03(\xda\x04\x19"</t>
  </si>
  <si>
    <t>b'Q=\xf8\xf5\xbeS\xb4\n\x7f\xa2\xc3\xbfXC,\xd6\xb7\x91&amp;@\xdbc\x9c\xbe^[\xee8\x88\x05\xb2 '</t>
  </si>
  <si>
    <t>b'&lt;\xe1\xa0\xf6y\x0bI\x9e&gt;\xa0\xb0\xcf\xd3\xeb\xadcK$\xc4\x1c\x886\x81I\xbd\xd9\xbb\x8bLN\xcc#'</t>
  </si>
  <si>
    <t>b"\x03\x87\xb0\xc4d.82\xe0\x7f\xdf8'\xc7]o\xa8dS\xa0\xe9\xaaQI^h\x03\xcc\xedm\xb2-"</t>
  </si>
  <si>
    <t>b'd\\\xd1\xa6\x81\xdbD\xf2\xf3\xbf:$\xa4|\x0e*\xd4\xa5\x10\xf6\x83\xe7\xd9#~X\xa5\xe7uz5\xfb'</t>
  </si>
  <si>
    <t>b"\x1a\t\xd3\x99\xa1\xbfa\xfbA\xcf\xf49\xb2\xd3{\xb3^\x90\xc1\xd6'\x1a\xd2\x80s\xe49\xd1h\xac-\xc3"</t>
  </si>
  <si>
    <t>b'\xd3\x9a\xa8\xb25\x0e\xbd\x0f\x8c\x9a\x1f\x18\xc5\xecH\xb1W\xd3!\x84\xd5c\x04\xe0\xeb\x14:\x8f\x80\xee\x16&gt;'</t>
  </si>
  <si>
    <t>b'\xea\x00\xa6\xd0$#Ja\x98\x86\xc6\xc6\xd6\x83?\xa9:\xce\xac\xf1\x89\x9c\xe4\\\x154\xb3\x86\x8f\xdd\xae\x06'</t>
  </si>
  <si>
    <t>b'&gt;Z\x04\x86\xf8k\x162\xa7\x9f!\xdd\x7f$\xe2-\xd5\x8a\x9c\x0f\xea){:\x8d\xb5\xdd\xdbl\x15v-'</t>
  </si>
  <si>
    <t>b'\xa7\xe2x\x87\xb8\x99\xcc\xc6\x9d\xdf;~\xf7\xda\xe2\x16\x91X\x7f\xbb\x1a\xd2\xfc(\x86\xb9\xee\xa5\x11\x12l\xef'</t>
  </si>
  <si>
    <t>b'A\xb5\x079\xfd\\U\xa8,i\x06\x9f0\xb7\xe8ew\xf9\xfa\xd0\x91\xcddDm=\xd4\xea}~\xc3\x15'</t>
  </si>
  <si>
    <t>b'lRQ\x0f\xc8\xa7tm\x9eY\x13@\x1e\xcbw\x05V\xc2*m\xf9\x7fr\xdf\xdc\x12\xd5\x1e\x98)O#'</t>
  </si>
  <si>
    <t>b'9\xa48\x85a\xf9\x97\xe0#J\xf6\xe5\xea\xc0D\xc6\xcc\rO\x13F\x04*\xcb\x06C\xbf\xf1\xe6mZ\xb7'</t>
  </si>
  <si>
    <t>b'\xf6\xbc-\xe3Z\xfeD*(\xa0Ue\n\xe1\xdb\xb8J\x89\xd3\x11\x81\xe5"\xa3b\x7f\x08\x83\xea\xae\x96\xd4'</t>
  </si>
  <si>
    <t>b'\xdaV\x93w\r\xa1\xe8\xe2\x04X[\xe33\x1c\xd3\xe2\xe7zVf\x16\xa4\x1a\x81\x94\xa6\xa3\xed\xc6\x04i\xee'</t>
  </si>
  <si>
    <t>b"\xa0#\x18#a\xcf\xf7!?Q\xe5h\xa5\x17\x03\x94\x10'\xf6\x04\xf9\xd6\xc7#\xe7\xdf\x98\xba\xcf1\xd2#"</t>
  </si>
  <si>
    <t>b'\x90\x83n\xd1\x1ee\x93\xd4\xc5\\Z`V\x11\xe09\xf5N\xabc\x7f\x02\xa1?\xf2\x0c\xf3\x13\xe3~\xc4\x98'</t>
  </si>
  <si>
    <t>b'g\xb8.U\x90j\xfb\x1b\x92jP\xd8\x06k\x83z\xf5M\xaf\x02\x7fv\x17\xf2m~\xcc\x86\x08\x8d/c'</t>
  </si>
  <si>
    <t>b"b\xab\xca\xc7'\x1e\xa2\xe38\xe7?\x86\x9d\xcaO\xf5E\xa2U&gt;1@\xa3\xde\xaa\x98`\x15\xa6\xa9\xba\xc2"</t>
  </si>
  <si>
    <t>b'!\xe1\x06\xe49o\xf2V\xf5\x85Bkb\xee\xad\x9d5 \x89\x80\x82\xd68\xee\xc9J\x9c\x18\xe63\xd9^'</t>
  </si>
  <si>
    <t>b'\xb2\xcd\xca\x87\xd4\x1dZO~\xc8\x14\x0e\xe0.\xf4 \xe3\x02\xcd\xea\xfd\x89]\x04B|\xad\x9c\x13~\xdby'</t>
  </si>
  <si>
    <t>b'\xb8\x0b_\xdfr\x9fV\xbe_\t\xaad]D\xe5\x07\xd1\xa5\x88\x0b\xb5g\xcb\xaa\xae\x97Q) \x9bj\xc2'</t>
  </si>
  <si>
    <t>b'\xe1n\xefv\x89\xba\xf0X\xe1\x8a\xc4?MWd\x87\xf9\xd0\x1f{pKB\xa4z`\xc6t1\x9a\x05\xe2'</t>
  </si>
  <si>
    <t>b'\xc5!\x817\xbb"&lt;\xd5RN\xef\x7f\x04\xfb\x9b\x94e\xbd\xf8$\xde\x06\xe4\xc7F\xa0\x95\x8b\x01E\\Q'</t>
  </si>
  <si>
    <t>b'\xde\xa8P\x12\xb1Ly\x9f\xdaw\x06\xab\xaf\xa9\xe3\xabc\xbd\x1a\xcb\xe1\xf0\xf4\xf1\xf5&gt;\xe9,/\x91o#'</t>
  </si>
  <si>
    <t>b'B3\x86\x1e\xd8w\x80r\x1c\t\xcc~\xbd\xb2\xdc\xa4\xc7v\x84\xc4T\x9fPx\xa1jA\x15\xdfuw\xb9'</t>
  </si>
  <si>
    <t>b'\xeb\x8dO\xc3\xa9J^\x1fSd\xcd\x1b\x08$\x17v\xac5:\x11\xdar\x02h_\xaa\x91\x93\x97\xc9\x8eU'</t>
  </si>
  <si>
    <t>b'6\x85\x88 \xfa\xb8f\x93\xce_\xcc\xfa\x9b\x1fA\x8e\x00u_\xb62\xb8,\x8c\xfb\xbe\x0f\xb8\xda\x0b\xbf\xf3'</t>
  </si>
  <si>
    <t>b"q\xf2}\xf6\xf0\x8e.\x06\x00\xdb'\xf4i,3\x13\x96\xfc\x82WZ\xfc\x96\x1a\xf1\xf0\x7fo\x8bg\x80\x02"</t>
  </si>
  <si>
    <t>b'\xea\x8e\xcbO\x85\\.j[\xb5lf\xbc\n3\x14\xec\x143\xa6Nv\xb7n\x1cb\xb7o\x16c\xfaL'</t>
  </si>
  <si>
    <t>b'\xd4}\x05\xda\xb3f*\xcc\x84\x95\x04_\x04\xcf\xf7\x17T\xe6\xaa\xcb\xb8\xae\xb4\xa9\xdfN\xb8+\x8f\xafQ\x00'</t>
  </si>
  <si>
    <t>b'\xaf\xfc7r\xa7`\xb28\x95w\xc7\x03\xf4S\xa2\x01\xfc\x16\xac\x96\xbbEd\xa8\xb1\xb9\xb1\xe4\xe5sR\xa9'</t>
  </si>
  <si>
    <t>b"\x08\xf4\xbd\x14U\x13\x12\xe7\xa3\x0f-\xf3\x0b\x83\xa2\xf3'\xa6\x8774\x8e\x9f:\xbd\xc5\\\xafax'\xd2"</t>
  </si>
  <si>
    <t>b'jc%W\xd5\x96\xf6\xaf\xc1\xdbC\xcb\xb0\xa4\x06\xd4\xad\xf6M\xd3\xba\xce\xd5\xbf\xff\x06@\xe7\x15\x94\xbc\xc8'</t>
  </si>
  <si>
    <t>b"\xfez1\xe3\xf0\xdb\x02'%\xee\xb6\xf5\xf7F\xe0?\xdb\\1\x91-\x18\xd9\x1d\xa9\xdf\n\x03T\x1f@\r"</t>
  </si>
  <si>
    <t>b'$j\x17\xd14\xbb\xdcwW\xda\tH\x12t3Jz_%\xf3\xcb"\xdf\\p\xb3\x8es\xceu\xec&amp;'</t>
  </si>
  <si>
    <t>b'\xf2\xb2t\xf1\xba;\xcb\xc5\xe3\x80\xdc\x07i\xfb\x07\x91g\x87id\x98\x10X\xffv\xa4~\xf8X\x19\xa8\xff'</t>
  </si>
  <si>
    <t>b'&gt;\xbb\x1bn\xf2X\x85\x84\xd4\xf9Y\xed6\x87\xb3lr\xdd~\x01]\x15\x94\xb5\xa2\x82\xe7\x8d\x15Z\xf2\xb2'</t>
  </si>
  <si>
    <t>b'\x80\x8f\x92\xba\x1d\xd1#At\xf6\xfe\xbcs-B\x9c\xfc\xd5\xff\xbe\x956Ee\x0fm\x7f\xbcQp\xf4\x10'</t>
  </si>
  <si>
    <t>b'\x84\xb1\xb1?\xbc\xe5\xc2\x90PA\x11\x02\xf9\x97\x15\x80^_\xb1\n&gt;\xeb\xefZO\xca\x89Z\xf2\x8cJ\xb0'</t>
  </si>
  <si>
    <t>b'\xcf\xc4\xd9T3\xb4z\xd8A\xc6\xbcMxvx\x99\xf2\xc8\xac\xcc\xe5\xfd\xf2\x83\xae2Xp-\x80w\x8c'</t>
  </si>
  <si>
    <t>b'\xddk{\x12\x8bE`I\x8ezpL\xe6\xfci\x7f=.\x8f\x18\xcfB3F\x17\x9e\xb5\xb85x\x03\xaf'</t>
  </si>
  <si>
    <t>b'~\xcb\x08\x90x\xfdoj;\xbf\x14A\x95\x94F\xc4\xfd\x87;\xee\x9f\x8d\x19\x1beG/\x9a\xea\x17\x9e\xf1'</t>
  </si>
  <si>
    <t>b'\xa8\x80q#4\t\xdf\xd2\x0c\xfd?\xfa\x1f|s*H\xb2/\xd1\n\xd2\x99\xce\x95o\xa9=\x82\x07\xfc\xb9'</t>
  </si>
  <si>
    <t>b'l\xb0s\x8a%p\xf2\x11\xd5Ve\xe7F\xccw\x90\x85\xfcH\x90\x89*\x96\xd1\x88X\xdd\x00\x85VO^'</t>
  </si>
  <si>
    <t>b'(\xa18\x8b\x15.y$\\\xf5\x85Uj=[\x12\n\x9c:\xc6\x17\xf8\xca\xcc\xa1Lc\x85&lt;\xfbfW'</t>
  </si>
  <si>
    <t>b'\xf1\xf1\xfd\xbaU|\x9d\xf7qo\xf8z\xa3\xc56\xfe\xc4@Ti\xe12~\x12\xc6`w?A&lt;\xb0\x10'</t>
  </si>
  <si>
    <t>b"\xa1\xcd`5\xdfw\xe9\xc3\xad'\xf1s\xc0\xb4 |b\xa4j\xe5\x82\x16\xd1qm1p\x1f\xfa\xb4\x01\x82"</t>
  </si>
  <si>
    <t>b'\xf6\xf41zP\xaa\tQ\x17b\x1a\x88t\xdd\xfcS\xf3\x9aK\xc8\xa5/U\xcd\x93\xbc\xc6\x92 s:V'</t>
  </si>
  <si>
    <t>b'&gt;\x8aow\xb7\xa9i\xa8\xf2\x18\xee\xce\x7f_\xedSm)t`\x07\x89\x8be\xc7\xc9\xb7\xd5\xae\xf5&lt;D'</t>
  </si>
  <si>
    <t>b"\xbda\xa0\xc7wW\x85'{\xb1y#\x1a\xb9\xb6f!\x1a\xa1\xc2\xa8\xbd\xd9\x87\x98\xf8?E\xfa\x98\x83\x9e"</t>
  </si>
  <si>
    <t>b'4\xc0\xebFS\xae\xd1p\xd5\x04\xe0\x8aa\xe7\x90\x99\xe4\xf0$}z`\xfbF\xae\n\xb4\xd2*&amp;\xb9d'</t>
  </si>
  <si>
    <t>b'\xc8\xd0\xa3G\xdf\xd3P]{\x91\x186\x19\x92\xe5\x04\x00\xd6.\x00\x05(\xb4\xef&amp;quD\x0f2\x97\xd6'</t>
  </si>
  <si>
    <t>b'\xe1g==$\x89\xd1\xcebW\x88\x1c\x07\xc4\xe9\x89\x879\xab\xe5\xe0\x8f\xda\xb7Z\xf4k\x85\x8cP\xdc\xa8'</t>
  </si>
  <si>
    <t>b"q\xa2\x06\x17P`[\x8b9\xc4'\xc2\xdd\xce\xc3\x9aG\x84\xa3\x06\xffW\x81\x96\xac\x9b\x08K&gt;\xc56\x92"</t>
  </si>
  <si>
    <t>b'\xf6\xfdNd\xc9$\xb4)\x80\xde@\x926e$\x08\xca\xac\xcbD\x19\xdfn\x9f\xb9\xc0\xc0\xf4\xc7\x80~\xd9'</t>
  </si>
  <si>
    <t>b'P\x95\xbf$\x08\x0c`\xef\x99HkXJ\xdcU\x0e`\x91*D\x05\xfd\xce2\x1dVo\xec\x03\xce\xadb'</t>
  </si>
  <si>
    <t>b'\xf8_p\x9f\x03yFU\xf1.d\xf0\xe8\xd2\xeadd\xc9\xcb\xa4~\x85\x80\xb9\xd6\xe1\x1e+c2\x839'</t>
  </si>
  <si>
    <t>b'0\xd7O\xd7\x10\x02\x84\xe5\x0e\xf4C\x15\xa1\xf5te\x11\xd5t\x92\xb1i)\xa6D\x97\xd1{9\xbdP]'</t>
  </si>
  <si>
    <t>b'-}B\xdbkm\x84\x1a\xb7@d\x15\xb9\x1a\xf8\x1f/z\xe4\xd8\x15a\x10\x9bj\xed\x8d\xe88\x0cQ@'</t>
  </si>
  <si>
    <t>b"\x8fg\x19\xd7s'\x87\xb9\xe7u\x1dd\xa7&gt;\xbf\x8eBQ0\x9e.\x10\x19\x15z\x1c{w\xc5\x1f\x08M"</t>
  </si>
  <si>
    <t>b'\xfc/\x8f\x85\x05\xdf\xb2\xb0\xe4\xfb \xff\xad\x9e\xdf=\xd1nPjw#x\x00\x17Q\xc0\xd3\x04E\xa0,'</t>
  </si>
  <si>
    <t>b'\xbe\xea\xde\xaa\xebk\xfeo\x15\xf9\xf1\xa6\x11\x91A\x9a\xde{\xac0\x9b\xc2.\xe9g\x84\xd5\xd4\n\xd9a\xfe'</t>
  </si>
  <si>
    <t>b'\xb7|*\xd7@\xf6\xe9A\xbc\xaa\x13&lt;\xceH\xe6\xe1gJ\x7f7\x8b\x03(w\x1d\x001/dhs\x1b'</t>
  </si>
  <si>
    <t>b'\xe0Ey{\xc5W\xe8\xb7\xceGQ\x0c\x94h_\x9d\xb2\xe2\x8aw\x07\x99\xa0\xae\xc5D1\x84\xdeGH\xc6'</t>
  </si>
  <si>
    <t>b'\x17\xe0\xc2j`\x97]\xa45\xb3\xcf\xaf\x93\x98\x83m\x041\xa0\xee\xd5\xfaF01\xee#L\xb6\xdd{\x11'</t>
  </si>
  <si>
    <t>b'a&amp;\xe3q\xb3\xd3\xf4\x98\x90\x8f\x18\x9d\xf4~Y\x00\x14\x84\xed\xa1\xf9b+\xd5?Us\xae\xedf=\xc9'</t>
  </si>
  <si>
    <t>b'\xcdm\xff\xef\xd1\x17\xc9eG\xde\xde\x0f\x1cs\x1b\x04\xcdo\x83:Y\x06\x1c\x08\x85B\xb4\n\x88G\xc1='</t>
  </si>
  <si>
    <t>b'\xf0\x1e\x17l@\x1c\xac\x9b\x10\t\x1e\xdf\x1f\xe6\xbd\xd9k\xdc\x1c{\xa0K\xe3\xf4h"`\xae\x99\xb5\xa8\xe4'</t>
  </si>
  <si>
    <t>b'\x0c\xed\x98G\xe9}\xf3\xed\x05&lt;f\x81i\xd5c\x8c\x9d*\xc0\x16\xd8#\xc7/\xe0\x9b\xf8\xfao\xf3Z\xca'</t>
  </si>
  <si>
    <t>b'D)9\xfe\xf5\x9a\xd3\xf0\x1aT!\x8e\xf8\x9a\xcc\xfc*\xba\xe7\xd3\xd5`\xa3Y&gt;,\x9e\xeb\xd5)\xc7M'</t>
  </si>
  <si>
    <t>b'1\xe3Z\xaf\x10\xe0?\xe8\xd9htM\xd23YX\xd3\xfa%\x18N]%\xa9\xfa\xe8\xddV\x11\xa1C\xda'</t>
  </si>
  <si>
    <t>b'Z+T\xa9\x08/\x97\xf14\x07~\xe1\xcf\xa7\x1e\x17\xdcJ=\xf0\xba\xe7e\xf9\x02\x85\xa5\xcco\x04\xfb\xed'</t>
  </si>
  <si>
    <t>b'm&amp;\xbd\x00x\xe9Wp\x16U2toq\x7f\x81$\xfd\xe5\xfb_\xf2\xf9\xa0K\xf1\xe2\xdb\xf8e\xf4\xff'</t>
  </si>
  <si>
    <t>b'\xf3\xe4!\xc4\xff\xbb\xe0.L&amp;\xa8\x1e\x12\x93\x0b\xe8\xd2{y\xa8\xf6wj\xb3s7~\xe7\xc0\t~C'</t>
  </si>
  <si>
    <t>b'\xda\x81\x89\n\xd2\x02\xbf\x8b0\xed\xda\xd3\r\x815\xbf:\xcd\x95\xce\x8d\xef7&amp;3\xea\xeb\xe4Uc\xc4\xa2'</t>
  </si>
  <si>
    <t>b'f\xde\xe8\xa5\x0b\x07\x9f\xdb\\N\xd7?\xdf\xc3\xa9\xa4\xb3\xabfk\xc8R\x84\x0fx\x8e\x93\xe1&lt;a\xc1\xd0'</t>
  </si>
  <si>
    <t>b'q\xdb\xf6\xf8\xe0\xa9$\x18\xea\xabS\xcf\xc5\xc3\xc7\x8bR\x11\xce\x93\x07\x99\xd6\xc3a\x93\xe1C\xbc\x8c\x1b\xcc'</t>
  </si>
  <si>
    <t>b'Z\x96:,\xecq:\xe4Y\x89D3\xca\x93\xaa\xfb!\x92\xe7\xdd\xbex\xe5A\x11 \xcb^\xba\xb5{\x98'</t>
  </si>
  <si>
    <t>b'\xaf\xae\xb6LQ\xa3#\xdf\xdf\xd6\x84E\xba\x1c\x06\xd8\xd3\xf0Q\xd2\x9a\x88\xa2\x96\xb7\x15\r\xe3\xd4\xd8\x02\xec'</t>
  </si>
  <si>
    <t>b'\xcb\xa1:\x16\x1a\xb5\xeb\xb9\x08\t\x84)\x80\xb9\xafOQ!\xdc\x18\xf74\x9d\xc9\x00b{\xac\x135\xebF'</t>
  </si>
  <si>
    <t>b"\xbfr1J-q\xf6\xb7'\x93\xb0\x8c\xf0V\x1f\x01%V\x0cs\xad\xb7\xdb\xdd2\x06\xbd\x0fPY\x9e\x84"</t>
  </si>
  <si>
    <t>b'\x99\x0e\xb7\n5\xcc|T\xfa\xaf\xad\x19&amp;C&amp;\x8a3\x8f*\x1c\xb1\xa2L\xa8\xe5\x83`l&gt;\x83&amp;$'</t>
  </si>
  <si>
    <t>b'&gt;\xadY\x8c]Y\x14^}\xb3Y\xecAvTx~\xa4\xa1\xe2\x96\xf7\x8btZ\x80\xbc\x98D\xa7\xcc\xda'</t>
  </si>
  <si>
    <t>b'\xf2F.\xcd0\x93\x7f\xbb\xae\xa15\xb3y\x90\xb4\xac\xcc\xa6\x8d\xca\xd6\x07\xff\x99[z\x83\xf0\x91w\x98$'</t>
  </si>
  <si>
    <t>b'\x87&lt;\n?\n\xaa\x82\xfd\x05/p\xf5\xdc\xa3\x82\xac\x92 \xea\x96\x1d\xc9\x99\x02\x00L\xa6\x85\x9dpN\x9b'</t>
  </si>
  <si>
    <t>b'\xb2#\xff\xa7"^\xff\xa0\xab\x9b\xa9$yD^\x82\xe8\xd5\x86\xb2\xefj\x94\n\xa2\x11\xe1\x83F\xb0\xeb@'</t>
  </si>
  <si>
    <t>b'(5\xcd\xaf\x92\x9fL`\xb1~R*z\x97S\xdbNY\xbe\xfa\xda\xce\x1dH\x81T\xbc\x8d\x8ck`\xc3'</t>
  </si>
  <si>
    <t>b'@\xa1Mv\xa6+~F\xeeO\xd0\xdc\x85\xf7i{\xa0&amp;e\xb2\x0e\xb5y\x8a\x8f\x9b\xad\x91gm%\x1e'</t>
  </si>
  <si>
    <t>b'\x98\x08\x9c\x9cp\xdf,\x9aU\xaf\xa5\xad\xe9\x05\x99\xb8\x80S\xf6\xb65\x19\xf6S\x1f\x08)R{\\\xc6E'</t>
  </si>
  <si>
    <t>b"\x04WJ\x93\xd6~\xf9\x18\x91\xae\x8f\xbd\xfe\xb0\x11\x17\xf9'\xd7\x8e\x03/*\xb6m\xfb\xe2\xcc\x84\xecoG"</t>
  </si>
  <si>
    <t>b'\xe7Efsp\xcbqX\xa7\x95:yn\xe2\xc2]\x8e\n\xd6\xd8\xd8\x99\x07\xaa\xe1\x8b\\\xdb\x11\x19\xe7\xa3'</t>
  </si>
  <si>
    <t>b'B8\xf4psz\x06@o\x95\x04\x963\xc6Z2-\xe1&amp;\x95\xb97S\xf6\xf7\xea\xef\x05\xa3xm\x1e'</t>
  </si>
  <si>
    <t>b'\xdb\xe8k\xf5\xd9\xce&gt;\x86\xdeX\x15\x02\x83\xcey0\xe7\x17\x83\xcfb\xde\xc2\x17\x99\x02`R\xd1\xb5P\x82'</t>
  </si>
  <si>
    <t>b'/\xcer#\x0f\x9a\x97l8\xccD\x999^\xd0\x12b\xad\xe7\xde\x02\xb5\xad&gt;\x00\xa8\x08\xa0\x86qv\x99'</t>
  </si>
  <si>
    <t>b"\xd2\x95\x90\x899W\x11\xda\x98\x90\xf9'\xcar\x17\x93\x80_\xf2\n\x0cs\x98%\xc5\xc7\xdef2\xeb\xb2\x95"</t>
  </si>
  <si>
    <t>b'&gt;\x08\xd8\xfbm\x01\xad\x0eO\x9e\xd5\x17P\xb9\xfd\xcc\x7f\xce\xf8\xa05\x81\xd3\x18\xba\x9azG\xd9Ja='</t>
  </si>
  <si>
    <t>b'\x91W\xbc3\xe2\x83\x0f6\x97\x98\xe6W_\xc9\x0f\xfb\xd0\xb3t4U\xfe"\xd4\x87G]G\xec\x1c\xc3\x12'</t>
  </si>
  <si>
    <t>b'\x99\n?\xd9:is\xce\xa8"v\xf1\x84&lt;If\n\xd8\xa1\xc4\x99\xe9\x0cR\xb9\xf7[{\xb8\xc0n\t'</t>
  </si>
  <si>
    <t>b'\xcf0\x9b\x06~\t\xe7\x82\xa6,3\xa9\x1c\xd2G\xbb\xcaCR\x19\xdb$\xc6 \x1f\xedf\x83`6\xf8m'</t>
  </si>
  <si>
    <t>b'\xa3\xbf\xffiTU\x13\x91\x9dkP\xce\xb8U5\x1f\r[\xb2\x0b8`@\xafNlf\x01\xb9\xb6\xcb\xc0'</t>
  </si>
  <si>
    <t>b'\xaa\xc3\xf4|\x9e\xd6\xd6\xfe\x89\x99\xffC\xe9\t\xb7t\xb7\xba\xea4c\x91\xb3&amp;\xa1P\xf4\xa5\xb0\xb9\x89]'</t>
  </si>
  <si>
    <t>b'ty\x8fO@\xc8\xd5)\xa6\xbdB0\x8a\xad\x1eu\x9f\xd2v\xb9F\xe2\x02\xd8P\x87\x0f\xc18\xd6\xdf#'</t>
  </si>
  <si>
    <t>b'\tS\xf3\x83z\x9a,5\x00M\x17\x10\x905\x92\xd1\xf1\x94N\xb6\x0b\x96\xef\x10L\x8f\xfdJ0\xae\x9c\xe8'</t>
  </si>
  <si>
    <t>b'\xbc\xe9\x90y\xb0\xd8/r\xb7\xa1\xda\xf7\x0c\x13l\xd1T\x19-\xd0\x08U\x12\xdbGt\xa3*\x83"\xbd\xd7'</t>
  </si>
  <si>
    <t>b"\xd6\xee\xf6\xa2\xc6\x08\x1e\rE~\xc0'\x10T\xf9`\x17\x9a\xfa\n\x19\x97\x03\xd3\x8b\xc5ke\x19\x00xp"</t>
  </si>
  <si>
    <t>b'\xadf)\xf5\x80\x8c\xb0\xfe\xab\n\xee\xfa\x90\x14[JH\x1a\xc3\xe6\xefj\x08\xdaA\x19\xdb\x99\xca\xef \x86'</t>
  </si>
  <si>
    <t>b'\x9e\xc8\xa6C\x12FL\x0c&gt;\xc1RoZ\xe7\xd9S\x8e\x1b\x0e\xd6GSP\x01IG\x9f\xa7\xb2E\xdd\xe6'</t>
  </si>
  <si>
    <t>b'\r\xc9\x10\x0b\xe6\xfe6\xa4\x85\x98\xd7\xe1\xd8r\xe9~\xee\x0f\xe0\xa0\n\xd6\xf4\xd8\x1f\xa5L\x1e H\x8b\xf7'</t>
  </si>
  <si>
    <t>b'Nb9\xcc\xa9v\x16\xd7\x87\x88"\xbe:!h3\x823\xf1\x97\xa1\x80\x07\x19\x13\x90I\xfdF\xa4\x03\xf4'</t>
  </si>
  <si>
    <t>b'j\xe7_@\xe1\x1f\xbb\xe3\xa5\x18\x1b+\xac\xc8\xb6\xdc&amp;\x02\xab\xd5F\xba\x98bB\x08\xe4%St-@'</t>
  </si>
  <si>
    <t>b'\x99\xd0\x88\x96O\xd7=\xea\x88\xf8\xc9\xeb\x03.\x89J\xaa\xb6\xd7zK*!~\x16LB#9&amp;\x95\t'</t>
  </si>
  <si>
    <t>b'\x0f\x8d\\\xaaW\x89\xb0\x9cVj4\xd5B\xc1\xfa\x07\xb5\xc5c\xc3!\x94,I\x83^\xa7\x8b\xf9{\xf9\xc4'</t>
  </si>
  <si>
    <t>b'pP\x1a\xff\x08\xdd-Q\x7f\n9\x8c\xf8\x9a\x02a58\xaa\x81\x88\xd5ONY\x8bPZ\xc8aj3'</t>
  </si>
  <si>
    <t>b'\xa5\x85\xb1\x80\xf0\x87G&lt;\\\x10\x14\xbc\xf50\x1bxG\x02\xeefs-\xffJt\x1349[\xe1\x91_'</t>
  </si>
  <si>
    <t>b'u\xd4\xc1\x0b#\x96\x89\x9cV\xdb\x98\xb6U\x8eB\x85\xef\xa1\xa3Ew\xaa\xf9\xc2Vg#\xc9n\xdbn\x12'</t>
  </si>
  <si>
    <t>b'\x9d\xe2wAN\xf6\xf7H\x89Zj\xa9\x8c\xce\xc5\xec\x95I\xbd\x9cYVo]rY\xc0\xc0\xcf\xbc\xcb\xa3'</t>
  </si>
  <si>
    <t>b'3\xbb\xc5/\xb8\xdd\xfd\xe9\xedZ\xbe\xfdoG\xb9yK\xf2c@b\xcf\x93yM\x84\xc0\x1e\xd6\xae\x01['</t>
  </si>
  <si>
    <t>b"+D\xa5\xf5\xe0\xdc\xc7\x94\xb0\xb9\xdeI`\xed\xea\x98\xc6\x13\x11D\xea\x0b\xe3`\xebH\r'V\x8e\xa4\x91"</t>
  </si>
  <si>
    <t>b'\x0b\xa8\xa8\xd2`\xc9\x11\x9f\xee\xc6x\xe5\xc7\xa5\xde\xc8\xca\xfa\x96\xf4\xb5\xba\x9c\x10\xd4\x9a)\xfa(g\xd4 '</t>
  </si>
  <si>
    <t>b'\x97\xab(\x07\x88\x12W\x91|\xd8\xea\xdf\x91\xb9\x12\xddF\xc1w1wFj\xfd\x8f6\xab\xa6\xbdi\x00\x81'</t>
  </si>
  <si>
    <t>b'\xcc\xcf5\xb8Z\xae%\xba\x96\x94\xb5\xc4Y\xbb\x95\x05\xf1y\x81\xe1n/\xa8\xa2\xa8\x10\xa5C-\xdb\xf8\x15'</t>
  </si>
  <si>
    <t>b'\xb1\x97V\x06\xe5\xc3Ct\x85\xb7\x16\x1f\x07\xe4|iZ\xba\xe3\xdf\x10\xe9\xadP\x15*\xa7\x1d\x9a\xf3\x92\x98'</t>
  </si>
  <si>
    <t>b'\xc8\xec\x04\xdc\xa8\x14u\x9b\x84\xa6\\\x84\xaa\x002\xbb#\xdb\xef\xd7\x9f\x8b\xfee\x81`\xf7\x86\x05\xad\xbcj'</t>
  </si>
  <si>
    <t>b'GV\xc6:\x93\x0fpt\xa8s\xecw\xce/\xdcB\xf8\x15\x10\xe3c\x81@\xb9of\xbb\xe5|\xc4\xd9\x9b'</t>
  </si>
  <si>
    <t>b'\xb2\x14s\xcb\x15\x0b,\xbcx&amp;7\xa8\x81 k8\xc0\xd9d.\xde]\xab\xc2\x0c&gt;\xa1fw\x9b\\P'</t>
  </si>
  <si>
    <t>b'\xa2&amp;\xa5\x18\xc7e\x17v\xd5\xcf\xc3X\xe5l\x87\xf7\xe1+\x01\x1fyn\x19mRH\xb2\xd4\xf3!\xd5T'</t>
  </si>
  <si>
    <t>b"A\xfaWs}\xcaaI'\xe3\xae\x1e{\xe9\xab\x88\x88\xc3\xc2\x15\x93=$\x15\xb2\x0f*\xfbx\xe6\r\x0e"</t>
  </si>
  <si>
    <t>b'\xc3#\x8fAK\xfa%\xf3]{j\x98\xf0R\xc6\xae\xb7\xce\xed\xe4E\x95\x1eW\xdd\xc2m\xb8\x0c\xb7A\x10'</t>
  </si>
  <si>
    <t>b'I\xef+\x82\x0f\x11\xb9\xb1\x80\x02\xdd+i\xfa\x82\xe6\xb9_b\x9d\xd9r\xcc\xcd\x06\x88\xf4\xd7\rY\xffA'</t>
  </si>
  <si>
    <t>b'\xfc\x9a!\x8c\xf4\xd9\xafk\xb8%\xe8W\xfcn\x01\xf2?&gt;\xc7\xc1\x82\x80\xa2p\xbe&amp;\x0b\xecJ\xf8\x9b;'</t>
  </si>
  <si>
    <t>b' \xb3\xed\xb8\x99\x91\x88\xb3/\xf7\xd4J8\xac\xae,\\\xfd\xf5\xd6]W\x12\xc9\x97\xac\xc9\x06\xf8\x82\xb2o'</t>
  </si>
  <si>
    <t>b'\xb1T\xde.\xd7Q\xd35\x99Ye\x8fLdC:\xc6\x1b\x14k\xbf~\x11[v|2\x92z\x88H\xb9'</t>
  </si>
  <si>
    <t>b'\xb74\xb6\xa7\x84p\xaam\x91Ru\xbbV\xf5\x03\xeb\x0c\x95v\xb7\xa8\x83\x85\x18\xf1\xa0v\x82\x82\xd5\xf9\xd1'</t>
  </si>
  <si>
    <t>b'\x1b\x9bQ\x01\x98f\xb6\x19\xc3\xdd\x8f\xe7\x8c\xea\xdfH&amp;\xc9\xfa\xf4\x1b\xa0\xffv\xf8\x99\xc0h\x8e\xca^\xf0'</t>
  </si>
  <si>
    <t>b'F\xd0\xedu\x80\x9b\xc6\xb6l\xadr\x077v8\xa89\x7f5\x14\xb6E9\xe1\x89\x97s7J\x97"\xa8'</t>
  </si>
  <si>
    <t>b'\xb0\xfb\xadF\xfdc\xcf?\xeb\xa4MX\xea!\xb5Bj\xc3E\x0b\xe0\xae\xb7q\x11w\xcc\xa8k\xcb\x86o'</t>
  </si>
  <si>
    <t>b'\x12\x1f$c\xd4\x9e\x1f\x9a\x8f\xa8\xe3#}\xb2\x1d4DA\x88j\x81 \xfa\xe4\x85\xc5$\x92:\x05t\x03'</t>
  </si>
  <si>
    <t>b'&amp;\x14\xc6\n\x07]"\xfe\x9a\x07,\xbbW+y\x9d!\x85\x88d\x05S\\T{J\xe7?\x853\x88\xe1'</t>
  </si>
  <si>
    <t>b'\x16\xf5\xc9S\x17\xf6\x80\x8cnn\x05Z\xb7\xa7\xec\x0c\x04\x9d\x1a\xa7\xdd\xd8]65\xe1K\xe6\xd8\xc4\xae\x84'</t>
  </si>
  <si>
    <t>b'w\xd2]S)A5K\xa5\x8a\xbd\xa2\xf9\xdb\xd9\r|\x94\x95\xee\x00\x08\xba\xb4\xd6"h\xe0\xe9Z\x17w'</t>
  </si>
  <si>
    <t>b'\xcbR\xb5\xae&lt;\xd2D\x0bCDOC\xd9&lt;6B\xbc\x1a\x0eM\xc2\xd1\xd2\xcc\xafD\x1eW\x83\xd2\x90\x1d'</t>
  </si>
  <si>
    <t>b'\xe8X.\x9c\x8b8]\x89\t\xa3\xc2\xfdP.\xb4\xaf-"E\x13~4\xe0c$\xa9V\t\xa3\'\xa4$'</t>
  </si>
  <si>
    <t>b'kH\x19\xde\xcb\xdf\xefy7\xf3\x05[\xe8\x90$\xf9\x1c;\x93oq\xae\x17(l\x8fB\xc4\xfes\x04`'</t>
  </si>
  <si>
    <t>b"\xdb\xd7\xaa$\xb46\xeb\xde\xfcn':`*\xc8\x8acy\xb2\x17\x94\xf39|`\x0b\xf3\xc4\xb5\xca\x82K"</t>
  </si>
  <si>
    <t>b'\x89\xcf\x01\xdc\x9f\xca\x8c\x8bm`iN\x0c\x13#S\xf4\xe7\xd4\xd5\x89\xb4{y\xe9-\x83\x08\x93\xb9\x1b~'</t>
  </si>
  <si>
    <t>b'h\xd7\xc0\x13\xad\xfc\xf7\x189\x1d\x8d\rq\x9b\xbd\xbbP\xff\xc7\x82\xd0\xc0\xf6\xc2f\xf0\xc3\xf1\x13j\xa3\xc6'</t>
  </si>
  <si>
    <t>b'6\xb5w\xf7FX\xe8S\x8e\xa5\x00C\x94\xd6o\xbek\xb5x4\x90\xf5^\xf3\x8b\xe3-\xf0\xb8x\xa5j'</t>
  </si>
  <si>
    <t>b"\xcdX'\xf9&gt;\x93\xee)\xe5\xac\x9b\x17\x07m\xe9\xadOE\x82&gt;&gt;OMI\xd8--\x18d\xc2\xdb;"</t>
  </si>
  <si>
    <t>b'\x0f]3\xa1mSs\\[2\x91\xa7\xcd\x95\xbd$\x05\xdf}i\x13\x16dP\xaf\x8a\xf5\xbc%R\xb2\xa7'</t>
  </si>
  <si>
    <t>b'\xb4\xfa\xbdm\x17T\xf0a:\x8dQ\x9d\x9be-\\\\\x0c\x84\xc5{Y\xb9\x8a\xd4\xe9\n\xd4\xd2\xa6\xae\xd9'</t>
  </si>
  <si>
    <t>b'5\x9c.\x01\x1c\x85]\xcbR\xbc\xdc\xac\xf8\x84\x0c\xbc\x153@\xdd\x03{\x83"\x1b-\xd7\n\xbe\x90\x82\xe3'</t>
  </si>
  <si>
    <t>b'\xa5\x7f\xda M\x0c\x84\xa7\xfd\xa8\xfa\xad\x02\x8amz\xe4\x10\x03\x84y$\xbb\xcc\xcc\x86^\xfb%\xac1\xc1'</t>
  </si>
  <si>
    <t>b'H)\x1f\xdd\xb4zg\x90$Y{&lt;\xb0\x0eS\x9f\xe9u@\xa0\xbcN*\xda\x01\n\x12\xcf\xc7\xc4\x97\x10'</t>
  </si>
  <si>
    <t>b'E%\x97*Q\xcf\xd6%\x8dy;%\xd8#\x86\x0b\x01\x06\xbc\x98\xc1\x84\x91M&gt;a&gt;\xe7=\xee\x87\xad'</t>
  </si>
  <si>
    <t>b'\xd5\xaf\xe5\xa6K\x14\x193\x0c\xcf\xd1.\xc5\xd8\xf2\xfb[\xdc&lt;\xb1\xd8\r+j\xad]:\x9a\xb2"j\xa7'</t>
  </si>
  <si>
    <t>b'\x81=\x91\xb9\x9b\xcax\xfe\xd5\x0c.\xf3pk\xd6\xe1\xbbhbm\xf2sgM\xd1\xfbUc \x8b\x8f('</t>
  </si>
  <si>
    <t>b'(W\xe8\x00(\xbdW!l\x00\x91M\x19\x9e\x0c\xbe\x9d\xe0\xd8"/\x84.$\xb8u\x1a\x97\x99&amp;\x8d\xaf'</t>
  </si>
  <si>
    <t>b'\xd00\xc1\xe8\xda\x17r\xca\xb4\xd1r\x17\x98\x10\xe53J\xb5\xf0^\x1d\x82\xf7V\xd0k\xfd\x8f\xe3\xe2\x9d\x99'</t>
  </si>
  <si>
    <t>b'\xc8b\xb8\xde\xdfS\xde9\xb8\xc4\xa86\xdfa\x19\x0ea\xdb\xf5\xfc\x87\xcb~\x82\x89\xe9vG\xf9\xea`k'</t>
  </si>
  <si>
    <t>b'\xa9\x99\x85\x0c\x16(8\x82\x8b6H\xd5\x0b\x9f~\xff\x95\xa9$e\xe8\x17z\xae\xf6,\tA\x0e\x1fj\x85'</t>
  </si>
  <si>
    <t>b'\xd3\xec\xa9\x9a\x14yp[\xacC\x98\xc7}\x8fL\x1c\x85\x83\x82\xe2\xfczr\x18\xbe\xc0\xbdNT+\x9e\xc9'</t>
  </si>
  <si>
    <t>b'\xe3N\xecgv\xc3\xf7,\x84bK\xb7=W\x80\x19\xeb\x1d\xda\xec1I\xd5r[X\xfdB\xfc\xa2f\xd1'</t>
  </si>
  <si>
    <t>b'\xd3g\x8dT\x9a\x19ZJ\xe4&gt;\xfd\xd6N\xd7\xd2\xb9:\xfa\xfb\x03\xe5f\x0c\x0fta\xee\x8e\xe6\xe3\xaa\xde'</t>
  </si>
  <si>
    <t>b'\xfdTZ\xf0\x02\x94\xae\x99\xc7Q\xf4\x15A\x10M$\xf9xt:K];\xae\x90!X\x1aRd.\xa5'</t>
  </si>
  <si>
    <t>b'j\x0b@\x91\xf4\xb1\xd2u&lt;@`=\x98q\x9d\xb58a|\xab\r\xadm\x8f\xb3{E\x13"_\xd8\xa3'</t>
  </si>
  <si>
    <t>b'#\x9e%\xf32\x10\x14\xa4\x95\xaa\xb4\xa8\n\xa1\xe0\xcd\xe9!\xc8l\xd1.\xc3\xdcz\xf1\x8c\xca_T8\x93'</t>
  </si>
  <si>
    <t>b'rN\xc9\x93\x0b\xfc\x85\xa1\x13\x1e\xb0D\x16\x11\x14\xa4\xff\xb4\xbcJ,-\xd6\x07\xf6c\x95@\x97\x850\xcc'</t>
  </si>
  <si>
    <t>b'\xb3%Y\x11:\x10\\\xea\xed\x89?\xf6\xf10U$\x9b\x8c\xb4\xce\x1aV}\xaf\x16\xe0(\xc3\x87\x89\xf4\xef'</t>
  </si>
  <si>
    <t>b'jB\xc1\xf2;\xe5\xbe\xe9(\xdc\r\x0f\x94\x05\x91O\\E\xdc\xbb9\x0b\xc7\xd3\xa1^z\xb0\x96q\x898'</t>
  </si>
  <si>
    <t>b'\xdb\xc68r\xf9-}X!\x18\xdb\xba\xd5~)\x14;\xff\x02\xa8\xc8cc\xba\x90[\n\xc8O]\xf1b'</t>
  </si>
  <si>
    <t>b'\xbf\xd8\xe7M\xf4\xbe\xe5\xeb\xdf-\xc3\x15\x89\xc4Z\x1e\xddg\x04\xcbm\x10g\xf1\xfd\xde\rgv\x06\x99B'</t>
  </si>
  <si>
    <t>b'\x8f\xba\xbe\t\x90\x8agX\x92E\x10\xdf\x07\x84\xe6\x94\x11\r4a\xc6BM\xef#\xb2\x02HYY~P'</t>
  </si>
  <si>
    <t>b'i\xe0\x81\x02\xa9\xa1v\x83\xdf"]M\x9af\xe6\xe2\x04\xcf\xc6\xfe\xf5\xf5\xfa\\\x97e\xdc\x03@\x18\x96I'</t>
  </si>
  <si>
    <t>b'VAc~\x05\xd2\xb0p\xd8J\x08\xf0\xfc\x94\xcb\x93\xf7mQ\xb9y\x04\xf8\xc1\xf8\xb7@\xb8\xa5\xb4\xa6\x95'</t>
  </si>
  <si>
    <t>b'\xd6^\x18\xd32\x06vg\xc8\x9a\xb8ZuvE1\xbcG\xe3\x8f\xf9d;\xe4\x93\xf5\xb9\x11N\xa6\xd8\xba'</t>
  </si>
  <si>
    <t>b'\x9e\x07"\xb9\xd9\x9c\x84\xfapB0Jn\xa1,6\xbe\x90\xd1\xd0\x9f&amp;E|\x1b\tl\xef\xe4\x1a\x0f#'</t>
  </si>
  <si>
    <t>b'N\\\x1a\xb9\xe8\xf15\x04\x980Rt\xfd\xea \xdc\xa8yw\xdf`t\xd9\xa2]\x1cmCO\xe6:&lt;'</t>
  </si>
  <si>
    <t>b"\x1e\xc9\\\x9f'k\xe1\x7fp\xe4}4a`\x94\xc0o\xd7\x94\xe5X0\x97=\xd1\xda\xc6\xda\xb0|\xac\xb5"</t>
  </si>
  <si>
    <t>b'A\x8d\xdb*h\xaa\xac!,\x9e,3f\x88\xd7\x80\xe8j\xcc\xc5\x10o\x18J\xe7\xa7\xdfz\xf5\xd7\xf3*'</t>
  </si>
  <si>
    <t>b'+]\xc6k\t\xf6P\xeb\xaa,\x112\x97\x0eP\xe4\xc1\x1a\x02\xb7\xe6\xeb\xb1W7\xb0T\x89\xae\x8f,)'</t>
  </si>
  <si>
    <t>b'\xa5\xf0|\xe2\x86\x9f\x06\xb0k\xe5 \xd84w\n7\xab\x9c\xfe\xf2\xd2\xd6\xeeE"\xf9\x96\xe6\xba\xa7\xa6#'</t>
  </si>
  <si>
    <t>b'o[kC\xd6\r\xf75\xa9\xf3B8\xa2+\xe0\xae\xdd\xf6\xec\xfa\x1a_\xc3\x06\xae\xf1\xe0\xeb\xcey\xfa\xf9'</t>
  </si>
  <si>
    <t>b'\xc0\x03\x1d\x85\x05&amp;,W)w\xbc\xc1\x0e\xc1j\xe8,`\xd1\xfd\x13D\xeb\x13\xf6\\-\x1dB\\\x97\xfa'</t>
  </si>
  <si>
    <t>b'y\xfa\x88\x070\xe10F\xc9(\t\x90\xe4H\xce\xa9\xb7\xfb\x10?\xd2eu\xd3\xe3V8\x03\x0bS%\xee'</t>
  </si>
  <si>
    <t>b'n]^W\xb7g\xdb\xf4J\x07pm\x10s!\xbb\xb4\xban\x17$s\x9f\xb3\x94\x94\xf3\xcc\x0b\x1d\x1b\xce'</t>
  </si>
  <si>
    <t>b'_\xd1*kE\xf6\\\x1f\x87\xedWm\xdb\x8fG 3\xf9\xba\xb6\xac ha\xe9\xbd_\x82\x0c&gt;&gt;\xe0'</t>
  </si>
  <si>
    <t>b"\n\xd1\xc3\xb2A\xbe\x87'\x86\xfdy\x99\x0c\x04\x8f\x06\xaa\x9dS\xb9\xd1\xc7\x86v?\x87a\x80\xaa&amp;:\x07"</t>
  </si>
  <si>
    <t>b"\xba\xac\xf8\x15\xd2V\x9a(\x90\xe3\xc7\xd3K7\xdd\x05[~\x85\xeb?\x8bPp\xeag\xf8'^\x9c\xfd\xce"</t>
  </si>
  <si>
    <t>b'\xdb"rh\rw\xebO\xe3\x8a\x18o\x1c\x1do\x88\x87.t\x833\xff\xc0:\x1c\x84$\x82\xc5\xc7\x90T'</t>
  </si>
  <si>
    <t>b'\xf9\xa6z\xab\xe98\xaeb\x9d\xf7\xa6\xce\x0f\xfd3\xd2\x100M\x050\xe9O=\xa3BT\xb7Y\x1d\xfa\x96'</t>
  </si>
  <si>
    <t>b'\xe92\x14Rd\xe7\x05\x836\xff\x8b\xc2j\x95)\xf7\x1e\x065\x8d\x18\xfa\x18f\xdb]\xb3D/\x8f\xa8j'</t>
  </si>
  <si>
    <t>b'9\xd5\x91z\xac\xae(}\x0e7PZ{\x87\xb6M\x10\xd8\x0e\x93\xce$\x15\xc4&lt;ta@m\xcc\xe2M'</t>
  </si>
  <si>
    <t>b'\x842\xc9\xa1%\x037\xe1\xf7:l\xf5p\xfct\xec\xd5\xb0\xbb\x88}\xdc\xff\xeb6X\xde\xc8Z\x80\xeb\xf0'</t>
  </si>
  <si>
    <t>b'\t\xbdI\xcc"&amp;A4T_\x16\xbd\xd5\x185\xba\x0fi\xefI\xd0\x06\xd7C\x8c\xecGeGH\xa6\x07'</t>
  </si>
  <si>
    <t>b'\x923~$3x\xda\xcb\xd7\xeb\xb4\x81\xa1\x8bx2\xdeu\xcf\xd9\x10\xbc\x98\xf0;\x97Z\x90\xd6&gt;\xc3\xf7'</t>
  </si>
  <si>
    <t>b'Z\x12\xbb\x8a6\xed\xd0\xd3r}\xd4\x843~/\x8d\xc1P\xb4\xdc\x06zo\x82\xa6\xad\xd8\x1e\xdd\x1868'</t>
  </si>
  <si>
    <t>b'\x84F\xab\xe75\xef\x93&gt;\xdc\xd9\xc0\x86\x0e\xf6\x88\x05\xea\xd6"E!]\x1fW\xd9\xb3#b/\xc5\x89\xb3'</t>
  </si>
  <si>
    <t>b'\xc4\x8ei}\xd7x}\x80+p\xa5t\xe2\xbdo\x03o#\xfd\xe2;]\xca\xd5\x1e\xadJj(\xc5\xe7t'</t>
  </si>
  <si>
    <t>b'\x81\xa10M\xb7\xfd\x8f\x92\xe7q\x00C\x8f\x0f\x80\xf8\x0f\xb1\xe8\x18\xce\xaa\xf9\xbfa\xd1\x8d\x93\x95\xaeJ\xd1'</t>
  </si>
  <si>
    <t>b'\x8b&lt;\xbd3\xc1KZB{\xf3\x82\xaak\x02\x84S\xb9\xad(\x11\x87\xdb\xa38\x1d\x86\xfd\x98\xebxz\xcc'</t>
  </si>
  <si>
    <t>b'\xb5\xee\x95\xc3bd\xc8\xd5\xdc\xda[\x89\xd2iR\x02\xa7p\xd9\xf0]\x88P\xc3\x17\xcf\xae\x1f\xcfp!6'</t>
  </si>
  <si>
    <t>b'&lt;bM\xdb\xd4+%\xa8\xf8?\xe1\t\x0c\x18C\xa3\x8ep\xfa\xcd\xfa\xee3|\x06K$C\xcf\xec\x12\x14'</t>
  </si>
  <si>
    <t>b'Gh\x19\xa2zg\xe1\xc4}\xfaV\xfbT\x95\xc8\x86\xe0IY\xfb\x877q\xe38,\x0f\x91\x9c\xb5\xebj'</t>
  </si>
  <si>
    <t>b"\xc7\x89\xc8\xa4\x04\xb1\xf4\x7f3\xc2\xe9\x10#'\x8e\xb5jK\x81\xa9\xe5\x7f\xf0\x81\xb1\x81-\x13\x84\xb0\x88\xe8"</t>
  </si>
  <si>
    <t>b'\x06\x90\x10\x13\xc6\xcdd\xfd&gt;%R&lt;C/\xca\xf3hUs\xa1\xc1\xa8QHW^\x81Li(/\xbb'</t>
  </si>
  <si>
    <t>b'n`\xc0=\x9e~R\xee\xb3\x9bR\x19\xac\x8aS!9\xde,&gt;\xf4\xdc\x13U\xe2\x0cr?\x81\\zH'</t>
  </si>
  <si>
    <t>b'\xa7\xc8\x1b~\xb6W\x13\x86\x85g\xe7b\x18\x89\xbe\xceX|q\xee\xc4,\x10\xc1\x7f\x9ch1\xd4\x16\xdfw'</t>
  </si>
  <si>
    <t>b'\xfe2\x16QX \xca\\\xd0\x86\x1d\x97\x15t\xa1]\x02fA*\x88\x1d8\xf0\x9c_\xb8v\x82s\xdcn'</t>
  </si>
  <si>
    <t>b'\xf6\xfbj\x04\xcfE\xafy)\x01\x9c\xf4X3\xf4\x02\x96\x16\xc7S\xa4\x13\x16\x03f\xf2\x86(\xcb\xb5\xff\x18'</t>
  </si>
  <si>
    <t>b'\xecU\xf1\xca\xff\x03\x8a\x12A\xd6\x02\xea\xc1\xe9R\xc7/\x9aF&gt;\xab\xd3@&lt;\xbb\xc4\x87\x17l\x067\xf8'</t>
  </si>
  <si>
    <t>b"\xb1\x81O\\\x0e\x96S\xca\x01IVF\x8f\xd1'\xbf\xdb+\x12\tE\x08\xb5\xa7\x8bLl;rc\t\xa4"</t>
  </si>
  <si>
    <t>b'\x07w\x1cxq\xe6Y\xc8\x1f^ztgg\xc9\xde\x03C\xbe\xb0[\x82\xbd\x0f\x03~\xea4\xb5&lt;\xf7\x8a'</t>
  </si>
  <si>
    <t>b'P\xed\x81\xa5&amp;\xd9@X\x85:\x99\x12k7p\xeb\x9d\x15]\xe2\xcd\xf2\x13\xb8\xbfb\x10\xa5F\xf6qA'</t>
  </si>
  <si>
    <t>b'\xa5\xc6\xeaq\x97\xf7\xe2\xec\xa8b\xaaw\xe6\xe7m\x85\xc7\xdb\xc5:\x90\xc8\xac\xfcj\xa8R\r\x15\xbc\xdd`'</t>
  </si>
  <si>
    <t>b'\x81r\xb3\x0b\xe0\x1cP\xb2s\x15kw\x1e\x04\x05\xaf\x9f\xe2s\xf5\xe1\x86\xaa\xcb\x8b!\x13O\xe8\x07O\xd2'</t>
  </si>
  <si>
    <t>b"!\x92\xf4\xea\xff\xf9x1\x9e'9\xb9|\xd8\xa9\x8d\xea\xf3[\xaap*{A\x80\x04\x1dcTX\xd4\x97"</t>
  </si>
  <si>
    <t>b'\x86U\xd2\x1b9\x9e\xba\xea"s\x93G\xa2\x80\x9f\x05Mp}J\x03\x02%f\xd6\xee\xfe\xad:\x04\xe2\xeb'</t>
  </si>
  <si>
    <t>b"\x11'vJE\xb14\xf2\\\xa3\xa9\xc4V&lt;\xc0\xcfX2\xe2b\x8a0\xbd\x19\xa9\xbd\xba\xa8\xb5~\xcb0"</t>
  </si>
  <si>
    <t>b';\x9eJ\xc5\xb2L\xdb\xd4x\x8a\x12\x83\xb1\xf0\xf1\xe4\xff\xba\xeb\x1d\xad\x9c9yV\xd1\xd7g\x91&gt;\x1b\xac'</t>
  </si>
  <si>
    <t>b'\xc6/\x853\xeew\x16\xae\x97\xc8\xc3\x81\x8f\x9d\xf7\xf8\x84\xfa\x85\xdf:\xfe\xb1\xe55\xa4\\,\xa2M\xc3\xd2'</t>
  </si>
  <si>
    <t>b'\xb7\x96\xb7\x1a$\x90\x9c\x1e*\x9b\xc0\x15\x17\xc2\xfc\xabn\x08\x8d*\xb8\xb6\x13,\xba:\xd3w\x83\x9b)\xcb'</t>
  </si>
  <si>
    <t>b"\xf1\x82\xad\xac\x1a_s\xea\x94\xa0=\xc6\xf9$J\xc7\x9d\xcb\x93\x82\xdd\x9a'd\xacQIJ\xd6\xbd\x9aC"</t>
  </si>
  <si>
    <t>b'\xb6\xafG\xe4\xc5^^\xf1\xc8\x99lI\xcb\xcb:\xdc\xc5x\xd8?\xf8l!0\xf3\x8c\x92;9\xc0\xa8 '</t>
  </si>
  <si>
    <t>b'\x1a\xea;\xb5727\x93N*8\x9d~y;\x81\xaa\xe6{\xff9\xff\x96\x1d\x830\xa96\xa8G+\xe6'</t>
  </si>
  <si>
    <t>b'\x95\xecC\xe0\x06\xcd\xff~W\xd1\x19&gt;.\x0b\xbe\x15\xd4\r0l\x03\x88\x00;\x12\x0f\xa3\x8f(\xde\xb9\xbc'</t>
  </si>
  <si>
    <t>b'\xc7k\xa4\xfa!K\x04\xdf\xe7$\xa1\xfe\xbf\x9b\xd7=\xcd\x08\x8f\x85X\xf9\xa1Dr=bm\xfb\x92\xd6\xdb'</t>
  </si>
  <si>
    <t>b"&amp;\xe0|FM\xff\xf6&lt;\xad0\x9f\xdb\xa3G1D\x93\xf6\xe0\x8a\xbe \xe4\xea\n\xc2S\xe1q'\x86 "</t>
  </si>
  <si>
    <t>b'!m+\xa1\xd6j\xaf\xb5\xef\xea\x03[U+J.\x9bQ\xd2\x93,S\xef\xd7~\x87m\xf2\xb1\xe6B\xc9'</t>
  </si>
  <si>
    <t>b'F\xc3\xe9$G%\xce\x7f6\xda\x87\\S\xe0&lt;5\xf8\xd8\xe9\xeeu\x8f\x9a\x90}\xa0;\xf8\xbb\xbbD\xdf'</t>
  </si>
  <si>
    <t>b'\xf7^\xde)1\xc5\xbb\xe1|V\xbd\x08&amp;\x01\xc4\x83\xfa\xc4\x9ef\x9c|`}\x81\x1f\xa5\xf6\xbe\xbco\x13'</t>
  </si>
  <si>
    <t>b'{O\xee\x124\xb0\xb0\xec\xab\xd2\x88\xa2\xd3B\xef\x9d\x02o\x80\xe5\xf4~\xc4\xe2\xa6\x8d\xef\xb2e\xe0\xb4\x86'</t>
  </si>
  <si>
    <t>b'\xf8=\x99[\xb6\xc3.E"+\xcd\xbc\x84;W\x0c\x8b\x08\x89S/o\xf4\xb6N_W\xdd\x9f\xbd\xd9P'</t>
  </si>
  <si>
    <t>b'\x95X\xa0&lt;\xed\xa7\xe4\xe7\x98F\xc5m\xe6\xc8E\xaf\xbe8P\x1c+\xc1\xa65\xd9\xa7\x07\xca\x1a\x80\x03\x94'</t>
  </si>
  <si>
    <t>b'\x15\xcb\x9b\xc6\xa8\xdd\xb3\xbc\xbe4\x01\xf3\xbd*I\xe8\xb6\x19y\x97\xdb\xb9\x07\xb94\xdfk\r\x84\xaf\xcd\x1f'</t>
  </si>
  <si>
    <t>b'g|\x8b\xbe}\xcc\xed\xc6&gt;\x9b\x16\x8b\x10\xb9\x1b\x02\xd4\xda\xb8\xedn\xedP\xa5\xdb\xb3]\x8b\xb8`\xd4\x1f'</t>
  </si>
  <si>
    <t>b'\xb8\xfc\x997\x0fG&gt;\xf41\xa3\xfd\xcd\xd0\xa9\xa8\xae\x0b\xd4\xcb\xad+g\xcc1O\x94\x04\xbb\xe52-\x81'</t>
  </si>
  <si>
    <t>b"r)\x1bi%\xd1t\x88\x81\x1b\x9a4\x81\\\xe9\x0e\xd1\x92\xa5%\xe6\xe3('\xd2\xc7\xf9\xb2\xeb\t\xad\x91"</t>
  </si>
  <si>
    <t>b'pf\xfeT,\xf9~\xb0\xdbf\xe5\xd0\x14\x1d\xb2t\x87\x10\xd3\xb4\xfd\x96\x93\x8b\xad\xf0QK\x9ei\xd2F'</t>
  </si>
  <si>
    <t>b'Jo\xa0k0\xb9J&lt;\x8b\xfdM}2\x08\xb8\\\xe7\x85`)\x02Qv\x08\t\xb3\x9a(\x0b\xce)\xf7'</t>
  </si>
  <si>
    <t>b'9**\xae\xeb=^\xdf\xe0K\xc3t\x84\xcf\xdb!*\x7f\xd3\x0f\x0eA7\xa0h(\xf8\x12\x8f\x02\x0b\xd7'</t>
  </si>
  <si>
    <t>b'\x01+\xee\xc6w|\x1bi\xaf\xb1\xf8\xc76\xf2\xea\xa2\x9eZ\xcd\x9d\xcb\xd7\x02\xdfd\x10\x14j\xac$\xe4\xef'</t>
  </si>
  <si>
    <t>b'\x11\xd7\xb5Y\xf6XY4#}\xa8\xd4\xa6\xdc\xed\xf9"\xe3\x05\x1b\xf0\xb3\xd9\xc2p5I\x05H\xf2\x14&amp;'</t>
  </si>
  <si>
    <t>b'\x8b\xab\xcc\x0005\xdf\x1a\x1b8\xc5@\xea?\x99\xad5\x90\xde3$b\xf17M\xe7\xc5\xfa\xe7\xe78\x90'</t>
  </si>
  <si>
    <t>b'\xa7\xd8\x19vcFK~Z\x9a\x13\xdf\xbd\xb6\x00z\xedN\xce\x14L\xc1\xa7\x7f\x1e_\x7f\x95oAoj'</t>
  </si>
  <si>
    <t>b'\xa3\xd0\xdfZ\x8b\xbc~J+X\x1fF\xf7Us\xb52n4\xed0\x08\x9cG\x98\xf1\xce\xd4\xdd\xf9L\xdb'</t>
  </si>
  <si>
    <t>b'}\x05\x87\x11$\xe8\r\x95^\xe37?\x84\xd9jk\xe1\xb0(\xcc?e\xac\xa9K\x87\x02j\xfa\xf8~!'</t>
  </si>
  <si>
    <t>b'k\xaa\xe54\xa3}]\x94P\x14\x1c\xca#%\xd4\x05Q\xc1J\x02w\xc5\xdd9\x84\xa2\x03vV}\x19\xad'</t>
  </si>
  <si>
    <t>b'\xff\xce\xd9\xfeg\xe3\x9aA,$?\x14\xa3OIP\x03-"FPzS\xcf\x1e\x08\xa7\x10\xbbO\xbfb'</t>
  </si>
  <si>
    <t>b'\xb5\xc6$\xc09\xf3\xcf\x900\x14\x89:\xf2\xb3\xab\x8aM\x8aS,\xc6\x19\x84\x86\x064\x96+\x05\xfd\xbe\x02'</t>
  </si>
  <si>
    <t>b'\xa9\xa9\x18\x99p\x9e\x7f\x86x\xdf\x9b\xa1x_"dH\x1ch)6\xab\x14+`\xdd\xd7/\x97M\xce\r'</t>
  </si>
  <si>
    <t>b'_o]\xf7\xc2Z\x03\xb3\xb8#!\x05\x1b\xc41\xdf~\xe4\xdb\xcc\xa1k\n\xfc\xa7\xc4\xc8b\xc9\x1b\x08P'</t>
  </si>
  <si>
    <t>b'\xd3\x87\xea|\x9f;\xc5]\x04X\xd6$\xc5\xde\xa1\x97\xae\x1dG)S\xaag\xb7!\xc7\xdf\x15p\x06I\xf8'</t>
  </si>
  <si>
    <t>b'v\x0fY8\xa9B]\xb5\x1ay\xb8F\xcc\xe6\x9d\xa3:M\xc5\xda\xb7&lt;\xb6:\x11\xec5\xb1\x0eEHa'</t>
  </si>
  <si>
    <t>b'&amp;\xe8\xb3\xbe\xc2Dj-/\xd4\x8d\xe4\xb0.k\x92\x95\x1a\x93\xee\x05Vt\xf9\xd7D\xaa\x1d\xdbEH\xba'</t>
  </si>
  <si>
    <t>b'K\xc4\xf1\xa1^\x94]\x14\xa3\x86\xc5&amp;\x1e\x96\xf2\x83\xcd\x95M\xd8,\xc9\xb0H\x0ba\xa4\xb9\x1f\x91u\\'</t>
  </si>
  <si>
    <t>b'\xbf&lt;\x94\xa7g\x8e g\xa9\x89!\x8a2\xca{\xf6\x81+W\x13ld\xdb\xe4/\xdblx=\xb3(`'</t>
  </si>
  <si>
    <t>b'&gt;\xf4&amp;\xda\xef\xd2\xad\xe9\x8a\x05\x98d\x11\xb8\x94\xe1\xc9\xbf\x7f\x02\xaf&amp;\x0c\x1f\xc0\x00\xd5&gt;\x87nG\xe0'</t>
  </si>
  <si>
    <t>b'EK\xa6\xa4\xeb\xa5\xb3\x9a:\x16\xb6f`x\x15`%\xbc/\xe2rqt+\xd8\x88\x96\x07\x9friB'</t>
  </si>
  <si>
    <t>b'\xea\x1c\x80H\xfe\xe5\xf9\x849\x8e\xe7e\xe7\xd0\x99\xac\xc4\xbe\xf5\xf7\x1e\r\xdd\x07\xc6\xd8\xa6 !\x99\xf6\xce'</t>
  </si>
  <si>
    <t>b'\xf3+1\xfa\xec\xe0\xd0w\x1a\xa2D\xbd]\xb5\x05\x84T#\n\xb6\x08\xbc\xc8=^\x17\x83d\x1f:\x1d\xc1'</t>
  </si>
  <si>
    <t>b'\xf1*\xf4"7\x8ct\xad3s\xd6\xd4\xc1\x99\x80=eG\x04\xaa\xbe\r\xbd5j\x02\x7f\x07p\xfa1s'</t>
  </si>
  <si>
    <t>b'\x1f\x89\xa5Au\xde%!,\xc4\x1c\x05\xa1\xb3g\x9b\xe7\x8fK\x0f\x9d\xf7\xd3\x1a\x12\x8b?\x01\xef\x13\x8fV'</t>
  </si>
  <si>
    <t>b'\xc0\xfd\x14\xd4\x8a\x95K62\x0e\x1e\xf4E\xb0\xf4P\xf5~J\x14Ok\x06\x1e\x0f\xdd\xd3\xbb\xcf\r*k'</t>
  </si>
  <si>
    <t>b"\xb9Z\xda\x11\x1cLv\x80\x16\x1a\xc15(\xc9\x1f\xa3m[~\xcf\x08f'W\x8f\xf9\x8c\xc2\x8d\xfeL\xaa"</t>
  </si>
  <si>
    <t>b'*\xb2?\xe3\x87\x86\x03{j\xdc\xd2i\xd3\xc3g\xc2\x9a\xb0\xf6\xf7v\x921\xd6\n\xcdf1g(\xbc\xe3'</t>
  </si>
  <si>
    <t>b'\x1d\x8e+\xc4=\xc1\xc4\x1c\xbdXX\xab(\xa8\xfc\x18\x13F,\xce\x91\xde\xed$\x1f!2\x1eS\x1eu\x8e'</t>
  </si>
  <si>
    <t>b'\x9d\xeee\xf8f\x84f\x7f\xeab\\\xf0N\xc0f\x9f\xef&lt;eZ3,m\x8d\x07Y_\x0b\xe2\xe8\x1b\x05'</t>
  </si>
  <si>
    <t>b'\xad/\x9c\xbcH\xab\xff\xd4\x92Q\xe9\x8f\xb5\x82$\xbb\xace|\x1e(\x84\xa4\xf0h\xe5\x0f\x82OmZ\x8c'</t>
  </si>
  <si>
    <t>b'V8\xee\xb8&amp;\x1a\x12\xff$~?\xb7\xf3\xac\xf6`^\x11\x94\x08Y\xc2\xa5\xa2\x00\xbd3\x8cj9\xe3\xc8'</t>
  </si>
  <si>
    <t>b'\xb2\x93\xc5z\x80\x83X\xb4\xce86GE\x1dJ&amp;]~\x98\xed\xdc$\x9c6*CYS\x0ea\xda\xa5'</t>
  </si>
  <si>
    <t>b'R\xb7Li\x06\xfa\tH\xed\xf5\xde\x0e\\"\xf5.\xe6\x93}`HN\x034y\xebx\x98\xf1\xdf\xfc\xaa'</t>
  </si>
  <si>
    <t>b'\xb22T\xd6\x8f\xf1$\xe5\xc5\xe7\xca\x8d/|*H\xc6\xae\xa8\xf3\\z\x82\x8e\xb4\x9e\xa8\xa3\xb6C\xf5\xc9'</t>
  </si>
  <si>
    <t>b'\x8d\x9b(\x1e\xd2\xabqM\xb2%}$\xae\x0c\x02e+\xf7\x80xlE\x1dr\xd0\xb1\xfct5\xa2\xda\x9a'</t>
  </si>
  <si>
    <t>b'\x1c\x90\xab\n\xdb\x87\xce\x1a\xc9\xa6[\x7f*\xe4|\x81\xea\xbc\xd9\x8bs\x04\xc4&amp;o\x0fx\x19hN\xe0]'</t>
  </si>
  <si>
    <t>b'x\xa2\xc8\x8d\x9b\x07\xf4\xa6\xf1\x8a\x8a\x95\x13\xf2/\xc9QgbDF\x84\xe4\x8d\x91\x12\xbdX\xf2\xbd+\xe7'</t>
  </si>
  <si>
    <t>b'\xc3\xb5\xd6\x12\xc1\xd2\xbdb&amp;;{b\xbb\x1djP\x90\xa0\xa3\xb1\xd6\x90n\xb2\xd5\xeduRS\nCw'</t>
  </si>
  <si>
    <t>b'#\x95\xf4\x88W\x15\x0eD\x1aM\xec_.\xeaqZ\x0c\xa6\xcc\x8b\xb5s3\xc7\x94\x83t)\x84&lt;y\\'</t>
  </si>
  <si>
    <t>b'wd\xb9+\x05\xbe\xf6\xa1]\x8bw\xfc\xee\x04\xf1\x04gO\xa5\x94\x1d\xf4\x99L\xbb}\x1d\xe9\xa3\x8c\x95R'</t>
  </si>
  <si>
    <t>b'\x08\x80\x1c\x96\x04\xebB\x0f\xc7\xb8$\x18A\xd8\x13\x0c\xbf\xc8\xacH\xba\xb1\xfaO\x98\xb1z\x9c\xb4\xdf\xc8\xd6'</t>
  </si>
  <si>
    <t>b'j\x07\x06\xf4\xfcN`\xc45\x0c;\xbc\xd4%_\x91\xb9\xbc\x0e\x0cP?c\xdc\xc94\xaf&amp;%\xd0\xb4\xdc'</t>
  </si>
  <si>
    <t>b'p\xf8\xf34\xca2\x12s\x89z\xe2}\x98..\xd2\xc3\xbe/a8~\xd4\xc7\x93\x8d\x13&amp;\xc4\xd5B\xf6'</t>
  </si>
  <si>
    <t>b"\r\xef\xd1\xaaO\xd6\x9d1'\xf2\xad\xddI\x8b\x9f\xc0$0K,\x92B\x13\x0c\x86\x83k&gt;\x99.\xee\x13"</t>
  </si>
  <si>
    <t>b'\x0b\xb5\xe7\x80\xc1\xdb~\xf8?3?\x02\xa3N\xec\x1a\xd6yy{3\x17\x05\xba\xab6\xf9\xc0\xb9;)\x83'</t>
  </si>
  <si>
    <t>b'&amp;\xd5\x893)\x9f\x9b{\x17\xedP\x82\xbce\xde?\x9aA\x194\\\x8c\x90\xfb\xf7\x7f\xa6\x855\xd6b}'</t>
  </si>
  <si>
    <t>b'\x0f\xdc\xb5\xe0\x1b\xc0\x1c\xa4\x1b\xe2\xee\x04\xca\x1c\xb1m\xb0v&gt;\x8f\xb4W\x1a\x17\xb4\xeb\xce\xfe\xb16\x00\xb1'</t>
  </si>
  <si>
    <t>b'\x86\x1e\x12\xb3(y\x0f\x1a\t\xf2v;\xcf\xaeg-\xcd\xe8&amp;\xe6\xe0\xf8\xaeS3\xcf\xd5?\x96\xd8y\x1c'</t>
  </si>
  <si>
    <t>b'\xf1\xae\xa9=Sa\x86\x17F\xfa\xa4\x83\xd9\x164\xaeY1U@\x13\xbcgCs\xdab\xdd.\xc8\xaa;'</t>
  </si>
  <si>
    <t>b"\xafdb\x05\x9cK\x89\x1ex\xe0I#\x82\x8cX:\nt'\xf4\x97\xca\xde4*\xfdnh~\\\xf1N"</t>
  </si>
  <si>
    <t>b'4!\xa5\x9dFA,\xa7\x82b\t\x16\x07A7\xce\xa1\x9fi\x95\x9eu.\xfbz\xd8g8\xc7\xacB\x84'</t>
  </si>
  <si>
    <t>b'^\x815\x05\x01\xbe\xe0\xa3\xbf1\xeb\xb0\x04J\x83\x8cI6K{\xc6\x92\xdd\xa5\x7f\xb9\\\xecgZ$\x9c'</t>
  </si>
  <si>
    <t>b'FWeg\x12\xefz\'*_\xc6-\x0c\x0e\xa7+\xc4\\\xcf\xae T\xe3\x11]"#IY\xaa\x11\x98'</t>
  </si>
  <si>
    <t>b'VKpD\x87\xfe\xeei\xc08\rLM\x1cH\xb8\xdcr\x14\xdf*&lt;\xaat88H\x05W\xa2\x9ds'</t>
  </si>
  <si>
    <t>b'\xe7\xb1\x8c\xd8\x83S\x05\xe5Ku(\x85\x17\x94\x98$\xa5\x8c\xaf\x00\x86\xe8\xa9\xd2\x93\xd7\xdd\xa9C_j\xd3'</t>
  </si>
  <si>
    <t>b'\x06j\xfb\xd0\xa83\xc7\xeb\xdaNfQ\x19!S\x1ac\xe5\x94\xaa\xc0"Z\xf9\x90\xe7N\xec\x17q\x088'</t>
  </si>
  <si>
    <t>b'\x12\x1b\xe6\x05\xbf\xf5\xbb\xb8\x02\xd4\xad\xb3\x0c\x19\xe1\xd8~\xc7@\xa2s\x90\xb3\xca^n\xb26\x0c\xf4+\x99'</t>
  </si>
  <si>
    <t>b'V\xd8\xc0\x8bu\xbf\xd5\x19\xc8\xa0\xd5\xca~\x92TP\xf8\x0c\x16\xbf5\xeb2\t\x11$c\xef\xdf\rA\x86'</t>
  </si>
  <si>
    <t>b"\xbc\xe7\xdf\xe0a\x0bfj\x87\xcd\xfd\x18\xaa\xffMv\xc1\xba0'\x98\x01\x12\xaf\x83\x0f[pv\x0c\x8aq"</t>
  </si>
  <si>
    <t>b"\xb0rU\xc3=\xfbP\xab\x94\x84RM'\x98\xe9\xfb\xc0\xb0e\xdbj_E\xe9\xc6\x17N\xab7|\xe9\x8a"</t>
  </si>
  <si>
    <t>b'\xe9\xc6bM\xaf\x82\x81W \xd7\xd9\xdf\xb4.S\xf8s\xc8\x01\n\x0co6\xe6\xbb\x98$x\xed\x87\xf4\xf7'</t>
  </si>
  <si>
    <t>b'LY\xe8\xe4N\x1b\xca\x9a\x87\t\xa3#2; \x05^t\xb2\xeb{\xecY2\xff!\xd1\xad\xaf\x11\x93\xf3'</t>
  </si>
  <si>
    <t>b"vwx\\\x1b\xdf\x1c\x14\xd0o\xf7\xae\xb0\xba\xc0\x15\x19U\xf4\x15\xfe\x18\xcbZ\xe6\xb2S}\xfb\xb5l'"</t>
  </si>
  <si>
    <t>b'\x99y#;5\x86\xfa\xc5\xae\x9cd\xef\x15\xc5*$W\x8a\x8f;]NT\xda\x8e\xa0F8\xee\n\xf0\x1d'</t>
  </si>
  <si>
    <t>b'\xe0\xd1\xe3\x11\x99G\xd9\x89O\x8fV&lt;+\x96\xe7\xf7\t\xbb\xc8\x98\xae\xaf\xc3\xfa\xeei:\xb1\xde\x02@\xfd'</t>
  </si>
  <si>
    <t>b'\xd7Gz\xda\xe0\x12vz\x08\xb7V1\xfb\x12\xa9 \xc3\xe5+\xf7\xb1^=$&amp;@\xae&gt;\x83BE\xe3'</t>
  </si>
  <si>
    <t>b'\xb69\x84\x82\x94#7\x92\xbcW\xc5\x16+\xbf\xa8\x8e\x84G\x9efe\x13\xe0\x19\xed\x1b\xc5\x95\x80\x1b\xbb@'</t>
  </si>
  <si>
    <t>b'z\xba\xf3\x99/\x033\r\xac\xddl\xcb\x98\xde\x9c\x0b\xe00\x89\xfcwnH\xe2M\xc3\x1eko\xbe\xb1F'</t>
  </si>
  <si>
    <t>b'n\x1exMa\xf3z\x81\xaa\xc6\xcb\x90\xf0\xbe\x7f\tFll\xaet!\x91\xcd\x18\xfeaz?\x9foC'</t>
  </si>
  <si>
    <t>b'h\xfeR\xcdU\xa8\x9a\x0e\xf9\x0bh\x00\x12Px\xf0&gt;\xb0\x9d\xbc\xd8S\xd9\x1c\xfd\x0c;\xdc1\x14+\n'</t>
  </si>
  <si>
    <t>b'\xd7\xb0G\xb9\xbd\xef\n\xdf\x89\x9a\xfe\xcd\x97\x80\x03\x95\x05\x02pL\xe0\x97k\x85\xfd\xb8\x10\xaf\xda\xb9t\x1b'</t>
  </si>
  <si>
    <t>b'\xe7D\xe5\x8b\xcd,r\x83\xd1(5\xd4\xf3\xb9\xb7\xd5A\xabtT\x92\x14\x83\xcb_\x95a\xc33\xac;k'</t>
  </si>
  <si>
    <t>b'\x9d\x12g\xb1\xea]\x04\xa8\xab\x83q\x967\xce\xe79\x99\xfc\x00\x02\xea\xb70\x9e\x90\x05\xa2\xf3+\r1"'</t>
  </si>
  <si>
    <t>b'N\x81\x85\xc5M\xaf[\x02\xff\xeb\xf7\x1b\xf2\xcc\x07)\xa7\x83|B\x8a\xe5\x8f\xda\xa0\x01mW\xba\xfdd\n'</t>
  </si>
  <si>
    <t>b'\xcdE\xa1\xed\xc6\xb1\xcd(\xfan\xf4p6\xad\xae\x1a\xee\xd3\xd9\xb4`\xc2\x148\xec\x98\xed\x10&amp;\xfd\xd2\xb5'</t>
  </si>
  <si>
    <t>b'I\x8d\xf86\x1c;\xab\xc4\xa3\x99\xb8x\xe6\x9bDY\xa0=\xeb\xcb\xa7k\x12\x8e7\xf4\xd1\xb2\xd1\x8f7{'</t>
  </si>
  <si>
    <t>b'\x8c\xb5\x9au\x02\xe1\x12\xe3\xb7d\xb7o\xe46\xfare2\xa9\xe3]O)\x91\xbc\xcc\xa3a\xbbf`\xdb'</t>
  </si>
  <si>
    <t>b'\x1f\x80\x12\xa7"\xdeFr\x86@g\xd0\xb7\xccC\x83\xa6\xaf\xc1\x19\xb3\xd5\xb9d\xc7\xb2r\x92\xf0Ji\xa5'</t>
  </si>
  <si>
    <t>b'\xe5w\x91\xac\x85\x94"G9[\xf6\n\x9f*\x89\xaf\x83\xe2\xa9\xb1\xa4L^{\xa4&lt;\xabcj\x8f\x07\xfc'</t>
  </si>
  <si>
    <t>b'o\xc6\x04\x8fg\x08\x06r\x86\xb1\x14\xb5\xa5P\xce\x8d\xc6\xa9\xf5\xe19\xddq\xc0ms\x1e\xf3T\xc4\x08\xa7'</t>
  </si>
  <si>
    <t>b'3\xd0\xcb\xd5#\x87\x858\xceT\x97\x99\xa0n\x87\x19\x02\xa4\x91\niv\x9dB9\xa9/\x95!\x1f]-'</t>
  </si>
  <si>
    <t>b'\x84:\x88\x14\x84NeP\xde\xe2\x0fU\x81\x98\xe8n\xe5\xa4\xbe,\xfa\xfee:\xe1Og\x7f\xcd\xde2\xf0'</t>
  </si>
  <si>
    <t>b'&amp;.\xdcX\x1en\x19C\xe5\xf3\xe0\xdeh\x7fB\xc8eF\n\x95\xaf,9~\xbaY\x8fJ2\xbcn\x0b'</t>
  </si>
  <si>
    <t>b'M\xd1\x03O\xf8\x13A+\xacQ\x84`!9\xa9e\xf1#\x7f/6\xb1\x10\x0b08g &gt;U\xc9c'</t>
  </si>
  <si>
    <t>b'\xb2\n\x89\xfaH+5\x8br\\\xe6\xe4;\x88\xd5d\x9fx\xb6X\xca\x17\x8dM%\x81.\xaf/\x05\xaa\x9f'</t>
  </si>
  <si>
    <t>b'-OP"\xae\xac\xa9s-)5^v\x90wqk\xb7\x8a\x9a\xa0\x9c\xde\xe9\x99\xb4\x15DT\xf3\xdc\xf8'</t>
  </si>
  <si>
    <t>b'\xf3\xf9\xd6@\xb46\x84\x98&lt;\xe2\xfa\xd1\x9c\xcd\xa7\xb5\xfd\xff\x15z#r\xdd2\xae\x0bOn*\xee!\x00'</t>
  </si>
  <si>
    <t>b'\x9b\xb8u\xd4f\xd8&gt;\xad\x0b\xc8\xe1\xd3\xb8Cv\x84\x8e^k\xbfZ\x08\xce\xf3\x8c\x1a%\xcc\xe1\x80-\x8c'</t>
  </si>
  <si>
    <t>b'\xb1?\xea\x08Ti\x86\xefZ\xb9Ta\x0c-t\xd9Z\xa8}\x07p\xc7\xc7\x85\x08\x08\xee\x10vu\x82I'</t>
  </si>
  <si>
    <t>b'\xab\xd7{Xe\xf8\xa2\x9d\x8a(:\xe3,w\x1d\\\xda\xc0\xe0V\xc3\xecv\xb0D\xa3\xee\x7f\xbf\x80\xfe\x0c'</t>
  </si>
  <si>
    <t>b'\x08\xe3l0:\xb0[y\xcaI\xe8+]C-\x10C\xbf9\x851\xcc\xe8\x8a\x1d\x0bE\xb7\x16\xf3\x1b\x19'</t>
  </si>
  <si>
    <t>b'\x17\x02*e\xbdNV(\x0b\x15\x0c\x01\xedp\xa4"\xed\xe4\xcf4\x19`\x85\xe9\xb5\xcb\xdd8zz\x15['</t>
  </si>
  <si>
    <t>b'\xe7Kc1\x8e\xdf\x8e\x82m\x03\x1f\xdeP\xba\xf1\x06Q\xff\xe5\xe1\x89\x9a\x93?\x01Y\x83\xdd}\xe7\x0e\xf4'</t>
  </si>
  <si>
    <t>b'+\xd3\xc6\xae\xfb\x1e\x17\x98\x89\x95\xca\x8c\x03\xd2O]L\x08\xce\xff\x83e*\xa9X5\x97\xed-j)/'</t>
  </si>
  <si>
    <t>b'\xbf\xb2\xee14\x92;\x00.k\xf4#\xccO:\xd8\xaf\xd8\x82\xba\x8d"E\xa8&amp;Ko\x932\x9d\xe3\xe4'</t>
  </si>
  <si>
    <t>b'\xde\x08Aqo~\x1b\xe2\xf7e\xa7\xdb&lt;R\x1f\xff\xeaGT\xe9v\xb06\xa3\x8d\xec\xe3p3\xf1\xc7='</t>
  </si>
  <si>
    <t>b'\xd5`\xf9\xd5\xf1_\x93\xb6"\xf4pm\xfb\x93U4\x1c\xbd:\xac\'\xae\xd2\xff\x18i\xea\xe4\x02#\x85\x93'</t>
  </si>
  <si>
    <t>b'\x12\xac\xee\x92\x0b\xe7R\xfe\x1du\xf7\xc9\xab\xceT\xa0P\xe53\xf6\x9a\xa2\x13\xeft\xa9R\xc5\xfc\xce\x0e\x11'</t>
  </si>
  <si>
    <t>b'8\x95\xf4D\x922\x944\x02\xeb\xbb\xf8PT\x9c#\x0f\xbf\xd1\xc5J~\xfe\x02\xfch\xd2\x95G\xc7\x92\xe7'</t>
  </si>
  <si>
    <t>b"\x87\xe1iWP\x83y\xc8\x8f\xb2\xe1\x81\xcb\xe5\x96)\x1f'?\xad!\x87D\x8d\xea\x02~\x14,X\xd4\x07"</t>
  </si>
  <si>
    <t>b't\x86\x00\xe5B\xe9d\xe3A\xce\xf6H\x8f\xd3\xe8+\xb04j\x03\xfd\x16\xc5\x93\x04\x053{\x8d}\x1e\x17'</t>
  </si>
  <si>
    <t>b'A \x17a\x18&lt;7\x96\xe4`\x86\xc4\x04C^$\xdb\xd8\xbb\x15J8\x07\x9e\xa2\x19^\x9fH\xa4`\x03'</t>
  </si>
  <si>
    <t>b'\x7f\x18\xbb.J3i\x7f\x06\xc5\xc7Gn\\\xacBLQ\x0fV#*\xafY\xd3\xad\xcbg\x13\xae(e'</t>
  </si>
  <si>
    <t>b'V\xd8\x9e"\xf1\xfb\xb6\x97\x11\x14P\xdb9QQ)w3\xc6x\x14:\xc2\x8dL\x1d\x18\xa7@\xa1\x8b\xf1'</t>
  </si>
  <si>
    <t>b'\x95J\xed\xfaj\xa1\xef\xce*q\xa4$\x8ew&amp;\xb6\x15\xc7\x1a\xd0\xd1\x83\x07r*\x1caM\xf0\xa1\x86\x11'</t>
  </si>
  <si>
    <t>b'XQs\xa1\x82aU9\xa8H#\xe7\xf7\xf5\x86\xa9\xcb\x01\xf7\xe8nX\x16\x99\x1e\xfa\xac\xfc\x08\xb1\xe4B'</t>
  </si>
  <si>
    <t>b'g\xb5\x98\xcd\xbe\xbd\xb1\xdb\xc4Ve\xee\x86|o}\xf5\x0f&lt;\xac\x90\xfd\x168\xb2\xb3\x84\x9f\xdf\xa7\xadk'</t>
  </si>
  <si>
    <t>b'\x9f\xc6C\x97\xb1\x1d\xe1{p#\x1f\xf6\x9aP\xa0^\xb83&amp;\xd6[jq{T$:\xf4]5\xd5i'</t>
  </si>
  <si>
    <t>b'\xaf^0:\xdc\xae\xf4H\x1djp9\xd9\xdc\xcd\x19\x89%\xe4\x13\xdb\xcfd\x11\xc8\xd3t\x1f0S\x80N'</t>
  </si>
  <si>
    <t>b'\x89\x1d\x84G"\x88-\xf6\xd4c^\x99\xff\xb3\xc7\x11cO\xb9@&lt;\xc6\xe1\xe9\xc2\xab\xb5N\xcdg\x0b5'</t>
  </si>
  <si>
    <t>b'6=\x82j\x06\x8apY\xf65|e\xcb\x8a-q\xf6\xfa\xe8a\x1b\x14\xba\xb7\xe4)\xe2\xb2\xf7B\xd4\x87'</t>
  </si>
  <si>
    <t>b'\x9d\x1a\xa5\xf8\x8d=\xbfj\x0e\xea&amp;\xd2\xa1\xbd\xd6\x9e\x92\x13h\xd0\xfb9\x82T\x1f\x91\xc1i\xc0\x15\xb1$'</t>
  </si>
  <si>
    <t>b'&amp;\x95\xdeS\xebj\xb1FT\x91\xc6xA\xa7\xd9x\xad5\xf9%\x06_\x87\xc6T77H\x16\x97\x8f\x08'</t>
  </si>
  <si>
    <t>b"r$Q\xa9\x96!\xa8&amp;\xb1\xc9}R\xf4\x9d\xa83\x88\xd7\xc1T'D\x9e\xd2\xd7\x16$\xa2Q\xa5\x8d\xa3"</t>
  </si>
  <si>
    <t>b'|\x18\xa7\xda\xe2\xae\x0e{P\x7f\xb8\xd8\x1e\x19p\xd7\xe2vz(,!&gt;r\xc78T\xa8K&amp;\xe2_'</t>
  </si>
  <si>
    <t>b'o\xb9\x15${\x1c\x8d\xd8\xb4\xf1\xb7\xbau\x9e\xfa\x87;\x836X\xfe`&amp;\x86\x1a\x86M\xb6(\xec\xbf!'</t>
  </si>
  <si>
    <t>b'R\xff\xdc\xfd\xbdj \x08\xef!b=\xb4\x95\xc0\xe4\xea\xb8\x90?bF"[\xec\x87{1Vp\xf8\xa5'</t>
  </si>
  <si>
    <t>b'\xa9,\x92\x89v\x1b+\xf6s)\xe7\xea\xe8\xea\xac(\xd4~\x8b\xc6\xbd+\x1av|\x17\xe7\x011F\x01\xea'</t>
  </si>
  <si>
    <t>b'\xd7\x838\x91BL\xbe)\xcdh\x15,]fL\xee:\xd82\x9e[\xefG\xd7hrzf \xd5\x90\xde'</t>
  </si>
  <si>
    <t>b'\xc2\xdcB\xc2(%\xac\x15\xb4\xb0\xd7\xf7\xf8\xe6\xe3\xfd\xc3\xc4L\xcd\x04\xfe\x90\xef\xdbjI\x98`\xc5{\x7f'</t>
  </si>
  <si>
    <t>b'\xd8\x1aX\x9e\x9d&lt;|\\\xa46\x89-+\xb7W\xdf\x16\xf6\xfe0(XT\x11\x91\xa9\x05\xbd\x02\xcfLB'</t>
  </si>
  <si>
    <t>b'\xaegi\x8b\x89\xf3vH\x02c\xeb\xee\x1de\xee|\xafvE\xa0[\x02%4\x93\xb0f\xde@S\xdet'</t>
  </si>
  <si>
    <t>b'b\x823\xaeFM\xe1E\xdf|}\x0c\x06\xcc\x0b\xa4n~M\r\xf6N\xf0y8\xdc\xf5\x07\xcf4\x98]'</t>
  </si>
  <si>
    <t>b'\x8an$\x11+M\xb8\xe2g\xa4I\xe7m\xf7\x97\xc0\x8d\xa2\xe3\xf8f&lt;\x8a\x9fo_\x18\x94\xce\x7f@\x07'</t>
  </si>
  <si>
    <t>b'ek\xdbL(Zrr\x1f~\xea\xb7\x16\xb0\xce\xd29\xb4\x1f\xde8\x19\xa3\xea\xeb\xb2\xad\x82!\x11\x11!'</t>
  </si>
  <si>
    <t>b'\x98\x13\xeb\xc64b\x06&gt;E\x17Z\xd6\xee\x8b{\xdfT\xaf\x05&gt;T\x927\xe0v\xc1X\x95\x8c\xbbg\x01'</t>
  </si>
  <si>
    <t>b'&gt;\xe0d\x03+\xbe\x00;\xad\x03\x99\x16?;\xdeV\xcf\xfd\x80\x07\x91wQ\x8c\xfb\xa1:V\xad\xa96\xd1'</t>
  </si>
  <si>
    <t>b'\xd1\xe3\xc4`\x8a\xc7I\nT\xc9A\x1c@lS*o\xdbL\r\xad\x81\x81\x88\xe3\x15\xc6\xf0\xea\x02\x9f\xfb'</t>
  </si>
  <si>
    <t>b'\x89\xc6\x81\x155e\x17\xee\x12oC\xf1\xb8\x90\x0b\xe7\xc8\x1c\x04\x91F\xa0\x04\xc1\x05\x9a/\xbf\xd4\xf8\x8d\xa5'</t>
  </si>
  <si>
    <t>b'\xc1r?\x90\xfb\x91\xaa\x11\xb1vf\xa7\x01\xd8b{MH\xad\xb8\x00\x07r\x8a\xd6\x9c\xd8Lz\xdcG\xb4'</t>
  </si>
  <si>
    <t>b'S\x92$\\\xd9\x8f7\x81\xbbf\x89\x8a\xb0\xf2\xd8\r\x95\x97\xa0I\x03\x84\x02\x8e\xa0\xd5{5\xc7\x9b]0'</t>
  </si>
  <si>
    <t>b'\x80\x88\x13H\x93\xd0+-\xc4B\x07\x00\xc5\xd5[/H74/P?\x02\x9b\xc3w\xc2 \x08\xf6\x1c\xe4'</t>
  </si>
  <si>
    <t>b'e@\xdd\x94\xf1q\\,\xf6\x0f\x8f\xd0\xdfE\xfd\\R\x13_\xfe\xd57v\xf1\x9d\x96\xac\x9e\x8b\x8d\xe0\xd1'</t>
  </si>
  <si>
    <t>b'\xf5\x90\x89\x1f0\xca\xf7\xc15\xba\xb9\x1a7\xc5Ly\x1bW\n\xaafy\x0c\x86\x85\xa13\xd5?\xba\x7f\xbc'</t>
  </si>
  <si>
    <t>b'\x00\xa8P\xcd?/\x95?\x8c\xf2\x01P^\xf1\x8e \xad.\xb9\xe7\xe6F\xa3\x84 \xfb[\xe7Z\xf5\xf3o'</t>
  </si>
  <si>
    <t>b'`\x88+\x81\xd1c\x10[\x07\x02 \xde\xa8\xc2\x03\xaa\x12\x96\xb5\xd2\xa6\x0b\xec\xe6\xd2\x9efd\xbfyI\x18'</t>
  </si>
  <si>
    <t>b"^\x91\xd0\x9b9\x84r\xe4\xd8\xd1'\x91x\xbe\xbeL\xa1C\x05\xb9\x7fd\xa4\xd0\xd0\x0f_\xdfQ\xba\xe7\xaa"</t>
  </si>
  <si>
    <t>b'\xd8A\xbcW\xdb\x9cg|\x9b\xaf/T\x95\x8f\xc8i\xc9Nv\xa5\xbf\x1e\xf4~2Q\xb7E\x1eO\xc5\xe7'</t>
  </si>
  <si>
    <t>b"\xce\xa7\x8b\x01\x17^\xf9\xa9\xd0An\x8f\x83\xa8\x91uv9\xf4\xbb\xe4'\xf6\xd7\xfb\x89l\xaa\x0e\xf2\xa5["</t>
  </si>
  <si>
    <t>b'\xc1\x92\xf4\xf5y\x85\xb2\xe1\x951\xae\xd9\xa6)\x12O\x8e\xf9\xda=Xz0\x13\x0385i\xf4\xf2\xdd\x18'</t>
  </si>
  <si>
    <t>b'\x9f\x13\x1b\xf7Bs\xd1r\xe1\x89\x99n\x16\xe3\x04\x9b\xcc\x93\xaf\t,Mp\xa6\x81!+A\xb6}s\xad'</t>
  </si>
  <si>
    <t>b'={f\xa8"\xaeyv V2\xb2\xa0H&lt;8&amp;|1\x18J\xdd\x12\x16\xd9\xc4\xb6!Q(\x03\xc9'</t>
  </si>
  <si>
    <t>b'\x9fM\xdf:\x13\xe4&lt;&gt;*\x862~\xf3N\x9aR\x95\x84\x1b\xf9\xbek\xf2\x93Z\xb5?\xb6U\x07\xb7\xf3'</t>
  </si>
  <si>
    <t>b'\xd4X\x03\xd0\xce\x8f1+]+#\xa2\xd90\x14f#\x0b\x04\xdd\xa5\xe2\x94,\xe4@s\x82\x19\xca\xc3\xfc'</t>
  </si>
  <si>
    <t>b'8\xc3\x0b}+\xa3\xbd,\xd6\xcb\xf0\x1d[\x1d@s\x0b\xa40\xf6v\x8e&lt;:\xfcF\xd8)\xcb\xa9"\xc6'</t>
  </si>
  <si>
    <t>b'\xb0\x88\x91\xe7\x80U\xde\x87\xb0J\x95\x02p\xcf\xed|&amp;6\xa3\x18\x82\xd4\x00wV\x0b\xe2\xc1\xa8N\x1c\xc5'</t>
  </si>
  <si>
    <t>b'\x07\xc6DY*\xaa,N7\x8b:/k\xd7\x8aO\x84\xfa\xa6\xc0]y\xb5\xea;\xee\xd2\x017x:\x8c'</t>
  </si>
  <si>
    <t>b'\x95\xfdi\xd2d\xad\x06^&lt;\xa4\xedhe\xf2\xa7\x9c\xd66?U\xa4$\x1a\x97\x98\xfa\x90\x0e,*&gt;\x13'</t>
  </si>
  <si>
    <t>b'\x8e\xaac\xc8\xa1\xe2V\nK\xafcy\xc64":f\xbb\x8b\xb5\n\xc9\xf6\x01g\x1c\x17\xe4\xb5`\xed\x9e'</t>
  </si>
  <si>
    <t>b'\xb4l|`\xc3\x9f\xda\x05\xe0@\xb9\xb3F0.\xf8\xaa\n\xec\x02\xb6h\x1f\x12\x9d$\xdc\xd4\xbe\xb2\xd5~'</t>
  </si>
  <si>
    <t>b'noy-\\\x15\x03n\xe8q{\xc7\x17\xc5\xee\x14e\xe7\x88\x8e\x94$\xb7V\xbdv\x190\x1ej\x8b\x7f'</t>
  </si>
  <si>
    <t>b'\x05\x00\x7f\xda\xbes\x06\x1dBD\xc8\x96x\x11s\x15\r\xe9l\x8eyT\x86S3\x0f\x9c\x05ee\xed\xf4'</t>
  </si>
  <si>
    <t>b'\xcb\xb3\xa1\xcb/\xb0\xda\x07o\xc8\xc7\xbb\xed\x1f\xa7\x98\xcdOq\xe2BsO\xbb\x9b6\xa0\xe6L[&gt;\xbf'</t>
  </si>
  <si>
    <t>b'\xf4\x9es\x95\x07\x9f\x15\xc2\x10\xfd\xb9U\xcbr8\x84\xf3NOi\xef\xdf\x13S\xf2\xfd;&gt;\x8d\xc0\xcd\x87'</t>
  </si>
  <si>
    <t>b'\xd5F\x85j\x14t\xad\xe5\x8c\xd6\xf7\xb2#b)\x82P\x8c \x8b?\xbbh\xc4\xd2\xed\xea\x0b?\xac\x17h'</t>
  </si>
  <si>
    <t>b'\x1f\xd2\xe1*xeu\xd5\xdd\xf6\xff\xffY\xc5\x17H\xfa@\xcf\xa9\xa1\xdc\xfd\xbc\x15\xcaP\x88\xc0\x87\x15\xf4'</t>
  </si>
  <si>
    <t>b'\xc6\x19\x1e\x10&gt;)\x9d\x898J\xe5\x8a\x8c\xd2\xae}\xa1\xf2RD\xa4f\xa1&gt;\xcdW\x1a_K^+/'</t>
  </si>
  <si>
    <t>b'I\xa9]u\x95B\x03\xed\xfb@t2$\x96\x02!\x97sK7\x83q\x10l\x90\xdb\xda\x9e\xe7\t\xba\xf1'</t>
  </si>
  <si>
    <t>b'\xfc\x97"x\x19\x1do\xae\\\xae\x0b\x18U\x15x\x99\x01*\xd3\x8e0\n\x0c\x92\xec \xa2\x91\xa9\x13g['</t>
  </si>
  <si>
    <t>b'c(s\xb8\x98\x9ew\xe6\xa8|\x10\xde\x85\x977\xe6\x1f\xf7c\r\x17\x1f/N\x13^\x9f\xd5\xa4\x114j'</t>
  </si>
  <si>
    <t>b"\xcc2\xe8'2\xe1\xc8\xe3\xcd,\x1d\xce\x07J_\x0e(\x8d\x84\xff\xf9\x8ec~Fc\xb1\xc9\x1eXq\x0c"</t>
  </si>
  <si>
    <t>b'\x12\xb7\x9f\x0f\x85tX\xb0}\x00\xc7\xfa\xdc\x86\x8b]\xef\xf8\xf3C\xe6\xccUv}\xfb\xefU\x10\x99\xcf\x92'</t>
  </si>
  <si>
    <t>b"\x90\xcd\xbe_v\xcc\x88\xd5\xcfh`\x1da\xad\x15\x1f\x9c3'$\xf7\xd1\xdeh\xa9\xc5\x8c\x85\x1a\x92\xcf\x8b"</t>
  </si>
  <si>
    <t>b' \x10cg]\xcb3\xa8\xaa:\xc0\x9d\x8e\xb8\xb6XLwR\xf9\xb6\xd1"4\xa7\x7f\xf8/\xdb\x14\xb5\xd9'</t>
  </si>
  <si>
    <t>b'\x10V\x10\x87\x1c\xb6P|KcJ\xd6\x99\xe8_\xb6\x9c\xb4\xf3\xfdw;\xc1ts\xd0m6)\x9e\x11\xac'</t>
  </si>
  <si>
    <t>b'\xf5#\x8ej\x91\xa0\xff\xb4\xe2H\x8b\x90;\x82U\x9a\xf0\x968\x1c\n\xa2\x8eE\x1f\x03\xba\x9b\x81[M\xa8'</t>
  </si>
  <si>
    <t>b'\xb6\x84I\x1b\xe3x3\x1e;\xc39C\x1c&lt;E\x87\xcdQ\x9d\xd2M@\xf6\x18X\r\x142\xf3\xf3\xfb\x85'</t>
  </si>
  <si>
    <t>b'\xe1\xe9\x12"\xfe\xa2\x11\x1c]\xdaV\nn\xc4\xfcU#\xe6iy\x16\xa4\xf6\x9a\xfaV~J!h\xefL'</t>
  </si>
  <si>
    <t>b'\xba\xce\xfe\xab\xc6\x0c\x15\xc6\xb9Ab::\xd1\xf9\xad\xe6\x81\xebO\x04\x9f9Q\xbc\xd0\xed\x12\x07\x1f(\xe8'</t>
  </si>
  <si>
    <t>b'!B\xd3b\xc3\x80D\xf3\xee\xd6\x00I\xf7\xe7\x8e\xbe}\xb4\x9a\r\x02\x8fg\n\xec9]\x01t\x05\x18\t'</t>
  </si>
  <si>
    <t>b'\xdd\x0e\xcd\xad$\x84\xd0\x98\xd4\x1b\xff\xbcB\xec\nr\xd3\x86v\xb7\xad\xe0\x8a=P\xf5\x15\xd1\xd3m\xb90'</t>
  </si>
  <si>
    <t>b'\x91\xb3\x8aM:y\xfd\x9f.\xde *\xbbh\x0bZ\xac)\xa8\x84\x07j\xe9\xb3\xaa\x9a\x06\rK\x7f%\xca'</t>
  </si>
  <si>
    <t>b'\xd0\xaa\xb4g\x1a$e\x00ztt\xce\x19\x07w\xcf\xa6j\xe7&amp;&amp;\xd6\xd3{"\xea\xb1L\xf0\xda&gt;\x91'</t>
  </si>
  <si>
    <t>b'F\xd7\x18\x996\x84\xe2L\t\xa4Bu\xc2\x90z\x86$\x96\xc2s\xf3\x8e\xc7\x84+\xe7uF{ib\xf4'</t>
  </si>
  <si>
    <t>b'\xc2v\x00\xcc\xebrk\xe5\xeeD\xb8\x97C\x98\xa1^\xc3~;\xd5$\xe5H\xb6\x91\xbe\xd3\xfc\xe8\x7f\xe7,'</t>
  </si>
  <si>
    <t>b'\xe2\xb0\xa2\xaf\xc7\xcf\xbcq\x06\x11\xd8\xcc\x1f\xc1\x82rK\x04w\xa4P \xf6\x01\x17\x11\x8aE\xd9\x1d\xb4\x08'</t>
  </si>
  <si>
    <t>b'\xa3\xaa\xd0XS\x9e\x92\x98\xd7\x1cxm\xad\x17\x01\x8dhtKx\x85\xcd&gt;\xf4\xfc\x80QZK\x93\xb8\xe8'</t>
  </si>
  <si>
    <t>b'\xa5\xe8\x17\xef\xfa\xc1\xf8(\n]\x14\xb4\xc1\x07,\xe3O\xabI!\x9d\x03\xb7\\\x00f\x9d\x07\x9d\x08\xda\t'</t>
  </si>
  <si>
    <t>b'K\xd8\x11\xf0\x81\xfeN\x12NG8\x0b9\\\xc2\xa9\xef\x86\x86\x08et\xa9j\xb8\x89\x17$\t\x0e\xbc\x86'</t>
  </si>
  <si>
    <t>b'y\x12\xed\xb7\x12U\xa2\xef\xfdn\x90\xba\xd0*\xaf&amp;\x0c=\xa3\x8a\x16a\xe3\xdcx\x96\x12\xfb\x94\x19\xd7\x81'</t>
  </si>
  <si>
    <t>b'\x80\x13\xe0`\xf4\xdcJ&gt;\xa8\x9djDE\xa4r\xc7r\x98\x86gi\xfb\x94\xc6\xac\x11O\xc0HJ\xbcN'</t>
  </si>
  <si>
    <t>b'\xefH\xca^\x02\xd4\x8d\x91\xdb\xb3+\xf3c\xec*\xd8\x0e\x801\xd3!7\x08\x16\xd2{?\xc35\xc9\x01\xfc'</t>
  </si>
  <si>
    <t>b'\xd8\xcd\x9b\x07\xadi\xc5\x8e\xfc\xde\x84\x7f\xb5\x9f\xfa\x89\x8d\x1b8`\xd6f/\xae\x94\xc9\x9e\x9c\x8b\xe0X\xfa'</t>
  </si>
  <si>
    <t>b"1\xd5P(\xce\x94yN\xb7\xd8\xe0&lt;\xcf\xb4\xf2\x19BD',#v*\xeb\xd3\xeb\x88\x88\xe8c0\x0b"</t>
  </si>
  <si>
    <t>b'\x96@y&amp;`QP\xe9\x95d\x1eL\t\xab)\x1e\x90\xd8;\x1f\xb4\xd7q\xca\xc9\xd0\x00\xea\x16\x95\x01\xea'</t>
  </si>
  <si>
    <t>b'\x1e\x89\xd8Yr\x15\xd6\xa0\xee="\xeb\xc1FF\xc8_-\xa8\xa6Z\x8br\xb2G\xed\x91Z,S\x85+'</t>
  </si>
  <si>
    <t>b'\xe9\xde\x19\xb8&amp;\xd7\xaf\x1f\x7f~\xf9\xb9\x06\xfad\x96\xb2\xa5)M\xd3\x10\x89\xa8k\x1cl\xf1Gk\xbe]'</t>
  </si>
  <si>
    <t>b'\xeaj(\x8d\x8aq\x00\xf1\xc3I\xc4\x08M\xef{\x0f\xd2\r\\\x9d~tou\xe2gV\xa3\x8e3\xdd\xf9'</t>
  </si>
  <si>
    <t>b'\x1d\x93\x8ap\xa2\x03\xe9\xb3\xb1\x0c\xa3,\x18l}\xb5\xb2\x80\xe0\xa3\x8c\xa1\x1c\xd3%o\x89\x82\x17|\xc4\x17'</t>
  </si>
  <si>
    <t>b'c\xf8\xb2\xec\x11\x8c\xfa\x94\xd25\xa4\xfbR1|si\xb0\xf3rwO\xca\x01\xd2!\xb0\xdb\xb21\x11*'</t>
  </si>
  <si>
    <t>b'\x03\xec\xe8\xff\xc7\xf4\xe0\xe3\xb6\xc3x&amp;\xd1\xf3\xabL\x95\x16)\x99=W\x94?A\xbb\xed\x8a\x83\xf9\xf5\x01'</t>
  </si>
  <si>
    <t>b'\xc7\xd7\xd5c\x88g\xd2\x9e\t\x86\x8c\xb2\xc8\x90\\&amp;\x15\xfd\xd5s\xe3\xeba9\x12\xaet\xc6\xac\\\x1d\xcf'</t>
  </si>
  <si>
    <t>b'\x95\xa2\x80=\xbc\xf2\xec!d\x14\xcd\x0cA&lt;}\x83\xdc\xc3G \x8a;M\x9eF\xc0m|\xaa\xb7vL'</t>
  </si>
  <si>
    <t>b'\xf7\xfc\x1a\xcf\xdcW\x1d\x88\xca\r\x0cp\xb3\xf5f\xd3u\\\xa5\x16\x0f\xc5Y}\xca:\xf3\xc5!\x87(\x1f'</t>
  </si>
  <si>
    <t>b'\xd5:\xcb\x9d\x9fR|\xa9\x04%\xdf\xd4\xca\x9c\x11gXJ\xef\xe4\xd2:\x96\x83\x03\x88u\xd34\xaa"\xb0'</t>
  </si>
  <si>
    <t>b'\r\xb1@\xc2v\x85\xadP\xc8\xc6\xad\x07\x96\xee\x14\x05\xd2\x91?@\x8f\xff\xe5\x99\xbd?Mr\x14\xf9\xe0\x9a'</t>
  </si>
  <si>
    <t>b'\x86#EbJwr\xdd\xdf;7\xfc\xc1\xc4\x12\xa5q\xd9dX\x1c\xeb(m\xa9"\xd2V\xc5\xf8!\xa5'</t>
  </si>
  <si>
    <t>b'n\xea\xcdEH\xb6\x1c=\xec\xe5\x98?^&amp;0\xa6Agrz\x81\x19?\xab|7\xf2\x15\xcaE\xf2X'</t>
  </si>
  <si>
    <t>b' \x17\xe0\x0e\xc4e\xaa\xc4j\x1a\xfb\x92\x85\x07l\xceR\xa2\xc6u\x0e$\x9b\x84&lt;\x11\x0b\xa6Gi\xa5*'</t>
  </si>
  <si>
    <t>b'!\xdd^\xc4\x14\xb8.\n\x08KZ\x9a]\xb2F\xb4\xd81}\x11-\xc3gq\xe1\x07\xbe\x1a\x92\xfc\xee:'</t>
  </si>
  <si>
    <t>b'a\x13$\xe5\x8e\x9ca0}\xdc@A\x9e \xde|\xeb\xa3Q"v)\xad\xb3\xcf\x01T\x9a\x92\xf5t\xb2'</t>
  </si>
  <si>
    <t>b"'\xea\x1amW\x85\x11\x92H\xc78\xdd\x19\x12\xdd\x02\x98\x12S\x8c\x13\xe2\xe5\xae\xb3\xf1\t\x816\xbf)$"</t>
  </si>
  <si>
    <t>b'\xb9 \xf4\xf4\x92\x7f`\x1e\x9d9\x08\xd2\x11}\x08\x9c\xecw$\xfc \xa8&lt;\x0ctf;\t[\x1dB|'</t>
  </si>
  <si>
    <t>b'\xed\x83A.\xf4Z\x12\x03\xc8\x11\xe5i\xdc\x9d_\xf2`\x01\x97 ^\xa3vK\xb3Q%\x1et\\\xa4\xc0'</t>
  </si>
  <si>
    <t>b'-1\x97{[)[r\x1fSQ\x98\xbc\xaf\x0b\xab\xa1$V\xb8\x13\xb8\xba?\x89\xd8\x16\x1b\xa1\xcb\xaal'</t>
  </si>
  <si>
    <t>b'\x84\x0f\xcb\xe1\x80\xdeg\x91\xbe\xce\x12\xd9\x0f\xf8\xaf\r\xbf9\xb1Nn\xa6\xaa\xc0\xa4\xc4\xe4\xc2\xa2Q\xb3X'</t>
  </si>
  <si>
    <t>b'd\xc5\x16\x8e\xd5\xfe\xd60:\xb8\xec\x85\xf9\xd8\x17\xdf\x0c\x05\xe4\xe6\xbf\x94\xba\xad\x88\x80\xfd+!f\x8e\xe9'</t>
  </si>
  <si>
    <t>b'/\xf4;L^CF\xfc\x1cQ\xa0\\\x1a[l#\x0c9\x863\x01\xfd^\\\x98\xe4\xcd\x9c\xb9\xda\xe4\xce'</t>
  </si>
  <si>
    <t>b'e\xbew\xffl\x84\xd8\xb2\xf3\x99\xef\xca+\xfe\xef\x95u\x06\x1bR\x89\x04\xd0j!I*O\x89*\x99\xf6'</t>
  </si>
  <si>
    <t>b'7\xa4 \xbd7\xa2\x9e\x95\xfesM\xd3\x19\xf1\xbb\xae\x96\xdd\x03\x9eb$4\x14\x92\x99\xbb\x8a\x91\xc5\xa9?'</t>
  </si>
  <si>
    <t>b'/Gs\x9f\xa17\x01%,\xd7\xcb\xed0\x01t\x8b\xbf\x1e\xd9\xaf:Fu\x98~A\xfaUqj\xcf['</t>
  </si>
  <si>
    <t>b'7\xec\xa9\xe8\xdey6\xd6\xf8Z\xfc\xbc\x9a\xe2k-z]Uz\x01\xd4|\x86\x05XC\xdefK\xf0\xa3'</t>
  </si>
  <si>
    <t>b'\xd5H\xf5\n}\xa9\xeeL\xbd\xa6LY\x02\xaa\x9e\x12&amp;\xb7\xac\x0f\x81Bf\xc4\xc5\x0c?\x04\xfdVeG'</t>
  </si>
  <si>
    <t>b'\x17`\xb2\xb9\x91\x1d\xf1e\xe54\rR\xd19\xd8\xc0\xd0\xec\xdb\xa1\xc0D`\xe6\xf3\xca\xc8\x1e\xb9\xdb\xde\xc4'</t>
  </si>
  <si>
    <t>b'b\xe7I\x12\x92\xb61z\x9e\x81\x04Sl\x98f\xc2\x8ct\xd7\xce\xe8\xb7\xfb\xd7\xc1d+\xf7\x15\x9f\x97\xf1'</t>
  </si>
  <si>
    <t>b"\x19r\xd9\xd8\x03\xef&lt;B\x8a\xe8\x90\x95MU\x89\xdf\x10Ymm\x84\xe2{\xbc%\xd3'\xfeh(\xc3j"</t>
  </si>
  <si>
    <t>b'\xa4\xc7j^\x11M\x0e\xd8z\xc23\xbe\x86\xd8\xb1#t\xbd\xb8=\x0f\x1c\xb7\xf07\x10\xa9\x94\xa6\xb0r,'</t>
  </si>
  <si>
    <t>b'v\xcb\xaf*\xe6z\xa5\x1e\x15\x96v\xe7\xf1\xb3\x8dl\xfd\xb2\xa3\x90\xea\xb3\x90V\xf0{D\x83\x9c@\x18\xb8'</t>
  </si>
  <si>
    <t>b'?f\x15|\x98i\xd7\xa02\xff\x9b\xbe1\xed\n\x02\x16\xa9kOk\xde`\x9b\xc8\xdc\tN\xea\xb51\xb3'</t>
  </si>
  <si>
    <t>b'\x1e0\xed\xa0Tj\xae\xdd:\xffHq\x07\x9b\xfa\x9f\xf9d\xbcRD\xb0i\x94\xbf*\x87 \xba\xe3|\x84'</t>
  </si>
  <si>
    <t>b'\xee\x0e\x9a\xd2\xca\x11\xd4\x7f\xf3_[\x95?\xb2\xcf\x05F\x87\x99\x11\xa8\x17q\xe5\xb7#\xe8\x14X\x96\xca$'</t>
  </si>
  <si>
    <t>b'M\xb5N$8\xadp\xd0\x85\\A\x17;\x1b\xeb\xe5\xe4ZjS\xef\x00\t=\xa2]q\xf4!&amp;aO'</t>
  </si>
  <si>
    <t>b'\xe6\x003j\x9b#\x06\x9aa\xfa\xa3\xd4\xe7\xc60I\xe1\xda\xd3\xcc\xbb?[\xe4\xe4\xf3\xc9:$P\x04D'</t>
  </si>
  <si>
    <t>b'\x00\xb0\xbb\x11.\xca\x9dLg\xe4\xa3l\x9f\x0eVp\xe6;K\x1c\xbd\x1fe3;\xe6\xab\\\xe4\xb7\xe3\xbf'</t>
  </si>
  <si>
    <t>b't^\x8d\x87,aY\\[\xf1\xc5\xbb\xebT\xce\x1a\xdc\t\x97A\x01\xee\xf2\x1e\x03\xe07\xd7\xee^f\xfe'</t>
  </si>
  <si>
    <t>b'A\xa1\xe2\xa8\xbd(\xf3\\s\x0b\x90\xd2\x92\xe5\xe6\xf1|u:\xbe\xef\xde\xf4\x7f\xd9\x91y\x19\xdf\x1b\xda\x14'</t>
  </si>
  <si>
    <t>b'\xb9\x14\r#\x99\xe7 \xe3n\xca\\)K\x92\xae\x92r\x7f\xfei\xe0\xf0\x8f\xa0\x92v6\x80\xfb\x9a\x05\xf2'</t>
  </si>
  <si>
    <t>b'3\x10\x05~\x07\xd9\x02\xf6^\x1e\xd1X\xaa\xbc\xbbW\x0e\xff\xe3\x1dQQw\x8b\xc2\x1f\x11\xe2\x80\x852k'</t>
  </si>
  <si>
    <t>b'\x0b\x88\xb75_\xdf\x94S~\xca\x8d\x044\xba\xf0\xc05-\\\xb5\xcf\x87?\x8e\xcd\x9eM\xd9]\x08\xf27'</t>
  </si>
  <si>
    <t>b'~\xd6w\xe5\t\xa5\xe7^QM\xf4\xcbm\xd0\xa3Ak\x88\x1f3l\xe3!\x8e\xc0\xb1K,#\xd2)\xa6'</t>
  </si>
  <si>
    <t>b"\xc9#zs\xeb\x19:\x9f\xf0\xd70\xd3\xd9'S\x84\x17\x17M\xac\x01\xf9\xe1\xea]N\x84\xe0+\xb6\xb8\xf3"</t>
  </si>
  <si>
    <t>b'\xe4\xc6av\xecgs\xc0h\x0e\xc0G\xb3M\x99\x97\xe4\xde7\xf4\x992\xa4%,\x1a\xcf\xd5\x0b$\xa81'</t>
  </si>
  <si>
    <t>b'\xa1\x19&gt;\x0b\xf0\xc3\xe5\xf6p\x1ah\x00\xef\xb6r`\x85\xb9\x85\xe6,\xfe\xe7\xf1v\x8d!6\xb4\x89\xd9\xa7'</t>
  </si>
  <si>
    <t>b'\x98w\xa2\x13\xca\xc3\xe8\xf1/\xc6[\xd9|\xf6U(WI\xbfE\x91\x95\x1eR\x89\x03i\x9b\x0b\x03\x9c\x8e'</t>
  </si>
  <si>
    <t>b'\\\x01\x00d&lt;x*x\xedS\xc3\xbe~gA\x03\x03\xa7\xceL\xee\x85\xf4](?g)\x1b\xc5/W'</t>
  </si>
  <si>
    <t>b'1\xe7"d\xe6\xb4_b#\xb6\x83\xc6;\xe6w\x81\xf3\x191\x1b\xc8\n@:\x1bK\x05\x9c[\x1c\xd4U'</t>
  </si>
  <si>
    <t>b'\x99\xbb!\xd6\x02\x11\x17\xa1V\xd9z\x18[\x16p\x98\n@\xb0\xfdm\xb7&lt;\x1c&gt;\xafpeKt\xcf~'</t>
  </si>
  <si>
    <t>b'\x086f\x03 \xd5\xab\xfc\xfc\x02J\x1a8\xb9)\x1c\xb7\xa9\x16\n\x974u\x16\xc9\xa9\xd0TH\xe1\n '</t>
  </si>
  <si>
    <t>b'\xfd\xd3\x9bV\x15\xeeL\xc5\x00|,\xf9n\x8c\xac\xf7\x9a\xb4\xd6\xc5\x9e\xb5*8\x86\xde[\x7f\xe3\xfe\x8c\xbe'</t>
  </si>
  <si>
    <t>b'OX\x88\xbe/n\x82n\xd7ZOq\x8d@T\xe5\x1f/\xcf\x83\xe5\x88\xed\r\x9c\xd9&amp;\x16h\xb5\x91\xa8'</t>
  </si>
  <si>
    <t>b'=\xb3\xe8\xa1{\xf2+"\xd65\xf0\x95\\"rr\xb5\x9e\xc8\xcdc_\x08\xf3\x8a38QT\n\xb2\xfb'</t>
  </si>
  <si>
    <t>b'\xad\xfc!\x83xB\xd1\xf1\xaa\x85f;\x95\xf0&amp;\xaf\xca\x9d\x87\xd0\xf1l\x86\xaf-p\x1e\xdf\x19\x06V\x98'</t>
  </si>
  <si>
    <t>b'\x8b\x1f\x15E\xdb\x98}pz\xa1\x1a\xf9\x01\x0fO\x9b=\x9d\x91\xff\x8c\xe7\x16\xe0\xad\x89X\x9e]\xb2 4'</t>
  </si>
  <si>
    <t>b"'\x13{\x1b[\xach\x05\xb5\x90\xf76\xfa\xe1Y\x1b\x92\x0b\x9a\x0b\x155v\x1a\xb9A*R7\x12\x82\xd1"</t>
  </si>
  <si>
    <t>b'\xc3\xea\xd4\x9d!$\xe8\xbc\x9e\xc2\xde$\x11\t\x87]=\xb4g\x86%\xdaD\xe0\x99\x10\x92$/\x8fh\x03'</t>
  </si>
  <si>
    <t>b'\xae~a\xd89\xed\x95\x9c\xc8\x89\xd4\x04\x18\x9e\xfc\xa1o4EQ\x89\xee\xc3\xb7\x14\xd9\xe4\xb6\xfb\r\x9aw'</t>
  </si>
  <si>
    <t>b'\x98\xde9\xb9\xff\xb3\x90c\xdd\xd1U}\x0b9o\xe1?\x01\xc7\xca\x9e\xe2\xcb\x18\x91\xf1\x91\x0f\xac\x8f\xbfv'</t>
  </si>
  <si>
    <t>b'\x16&amp;]=\xdd\xab\x16\x12\xa0\xbe\x1b\xe6=\xa0\x95\xdd\x16\xd2\xe5\xb9\xc0\xb6y=\x9f\x9bKEG\x8c3%'</t>
  </si>
  <si>
    <t>b'?KQq&lt;\x15 _\xde)\x19\x82/\xab\x19\x12\x8a@\xdb\x9a/[\xab\xca\xf06\x96\x05&amp;\xf7\xb4\x9e'</t>
  </si>
  <si>
    <t>b"\x00'\xee1\xa5\xc9q\xed\xd2Q\xa0`&lt;\x85\x1eQ\xb0L+\xf9\xe48\xb4\xbe\xab\xb1\xe2&lt;!F\xbbE"</t>
  </si>
  <si>
    <t>b'\x07\xc2"\xde&lt;X\x9fz\xc9]\x8aCz\xd6 i\xf0\xaf\n\x17T\x03\x85\xf9\xf0\x16HK\xce\x9e\xaa\xef'</t>
  </si>
  <si>
    <t>b'&gt;\xe6d\xd7%v\t\xad-\xc2\xd5\xb7\xa5\x12\xcc\xf5d\xc4\xb2\xae8+T\xb6\x94\x90\xc4\xa0xB\x8e!'</t>
  </si>
  <si>
    <t>b'\xe7\xa9\xa1\xee\xa5\x85\xd5\x1c\xe2\x7fQ/\xa5\x9e)\xb1\xbf\xfa\xc4h\xdf\xce\xa1\x92\xfe\xa5Z.\x98\x13%\xf7'</t>
  </si>
  <si>
    <t>b'Gv\x8e\xe3\x86\xd26\x19\x02\x94\xe5)\x98\x89"P\xe8e\xa8\x93\x7f\xe8\xe5\xd8]Ru\xac\xbecks'</t>
  </si>
  <si>
    <t>b';r\x829\xc1\x05\xf2\x02\x1d\xb6S\xb6[+\x9b\xc8\x9a\xf5m\x9cW\x89\xc0\xd9\x0b\xfa\xb5\xe9\xe5_\xf7\x99'</t>
  </si>
  <si>
    <t>b'\xfb{\xa1\x8a\xb76\xd9n\xf5T\xdeH\xdch\tg\xbe\x82S`\xb0\xf1u\xee\x8e\x99\x80\x91\x0f\xce\xfb7'</t>
  </si>
  <si>
    <t>b"\xa4/\x13\xcdM\xaf\x06\xaa\x05B\xa6n\x89\xa7\xe2p\xc8\xe7\xbb\xa2&amp;\xb8\xef\x0f\xba\xdf\x13\x8f'\x08\x88\x84"</t>
  </si>
  <si>
    <t>b'b\x97Z:1\xee\xd3\x7fw\x8b\xe4\x1c\xa0\x00vO\xb0\x94\xf3\x8f\xc1\xa5Q\x9e\x8e\xbb\xce\xbc\xe5V\xca\xb1'</t>
  </si>
  <si>
    <t>b'\xc8|J\xaf_ k\xd5\xc0\x9dx@\xfd\xa3\xb0\xc6\x06G\xd7\x8b\xd2R[\xa8\xad\x8bm\x86\xfc\x10F\x1e'</t>
  </si>
  <si>
    <t>b"\x86\xe7\xd5\x91\x93\xd5\x8b\t\x0ea\xda[\xf1_\x93\xc7H\xd4]\xba\x7f\xf1\x99=l\x0b\x95\\'\xbb\xa7\r"</t>
  </si>
  <si>
    <t>b'Q\xdd\x8f\x16h\xf0\xef\xb2\xfeA\xd0\x87\x1e\\\\\xcc\xa5gi\xa4\xd6\x9cQL#\x9a\x9b\xaa\xc6\xaco\xc0'</t>
  </si>
  <si>
    <t>b"\nU\x99\xeb\x85\x0em\xd1\x8d\xc4\t\x90\x96U)ST\xf3\xcc\x0e'\xe1\xb2q\x00#\xd3G\xacV\xccW"</t>
  </si>
  <si>
    <t>b'\x03\xefS!\x94\xca\xfd\xcf\x0b\x92\x81\xeb)\xda\xf1\xe8|\t\xb3u\xed^"E\x05\x89\xec\x0e\xb5Z\xef\xdb'</t>
  </si>
  <si>
    <t>b'\xce5\x8c\x9b\x83j\xd9\xc2\xcb\xbf2?\xe7\xfb\x1b\xc8\x12 9\xfb\x12\xddM\xc2\x94K\xe1\x1fe\xb6\xc6H'</t>
  </si>
  <si>
    <t>b'\xd9\x05\x89x\xe8\xd9*\x9aO19\xed\xdd\x1c\x7f\xde\xa7;6\xbf\xe7\xf2\x91q\xa1h\xa1\xa1Vy\xf7('</t>
  </si>
  <si>
    <t>b'Y\x1c\x1e\xfa-\x93\xd0\xfc\nl~\x1d\x9e\xaf!_\xec\xce*\xcf\x1f\xf9\xbc\x9d\x93\xd9\x90\xf8U\xadv\x9e'</t>
  </si>
  <si>
    <t>b'\xab\xca\x8b\xd2r&amp;\xb8\xda\x9e\r\xd7xLtp@\xc6ByG\xa6(\x8d\xad\xe2\x86\x80\xef\xea\xc7\xac\x07'</t>
  </si>
  <si>
    <t>b'0\xe7\xc7\x97\xe3S_\xc1t\xf4\x07\x92\xb6\xef\xd3\xf15\xf9\x814\x90\x9c\xf2e\xd17\x84\xdd\xf2v\x9eW'</t>
  </si>
  <si>
    <t>b'\x81\x996\xcfhSq\x81l\xbdu\x9cM\xa4\xde\nq\x89\xe6\xb0\x9a\x9c+\xbeZ\x05\xf6*\x85\xc5&gt;i'</t>
  </si>
  <si>
    <t>b'\xda,\xed\xa1-\xb2z_t\x1c\xdc6\x97V%\xfe4\x1e\xc0\t+\xf8\xc1\x8a\xbc*\x9e\xd8}\xca\xcf\xb8'</t>
  </si>
  <si>
    <t>b'\xdcLO\xf4\x15s\x11U(8\xe2\xfe\xa9\x1f\xb4b\x11\xb9\xa0D\x81\x14k\xb7\xf9Ww\x01Gi";'</t>
  </si>
  <si>
    <t>b'5x_\x83rJ\x96_Ud\xf1$n\xd3R\xaf\xe5z9w,\x01\x86\x0c0\x9dW\x19-\x1e\x80.'</t>
  </si>
  <si>
    <t>b'\x9b\x88&amp;&amp;\xafR\x1c\xbe\xba\xd3\xfcGh\x86\xc2\xce\x9e\x0fE\x16\xbb,&lt;\xc9"q\xedd\x18?\x85\xb2'</t>
  </si>
  <si>
    <t>b'\x85yH\x06\xc7\xa8W\xc6\xfc\xb1$\x9c\xa7.\x8a\x8a\xcd\xbaX\x9f+,\xb0\x7f\xe4\xb8\xf7\xa3\xd6\x83_\xb5'</t>
  </si>
  <si>
    <t>b'&gt;s&amp;N\x85h\xec\\\xf9\xd9\xcf8\xe2L\x14\x80Sz\x0e\xe1\xbe\xd9_\x05\xe7\xb3\x1e[&lt;\n\xff}'</t>
  </si>
  <si>
    <t>b'Zm\xe7 \xb1+\xdf\x13\x80\xeb\xee\xdf\xb7#!i\x8e\xaa\xef\xf77\xde\xe8\xbch\x0f\xa7\xf2\x90\x0c\xfcS'</t>
  </si>
  <si>
    <t>b'A\xea\xf1\xe2\\\xf4&lt;\xffN\xecI4\xe8 \x06\xc8\xc1\xd6\xadH\xe2u5V\x8b\xc95\x00\xa8\xf4MK'</t>
  </si>
  <si>
    <t>b'4\x01$\xa5\x1c&amp;c\xc2 \xaes!\x1b1u94\xff8\x80z\xf0\x15\xfa\xa1\x81_\x86#\x9eyQ'</t>
  </si>
  <si>
    <t>b'\x87\xf7\x8d\x12\x88\xc4\xbe^\xb5`\x15\xbd\xbcU\x91.\x83\xd8\x0f$y^|*\xae\xe9\xae\xbf|~"\x07'</t>
  </si>
  <si>
    <t>b'\xc5\x98G\xca\xc4\x064$\x8b\xe0c!\xfb\xd4\x9da\x90\xab\xb0\xf4\xba\xa2\x0fg\xfc\x88\xcay\x91P63'</t>
  </si>
  <si>
    <t>b'R#\x9d#\xde\n\xdf|\x19\xe7\x13\xa0\x8e\x8e\xa2\xe6\xf31\xfca\x8cb\xf4\x1b{*\x1b\xd4\xc1\xee\xe6\x9d'</t>
  </si>
  <si>
    <t>b'ep\x8c\xf2q\xd3\xa4\xeaZ\xe8\x03_\xe4L\x07^\xa31\x8f\x1b\xc3\x8c\xc1PQ\xd7\xa7E?\x82}\xdc'</t>
  </si>
  <si>
    <t>b'n$\x8c.\x151?\x0b\xf6\xcdA?\x99\xe9\xffa\x8a/\x04\xf8b`+\xb8\x8d\xea\x83`\x7f\x89\xe3\xae'</t>
  </si>
  <si>
    <t>b'\xbcF\x84"p\x15\xcc\xddn\xed;\x95g\xd0\xa0\xf4\xdd\xc3\xef{[sg\x14Ry\xe8R\x12\x91\xee\x7f'</t>
  </si>
  <si>
    <t>b'\xed\xf7\xd9(\x1f\x94\xdc\xc1\xefTQ@b\xb7\xc5\x00\xd1[#;{\x90\xfc\xf2\xca\x94\x99\x0c\xf3Q[\xfd'</t>
  </si>
  <si>
    <t>b'T\x05\x92\xe9\xc5\xdaY\x13m\xae\x07\xa9]v\xd6\xe6\x82\xb9\xd0\xc4(\x97d\x88\xf0cM\xb4\xd9\rU\xc0'</t>
  </si>
  <si>
    <t>b'a\x00\x19\x99\xd8V\x06\xd5\x87(\x079\xae\x91\xf9d\xf6Y\x17\x87f\xd8\xd0\xb6\x9b\xeci\r\xfe\xa0\xc0\x13'</t>
  </si>
  <si>
    <t>b'L\xd0\xbb~3\x1b4\x9b!\x0b\xc0{\xcc9\x91nC\xac\xf9\x0cQ\xa67n\xff\xd7%\x17\xf4\xd5V\x15'</t>
  </si>
  <si>
    <t>b't\xfb-\x12J7\x93;@6\xb3\xc5%Mc\x9e\xc0\x17\x07\xbe\t\x8d\xdeE^\xca\xdc\xd3\x1e\xfe\x00\xfc'</t>
  </si>
  <si>
    <t>b':\x8d@\xfe\xb9\xdf\x05\x12\xf1u\xc0\x93&amp;\xbb\x95\xe0\n\xe0\xbeTYj&gt;\xa6\xeb,l\x8b\xf0\x92\xb36'</t>
  </si>
  <si>
    <t>b'3\xc6\xb8\x9a\xf4\x9eV\xa7\x0e\xf9\xd7:\x02\xd3\xfc\xb0g\xc0\xea\r\x7f\xffY\x0c\xc5\x83\x1eG,\xd5\xadH'</t>
  </si>
  <si>
    <t>b'\x88W_\x08\xde#\x96\x1b4\xab-\x8e\xab\x9b\xa47\xa2=\xbf\x14\xc7]=\t\x9bU\xe5\xa0\x868@M'</t>
  </si>
  <si>
    <t>b'Lw\xe9\x95$\x07\x0f&gt;^@\xc5\xae\x85C\x14\xf3}\x87\xf4H\xb6&amp;9\xd9P3\xe8P"Ym\xe5'</t>
  </si>
  <si>
    <t>b"/K\x1f\xd6%\xc0\x84\xd9\xd5\\\xd5\xba\xa7P\x16\x8akQy\xd0o\x1el!j'\xe3z$6h\x9e"</t>
  </si>
  <si>
    <t>b'w\x93J\x99F\xa4\xbe\xe7\xcb\xe8\x96o\xf3k\x8c\xd5\xb2\n6\x1f\x91&lt;\xe9\x011\xea\x89.\xd2\xf5\xbe\xe1'</t>
  </si>
  <si>
    <t>b'W\x80\x0e\xd3Z\xa5?\xd9\x14\xd2\xc30\xd2\xf1\x18@\xfb\xd7X&gt;R)k\xcaX\xb7n\x8b\x1c\x1b\xd0\x0f'</t>
  </si>
  <si>
    <t>b"\xc6u\xa3\xa46 \x92\xaf?\xca^I\x1cW\xa2'\x13&amp;Ks\x98\xec&lt;\xbbl\xbe\xbf8Q\x05\xfd\xb8"</t>
  </si>
  <si>
    <t>b'\x0f\xc1L\xb84\x80\xb0\xeb\xa4\xadh)\x07&amp;5\x06\xe3\xe0z-\xdbH\x9e&lt;\xa0\\)\x8dU\xc0d\x15'</t>
  </si>
  <si>
    <t>b"%\x04^O\xad\x8d\x19\xee\x9c\n\x06L\xbcu\x91\x9f\xdeC\x92\xe9\xca\xdf\xe3\x90\xa4\x96O\xf2'\xf7\x97\xfc"</t>
  </si>
  <si>
    <t>b"\xc2GU\x96\xca\x11\xc8W\x15\xbf\xca\xe3\xfe\xa4}\x91\x12!\x86\xfd\x82\x8b^s6~\xe6\xa7\x84\x8a'\xe6"</t>
  </si>
  <si>
    <t>b'\xd8\xa9/8\x02\x87%q\x8b=Lr\x17\x86\xfb\x80\x1a\xae\x0e\xe0\x17z\xe3\x80E~\xe3L\x8b\x07\x82\x97'</t>
  </si>
  <si>
    <t>b'm\xbe\xf7R\x90\xd0\xc1S\xcd\xdb\x8f\xdd\xb57\xd3\xb9F#\x138\x1a\xfb\xe7VI\xb4\x12\xd7w\xcbZP'</t>
  </si>
  <si>
    <t>b' \x08\xb6)9\x82\xf2\xdc1|\x92\xff\xe5\x13\x10f\xb5j\x00\x04\x9b\x83\xb2\xa9\x17\x9a\xf7\\\x86d\x82\xc9'</t>
  </si>
  <si>
    <t>b'\t\x9b%1vq\x97\xfdK\xbc\xef\xf3\x87\xef{\xe3W\x9d\x81-\x15u\x87\x950R\xd7c\xa4\xb4]\xba'</t>
  </si>
  <si>
    <t>b'\x13\xb4\xf6&gt;"a\xdc.]Z\xcd\xb6\xd1I\xdd\xaeYY\xd74\x8f\xf1Y\xc9&gt;d\xc6\xd4\xa0\xb6\x16\x7f'</t>
  </si>
  <si>
    <t>b"7\xaf\xf5AK\xe8j\x821?f\xba(T\x04\x8a\xe1hR\xa8\xd6U\xe0\xe4N\xcd\xf81'R\xd4\x16"</t>
  </si>
  <si>
    <t>b'\x16\xae\x1f]\x0fe\x98&lt;\x8f\r\xd1\xad\xd8L\x95@\tp\x02\xae\xc4T\xc1o\t@sQ\xf8u\x7f_'</t>
  </si>
  <si>
    <t>b'5\xae\xe8\xfe\x8a5v\x91\n\xdc9\xac\x05\x83s\x17\xc1\xbfU\xaf\x96\x1e\xacJ\xb5\xc7\xedz\xa8mJ\x95'</t>
  </si>
  <si>
    <t>b'\xeb\x0eH\x9f\xc5!\xafw\x0b\x07\x16\xab0e\x00\x1f=%\x0c\x9d\xda\n\xc5Q\t\x03,\xe9\xee\xb6[E'</t>
  </si>
  <si>
    <t>b'\t\xa7D\xdc\xd4\xc6\xc0\x1e\xe8\x1e\x07J\xc3\x8e\xe2\x7f!V\x0f"\xe0\x8b$\xc91;i\xec\x0e\x12f\xb7'</t>
  </si>
  <si>
    <t>b'\x1d\xa8`\x8b\xf7\xd2+[|\xfa\xb8\xe7vb\xd5d\xd0&lt;\x0b)4\xe5\x8f\x10`\x8c\nc\xdf\x97\xd9+'</t>
  </si>
  <si>
    <t>b'\xa6\xf7\xbd\x9e\x80\xaa\xef_\x05\x8d(\xc6W\xe2E\xb6#-l ?M\xe5\xa4\xdd\xc9eVf~\x88\x83'</t>
  </si>
  <si>
    <t>b'\x84\xe6\xa0\x1aK\x8c\xc4B\x9d\xd3Vl\xffV-\x8a\x17_\xf4\x85\xe7_\x1a\x86e\xd27\xdeRm?q'</t>
  </si>
  <si>
    <t>b'\x8b\x8c\xa9d\x91A\xde0\xdf\x04bWE\xd5{\xca1\xa9I\xc8\xd1\xc5\xad\xdf\xb7\xd5\x91\x1a2\xc0_\x8a'</t>
  </si>
  <si>
    <t>b'1Q\xd2b\x8b\xd5\x10\x05\xcd\x9d\xe5!\x0b\x9fL\x98\xebZ\x0b\xd66\x0bEo\x8eK\x7f\x8f\x95&amp;\x8b='</t>
  </si>
  <si>
    <t>b'\xd7q\xe2\xc52\x02\x8f\x99t\xc5\xc60\x82\xe9U\xe9E\x16\x87\xaf\x1f+\xad\x06x2\x13B%\xa7\xae\xf4'</t>
  </si>
  <si>
    <t>b'&amp;N\x0c\xe8R\xb1o\xa7\xcc,1\xf5\xa9\xcb\xf8\x10g\x198\x14\xde\xb0\xb4\xd4\x03_\x10\x9c\xd3.s\xa9'</t>
  </si>
  <si>
    <t>b'\x88bu\xde\xed\xf3\x1a\xebQ\x99`\xc90\xe8\xcc\xc9\xcbe\xf2\x19Y\xc7\xad\xdb\x05el\xe8\xba\\\x89;'</t>
  </si>
  <si>
    <t>b"\x04J+'\x15\xbax\xf4\xb8\xdfK\xd3\xda\xc9Pk\x83jf(\x91\xea&gt;\x00\xabW\x1cD\x91\xe1\x81\x17"</t>
  </si>
  <si>
    <t>b'\xd0\xd6J\xc14|\x1a\x94x\xee+4#\xc6\x17\x98\xeb+\xa9\xfa\xcb\xd6\x96\xa4=\x80\xc8\xae\xd7\x02(\x98'</t>
  </si>
  <si>
    <t>b'3/\xcbg\xab\xd3\xd6\xc8\xf1+\xdcW+\x1f\xa1U\xa1\xb6\x9dZ\t/\x9f\xc6(\xce\xe5\x10\x19A\x08\xfd'</t>
  </si>
  <si>
    <t>b'@\x85\xf7vK\x1b8\x90\x10\xbe4\x92\xba\x848V\xaf\xcd\x12\xca\xee@\x91!\xd7\xc6\xd7\x9fd\xf3\xa0g'</t>
  </si>
  <si>
    <t>b'\xf8\x19\\OL\x14Tv\xdd@\x9fIH&amp;c8[\xeai\xe1 Y\x1f\x9cE\x06\xbe\x9d\x878\x8eM'</t>
  </si>
  <si>
    <t>b"\xdc'\x8d\x81]\xd7\xd7\xd5a9\xafn\xcc(O\x15=\xd2\x91\xba_\x1b\xbeX4\x7f\xbe\xb0&lt;H'\xd6"</t>
  </si>
  <si>
    <t>b'\xe5}\x1aS\xd6\xd2Y\xaa ?\x120o0\xa8\xeb\xa05l\x1a\xd1H\x05\xa1\xe8\xbc\xd0\x0eDI\x19\xbb'</t>
  </si>
  <si>
    <t>b'Y\xd0\t\xf1\x9c\xb6c7\xe4\xd39\xe19\xfe\x05QD\r\x05ood0\xd1\xa1\xe5\xab\xa5c\x8e\xd8\xf4'</t>
  </si>
  <si>
    <t>b'\x17|\x19"\xe4!\xe2n\xae\xb0F0y\x84h?D\x86\xe6\x87\x90\x8b+\xb2&lt;9n9\x19,iG'</t>
  </si>
  <si>
    <t>b'\x18C\x8b\x8d\xcf\x85\xb9\x18\xe2\xd6\xc6{\xe5\xd7\xa00\xec\xd0\xbe\xb5\xd6L\xa0I4\xaf\x8e\xbf\x0f@%%'</t>
  </si>
  <si>
    <t>b'\x16^9=F\xde\xd1\xda,\xce\xb1\x00\xbb\x0e\xe8"\rxGzE\x10n\x81\x06\xbe\x16\xe50\xd0z\x94'</t>
  </si>
  <si>
    <t>b'\x83;\xd6\x95Q\xd4:\xea\xf78m\xd5\xf7X3\xf3\xd9\x9eV@\x15+\xf7`A\xe3\x87\x96\xc4\x0c\x06d'</t>
  </si>
  <si>
    <t>b'"\x92"\x1bar\x80v9\xdf\xa1\xda\x14]\xab\xf1\xdb\xba\x11\xf1D:\x978C\x13#{8 L\\'</t>
  </si>
  <si>
    <t>b'a7-k@ROd\xe2u\x93\xfb\xff\x99|k\xee\x8e\xd3\xe69M\x15B.\x93C\x9e=\xb3\xac\xa5'</t>
  </si>
  <si>
    <t>b'\xfa\xf9\x80\x13\xd1&gt;\xa8\x1f\xe0\x15\xf6\x1f\xbf\x8dW\xbc\xa7R\x12\xaf\xb2\xd31\x11gt\xa9G\x9d\x81\xf4\xc0'</t>
  </si>
  <si>
    <t>b"\xf6\x9a9'\x16\xac\xf4\xac-\x04\xf0,\xa0\xedd\x0b\xff\xa9\x0e\xd41\xdfaX\xfc\x835 \xac\xf3fz"</t>
  </si>
  <si>
    <t>b'4\xc3\x9f\xc3\xbcmN\xe3\xfa\xaa\xd0\xb8y\x08\xb3\x0c-c;\x9e\xac\xed\xec\xf5\xe0\xc4\x80\x14%\x9bI\xf1'</t>
  </si>
  <si>
    <t>b'\xad\x80\x82}\xc4`.\x11\x02\x83\xd8\x8f\xc7\x1a\xf8\xe8\xc4\xcdC\x0b\xa6Q\x0fTu\xdf\x82\xf1 \x93\xaf\x1f'</t>
  </si>
  <si>
    <t>b'j\x16m\x87V\xd8T-.B\xd7g$\xd1Fb\x1c\xbdl\x18\n1\xb2\x1b\xc9\xc4\x85\xed\xd4\xfc\x0b`'</t>
  </si>
  <si>
    <t>b'\x86g\xde&lt;\x19e\xd7\xc2&amp;\xe1\x15{P#\xbbV\xf0\xf1\x06l-\xb6\x8f\xe5\x18\x0b0\xf7\x17\x00\x0bE'</t>
  </si>
  <si>
    <t>b'0\x0c`.B\x95\xcf\xa5\xd3\x88\x88\xefH(\x91\x8c\xd1\x12\x8f\xa9\xf3\xbe\xbf0\xdd\x1e\xef&amp;As\x17n'</t>
  </si>
  <si>
    <t>b'\xec\xa2\xfd\xf7;\x1f\xd2UZAC\x1f\xf4n\x1e\xb8\xa6@4\x86\xdf\xa7\xf1\nc\x80=\x14\xf6\x17Ml'</t>
  </si>
  <si>
    <t>b'oc\xfd\xc7\t\xe2\xcc\xcee|\xc5\xda\xb3\x1e\x9c\x14\xc0fn6=\xc2f-\x16\x06\x15\xdam$mR'</t>
  </si>
  <si>
    <t>b'&gt;r\x93X\xf5R\xe8\xb6\xd5 \x91\x83\x11\xb0\xd0B^\xad\xe9\xe8\xddr:s\x06[v\x91\xb1vF\xd7'</t>
  </si>
  <si>
    <t>b"\xd9\xe5\xe4k\xdd\xfdz\xeaGL\x92\xb9ke\x02\xd6'\x80\x1e7A\xc3\xa3\x15\x1b\xc1G\x12\xf8\xa0{L"</t>
  </si>
  <si>
    <t>b'K\x84\xaa\x85&gt;\xc0 \x04\xd5\x1e\xf8\xe3A7;\xc6\xdb\x07;\x8f\xb1\xbd\x81B&amp;x\x89\xbc\x0c\x85\xaep'</t>
  </si>
  <si>
    <t>b'\x10\xdc\xa2E&gt;\xf5"i\x85\xa4}\xd5\xb4\x04\x1c/W\x08\xc2|\xe5%s\x1d\xe8\xa7VC@2s\x1f'</t>
  </si>
  <si>
    <t>b'\xa7\x18\xdf\xd0D\xe7\xe3\x00\x83 \xcb\n\xf6\xc3zcnq\x18m\xe1\x8c\x82Ui`HR\x1aHi\xfe'</t>
  </si>
  <si>
    <t>b'\x8e\xa5D\xda\x17\x18\xda\xdd\x9a\xd8\x15w;\x98\xf6\xb4\xa4E\x1f(h\xd5\x8b6\xe48\xd0\x9c\x93\xa4\xce8'</t>
  </si>
  <si>
    <t>b'\x06\x8f-\xd7\xa6\xb4\xac\x8f\xf1\x8a(KS\xda\xa96O\xc8[!\xee\xd0H.8\xb9\xf4\x98\xf1\x06\xcd\xf2'</t>
  </si>
  <si>
    <t>b"C\x88\x04ac0M\\\xfd'\x95O\xe5\x1aV\xf6\xf8\xaa\x00\xd2$Z\r\xe8\x83\xfa6\xeeg\x08\xb4S"</t>
  </si>
  <si>
    <t>b'\x1b1\x9c\x84\xa8\xf0_\x18\xbf\xe6\xca\xb2\x1b\x87H\x89n\xf7-\xdb\xca\x86\xb8\xe3\xc2\x8b\xc0Y&amp;\xf0}\x01'</t>
  </si>
  <si>
    <t>b'\xa6\xef\xcc\x17x\xa1\xedQ\xb9\xb0\xc4e\xd3e\x07r\xa8z\xe6u\xe5qYD\xa4\xe1x\xb9*f\xa4;'</t>
  </si>
  <si>
    <t>b'\xd6p\xe2\xfc\xde\x1b\xa52\xeb\xce\xf9\x1fV)2F\x0e\x93\x11]E-S\x1a{\x1f\t;}\xad\x01='</t>
  </si>
  <si>
    <t>b'+\xf7\xe2\xb6\xe8\xf7l\xe4\xc6H\x9a,V\xddw\xca*r^=\x14\xb7\x80\x163\xebr\x87.\x9d\xd4\xa1'</t>
  </si>
  <si>
    <t>b'\xe1k\xa7\x92x;\xe8K\x95\xea\x03V\x0c\x19\xd2\xe3Q~7P\xef\xdeR\x84\xa5e1{\x81\xd3\x06\x1d'</t>
  </si>
  <si>
    <t>b'\xaey\r\x1f]\xef\x96Z\xfe\x1a\xd7B\nm\xbeY\xba\x98f\xea7\xdd\xeb\xff\x83\xd4\xe0\xfc)\xec\xab='</t>
  </si>
  <si>
    <t>b"h\xb3\x14\xc86'\x92\xf3^xVSn\xc5\x01\x8fa\x91g\xb8\x82\xab\xef4&gt;\x8a\xbe\x89\x8b\x96\xb1\x9a"</t>
  </si>
  <si>
    <t>b'~a\xaa\xd9i\xfb\x83\xd1eKp\xdd\x8d\xbf\x08$\xe3m\xc2\x86\xa3\xabO%P\xee\x1en\\\x9a\xdb\x9c'</t>
  </si>
  <si>
    <t>b'\x0e\x8f\xcdz\xc1!\xc8\x1a!w\x1a\xcb\xbb\x00\xd3\xad\t2\xd2\x04\x90w-\xb7W\xd7\x052\x12\xd4\xe7\xba'</t>
  </si>
  <si>
    <t>b'%\xf7E\xb2\xaa0!\xaa\x97\x1c\x94"\xb3\xc1W\x9a\x06\xef\xcf\xe0P0T\xda\xffb-[\xfc\x00\r\xaf'</t>
  </si>
  <si>
    <t>b'\x04\xad^\x13Zz\x1e\xce\x05\x12\xfb\xb4\xc9rx\xc7\x9e\x19;\xf9k\x0c\x89\xa0\xe4\x99\x9a"?A]\xae'</t>
  </si>
  <si>
    <t>b'#\xbd\xac\x89&lt;\xf9\xbf\x1b\x00\x9b\xd2\xae\x15\x8a\xd6\x9c\xd1i\x90:\x19|\x93\xdc\xbb\xe7\xfd\xfb\xb1jf\xc2'</t>
  </si>
  <si>
    <t>b'&gt;\xaf`\xc2\xb7uS|"\x1c!\'\n\x938b\x19\xda\xdd\xdc\xc7\xb9\x06F\xa7E\xbb-p\xba\xdd\xf3'</t>
  </si>
  <si>
    <t>b'\xd7\x96&amp;\xd1\xcc\xac\x9d70\xd0\x119C0\xd8\xc8\x04\x18\x1c\xfb\x11\xaa;U}fcQ\xa3\xef\r\x1f'</t>
  </si>
  <si>
    <t>b'~\ny2\x060\xc9\x1d6~\xe6\xa6\x14\xaf\xb5\xda%X\xe1w\xf9\x95Y\xf5#\x9c:4\xb3F\x08\x0e'</t>
  </si>
  <si>
    <t>b'\x95\x05\xc0y\xe5\xd0\xc1?\xcali{7\x12\x18jh\xdd_\x04\xa0\xb8\xa8\xbd\xa3dl\x8e\xe8\xc8\xc6\n'</t>
  </si>
  <si>
    <t>b'\xb5J\xe5\xe2\x89\xba\xf8\xce\xcd\xaa\xdb\x1b\xacmwE\xfc\xc0\xc0\x80\xf5\xe7\x9ew#\xa9\x104\xe6\xec\x89\x08'</t>
  </si>
  <si>
    <t>b'\xac\x80\x12\xect\x8d)9\x05\xe6\x19a&lt;\xf6\x820\xad\xe0\xfd\xe2\x01\x10\xa7\xf9\xc7\xec;6\xa6\xe1\xd5c'</t>
  </si>
  <si>
    <t>b'\xda\xd8\xca\x0c\x1c\x85E\xb1\xff\xe0\xcd\x19\xe5O\xcf\xe79\x98\x10\x9c#\xdc\x99\xd9\xd0z\n\x9eC\x89\x17i'</t>
  </si>
  <si>
    <t>b"'w\x87-\xd9\x9ff\xb2\xe3 F\xcf\x06\xd0\xa7l\x01uf\x03Y\xd2\xa0p\x80\xac\x0fJ\xb0L\x1b5"</t>
  </si>
  <si>
    <t>b'\xe4\xbdu\xc6\x8c\xcdi E\xb0v\xf6\xed\x10\xfb]\x88\xda\xf8E\xd2\xe2U\xad\xdczC\x9a~\x0c\xb5T'</t>
  </si>
  <si>
    <t>b"F\x03\xe7'(I\xa3\x1b\x9f\x0f.*\xa7\x15\xc3\x06P\xd3\x91\x80\xb4o\xa7\x88\\\x01\x1b\xb0\xf2^\x99\xb0"</t>
  </si>
  <si>
    <t>b'\xcf-H\x9a\xad\xc2\x1e\xa7\xfb\xd1\xcde-\xb2\x04\x07S\x94"\xed\x1a\xc9\xd08\xbf\xbb?#F\xbb\x92\xb3'</t>
  </si>
  <si>
    <t>b'r\xca\xaeZ\x90\x1aU\xf8\xbf\xe8(\x07{\xdd\x06=\xefm\x95\xe4O\x10\x1dfR\x8c\xd7Q\n\xb4p\x80'</t>
  </si>
  <si>
    <t>b'\x98\xbd}\xc3\xa2\x0f\x93\xc8F\xf0u\x90\xc0\x0b\xdd\xf3\xe8\xa8\xe46\x03_\x92\xad\x9e9G\xacG\x06,\xef'</t>
  </si>
  <si>
    <t>b"\xe6H\x1d\x8d\x86/)e5\xe7q\xb9V\xe7G\xbe\xf9\xef'Jy\xab\x92\xd5\xf9vb\xf7\xba{\x96\xef"</t>
  </si>
  <si>
    <t>b'\x98C\x03\xc98\\\xa8\x1a\xf8\x05\x8c8\xba\xaf\xf1\x7f\x87\x1a&gt;\nO\x1f\xaa\xf1O\xaar@5\x07\x02\xd1'</t>
  </si>
  <si>
    <t>b'e~\xd0\x90e&lt;\xbc\xab\x80\x1b\x9a\x922\xa5\xb0\xdeU\xfa\x9d\xce\xdd\xf8\x1ek\xd2\xack\xb5\xcek\xbaN'</t>
  </si>
  <si>
    <t>b'I\xc1A\xb6\xba\xf8C\xfd\x01\x12Y\xb7\xd7#g\xc8\x9c\x92\xe9\x07x\xb2&gt;\x96oW\x8d &lt;\xde5k'</t>
  </si>
  <si>
    <t>b'\xe3\xc3\xfa\xb8\x9f\x83M9\x8157\xb4\x17\xb8I\xfeOV\xbc\xb6\xeat\x84\xb8\xdd\xb8\xce&amp;7\xf8v\xfb'</t>
  </si>
  <si>
    <t>b'j\xaeLq\xf6\x86\x00a\x02yn\xaa\xe9\xc8\x8a\x80\x0e\x11Z.\xf1v\xfa\x13\xbc\x11^\xeb\xae\xbe\xb2\x1e'</t>
  </si>
  <si>
    <t>b"\x99\xa5d5\xe49CG\x16\x0f\xb7@D\xd7\x88\x82\x9d&gt;\xb6\x1a\x131g~\xca'\xc5E\x14\xa8\xca\x96"</t>
  </si>
  <si>
    <t>b"'E\xc7W\xdc!2\x18C\xcb\x9f\xaf\xa7\x0e.|\x7f5\x85\xf5F\xe4\x8c\xb4&lt;\xf1@\xbdD=\x1f\xf0"</t>
  </si>
  <si>
    <t>b'\x07\x9cfD\x95\xcfr\xebA\xdc\x8euaG\x82\x034\xcb\nb\x11\xbb\xceO\xa2\xcf\xd6enPS\xb2'</t>
  </si>
  <si>
    <t>b']\xe8\x90\x98N\xeb\xfd\xd6\x1f\x05\xd6\xaf\xe4\xad\x93\x8b\xf0\xf1Uv\xbe\x95\xf6%C\x05\xcb\x18\x1a\x84Lb'</t>
  </si>
  <si>
    <t>b'\x0b\x82&amp;\xad\xda\xb5\xfa\xebeD\xbc&gt;\xc3\x1b\xc9\x1c\xdd\xd8\x14\xd3Z\xb9x\x04\xf5$\xd4Uz\xa0\xa4K'</t>
  </si>
  <si>
    <t>b'\x98\xcf\xa7`~\x1dt0H\x04!j\x16\xe7~\xb5\x13\xdeL\x16\xa8E(/\xff&gt;\xb4\x01\xa4GO~'</t>
  </si>
  <si>
    <t>b'\t\xedI\x1a\xbc \xfb\x8a\xbfH\xc8:O\x9a\xb48\xd4,;\x94\xe1\xcb\xe8Z\x80\x03M\x88n\xd5n9'</t>
  </si>
  <si>
    <t>b"!\xb6\x0f\xb1\xa2\x15W\x860R\xe9\xcef\x1b\x98\xf9dH\x85\xa8'Q&lt;\xaaU\xc3\x14\x9c\x9e\xddB\xa5"</t>
  </si>
  <si>
    <t>b'w\x15O\x85\x83\xdaV\x83\x1dM,y\xee\xf9m\xe3\xa8t\xed\x9c,\xef&lt;\xa1\xf2]\x8e\xd4%\x9a\x16#'</t>
  </si>
  <si>
    <t>b'\x1b\xa0\xfd"\x14\xb2\xc8""\xf8\x11[\x1ef\x18Y{z\x04%\x08\x8cSl\xa2\x12\xcbRC\t`O'</t>
  </si>
  <si>
    <t>b'\x85\xac\xca\xf1\r\x8d\xa06\xc9\x893OC5\x90yOht\x06\x8b\xdfC\r$\xf8T$T\x0f\x9d\x90'</t>
  </si>
  <si>
    <t>b'v-9\x7f\xa5\r\xa1\xda3\xa0lm\xe9\xd2\x9a\xf7\x1eu1\x05\x93\xf2\xaa\xde6\x1f\x81\r\x85\x1e\xaci'</t>
  </si>
  <si>
    <t>b'~\xb4i\xd1*r8\x1d\xae\x19\xb5P\x17\xd5\xbe\xb4uM\xf4\x03\xb4\xf9\x1b\xd0W\xb00\r\xc2\xf7\xe0\xa9'</t>
  </si>
  <si>
    <t>b'\n)\xda\xe4E\x1b\x1eq\x9e! e{"6\xb0\xd7\xf0/f\x10\xc6Z\t,gUl\xc7q/q'</t>
  </si>
  <si>
    <t>b':\xff\x951\xc2k\xcb\x9e\xcdW\x1c\x93#\x00\xb2\x13\x14S\xa8\xc6\xd6M\x9f\x13NiX8\xd8\xec1\xf0'</t>
  </si>
  <si>
    <t>b'\xa0$\x0b$\x97\xc4\x91-\xc0\r4M\x06u\xc9#c&amp;{\xa5\xa2\xba\xc9N\xda\xdb\x1b\xf6\x82\xb3\xb2\xb4'</t>
  </si>
  <si>
    <t>b'\x8dxjW\xd99xU\xbb\x07T\x03x\x90\xe5\x99\x1c\x7f$\xe8\xee\x99\xd0\xfe0=\xc0\xa4\x88=\x0c\xc8'</t>
  </si>
  <si>
    <t>b'!~\x08?a\x07n\xf4\x17S\x08\xa4C\xd7\xf1\xf3\x80%\xdau\x94`o\xd1\xf4/\x04P-;\x1f '</t>
  </si>
  <si>
    <t>b"\xeb`}\xf0vO\xc8a\xc7\x13\xba\xe9+\x89G\xd3'&lt;\xdfE\x81\xef\xa6uL\x0e\xc3n}h\xb8\xe7"</t>
  </si>
  <si>
    <t>b'\xa4\x99 [`\xe7\x90\xad(^\xa8\x88\x8c\x9b\xcdQ\xce\x1b\x07V\x19\xe3\xe1\x1eh9g[!RV\xe6'</t>
  </si>
  <si>
    <t>b'\xb0\x9e;\xd6A^\xeb"&amp;\x08\xc3_\x91\x18\x1c\x99\x0e\x1a\xc3C1X\xde\x10\xd43\xf3\x93\xb77[\xe3'</t>
  </si>
  <si>
    <t>b'\xb8\xc3a\xd3\xd4a!\xce\x1e\x1e\x15\x8a\xd7O\xb6*\xdb\x84P\xca\x11k\x0fcU&gt;\xdd\xf4\xa1\x97=\xdd'</t>
  </si>
  <si>
    <t>b'\xcf\x84\xa9\x1d\xff\xf2\x97V\x81\x11\x9b\xea\xa8\x179\xf6B&lt;&amp;4ze\xf3\xedE\xc5\x87S\xf4"\xad\x8f'</t>
  </si>
  <si>
    <t>b'G\x1ad\xe8\x92!\xbbcxI"+\x897\xb7\xablQ7\\\xe0\xaa\x90\xeeA\x10Cp\x82d\xc2\xf4'</t>
  </si>
  <si>
    <t>b"-6\xf5\xfe\x85\x06q\xbf'\xb6&amp;Ea\xc3G\xe6\xc6Rr\xb4`\xae\x91\xd0c\xba\x9c\xdf\x8d/QN"</t>
  </si>
  <si>
    <t>b'\x1d2\xe8\xbd\xeayS\x02l\xce\xb41\xba/H\xbf 4\xa3\x02\xba\xb5\xe0\xd8I\xa5\xdfJ\xf0\xaa\xdd5'</t>
  </si>
  <si>
    <t>b'C\x8f_\x81@ti\xe1\xf3\xb8!=\xc8\x15\xe5\xb7-\xa1\xd9\xfc*[\x87p@\xe0%\xf4\x16\xe4\xf4\x81'</t>
  </si>
  <si>
    <t>b'V:\xd5\xe4\xebCbH\xf2e\xe1\x17u\t\x936\xdf\x06\x1dX\x89\xaa\x06%j\xd4\r\xf7\x15\xd6l\xa7'</t>
  </si>
  <si>
    <t>b'\xd8\xbb3\x0e\x06u\xdeS[\xa7r\x7fO|\x12\xeeK\xbbP&lt;bc\xc3\x91\xd3\xb6\xa9\xaa\xd3\xe1W\xd5'</t>
  </si>
  <si>
    <t>b'\x1d\xa8\xb4!\xcdC\xb1I\xa1//%\x80\x93\x81\x91\xd8SjZ\xa9\xa9\xaa!d\x83\xe1\x92$\xfc*\xbf'</t>
  </si>
  <si>
    <t>b'K,\x16T\xf9\x01\x0e\xd9c\xc3\xd0\x9fYD[\xb2k\xae1\xfd \x93x\xee:\x17\x10\xeb\xb0\xa6U\x07'</t>
  </si>
  <si>
    <t>b'\xc9C\x97z\x18V\x87\xd9\xa1Ht`\xff\x87#\x16i\xdc\ru\xe2_\xf1&lt;\xd4VL\x9f\xf0&gt;\xd8\x11'</t>
  </si>
  <si>
    <t>b"\x1ej\xeaR\x14\x12\xc7\xe7n\xfe\x0es,\x9f1%&gt;t\x81\x07*\xc8't\xd2p2\tP\x82/Z"</t>
  </si>
  <si>
    <t>b'\x9c\xfc\xf2\xde\x99\x91\x1d\xc1\x0b\xf9=\x9b8\xa1\x82\x9bD\x91E\xe7x4Q\x82\x7f\x97?\x87&amp;\xde\x89\xbf'</t>
  </si>
  <si>
    <t>b'\x1e\xf7\x06 \xb4\xf4\xbcI\xe0z\x17\x8de\xb7\xbcn\xb2\xf3\xf7\xac/\x87/Z\r\xfd\xe28\xa5\xa7\x8b\xf4'</t>
  </si>
  <si>
    <t>b'\xcd}\xb0\x00\xc9\xee\xf8\x0cX\'7\x15\x03"\x94\xc4\xcd\x06\x15v\xf3DO&amp;~\t\x98:\xf1s*j'</t>
  </si>
  <si>
    <t>b'\xc4\xd2{\x9a\xbd\x00*\x8c1\x1cR5\xcf?`\x84\xb4\x88\xe1\n?\xe23\x0b\xe9(\x9e\xed\x8b\xaf\xd6J'</t>
  </si>
  <si>
    <t>b'\xe4\xf5VB)\xdf\xd8\xc5\x18\xcf\x11\xf1\x94&gt;i&gt;QLY\xe4\x95\xb7\xd6\xb6}n\xe2\xfb5 \x1e\xab'</t>
  </si>
  <si>
    <t>b'\xfa\xd7\x0e\xe7\xf0\x13\x025\x9am\xf7\x12\x11/L\xac+\xe6t%s-&lt;\xadA4\x13&lt;\xb9\x99a\x07'</t>
  </si>
  <si>
    <t>b'\xc7\x9f\xd2\xd2&gt;\x99\xd0\xde\xa6\xdcK\xab\x99m\x06\xfe\x0b\xf2H\xd6!\xf8\xb3\xc0`\x8b\xb7(\xa3W\xbe\xc8'</t>
  </si>
  <si>
    <t>b'\x0ejE\x1d\xeejo\xecq\x87\xe4n\xd9\xc99\xc1m]l\xddG\xa9*ne\xb7C\x08\xc5\xec\x1b\x14'</t>
  </si>
  <si>
    <t>b'=J\xe1\xa4\xafz\xae\xa0\xf0O\x1aoarRr\x08\xa2q\xd9\x97`y\x07\xb1\x13B\xd5\xb6\x9cu\xd4'</t>
  </si>
  <si>
    <t>b'\xeac\xf2\xd3\xa9\x1e\xcc*\x1e\x8c2a\x92S\x1d\xbb\xd1\xa8z{\x00\x0b\xff\xe4\xeep\xd6i\x0cO\r\xfe'</t>
  </si>
  <si>
    <t>b'/\xde\x86\x16SZ\x88\x1c\xa3\x0c\xbc\xa1s\xd4s\xed\xc6\xf3)V\xf4~\xe1\x18\x1bGt\x10m\x94\xb3|'</t>
  </si>
  <si>
    <t>b'\n\xbe\xde\x88\xe4\x86t\x18*\x8f\x94A\x7f\xb8\x17(\x1e\x18x\x01]*r\x18`\xb3\xe7\xf3\xff\xd8\xef$'</t>
  </si>
  <si>
    <t>b'\x7f\x83IrQE\xcaO-G@E`\xee\xacj\x89\xb8{\xdd\xce\xe7?Wt\xb6\xee\x06\xc8k\xe9p'</t>
  </si>
  <si>
    <t>b"=\x7f@\x03\x81\xd6/\x03\x18!\x15\xfe]%+H\xe7'\x8a\xca\xb0\xac\xd8\xfb&amp;\xe5(+-\xe0\xe8\xa6"</t>
  </si>
  <si>
    <t>b'\x9d\xdb9\xa92t\xbd\x95O\x8at\ro\x90\xd9\xfa\xff\xa5[]\xe5\x16\xf6\x11\xba*\x9e\xc1\xb9\xcaKW'</t>
  </si>
  <si>
    <t>b'o\x00q\x95.\xd2\xa3\x87d\x98^\xb7y|\xff\xa4\xc0\xab\x99\x14u\xc9\x96\x80\xcf\xd8\xb0\xdf\x80\xaa\r\xda'</t>
  </si>
  <si>
    <t>b'b\xfa\xc2\xb9\xdf;&amp;M~\xceX\xaa\xd6\xaa=\x95\xe9\xc1E\xe5.\x10D\x80\xc8zc\x0f\x81_\xd5\xd7'</t>
  </si>
  <si>
    <t>b'\xbc8\tU\x95\xc3\xae\xf01\xbd\x00\xc0\x04\xe2\x05\xe2h\xde\xc4\xc3\x0b\x89\x94u\xaa\x00\xcf\xf4\xc6\x05\xf0u'</t>
  </si>
  <si>
    <t>b"'`?\x9c\xb0/\x1dg\xb9,2MC\x81k\xe8ACq\x96M\x18\t\xdbI5M\xd0\xea\xcc\xec\xe3"</t>
  </si>
  <si>
    <t>b'\x8a\xc0.\xbb\x85\x8e\xb5\x94\x02%\x18.\n\xa9=o\xf5\xc0\xe4\x8cUW qW\xb3\xa9P\x01y\xd9\x99'</t>
  </si>
  <si>
    <t>b'\xbf\xc7O\xd8K\xd4\xfb\xbf\xdaw\x0c\xff9\x9d\x08\xa5\xeb\x10I\xe7E\x80`r-vu&lt;YL\xbb\x9f'</t>
  </si>
  <si>
    <t>b'\x88A\x97&amp;\xce;\xfap\xa2\xdd\x95\x1f\x1f\x84\xf1\x89\x80\xa9\x8b\n\x90h\x9bdK\x8c\xbe\xbb\x1b\nt\xa7'</t>
  </si>
  <si>
    <t>b'\xbe(\xd0\xfc\x9e\x80\xf5\xb0;&lt;\x06#/8\xd3N+\xa7\x81\xf42K{p\x90\xa2\xdb\xe2Q\xca\x8a+'</t>
  </si>
  <si>
    <t>b')\xfdf\xdf\xb7\xacL\x89\x86zs\xa2\xf5\xa3+{"p\xfeK\xd8\xd7\x07\xd0Dk\x99z\xd9\xbbe\xfc'</t>
  </si>
  <si>
    <t>b'\xbd\x14\x80U\x827G\x17\x87\xf87Kb=\xdb,\x92\xf8N3\xacM\xbf\xfa|\xd2\xd9\xc2`\x0e\x87\xc0'</t>
  </si>
  <si>
    <t>b"\x0f\xa1\xa0-@\xc4\xce\xb6\xed\t\xf7\xa9\xfa\x1b\x80'\x13DR;\x14\xe3\xdaM\x13h\xd7y\xc1f\xde\xbf"</t>
  </si>
  <si>
    <t>b'HJL\xa0d\x0c\xb1\xef\xe3\x8b\xffQ\xe2B\xc4\xec\xed\xb5"w\xc7\xe3\xaf\xf9\xe4\xc6\x84\n\x14\x87mg'</t>
  </si>
  <si>
    <t>b'\xfe\x03l@y\xf1\xc8P\n\xd4\xee\xf1Y\x04\xaag\x0eREg\xdc\xcb\xeard\xcbQm:\x15Y\x16'</t>
  </si>
  <si>
    <t>b'\xe1\xd3Ss\xd0:\x08\xbe\xc6\x08\xc1\xab\x12\xedZ8\x9b\xde%SL\xb1\xbf\xfb\xa1\xd1\x05\r\x1d\xa2\xc8\xad'</t>
  </si>
  <si>
    <t>b'ZT\x94\xffz:~w61r\xb4[\xfc\xb7\xaev`\xbd\x9640!\xf6\x8b\x1d&lt;\xa8\x00\xe3\x12\x10'</t>
  </si>
  <si>
    <t>b'?#\x01H\x81g}\x970\xa3\xfb\\q\x8c\x9b\x14~\xdf`@\xa3\xa3\x98\x14\xba@e\x181\xc3\xde\xaf'</t>
  </si>
  <si>
    <t>b'\x9ebl\xa7\xf0$\x91\xea\x9a\x8e\xc8Jb[\x12V$}\xf0\xe62\x08[~\x8d\xb99C\x17r\xd9\x16'</t>
  </si>
  <si>
    <t>b'{]\ni\x95\xe6^gX[\xb7\xef\x99\xe2\xf6o\xeb\t\x9a%p\x06\xf92z/\x86N\xdc\xfd\x9a]'</t>
  </si>
  <si>
    <t>b'\xef\xae3\x11E\\)\x1b\x89\xac^\xce\xc8S_\xd8\xdb!\xffZ\x92\x83\xd14\x04\xc3\xd3A\xb47S+'</t>
  </si>
  <si>
    <t>b'\xea7\x06\xdf0n\xdb\xbd\x98\xc6\xba\xe9\xa8\xfb\xa6E\x7f\x13\xe3EsW\xab\x8a\xc6\xb8\x99\xb0\x87A\x01\xb1'</t>
  </si>
  <si>
    <t>b"D\xd8!\x9f\xa1\xf8]\xaa\xe0\xe0\x81$\xa2\xcd\xc1\x1b\xf66'%-\xf6HW\xcc\xb6\xe6\xab\xbae\xefA"</t>
  </si>
  <si>
    <t>b'\xec\xa2\xbeG\x17\xd3\x8e:\x8b#C3\x03\xe5\xc3\xa2\xb5\xbb\xae\xc6\x1c\xdb\x1f\xe1\xd10C\xb75~\xb8\x1d'</t>
  </si>
  <si>
    <t>b'-%(r\xcb\xd8t?\\\xbeuI@\xd1k\x8e\x18j@S\x92\x1b\xe3\x85\xdaw\x18\x15\xbd2\xacS'</t>
  </si>
  <si>
    <t>b'\r\x1a\xb3\xd4\x14%\x97\x0b\x91\xddt\x99\x83\xd63h\xfc\xfaQmPQm6`c\x1a:d\xed\xb0V'</t>
  </si>
  <si>
    <t>b'c\x97B\x9fH\x18\xe5%\x94\xbb\x9a\xf3\x93\xdcN\xc2\x85\xef\xcd\x84F\x08\xee\xdbG\x9a\xa9\x81\x11J\xc8p'</t>
  </si>
  <si>
    <t>b'&amp;\xbb8\x8f\x1eB"\x93\xbcG\xd7\x8e\x9f\x08\xb3\xcb\xe96\x11\x99\x93\xc7\x9c\x1fA\x9c`\xa4\xab\x1c\xd3\xf1'</t>
  </si>
  <si>
    <t>b'\xbby\xb8\xd4\xcd\x81\xfdbj\x97\x94\x1ep\xd3\xd3\xe0]\xf3r\xef\x18\x8f\xee\xdc\x06q\xaa\x8dPceC'</t>
  </si>
  <si>
    <t>b'\xdd\xe6I\x01\xa3\xb1\xbc\xb5&gt;\xe4\x14\x96t\x95\xb8\xd0o6\xd2\xc9R\x06b\xb8\xca\xae\x8c\xaf\x01\x15\x0c\xce'</t>
  </si>
  <si>
    <t>b'\x0b\xcc:]\xb1`\xad\xd2r\xd2\x10\xf3\xd1\x15\xb6L\xb8\xc1\xb01[\xe7\xe5\x05x_E\x99\x00\xf0T{'</t>
  </si>
  <si>
    <t>b'\xe8\xfaWH\xf6\x9aD\xb1\xde\xfcU\xd6\xd1\x92\xba\xb1\xc3KGLu \x04\x99n&gt;M\xf1\xc2\xc8\xda\x19'</t>
  </si>
  <si>
    <t>b'\xbb\xe6i\xb5\xbf=l\xeb\x1c\xd0- \x8dy\xeb\x91|\x96\xc4\x81\x89\xc6\xfaX\xab~lX\xf9\xfa\xd8z'</t>
  </si>
  <si>
    <t>b'`V\xde\x10\xf4V\xb3\xfe\xf5t0\x88@\xd5\xd8\x9f3\n\xf0]Rm\\\xaaJd\xa1K\xe1\x11^\xb3'</t>
  </si>
  <si>
    <t>b"\xa2x#\x14\x90\xd3\xad\xf4\xfd;\x92\x8e\x87'\x0e^\xbd,k\x18o\xd5#\xcb\xf9\xa5I\x8fmw\xa8\x90"</t>
  </si>
  <si>
    <t>b'bn1\xa7\xf79\x7f\x1b\x91\xf2aD\xd5\xc6\xb6*\xd7\xb8(4\xa4\xf5\xda\x0f\x93n\xcc\xd0:\x08\xca.'</t>
  </si>
  <si>
    <t>b'b4t&amp;\x84\xf8\xa8w\xef$\xedtO\xafu\xaf\xd7\x10B;t\xcd\x98\x19\xcb\x04\xe4\x85b\xe2\xe5}'</t>
  </si>
  <si>
    <t>b'\xce\xb4\xfbL\xee\xbb\x17\x8b\xe3\xe5\xe1\x8a8\xe9*\x9b\x83(\xe2\x15C\xac\xf0\xc6R@O\xd0b\x89_#'</t>
  </si>
  <si>
    <t>b'p/\xce\xd7{R\xfa2\xd2{\x91\xca\x89\t\xe3\x9d.\xb7\xf6\xa8\x1d\xe9E`\xdch\xb2_\xdc\xeb\x1b\xa2'</t>
  </si>
  <si>
    <t>b'\xef\xe9\xb0:\xa8\xb1%L\xd9W\xde\xba\x13g\xea\xfcw\xd2\xfa\x91X\xf9A\xbe,\x83\xa6\xf0\xfa\\\xdc\x1b'</t>
  </si>
  <si>
    <t>b'\xae\xc3.\x05w\x9b_\x85\xeb\xc9\xad\xb8\xcc\xfe ,L^~E\xc6+\xa8(J\x85\x94\x90\x98\x17\xc1l'</t>
  </si>
  <si>
    <t>b'\x07Q\xdc\xcb\xf9H\xf8\nI8\xe7\nS\xfb\xb6\x04.,\x8b8\xcb\xd4nmo\xb0\r\x06M\x9d\xeeM'</t>
  </si>
  <si>
    <t>b'\x11\xf7\xe5UH\xbe\xf01\xd0\xf3E\xb8\x94\xd5Zq\xaf\xaaFJ\xe5\r\xaeT\x00\xb4{]n\r\xb73'</t>
  </si>
  <si>
    <t>b'P=\xbc\xa2A\xdf\xba\xa2\xcf\xf5\xbc\x11W\xed\xc9A\xd6\x9a;\xc5\x10\x8b_Q\x06\x11R\xces\xdb\xbb\xa5'</t>
  </si>
  <si>
    <t>b'\xb4\x8e\xdb\xf5&gt;\x89\xb8=|^-\x8bN\x06N#\x87\x04=\x85s\x91\xe8s\xac\xfaF[\xd9w\xe6\xd4'</t>
  </si>
  <si>
    <t>b'|\x82\xe8r\x1f{7\x0f\xf4u\xff\xcemN&gt;\x89R\xeb"w\xe4\xb6s)M#\x04\x0c\x10\xd9\xea\x85'</t>
  </si>
  <si>
    <t>b'\x1b\xa7\xf2\xb3\xe9J\xf6\x85\xed\x18\xa8\x1a\xfeH\xa5\xe0)\xc2\xff\xb9\x1e=?\x1e\x9f\xd1\x01\xf9\r\xc2\x92\\'</t>
  </si>
  <si>
    <t>b'\xcd\xe0O\x81\x19.\xd8\xe48\xd2\xc9\xd7\xd6\xdap2T\xa6\x89\xcc-!C\xdfY\x0f\xd5\xb7\xfc\xf6y\xfe'</t>
  </si>
  <si>
    <t>b'\x82\x02|\x8c)\xa5\x0f\xfagb\xb6\xd3\xadS\x0c\x8f\xa4\x08\x994\x80\xe3ej\xa1O\xb1D\x93\xc1;\x98'</t>
  </si>
  <si>
    <t>b'R]W\x890\xdc\xe6\xaal\xf0q\xdd\xf9\xf2#\x8e\xce\xafp)\xa8\xfe\x80qpW\xc1\xbe\xef\xf4Fx'</t>
  </si>
  <si>
    <t>b'\x1d\xbb%D\xe3\xdft\xfa\r\xe6\x88\xaf\xe5\xd6\x0c\xa6\xc4&amp;\rN"\xfc\x01z\xd2 $\x1d\x0fO\xc64'</t>
  </si>
  <si>
    <t>b'\x04\xe8\xba\xed|\xad\x83\xd3\xb4\x90\x99\x9cS~\xe0\xea2\x10\xc7\x9f\x93\xa8\xe8\xfey\xb3\xa1R\xf0\xba\xda#'</t>
  </si>
  <si>
    <t>b't\x8d\xa9H\x1b3\x038G\xe7\xfc\xf6\xb9z\x03V@u`\x96&amp;\x07\xec\xcc\xfcr\x98\xaa\x17\xe2\xea\xca'</t>
  </si>
  <si>
    <t>b'j,\xff\xca\xfe\x7f\xd6\x02\xed\x8d\xba+w\xee\x14~\xb1G+\xa5\xd5\x8d\x84(\xf8.?\x01Hn3\xe9'</t>
  </si>
  <si>
    <t>b'sf DEk\x14\x0f\xab\x92\x93n6\xc0\x85\x1f\x11\x1c}\x81\xf5\x01\xe8dS\xa0\xd6\xb1T\t.\xf9'</t>
  </si>
  <si>
    <t>b'\x15\x96\x91\x91\x15\xe5\xff\xb4\xfe\xd7\xc0\x02t\xc9\xaa4\xf7\xea\xd40\xbc\xb6\xeb\x82\xdc\x12\x18\x8403YR'</t>
  </si>
  <si>
    <t>b"'\x9f\xd3t~\xb604\xed\xf6\x88\xaf\x81\x15\x98\xb2\x9e\xb1&amp;\xc9\x15\x12]q\xa4\xcf\xb8\xea \xd8\xfb\x8d"</t>
  </si>
  <si>
    <t>b'y\x18\x89\x9a\xe2\x1b\x84\xf6\xa2|\x18\x1c\x8fkH\xf1*!\xbe-\x0b\n\x87!q\xbbuE\xea\xdb\xee\xc7'</t>
  </si>
  <si>
    <t>b'!\x05\xd1\xb4f\xaek\x98\xbe\x9dH\x80\x06\x96\x1a\x97\xa1\xc8n\x964\x94oq\x9b\xbf\x8ep4\xc4T\xa6'</t>
  </si>
  <si>
    <t>b'\xb2\xc3\xb8c\xeb/:\xa5\xcej\xa75%\x9b\xcf5t\x92{\x92\xa9\xed\n[;L\x1d\x10\xab\xbb\xdc`'</t>
  </si>
  <si>
    <t>b'\x7f\x13\xb1\xe5\xde\xdb\xb7x\x97C5\xb1\x9c\xde\x01\xd8n\x988\xdb\x84\xae\x1d\x95y\xc8\xbb+K\x0c\xb3\x14'</t>
  </si>
  <si>
    <t>b'\x86\x9c\x12\xc2WzL\x91\x1a\xd9\x14_\x0c60\x11i&gt;\xed*n\xb5\xa1z\n\xb3\xb1\x9a\xe7\xfd\x80&lt;'</t>
  </si>
  <si>
    <t>b'\xc3|i\x15\xb2\x07\xeck\x14\x00\x97B\xd6\xf8\x9a\x90\x1b\nvZ\xd2\xe5u\x11\xa8\xccC\xcar\n\xe3('</t>
  </si>
  <si>
    <t>b'\x9f\xed\x97,\x1ej]T\x08$K\xacq#v\x8a*\xf9V\xab_\xcdKG\x085\x95\xde\xa3\xba\x8b\\'</t>
  </si>
  <si>
    <t>b'\x0c\xda\xbbme\xa3\x04\xc5r\xb8\xa7~\xb7)p\xaf\x11b\x94\x93Rs\x7f\xa1\x01\xc0c\x87\xa0\xf3\x9a\xea'</t>
  </si>
  <si>
    <t>b'\xb9\xfe)E\xb9\xb4\xb6\x9b8\tz\xfc\x9e\x97\xfa+4\xf1\x8b\\\x95\x12\x8a\xa2R\xd9\xc7:\xd7v\x81\x98'</t>
  </si>
  <si>
    <t>b'\x16\xb6\xc4W\tx\xac\xed^\xfe\xf3\x8a\xe9\x18\x91\xaa\xeb\x94j\xee\x87\xeb=\xfe"\x87\xc8h[\xdcc~'</t>
  </si>
  <si>
    <t>b'\x88\xd1\x0f\xcd\x0b\xac\xa6\xf1\x17!mQ\xa5\x11\xca\x11\x0b^%\x81\x1d\xeb\x94\x7f\xef\x89\xfcH\xf1\x07\xdc\xbf'</t>
  </si>
  <si>
    <t>b'hP\xb0\x8b@\x19\x0ew2\xdc\xd3\xbb\xc1\x81\xfd\xdf;_\xef\xd0\x8c\xb61\\7\xbd=\n\rb_S'</t>
  </si>
  <si>
    <t>b"3M\xd2G\xc5\ryA\xe6'\xaav\xce\xb5X\x95\x07/\xa4\xe8\x052X\x9c;en\xbax\xe6\xce["</t>
  </si>
  <si>
    <t>b'\xc4\x17H\xcd\x91\x125\xadG*-\x13K5\r7\xcc\xe8W!rx\x89Z\x14:\xbe\xf3\x05\xb0\x90\xb7'</t>
  </si>
  <si>
    <t>b'Y\xb4\xd2\x88\xde\xf2\xcd\xc6\xb7\xcd\xd7\x126yk\xc1\x87\x91\x98\x18\xe2Y\xc5\xdf\xf5o\x05\xf0&gt;(a\xc4'</t>
  </si>
  <si>
    <t>b'"\xba\x9c\xf8\xdb\x07\xba\xc5cU\x1d\x05\xf5#*H\xfc\x06\x7f/\xab\xafZN\xe6\x92\x8e\x9ed\xf9\x80P'</t>
  </si>
  <si>
    <t>b'.\xed\n\xbdT\xef_m\xd7\xfd\xd6\x08|f\xdaV\x19\x08+TX7\x8f\x95\xb0\x03\xf2\xfc*~\x92W'</t>
  </si>
  <si>
    <t>b's\x9d\x92\x02?\xb3~\xd9\xff\xa87\x99\xf2g\x8a\xcd\x05\xa1\x94"\xbf\xc46E\xae&amp;\x99\x14f\x85\xd5\x86'</t>
  </si>
  <si>
    <t>b'\x83\t\xc0~\x00\xd9$FHN\x10G~v\xd9\xba\x84X\xd5\x8c\xf9N\xd4\x87\x9d\xdfd&lt;\xe8\x07,\x9c'</t>
  </si>
  <si>
    <t>b'(]\x06\xef|\r\x8d\xc8\x8f\x94\x0e\xec\xeb\xb0\xc8\x8c\xe8\xbe\x8b\xf69\x80\x1d7\xf2g\xef}\x1c\xc5%T'</t>
  </si>
  <si>
    <t>b'\xc2\xd2l&amp;[\x99\x873\xbb\xdb\x1c\xb6\xb7 q\x90&gt;\xb0k"\xc3\xa4\xb8\xfe\xb0Dd\x14\xe5\xdd\x82\xb8'</t>
  </si>
  <si>
    <t>b'|Ud\x10\xc6oe\x03\xb5\xab\x0e!\xb6\xbe\xca\x83\x9a\xf7;}9\x90$\xbe\xa05\x9e\xbc6\x10\xadg'</t>
  </si>
  <si>
    <t>b'+\xb9{\xe1\x9f\x15 \x07\xee\xea8\x15\xd0\xfb\xda\xaf\xf7\x80\x97\x9e\x9f\xc6\xd9-\xf6\x8d\xb1@\x05j\x8cw'</t>
  </si>
  <si>
    <t>b',[z+\x8fdg\xad\x89\x7f,\xf6\xfd\x90\x7f\xff\xae\x06\x7f\x85`\xcdP}\xfd\x81\xd4\x0b\x84\xe7\xb1Q'</t>
  </si>
  <si>
    <t>b'd\n\x17&gt;h-\x98\x96\xabl\x99\xfe\x08\x80\x9a\x89N;\xdcZ&lt;C`H~\x80r:Z|\xba\xd8'</t>
  </si>
  <si>
    <t>b'\xdbC\xc3gSb\xc0\x0eJ\xaa\xbe\xcd\xa4F\x1dM\x9b\x14\x93m\x14\xd0\xd9a\x1b\xe14 4\x00\xb0\t'</t>
  </si>
  <si>
    <t>b'\xbe|\x89\xce2j\x85\x00"!\xbeu\r\xab\xd8Y\xf4~\xdd\xa6^\nC%\xd6f\xba?\x14^\xca\xe3'</t>
  </si>
  <si>
    <t>b'\xceV-`\xc6\x86L\xc1\xc8\x08\x98\x7f(\xa8\xa5\xd5\xbc\x12\xb4q3\xb1\xe6\x0c\x80\xd69\x1ah\xe3\xbbc'</t>
  </si>
  <si>
    <t>b'\xe0\xdf\xe2\x9cYX^/\xda\xf4L*|h\xbfwh\x1f\x1d\xae\x9d\x8a1\x87]3\xadG\xf8o8c'</t>
  </si>
  <si>
    <t>b'\x11\xca\xd8\xfb\xf3v\xb6)\xc35~\xfe\xe7\xc8\x8f2\xe6\xbe\xaa\x10\xd4\xb3\xaaqL(\x01\xdf\x13U#\xc3'</t>
  </si>
  <si>
    <t>b'\x10\xbe}]\xdbd6PD\x04?\xf5\x16Wt\xa6 \xf9q\x118\x9b\x10q\rD\xfdHcB\x03\x1c'</t>
  </si>
  <si>
    <t>b"\xa6\xe1\xd8m\x85\xcb\xaa\xf3\xba8t\xb07\xf2\xec\xb5\xcfT'\xf8\x98\xf7\x03\xc2\\\xe1\xbd\x0b\xa9\xbb\xfd\x0c"</t>
  </si>
  <si>
    <t>b'z\xf0){\xec\xd9D\xab\x1d\x08\xbcf\x13\x82\xe2\x14 9\xdd\x9f\xfe\x0f Sb\x1c\xe5\xac\xc9\x94W\x14'</t>
  </si>
  <si>
    <t>b"\xd87\x1a\x1f\x1c\xb3\xd9Zr'\x16#\xd0\xd8uf\xe9\xa8\xfb\x1d\xa3q\x99\x14\x93\xda\x02z\xdb7\xb5\xda"</t>
  </si>
  <si>
    <t>b'\x8dG\xf6\xee\x95\xbb\xef-$\x91U\xadk\x89l_\xfeZ\xe1\xe8\xe5\xb9\xac79%\x14\x1dS\xb2~\x8c'</t>
  </si>
  <si>
    <t>b'\x06}H\x93o0\x8b\xb7x\xcf\xefo\xad\x9es\xf6\x86\xd0\xbd\xd4W\xc1\x170\x17\x7f\x05\x13\x1f\xd2\x03"'</t>
  </si>
  <si>
    <t>b'\xccH\xb9n%pg\x1eaL/K\xd9wZf1\xdc\xe3i\xcc@A\xb2:\\\x17\xbdO{#c'</t>
  </si>
  <si>
    <t>b'\xf0/\xa9\xbb\xe4\xca-\xc95\xd79Wq!\x08y\x0bFvl? sTdd1\x83oa\x06\x12'</t>
  </si>
  <si>
    <t>b'\x86\xbf\xdb\x9a\xea\xbc\r\xf8B/\xbe\xdc\xe6\x0f\x15\xea\x11\x80v\xaa\x8d\xb4\xc6DQ\x08\xa3\x18w\t#\x06'</t>
  </si>
  <si>
    <t>b'\\\xae\xba\xd9\xa2\x1c\x87\xdes#c\xec\x05[^\xe0Az\xfe\x16\xaai&lt;$$\xca2&amp;&amp;F\xdeg'</t>
  </si>
  <si>
    <t>b'\x8c\x84H\x11\xa9\xe0\xccG?\x11;A\xdf\xeb6\xf5\x9c#\xb0\\\x1c~sK`\r\x16\x87\xba\xac\x90\xbb'</t>
  </si>
  <si>
    <t>b'}\xe1dO\xc1\x10U\xc0])\xfd\x9cyP\x97\x8f}\xaf\xd8\xc0\x19\x8cNB\xd0HN\xbbLNKv'</t>
  </si>
  <si>
    <t>b'\xff\x18\xd9\x9e\xdb\x80^\xe8vo\xe6|\xf4\xb1l\xdfyC\xef\xa3\xbc\xb0\xdc\x11%&gt;\x1c\x01\x8b\xb6\xebM'</t>
  </si>
  <si>
    <t>b'\x14\x8c\xa0o?\xe35"\x9f\x07\xe0\xe7\xa6\xbe\x99\xdbD}\xaf{\xa0\xaa\xae\x91\xbe&gt;\x91b\xbb\xc8J\x95'</t>
  </si>
  <si>
    <t>b'c\x16\xf7\x05~\x1a\xcf\xfe\xa4\x14h8#\x8e\xe7}\x18\x80a\x9b\x13\xfb\xa5\x86\xa8\x00+\xb9\xab-\xa3W'</t>
  </si>
  <si>
    <t>b"\xff\x9b\xf7\xdd\x95F\xcbk\xe9\xdce\x0b\x19\n\xaa=\x9f\xdd\xaa\xf7\x14j\x88'\xcd\xcb\xaf\x04l\xfa\xfe\x1d"</t>
  </si>
  <si>
    <t>b".\x9e)\x06TRo\xa2t_\xfa|Hio'\xe4\xbd\xb0_\x185\xb3\x93\xce\x0b\x8fq\xe5e\xe8\xce"</t>
  </si>
  <si>
    <t>b'{\xd1T\x0c\xa8\x086\xdcG\xdb\xe9M]D\x00\xc1\x8f\xc4\xffk\x87\xcb\xa0\x08\xc0\xdcY"\xcfS\xc9\xbb'</t>
  </si>
  <si>
    <t>b'\xc8\xc4\xa7\xb29\xad`\xb7\xfa\xf6+r\xf38\x07_\xbf\xd0\xbc\xb9\xb1|\x04\x18\xc2c\x94\xe8+0\xd4\xe8'</t>
  </si>
  <si>
    <t>b'n\xd9\x14\x07\xbe\x14\x0e^\x8b\x87\xcbN8\xf6\n\xb5\x88\xdb+B7\x1b8L\xd9\xe6\xbd\xcf\x87\x9e0\x0b'</t>
  </si>
  <si>
    <t>b"\xfb\xbc\x0e\x99\x0f\xb6V\x06\x0f\r+\x95\xb8\xde\xff\x14v\x8f\x1ao\x1a\x82\xd1'\x19\xfa\xd7\xd1-9\x1e\xc2"</t>
  </si>
  <si>
    <t>b'\x05\xc0i5R\xeb\xe6\x00XX\xb2\xe4\x01Cj!\xecS\x9d\x80,\x84z.Nv\xb3\x10\x90\x0f\xe8\xc3'</t>
  </si>
  <si>
    <t>b'\x93y\xfd\x98\x91r\xf7\x1b\xc4\xe5*\xce\x8e\x88\x15\xeb\x81\x00\x80-4%O\xdd\xe6\x86\r+\x1a\x82\x14-'</t>
  </si>
  <si>
    <t>b'$\x88\xaaU\xc7A\x14i;\x8f\xecF\xac!a\x95\xb9\n*\xe7\xb0\xc6\xb8K\x1a\xe3\x97=\xe7\x15\x13\xec'</t>
  </si>
  <si>
    <t>b'\xcc\x06&lt;j\x95\x99\xab\x1f\xe5\x80\xb3\xe0O\x97\xb9\x17\xb3\xedGF$\xd5:\xefT\x86\x95\x93}F\xa3\xa8'</t>
  </si>
  <si>
    <t>b'\x1bpjJ\x92$\x83{\x15\x8d2\xc4\x92\xb4h\xb1\x85?\xa8\x8f|\xf0\x94\xc4\x00\xbb\x1a\xec\x8f\x02\xfc\x08'</t>
  </si>
  <si>
    <t>b"\xa7(\xb1:\x17\xcew\x12Pf\x00\xa8N\x0f\x0e\xb5*\xc4Hk\xb2\x03\x1a=\x16\xf7\xfc'\x05\x1c\x1bi"</t>
  </si>
  <si>
    <t>b"\xba\x9a0\x84\xc1\xc7D\xbce\xd9\t\xbf\xeb\x9e\x1b\xe7w\xbb\xad\xe4\xc0u'\x1f\xb2\xe5\xa4M\x1ewg\xf7"</t>
  </si>
  <si>
    <t>b'@b2\x12aZ\xbe\x163\xbbWl\xe9_9\x00PDwm\x03\xd0\x98\x0f\x9c\xb2C\xbcM\xa6w)'</t>
  </si>
  <si>
    <t>b'\xd1\xa3x Wo\xcf\xc6\x9aynXW\x11S\xb2\xdd2\x19\xf7c&amp;\xac\xfbD[Q\xa6\x88\xf6I\xbc'</t>
  </si>
  <si>
    <t>b'm:\xb9\xb4QGd\xcc\xfdN\x9a.E\x06\x00)\xdeQ\xedB\n\xa6\xc6qP_\x0c;u\x17\xd6\xf5'</t>
  </si>
  <si>
    <t>b"\xce\xf2\xce'\xb3\xa8\xedVl\xa9\xda\xc6\xbcd\xd2u\x03\xc6v\xa5\xe6\xafX@\xd8\xf5\x8b\xa1~\xe19]"</t>
  </si>
  <si>
    <t>b'|E\x1drx\xf3D\xe9\xf8FP\xc3z\xe2\xfa\xd3H\xab\xb1o\xb5\xd2\x9bc\xd6A\x85c\x8aRY\xe4'</t>
  </si>
  <si>
    <t>b'\xc88p\xf7(\x1eH*\x9f\xea\xf9\xd1n\xca\x11^#pj^Ip\xb4\xb9&gt;Z\x80Y\xf7\x8c3\xbf'</t>
  </si>
  <si>
    <t>b'f\xc8-\xf6\x15Ld\xcaQt"2\xad\xf1\xa5\xeb\xa3\xd6\xc4\xbf\xdf\x98\xfbM\x18\xb5\xec\xdf\x9e\xfbd3'</t>
  </si>
  <si>
    <t>b'\x9f\xcf\x14W\xb0b;DD\x9b\x81\xdf\xa1dI\xd2|_\xab\x940\xc0\x18bl\x8b\xb6\xc0p\xbbl\xc2'</t>
  </si>
  <si>
    <t>b'}\xc3\xed\x9d\x06\x83\x1e\x98\xa6\xc3}{R\r\x91\x1d\tZh\xab\xb6~\x8c\xfc\xe3?\x7f\xad]\x84\xad\xe3'</t>
  </si>
  <si>
    <t>b'\x0e\x07\xac(\x9d\xe9|\x11\xfb\x101?z\t(\x02v\x1b\x1d\xe8[\xbar\xf0\x12\xafV\xa2[\xb9M\x18'</t>
  </si>
  <si>
    <t>b'\xdd:\xa4&amp;\xf6W\xa6-L|UG\x90b}\xf8\x13\xc0\x0f\x12P\x8c\x87:q\xd5E?=3p\xd1'</t>
  </si>
  <si>
    <t>b'\xd8L(EM\xab]\xd8\xdd\xe9K\x10zk\xbd\xb6t\xfa(\xda\x91\xd2I\x17\x18|\x83A\xafE\xba\x0e'</t>
  </si>
  <si>
    <t>b'\nE7\xba\xbc\\\xec\xfa\xee\xab\xb0E\xd7\xcd=f\xd9\xb6vb\x88\xf0\xc4\xb3\xb3\x91\x9db53\x87A'</t>
  </si>
  <si>
    <t>b'\xf7\xef\x1f;\xe3\xb5R\xb8\xc4\xa5\x9d\xe52\xbf\xb0P+\xab\t&lt;\xa9\xc5\xb3\xcd\xc4\x9d\x82\x0f\xfc\xdfC\xfc'</t>
  </si>
  <si>
    <t>b'\xa2\x19\x94\xb5oC\xc4!\xfdR\xb4\xda\xa1\x0f\x13b\xa5\x81\xd0\xfe\xda!\xfe\xa8W\xe6j\x02[mb\xcc'</t>
  </si>
  <si>
    <t>b'\x9d\xef\x8a1~\xd4S\xc5R\x02\xada\x1dq\xe3\x11\xd4\xe7"t\xfd$\xd4l\xd9!^T\x95\x0f\xb8\xfe'</t>
  </si>
  <si>
    <t>b"\x86\x16\xe8*-8\xd1s\xd9\xd4\xb2\n\x9cCR\x8e\xd6\xed\xea'\x9bgr\x18T  \x02IM!\x9f"</t>
  </si>
  <si>
    <t>b'\xe3\xcc\x84\n\xbdVyb\xe9`\xd3\xd8$\xf29\x8d\xd8ld\xa9\xcb\xc05\x07Z\x04i\xbf\xae\x10\xcc\xc3'</t>
  </si>
  <si>
    <t>b'\x80+\x1c\x80e\x0c\xa2\x17E\xae\x97iGo\xa7\xb7&lt;\xb9\x94\x0f\xf7@\x96\x0e\x0f\xeee\x18ML\x95\x10'</t>
  </si>
  <si>
    <t>b'\xed\xe0\xbc{\xffg\xb8Q^\x9b\x1a\xbb\xe1#?\xab\x8bf*\xea2P \xd6\xb8\x9fow\xcc#Q\x1d'</t>
  </si>
  <si>
    <t>b'\tFXY-ZB\x16\xcd\xfb}\x8b\x0fg/\xb1\x0b\x02!\x02 J5\xe2J\xa3\xae\xf61\xe1\x0ck'</t>
  </si>
  <si>
    <t>b'\x9d\xfa\xe3\x13\xf1\x13\xdd\x81\xb7\x08\x8b3\x83\xa4C\x11\xf4\xc4\x11Qm\xde\x9f\xe5\x85\xeb\xb5-\x1f\xa3\xe1a'</t>
  </si>
  <si>
    <t>b"R\xba6\xc5\xa4\xbe\n\xde^\xb2\xd7\xd1\x89\x93]q\xa4\xad4\xf0\xa3\x19Z'\x8e/v)-P\xb4\xff"</t>
  </si>
  <si>
    <t>b'?gp\xf5\xeb\xd6\x80i&lt;&lt;\tW;,\xb5\xbc\x8d8\x90\x92\xd0\xd1\xdf\x91\x85\xf0\xa7\xdcl\xad \xe5'</t>
  </si>
  <si>
    <t>b'3~\xb5*\xe5\xee\nB\x8bq&gt;\x10\x0b\x01O\x05\x1c\xfe|\xbc\t\xd2NG\xdb\xd8\x02\xd3\x8e:j\x92'</t>
  </si>
  <si>
    <t>b'nv\xd5\xf8.\x14\xed\xbaN\xc3tr\xccE+\xe4_(\xac\xe5\x1c!\xfc\t\x9a\xf4\xdeu&gt;6\xd5"'</t>
  </si>
  <si>
    <t>b'\x01\xa0\xad\x00\x9e\xabb6N5O\x13\xccU\x97e\xef\xf7\x06t\\\x9aR\xa4;\\\x95 X\x17&lt;E'</t>
  </si>
  <si>
    <t>b'*MWl&gt; \xaa\x13\x96\xa42Y\x00\xcf\xf9o\x9e\xfe2\x83\x12\x0f\x05\x08o\xe6\x01V\xfe\xff\x8a\xb6'</t>
  </si>
  <si>
    <t>b'\xf5\xa0\x9f\xa1\xab{\x06\xf1\x1f\x96^s\xd0qvu\x91\xc8eX\x0c\xf7+\xf7q[\xba\x15\xfc\x88\t\x1f'</t>
  </si>
  <si>
    <t>b"\xf4uO\xd0\xb0i\x8f\x1d\xe6'\xa7@\x14=\x03\x7f\xf1.\xe8\xc4\xaf\xf0\x99\x97\xde\xef\xb2`W\x8bF*"</t>
  </si>
  <si>
    <t>b'\\j\x0e!\x19\x9f\xacp\xd2\xc8\x11h\xb4?K\xcd\x86)\xbe\xbe,u\xdelmF\xeb\xe4\x81\xe6mp'</t>
  </si>
  <si>
    <t>b'\x15\xb9\x92Y\x05\xadFEuP\x94\x81&lt;v\xf0\xe6\xb9\xf5\xe4\xfbY\xb8\xd7\x86\x8b\xe5a`\xabT,\xdb'</t>
  </si>
  <si>
    <t>b'm\x87\xe38v\x9f\xe6\x8b\xf1\xc0\x1b&amp;D\x07\xb9\xdb\x1e\x9a\x10\xb6\xb2\x07\x8bV\x9f\x0c@\x83\xb6ws\x8a'</t>
  </si>
  <si>
    <t>b'p*\xf7&amp;\xd8\x00\x7f\xa3\t\xe7ls(\xffD\xb9\xe3\xebh?\xc1\t\x0bn\x1e"O\x8c\x87\x9d\xfa\x95'</t>
  </si>
  <si>
    <t>b'\xf8\xdc\xe3\x97\x01&gt;P\x03/\x170q\xb3\xec\x17\xba7rgS\x82X9\x1d\xd7Y\x0cY\x11\xedB\xa0'</t>
  </si>
  <si>
    <t>b'\xe1d\x9cO\x14\xc0R\x0b\xe1RU1\xba(\x18\xe4\xc5Wx\xb6\xb0S\xd8\x10H1\xfb&gt;9\x12\xef\xac'</t>
  </si>
  <si>
    <t>b'\xdbwZ\x87\x0c\xdf\xb7g;\xe9v$\xe9\xfa\xcbF%2\x14\x04\xcb\xf2\xc3\xb2\t\xd9\xb9\xa7\x16\xb6\xc5\xc7'</t>
  </si>
  <si>
    <t>b'\xe5\xe1\xcd\xcc\xae%\xe9s\xa1^\xbev1\xca\x94\xfbX\xd3\xc6\x01[:\x95\xbb[\xbfwE\xb3\xe2\xb6\x11'</t>
  </si>
  <si>
    <t>b"\x8a.\xe0\xb2\x17~'\x93K\x97\xd8p\x8eU\xf6\xd1\x03\x0c2\xc0F,\x84\x1c\x80\x8e_\x17\x8d\x02\xf4\x96"</t>
  </si>
  <si>
    <t>b'\xd4\xc8\xa1\xd0V:\xd6\xb7_F\xa0\xf1\xf8S\xa0\xfd\xa0\xde\xf3G{s7?y\x1c+uh\xab\xf7d'</t>
  </si>
  <si>
    <t>b"%\xc4'-9\xf5\xa8\xaf\xe3\xad\xf9o\x9d\xd4\xa5C_\xfc\x01\rW\xafQ\xba\xb0\t&gt;6\xcb1\xda\x0b"</t>
  </si>
  <si>
    <t>b'\x0f\xbfV8\xe8\x83\x7fJ~\x80\xc8\xb7\x8c\x8a\xa3P\x915$\xf4&amp;\x15\xca\xf4\xf5\xda\x19F\xa1\nkp'</t>
  </si>
  <si>
    <t>b'\xa9@\x18\x03\x9c\x14-h\xfa!d\x1c\x829\xaeB\x98}\xe4Q$\xc2\xbb+&gt;\x8c"z\x0c\x8f\xe9\xbb'</t>
  </si>
  <si>
    <t>b'U\xdaF\xdd\xb5\x1c\xd4{CZ\xd7i\xbd\xe0\x9b$O\xc7`\x86\xe0k\x010\xf1`wl\x81\xa5\x04C'</t>
  </si>
  <si>
    <t>b'\xed\xcf2\x08p\xae2\xe8\x83\xb6\x04X\x08\xd0\xf1cC\xe2y\x0b:X\xb7\xd0\xc8z\x9c\\\x17\xf57u'</t>
  </si>
  <si>
    <t>b'8&amp;\xcc\xdb\x08\xbexL\x19\xc0|\xd4\x99\xbac\xda`\xa2\x0b\x14\x08\x01/\xa9P\x0bR\x8ex3\xca\xbe'</t>
  </si>
  <si>
    <t>b'6\x91\x9e\xd6$#a\xb9s\xab\xe4\xa8\xba+\xcd\xa2X\x94\x9b\xa7\x18\xd3A6K\x8dO\xb7\x07/\x88\x0f'</t>
  </si>
  <si>
    <t>b"&gt;\x1b\xb9\xd4F\x9c\xf1\xde'\xfeA\xad\xac\xacU\x89Wg\xdfB\r6\xa0\xaeS\xd4u\x83\xc5\x8c\x1a("</t>
  </si>
  <si>
    <t>b'\xf3\xf5\x80\xda\xcd\xd7I\xa6!Nri\xa0\xdf$\x08\x0f\xb6\xd0\x93\xa9I\x11W@\xf6\xac\xa6DQ\x15w'</t>
  </si>
  <si>
    <t>b'\x1a\xcd\x8e\xec\xcb\xbes\x0b\xca\xfap/W\x91\x82\xbai\x0f\xc5\xaf\xc3\x81fW\x90kp\x08\x15\xe5\x18x'</t>
  </si>
  <si>
    <t>b'\xb9\xe7\xa3\xb7\x13\x15\xc9\xc8\xee\x11\xb9\xfc:\xf6\xed\x19\xaa`\xd8\xf9\xb6\x839\xf9\x92\x96x\xc3\x92\x88\xff:'</t>
  </si>
  <si>
    <t>b'c\\\x9e\\\xce\xfe\x96\x7f\xe1\x85\x9e\xd1\x08\xc0\xf2|\xce\n?\xca\xed{2z\\s\x16\xfd8C\xd3\xfc'</t>
  </si>
  <si>
    <t>b'\xb8\\RV\xbdu\x85\xda\xc5\xb8?]B\n\xf0\x1a@\xfa`\xf5"-\x9a\x13\x1d\x153\xe7k\x90\xe9\x9c'</t>
  </si>
  <si>
    <t>b'\x0b\xd0\x93\xde\xe8\x1bE|Z\xe0Z\xa6{re\xc1b\xf9A\xe2\xc5\x1cJ\x816A\xfd\x0fs#\x85b'</t>
  </si>
  <si>
    <t>b'i\xcf\xd1~B\xdc\xb7\x8c\xdd\xaf;G\xe2\xde\xac\x97H\xc2\xc0\x06\x99\x04XR\xde`\x7fg\xf7\x1dZ\xab'</t>
  </si>
  <si>
    <t>b'8\xc0\x8c6\xbf\xdd\x11$]\x8a\xf4|\xeb\x0e\xc3pw@\xc5\xaf\x17\x93\x85\x06#\x8d\x0c\xa3\xc6n@\x86'</t>
  </si>
  <si>
    <t>b'\x12^\xd0\xf3\xf3,\xfay[\x02\xdf\xb34\x14VP\xbe%\xae\xf19r8\xed\x8d\xf9\xda\xb4\xebX\xb0\xe4'</t>
  </si>
  <si>
    <t>b'\xee\xafsY@\x07\x8a\xe9\x1c\xa9a\xd9"\x8a\xf571\x07\xca\xc3\xe5&gt;\xd6^3\xf6\xd5\xbe}\xfc\x83\x08'</t>
  </si>
  <si>
    <t>b'a\xd9d\xfatMr\xd7\xa4\xb0\xc2*\xb3\xcb\xf1\xfd\xf5\xceB\xa9\xbb\xe0\xe15\x18\xf8\x9d\x801\x8d\r\xff'</t>
  </si>
  <si>
    <t>b'\xf0\x04\x1dJ\xd5A\xd6gOo\x97:\xbc\nhk$\x06K{\x14T\xa9\xe1\xef\x80\x8b\x89R#\x7fZ'</t>
  </si>
  <si>
    <t>b'\x81\x1b\xb4\xaexU\xb5o-\x96\x91\xc0|!\x94H\x97\xc6\xd6\x03\x1d6\x84\xbd\x0b\x89g\x05\xdf\xde\x00|'</t>
  </si>
  <si>
    <t>b"\x9ff\x02\xdc\xce\xc0c\x18\xf8\xeb\x99tIU\x9d\xba|Ow\x90r'f\xf1\xf2*.v\xa7&lt;\x05M"</t>
  </si>
  <si>
    <t>b'0\xbaG`L\r7\xd3\x07&lt;\xd3$]\x9e`\x04QT\xddr\x1a\xef|\x02\xf4\x87\x93\x9a\x8a\xa3\xdes'</t>
  </si>
  <si>
    <t>b'\xc2\xcf\xdd\xd8s\x80]*\xfeVX)\xa1\xf1\x9a}\x83B\xb7\tU\\\xe8\x01\x02:t\xb1\x18\xb3\x13\xa4'</t>
  </si>
  <si>
    <t>b'f\r\xe2z\x80\'QR\xaf\xb4\x15K/\x87a\xf3\xa5\xad"~\x83v\xd0%Wr3\xb9\xf4\x99\x84:'</t>
  </si>
  <si>
    <t>b'\x95\xdb\xca\xf4\x8e\x9f\xf6\x10\xc7\xf2\xa6O\x02\x1b\x8b0\xf7vZ\\1;d\x80\x1dJ\xd2\xe59\xdb\xd1\xf0'</t>
  </si>
  <si>
    <t>b"\x10Z\x01\xa6\x0b'#B\xf0\xa8-7\xe7\xb9om\x03\xd9S\x92`\xabT\x83\xfcr\x1f\x1e\xf4\xb3t\xda"</t>
  </si>
  <si>
    <t>b'\xed \xd1Xqrv\x1e\x15&lt;\x95\xc4\xbd\xd3\x9b\x0b\xb8{\xdc\xf9\n|~\x0f\x95\xdfI\xb1\xd9~]K'</t>
  </si>
  <si>
    <t>b"\xc48\x01$\xfe'\x1d~\xcd\xae\xf6\xfe\x04\x16\x18\x12\\\x0bH\x97\x88\xe3Mm\x91\xf0\xa5\x97\x93(\xc5o"</t>
  </si>
  <si>
    <t>b'm\xb5f\xb9\\\xdd\x07m\xa7;\xe3[\x13a9\xef\x93\xf7\xfa4p\x1a@\xe3\xd0\x9c"Z\x95\x0bOz'</t>
  </si>
  <si>
    <t>b'FQ\x03\xf5\xde\t\xf3I\x94I\x92\x0c\x9e5\x9b\xe0\xa0\x96\xa9&lt;T\xd2;\xa4\x1d(\x87\r\xdbq\xbc7'</t>
  </si>
  <si>
    <t>b'\x1e]#\xfa\x97\\\xe5m\xa0\x9b\x07P\xd8qb\xb7\xfc\\5\xe0\xe5n\xb8\xee\xc9\xf4\xb6\xd3\xf2\xe4P\xfb'</t>
  </si>
  <si>
    <t>b'f\xfd\x81\xb0\xd3/\x99\xc8\xaa#?\xea\xdd\xec\xb7\xf6\xe6\x96\x94m\x9b.U\xd0\xb7\xfe\x0fA|\x8f\x84\xe8'</t>
  </si>
  <si>
    <t>b'\x8b2-%\xcc\xc7\xe2\x1a\x96]\xb3t\xf9X\x18\x0cs\xac:\x94*$R\xf6g\xd6\x88\xd3\x97C\x07\xf9'</t>
  </si>
  <si>
    <t>b'\xfe\xfa:\xe3\x91\x10/\x0er\xf7\xbae\xbat\xd5?\xe0\x1a/R\xf80ZIX^q\xf6+\x91\xdb"'</t>
  </si>
  <si>
    <t>b'\xdd\xa7\xc8s\x01\xba\x16\x13X\x19\x84\xaa\x08\xcb\xcf\xc1\xaeU\xe3\xfcK\xd3\xba\xfb\xf5\x841\x9721\x97\x86'</t>
  </si>
  <si>
    <t>b'\xd7\x12\x97\xddJ\\M\xd0\x1c\xe8a\x8e\xc6\x84\xa6\x9f1IY\xd0{\xbd&amp;\n[=\xc4sw\xc0\x9a\x14'</t>
  </si>
  <si>
    <t>b'\xe0\xbc\x94\xd4\x90[\x92\xf0\xe8\xcd2\xe7\xe5T\xb98\xd9\xb88\xc9Q9j\xf0/\x9bu"\x13\xd4\x99d'</t>
  </si>
  <si>
    <t>b'\xd6&gt;S6\x10^\xa9\xb1\xcfQ\xb8Z\x94\xd1 \x7f\xff2\xa2\xfce\xb0\x89o=x\x04\x02\xa8\xbfs\x01'</t>
  </si>
  <si>
    <t>b'\x0eWJ\x86\x99\x1f\x0f\x8c\r\xab\x94W\xdb\xdb\xde\x1d\x13\xe1\x93\x8f\xa3\x8b]`\xa8\xa9\xf8\xfa\xc6\xb9L)'</t>
  </si>
  <si>
    <t>b'\xc3\xea\x9a\x8d7\x1f3\xe9\xe6d\xbe\x9b\xf4\\\xf8\xdet{\x998\xc2(\xb6\xd4KR\x91^\x0f\xa3\xe1y'</t>
  </si>
  <si>
    <t>b'\xe4\xb0\xa9\x8b\x00B\x84@tk\xcc\xdc\x05\xc2\x0fR\xb8\xfaHy\xe4\xc9\xb5\xd1h\xe8\x80\x13\xa0L\xa8\x8e'</t>
  </si>
  <si>
    <t>b'0r\xd0\x19D\x87%+\xd5\xf9#6\xc5\xc2\xf1v\xbf\xa1\x98\xc1\x8cj\xb9@\xb8\x946=\xdc\xb3\x7f\x12'</t>
  </si>
  <si>
    <t>b'\x03\xf7\xdf=\xa1)\xeb\xd4\x10\xd4\xfc\xb3\xaft\xb0\x1d1\x92\xb0(\xd6\xc1X\x18g(\x02:][\x19\x95'</t>
  </si>
  <si>
    <t>b'D\xd0\x125\n\xf4\xc4\xb0\xb9\x1d\xcf\x08\x8c\x93\x10\x1c\xb3r\x1a\x8d\xef&lt;\x01\x064*Rxi?\xeb\x7f'</t>
  </si>
  <si>
    <t>b"|\xa8\x07\xa99wGt`'B\xbd\xa0\xa1\x05\xa8+(+@\x92W\t\r\xa1\xde\xd9\xa9e\x07\xc7\x83"</t>
  </si>
  <si>
    <t>b"\xdb\xed\xd6\xbcu\xb7\x9f\xf6\xda\xd4\xd0,\x9c\xd6y\n8\x1a\x18\x10\xb9^\x9dx~'\x8a\x86\x08B\x8a\xce"</t>
  </si>
  <si>
    <t>b"BQ'\xd1\x03IL\x17o\x00\x9d\xbe\xbd\xdf\x18\xb5&lt;\xd8~\xd0l\xb7\xe0\x96\x82\x82\x14\xfcyR4\xbc"</t>
  </si>
  <si>
    <t>b'"5\xb8\xa9\x01\x08\x8b0-\xd3\tK\xc0\x01\x1e\x80\xc7\x16\x87\xae\x08q\x10\x0c\x1bm\xd8\x99v\xa1\xd7\xc6'</t>
  </si>
  <si>
    <t>b'f|\xfe\xd2f\x96\xd2a\x87#\xa21\xb3\x0b\xfb\xb7\x0b\xaf\x828\x81r\xc9\x13\x81\xfe\x9a@u\x0e\x84b'</t>
  </si>
  <si>
    <t>b'\xb2\xb44\x97f\x13\xacq\x9b\x9bT\x91\xe1\x06\x0f\x0fR\x98\xbff\xd7\xc0\xd0\xd96e\xa8\xac\xd6\xb6t\x80'</t>
  </si>
  <si>
    <t>b'\x94\xdd\x1b\xe9\x8ax\x9e\xc4 \x8c2f\x90\xda\x16\xc9\xb5\n\x06[\xfc\xeb?\xc7\xe6\x9fj\xfd\xc0&amp;\x17\xfa'</t>
  </si>
  <si>
    <t>b'H\xd3\t\xa3\xcd\xbc\xe0j\x91S}\x8bJ\xcd\x80\xd1\x12\x04\xec\x0b\x8c\xcb\xa5,\xf4U1\x83n\x1d7E'</t>
  </si>
  <si>
    <t>b'I\xb4\xc39\x19\xf1D\x9f\xbcdN6\xa1\xec\xe3\xd7\xc9H\xeaZC\x0cBH!j\xf7\xb0!\xb1\x90\x9f'</t>
  </si>
  <si>
    <t>b'\x08\xb8\xd7\xc5\xf9`\xd0\xc7L\x1b\x87\xc2\x07\xdb\xcf\xe5\xe4\xd8\x07\xce$\xeb\x9576\x91\x88\xe2)\x94\x89L'</t>
  </si>
  <si>
    <t>b'n\x12;+C\xe3\xdc\n\x9f\xf1V\xd8-\xc0\xb9\xb0\xd1\xa4\xcc\x8f\x84\xceRG\xf8\xed\x97\x12\xe9\xfa\xd1\x98'</t>
  </si>
  <si>
    <t>b"\x10g\xf51\xf5\xf1\t\xee\xd67n\x85w\x0b\xb4\x95~\x8aJ\r/\xa7\xa0\x17'\xcc\t\xbd\xd8\xa5n\xfb"</t>
  </si>
  <si>
    <t>b'\xa3\x064So\x1dW\x10\xb07\xe5z\x81\xc7O\x11\xfbS@\xe3\x05\n\xbc!`\n\xa3l\xe1\xd0\xda\xde'</t>
  </si>
  <si>
    <t>b'\xf4w7\xbd9S\xe7\x02k\xa4U\xb1\x00\x193k\xf5i\xef\xc9\x8f\x17H\xb3b\xa0\x06@\xcb\xf2k\xe8'</t>
  </si>
  <si>
    <t>b'\x1dN\xc449\xacO\xa9o\x85\x1a\x1f\x06\xac_\xb3,a\n\xe5\xd68\xdc\x06+\xd1qC-\xbd\xa9u'</t>
  </si>
  <si>
    <t>b'\x1b\x1d\xfa\x05\xba\xdf\x95\x84\xfb\x8cF\xf8\xb5\xdf7l\xa4S~E\xde~];r\xe7\xa5\xbf\x98"\xf6 '</t>
  </si>
  <si>
    <t>b'i\xbe\x8d\xcd&lt;\xd9x\xb9\xab\xe3\xb6cG&gt;\xcc\xa7\r;\xd7\x0b\xfe)\xdav_w\xaaL\xdf\xe4J\xd2'</t>
  </si>
  <si>
    <t>b'\x89\xbc\xa6\xe9\xdf}\x04\x03\x8c\xf2$kb"\xb5\x8cT09\x97\xb8/\xb7o\xcd[\xa9\x98O\xec\xea\xf0'</t>
  </si>
  <si>
    <t>b'\xb1\x18\x07i\xee\xb0\x82\xca\xa5\xe3Vr:\xb3\xbaN\xa1_V\x1b\xf47_\xcf\xe7\xca\xd4\xbe\x81ru\x9d'</t>
  </si>
  <si>
    <t>b']\xd0\xf0\xb4\xd9\x88\xa1@%\xf0\x9f\x04\xda\x06\xa2\xca\xb2\xf4\xecvi=\x0e\xe6\xfa\x08c\xd9k"\xc6\xc4'</t>
  </si>
  <si>
    <t>b'\x16\x94\x14\xd0\xe1\xaa\xbc\xe9m,\xc7\xb9\n\x85\x85\xd8\xad\xc7x\xbb\x9aH\x1c;\xfc\x00\xb1\xbem\x9b\xe2\x07'</t>
  </si>
  <si>
    <t>b'J\x80\x02M\xb32\x92U\xdd\x94xk(\x0f&amp;\x15\xb51\x1d\x11\xe7\xdb+\xab\x1eu\xf0O\x91^\x8ce'</t>
  </si>
  <si>
    <t>b'C\xbd5|#"\xc5\x818\x91\t\x0c)\x97\x82\x94\x88\xb2\xa7\xddx\xdb\xb24S\x97\xb4\xb3\xd8s\x9e\xdc'</t>
  </si>
  <si>
    <t>b'\x86\xda\x9d|\xb0\xd3\x86+\x180\xdf;\x91\xd7\xb6\x06xn\xc3\xe7\x93\xae\x87=\xa7\xd4\xac\xd0\x1c=\xef\xba'</t>
  </si>
  <si>
    <t>b'!\xd2b\xae\x8e\x9a\xc7\x92\xec\xfe\xd6\xed3\xc5\xf6\xc1\xb2\xf3\xbc\xb6\xe5\xfe\xa7\x0fD\xb4H\x03\xc2\xe8\xabO'</t>
  </si>
  <si>
    <t>b'\xd8\xed\x9ecK\x11\xc9\xda\xb4\xe3\xe1\xa5\xfe\x1a![\x96g\x99~\xdc\x0bqC\x9b_\xb1\xf5\x93\x9f@\xf3'</t>
  </si>
  <si>
    <t>b'n\x7f\x9c\xe8\x94\xe7{w\xfd\x01j\x13\x9c&gt;\x1fk1C\xd1S\xd7\x1a\x97\xb2\xdd\xc1^\rM\xe7\x10\xf8'</t>
  </si>
  <si>
    <t>b'\xea5\x1e|\x81:h\t6Ui[\xf3y\x9c.F\xd7\xc3:I\xc1\x1d2\xd3[\xdf\xb2\xaa\xeb\xe5\xb6'</t>
  </si>
  <si>
    <t>b'F\x93\x8c\xd7_)\xe9\xc2\x1b\xe7X\xee,\x96j%\xf8\x1b\xd6~\xc6,\xcb\x1b{\xe2bn\x95&gt;\x17\xc0'</t>
  </si>
  <si>
    <t>b'E\xd5\x84UrU\x99\x93[K\xc1\x97\xdd\xa9w[8\xb8/!\xd9\xc6S\x9c\xe8\xec\x87|.\xd7\xd0.'</t>
  </si>
  <si>
    <t>b'&gt;\x82\x94u\xafU\x08E\xf3\x94\xbc\xe7e;\x93e\xda\xcb2\xe8y\xb2\x0eq%l1\xecB&lt;\x94\\'</t>
  </si>
  <si>
    <t>b'\xb6)\x1d|\xa3\xf1\xd9[\xc1\x06\x8b\x88\xc8h\xbd\x15\xcc\x8b,n\xbf\x08\xae\x8e\x82\xd8I\xbecopR'</t>
  </si>
  <si>
    <t>b'd8\xfd\xec\x81\x14\x0b\xba\x18\x99\xc5+\x944\x1d\xc3\x91\xdd\t[&amp;,M\x16&lt;~\xe7;\x90\xfa\xb0\xd7'</t>
  </si>
  <si>
    <t>b'\xda\t\x0b7\x90\xbfV\xd4\x7fI\xa2\xc6\xcc1\xe2\x0b\xb0(\xea\x15\xea\xdc\xd0H\xac\xd78\x90\xcc\xbc\xdb\xd1'</t>
  </si>
  <si>
    <t>b't@\x10K`\xf3`\xf2R\xeaZ\xe9;\xcb\xa0avW\xbc\x03\xd0\x97G\x04\x1c\xa6\xf8,EU+8'</t>
  </si>
  <si>
    <t>b"'Y\xc6\xaf\x0c\xaac\xc6\x1er\xe7\x81\xbb4\x05\xba\x175R\x15Q\xbf\x1d\x9d\xe3\xf6m\xf8Xp\xeb`"</t>
  </si>
  <si>
    <t>b'\xacuh\t\x0b\x9fpa\xce\xe8O\x8d+\xd2\x15\xa4-\xec\x7f\xf7r\xb3(\x16;V\xc0o\xd4?q\xdb'</t>
  </si>
  <si>
    <t>b'QI\xd9\x9b\xb1\xf1w\xe0~A\x9bm$^Z\x86:#\x1d\xff\xde\x06\xbb\xec\x16\xea+\xa52?3\x12'</t>
  </si>
  <si>
    <t>b'\x1dS\xb2\xc2E\x86\xcd\xbb\xc6I\xf4\x8fEB\xf9\x9f\xddL\x8f\x1d\x1au\x8b\xc4\xc9\xc9Q\xe1C\xf3\xd6\xde'</t>
  </si>
  <si>
    <t>b'\x0e\x82\xe1B\x82\x9d\xd0\x0fB)\xbf\\\x9e\xf4\xf5\xdd\x0b\x9eB\xeef\xa9\x0f\x10ap\xf0\xff\xf6\xef\xf2\x9e'</t>
  </si>
  <si>
    <t>b'\xd3\xb3\xe3\xc6\xbc2\xa7\xe4\x1c\x15u6\x08\xb4\x95T\xa7\x91j\xc3)\xdc\x97\xab.\x16tHS\xc5\xcd\x00'</t>
  </si>
  <si>
    <t>b'\x1d\xde\x05\x828w\xb6\xf78\x1c\x03t\x1c\x05\x9e\x0e\x16\x8d\xc1\xf7m\xef\x8c\xe7\xbc\xf2\x1c6\xfd&gt; \x08'</t>
  </si>
  <si>
    <t>b'\x1d\xc0\xe3\xbe[\xf9#\x8e\x0c\xebl\xd9\xaa\xe5\xa2L\xbd?x\xcf\xd6]\xb5\xa1\xf3\xe5.\xf9p\x18G\x1a'</t>
  </si>
  <si>
    <t>b'b&gt;!)\xb8\x8a\x99\xfd|*\x1e\xfb\x9b\xb6%j\xd2\xb9pQ\xcf}\xbc\xc1\x81\xf8\xea2K\xf9\xa4\xab'</t>
  </si>
  <si>
    <t>b"\xdc\x9a\x9f\xe9\xac\x1a\x9d\xeeJ\x89\xbc\xbd\xef\x90\x86\x00'l\xe7\x80\xd2\xc2\xc8\xd1\x1c\x1cYV~\x00Z\x96"</t>
  </si>
  <si>
    <t>b'\xb4\x16\x19X\xd8i\xfdL\xaf\xb6H\xdfX+\xe5l$\x9aY\xe9\xc8dPt\xc4\xc5\xc4Q\xe6\x08t\xfe'</t>
  </si>
  <si>
    <t>b'/\x0fU-\xe6\x8d\x8cB&lt;}\x94\x99@\x150\xf2\xf4\xd7z\xc2%oj0\xbf\xef\x1a\x84\xd2B1\xfe'</t>
  </si>
  <si>
    <t>b'&amp;o \x9a\x94\x83\xd7r\xd9\x95\xa1bd]\x12\x82\xdd\xbaO\x80[\xd2\x94\xa4\xa8\xd6E\xdcP\xea\xd2U'</t>
  </si>
  <si>
    <t>b'#\x9f\xcb\x91\xabD\x92\x8f`ka-\x9a4a"P\xb2\xf1\xebYz0\xeb\xa9\x04\x80=\xe7e\xe9\xd0'</t>
  </si>
  <si>
    <t>b'\x85_\xe8$\xa3\xd4\x0b\x8dX\xd1\x97E\xc7\x95\x8a\x1f\xb2\x94\xdd\x98\xbd\xc3P\xe5\x8dtSi\xd8\xfa\x15\xac'</t>
  </si>
  <si>
    <t>b"\x12'\xd1\xc5w\xb9,\xfb\x84\xe7\xa7e\x0e`\x1d\xd27\x1fq\xbc\xdes\nw~n,\x8d\xc8\x12\xad\xaf"</t>
  </si>
  <si>
    <t>b'7\xcf\xa1i!\rzy\x05\t\x93R\xe0K\xce\xf7\x04xJ}\x19\x01\n\xd5\x9d\xafm\x0cx\xff\xc9#'</t>
  </si>
  <si>
    <t>b'\x85\x97!3=L\xe8\x86u\x02\xf4\x05\\-\xaa\x1fq6\xf2\xc0\xc2{j\xc8R/l\xf7\xc5\xe5~\xdf'</t>
  </si>
  <si>
    <t>b'c\x0f\x90\xf9\x0e\xf8\x8ef\x9b\x1bV\\^\xc0B`\xff\xfd+&lt;\x80\xd0\xc4\xb8\x0f\xf0\xa4v\xbe.\xda,'</t>
  </si>
  <si>
    <t>b'\x9c\x80\x8c\xa9\xfa\xcd\r\xc4Y9\x8d_\xf4ks\x07\xef\xd27\xae\x1dx\x06"\xdd\xde\xdc\x1ei\xd2\xa1\xf3'</t>
  </si>
  <si>
    <t>b'oQ\t\xe2\x18\x96\xf6\xf8\x9e\x9b;\xf7\xb5\xfc\x0e\x93\x00\x1a\xe7\xe6\t8\xab\xf7n-\x0e\xd1`)\x13n'</t>
  </si>
  <si>
    <t>b'r\xdf\\\x00\xd4\x82\xbeK\xcb\x8e\x80\xa6\t\xb3\x98\xdc"Det\x94\xf9\x92\xba\xec\x98\xd8`*c\xbc\x84'</t>
  </si>
  <si>
    <t>b'kr;p\xcc\xc1\xfd7$$6\x81\xed!\xacLV\xdd\x0f\xae\xe4d%`r\x89@0\xd3\x165\xbe'</t>
  </si>
  <si>
    <t>b'\x81\xb5q\x85{\xce,\x16\xcah\x82t\xdcP!\xf2kP\x8a\x9c\x1aM\xf0?\ru\x8e\xa0\x9e\x16|~'</t>
  </si>
  <si>
    <t>b'\xa4\n\x8fM\x0e\xaem\x1c\xdaa\xa3\x9b\xa5\xbdG\x99\xc5\xd9\xe0\xec\xe3\x16\xacR\xb4\xd4^-\xf8\xeb\xdc\x93'</t>
  </si>
  <si>
    <t>b"\x99\xc9\xbb\xd8\xcf\xb1$f\x17G\x042\x11C2W\xaf\xaf\x8f'\x83\xbb\xaa\xb1\xa1\xc8\xd5R\xdd\xab  "</t>
  </si>
  <si>
    <t>b'\xc8\x01\xfd\x83\x13\xdc\xcf\xe6\x07Y9\xc5\xe5-\x10\x9a7rQ/n*\x1e\x8c\x96\xf6A^\x11\x1e\xde\x7f'</t>
  </si>
  <si>
    <t>b'q%\xf3\xea\xab\xe6q\x02a\xf7\xbe^k\x8a\n\x1e\x87 \xc8\xa3\xf86\x9a,;\xac\x17&amp;\xde\xfaj\xef'</t>
  </si>
  <si>
    <t>b'\x11\xee\xbc\xf4\xd7\x7f\x8d\xd2\xe6*\\\xf6\xd0\xe0-\t\x1b\x83\x86,N\xcf\xd8\x91j\xca\xc3F\t\xb8\x86"'</t>
  </si>
  <si>
    <t>b'\xb4\x1a\xe7\xbaM2\xe1\x80|)\xed^\xbf\xa6s\x97\xde\x83\x17\x15N\x16\x18\xe2$\xc4(\xc1\xa1-\xb6q'</t>
  </si>
  <si>
    <t>b'\x19vh1c9J\xce\x0ep\x1fX\x80\xa9#\xd0\xdd\x11\xa7\xed\xa5\xd7\xf78\xf2s\xc9\xc5L\xcb\x1f\xd0'</t>
  </si>
  <si>
    <t>b'H\xb05\n\xc5?\xea&amp;\xca\xa8\x90\xea\xc8"\xff\x893}D\x1b\x93Xf\xaf$\xa2\x02\x94\xf1\x97\x08\xd4'</t>
  </si>
  <si>
    <t>b'\x97\x96\x05\xbf\xe2Q\x0fxp|h\xc7\xb5EJ\xc2x\x80\x82\xc9w\xa3.sS\xc88\xd9\xab\x97\xfe\x04'</t>
  </si>
  <si>
    <t>b'W\xcdZD\x7f\x9a\x1c\xa3\x84\xc0\xfbNpZ4\x86?%\n\xa8\xbb\x88\xfb\x01C\x9d!D\n\xdf\x9e\xc4'</t>
  </si>
  <si>
    <t>b'\xc5t\xa5\xb2p\xf5\xcb\x97`\xb0\xcb4\x81\x8a\xfb\xfd\xcc`\x00\xc5A\xc4\xe3\xf8\xf5\xda\xc0.MXn\xc5'</t>
  </si>
  <si>
    <t>b'\x9a\xcc\x84[\x88.1\x06!{\x06\xd0\xe5\x0f9\n4&amp;\x87\xe0\xe67\xf4\xa4\xa1m\xfb\x95\xe3F7\xab'</t>
  </si>
  <si>
    <t>b'\x92\xbaW\xaa\xa2\xaa\xe61\xdc\xfc\x9c\x94O8\xe0\xeb\xbe\xa4\x8cc\xff\x12\xa4\xa1Q\n2\xc8\xad\xd5}\xdd'</t>
  </si>
  <si>
    <t>b'#+\xe3\x11\xbcj~?\x10G!g\x94\x13`\x80\x0c=z\xf0\x08\xbd\xcc\xe2\xe3\xa4@\xf6\xdcf\xd3\xa1'</t>
  </si>
  <si>
    <t>b'\xd3\xd4\x18sE\x147\x86\xeeKO\x83L\xed\xa7\xf3\xb9R\x14\x97\xce\xbe\xa1\xb8OSA\xd1p\x1d\x1ar'</t>
  </si>
  <si>
    <t>b'8Y\xebNR\x9d\xdb/\xd0\xe7\x18A\x8f\xcf1E\xe7\x0f\xcdh!\x1ch\x7f\xce:z\x14\xdb?:\x0b'</t>
  </si>
  <si>
    <t>b'\x91@\n\xc6\xd8N\xc8P\x97M=\x04ZM\x9di\xac\xdd\xfe\x12\xa6x\xf0\xd4\xc0\x8cF\x16\xfd\xa2T\xc4'</t>
  </si>
  <si>
    <t>b'u\xce\xa4\x1d\x8c\xb1k\x9d\xbc\xdb5#c\xae\\\xbb-\xe0\x92\xe1%\xe4Fc\xafGS[R\xbb\x0cP'</t>
  </si>
  <si>
    <t>b"\x05p\xd2\xc4\xef/\xec\x9c7\x0c\xb5\xaaO\x7fE?8Y\x8e\xa9\xf1$8p''\xd7\xc0\xc4\xa4\x8c\xbc"</t>
  </si>
  <si>
    <t>b'\xe8?\xbc\xee\xb9\xa4c\xd7\xf6\xb2\x95\xc0\xbe\xef\xe9\x84C\xf2\xda\xac&lt;% \x147\xb9\xda\xa0i\xe5T\xa5'</t>
  </si>
  <si>
    <t>b'7\xfdG\xfaB\x8ax\x98:i\x06\xdd\xc4\xeaN\x0c\x8f\x1e;\x00\xe9\xd1\x1cS\xdb\xec\x1a\xf9[\xe6\xac{'</t>
  </si>
  <si>
    <t>b'\xe6\x19\x0b\xb2\x1b\x8eN\xc2\x00b\xaf\x83\x8f\x95\x8f\xf7\x8b\xb4\xd3\x9aw\xf4\xc1Vn\xafP\xb1\x86\xb7^U'</t>
  </si>
  <si>
    <t>b'\xb9\xcd\xfe\x97.W\xaf\xb6w\x1dr\xb4\x9d\xa2\xafW\xed(#\xeb\x06\xd9rF V\xa6\x04\xf0\t\xdd\xa0'</t>
  </si>
  <si>
    <t>b'\x9e\x8c}\xe4b\x92\xb0F\xa0\xa29Y\x08w\xadt/\x1b@?^\x17\xac7\xf9\x04E\xe9I-\xbc&lt;'</t>
  </si>
  <si>
    <t>b'\xa6\xbe\x84`]2\xad|\xb2\x98\x86\x8a,\t\xce\xec\xf6\xd1\xddUw6A\xb7\xec\x92\x0e\x13\x0b\x93\x10I'</t>
  </si>
  <si>
    <t>b'\x07\x825m\xd5\xf4(\x19\xc4\xe84#\xce\xeb;\xc6\xeb\xb0?\x19;\xb62\xe67\xbc\x0c\xa6\x05\xada\xd1'</t>
  </si>
  <si>
    <t>b'!f\x8ez\x15\xb9NA{\x82\x85hi\xc3\x17O\xc8\x0f\\\x93\xdds}\xe6`\x10\x9d\xba\x9cmc\x8c'</t>
  </si>
  <si>
    <t>b'x\xe2sM\x19\x80:xQ\x8b\xa6Yek\x9eP\xa1\xfdsXKU1\xcb\xf2\x1aF\x1a\xb3]\x11\x94'</t>
  </si>
  <si>
    <t>b'\xbb\xf5\x95\xb4\x1d\x90\xe0\xd3\xbc\x02\xe6\x1f\x83\x8f\xc96\xed\xb5\xbc\xe7\xa2\x12\x14&lt;\x7fRa\x13J\xac\x07\x84'</t>
  </si>
  <si>
    <t>b'\xd8z\x89s\xa6\xb1\xf7oZ\x94$\x848L0\x18\xbb\x85U\x8fb\x8f=\xba\x9a\xe4\xe6\xd1\xa6\x97\xa5\x04'</t>
  </si>
  <si>
    <t>b'i\t4\xe9\x02\x0b\xe4\x83\xca=N\xc9\x00;$\xc4D@\x06QW\x85\xc8\xe2?\xe7df\xaf\xa8c\xea'</t>
  </si>
  <si>
    <t>b'\x8b\x1e\xca\x92\xa6\xf2\x9cZ\x94\xb6\xb8p\x10n\xc9\xf4\xe2Z\xfc\xc5\xf4(U\xd7T\x8f\xb05\x1b\xa3\xaf\xc4'</t>
  </si>
  <si>
    <t>b'\xbcs\x8bF0\xddr(Q\x03\x98J\xa5\x8czI\x90\xa3\xee\x91\x16\x03\n\xb1C\x0b\x1f\xa8o\x1c\x1d\x1e'</t>
  </si>
  <si>
    <t>b'\xacO\xa7\x8f\x9dk\x7f\xd0(\x8bG\xe4\xd9Y\xe0\xf5\xd0\xa2\xf4\xd96\xa4pDy\xbe\xd5\xb1!\xe2\xef:'</t>
  </si>
  <si>
    <t>b'\xb6\x8f\x85g\xd8R\xe4\x80\xcd8\x8f\xc0\xfc7\xbd|m(\xc3\x11=\x0b/\xa4\xc3_\x0f(\xf7\x80\xd1&amp;'</t>
  </si>
  <si>
    <t>b'\xf4\xbe\x19\xeb\x9ao\xec\xe6\x8d\xe61\xd2\x1c*\x00M\x08V\x12\xd6\x82\xf1\x1b\xbe\x10\xca\xcc\xda\x14M(p'</t>
  </si>
  <si>
    <t>b'\xb2l\x92W-\xac\xb1\xe1\x13\x1d\xd8\xf0\xab\x86;C\x85\xaan\xf1\x82\xd4$^\x912P,\xf9\xcf\xa7G'</t>
  </si>
  <si>
    <t>b'\xf2G\xeb\xc2\x96\x16\x83\x9b\xa6\xfc\xc8\x9cA\x15F^}\x8dy\xef\x13\xef\xbe\x92jV\x98\x06\xb5\xe1\xcf\xe0'</t>
  </si>
  <si>
    <t>b'P\x08\xd7_\x9b\xa1\x97\xc3\xac\x06\xa71]v\xcc\xa2\x84\xe4I7\xd5\x9f\x14H\xa8\xb4\x9f\xc5\xad\xefS\xb1'</t>
  </si>
  <si>
    <t>b'\x998\xee\x8epPD&gt;~\x98n\xb3\xff`!\xf5\xd3\x0c_\xc1V\xa0\xce\x9e\x19y\x9b\xec\x8c?\x93$'</t>
  </si>
  <si>
    <t>b'\xbb-C\x84?x\x11\xba\x11\xcf\xea\xebf@\xe7\xea\xa9\xf2\x18\x8c\xdb\xfb\xf5A$\xc3\x80\xf2\x91!oS'</t>
  </si>
  <si>
    <t>b'&gt;V\xee\xc6\xd0\x01\xde\xe2\xec\xfe(\xce\xabB\xe8\x7f\xcfv\x0b\xa00~ya B\x85\t\xe8\x8e\x8ef'</t>
  </si>
  <si>
    <t>b'\xfcT\xe5\xbd\xed\xe5\xd1\x84\x96\xd0E\x87L\xfbw\x118\xa8&gt;\x9a\xad\xc8\xfdR\xeb5\xeb=C9\xee\x83'</t>
  </si>
  <si>
    <t>b'\xda\x14 \xc1\x92\xea3\xb4^\xae\x9f\x86a-\xb8\xd9y&gt;Q2\xfc\x01-\xaeS\x8b[\xf0\xa8M\xe7\xa3'</t>
  </si>
  <si>
    <t>b'\xcb\xff\x9a\xcb\xd8Q\xac,\xe5uz\x98\xd3\xfe\xe9\x80_p \xb1\xe4\xc1b\xbcVC\xb0\xebr\xc5a0'</t>
  </si>
  <si>
    <t>b'r\x01\x8b\xe5\x86\xca\xf6-\x16:\xd2B\xae\xe4\xe7Q[!+\xf5\x8e\xdc\x94D\xdf\xc3\x16\xa2\xca\xe9\x11\xf1'</t>
  </si>
  <si>
    <t>b'I\xcf\xca\xe4\t\xf45\xf1\xe8\x04\xe6\x90\r:\xbe\xcd\x1b\x17\x92 D\x9bE\xf99\xbc\xef\x0e\x85l3\xd4'</t>
  </si>
  <si>
    <t>b'sx\xfb\xd3s\xb1W\xd7?\xea\xe7\xb6\x81\x97\xd5\xce\x17\xa7\xe2\xf8\x1d\xb2H\xbf\x93L\xba6\xb5[\xd4\x17'</t>
  </si>
  <si>
    <t>b'A\xdd+K\xbf\x14\xed\xfe\xc0w\x1a\xf0\x81`\xff\xc1\xfcH\xa5\x10\xf7=L,?Y\x98P}\xfd&amp;\x7f'</t>
  </si>
  <si>
    <t>b'`X\x1f9"#\xa66qAE\xf1\xa9;T\x9d:\xaaz4\n[m]\xb9W3\x0b\x11@\xbf\''</t>
  </si>
  <si>
    <t>b'\xc7\xf1%H\xa1n,k\xba\xb1\x95ON\xec\xfd\xb9\xa7\xd8\xe4\xcfe|\x9a\xbb\xa3\xd4\xc3\x99\x1ff\x116'</t>
  </si>
  <si>
    <t>b'/Plq!T\xac\xe6K\xa9\x05\x99\r\xfc\xac}\xbd\x7f?\xc9BPS\xc4\x97\x92\x02\xfeB\x04\xd8\xfc'</t>
  </si>
  <si>
    <t>b'/\xe4\xcb\xfc\x00\xc6\xda\x82 O\xa6\xc4D\r2\x8aW\xaa\xbd\x1c\xa7\xdc\xcd\x08\tkP\x83\xaf#\xbd\xfa'</t>
  </si>
  <si>
    <t>b'\x89\xa2\xc3\x02e\x01\xe0\xdc\x9f*\x17\xde\x83(7\xdaK\xce\xaa\xc3\xe2\xe8[\xad0\xc5\xcf\x12y\x90\x8a\xf7'</t>
  </si>
  <si>
    <t>b'\xa8\xde\xf4o+;\xe1\xf8\xb1\xa2\x9bd-\x1c\x8a\xb3e3\x8d\xc3S\x8eE\xa2\x9a\xa8\x1f\x88\x87\xbb\xc2*'</t>
  </si>
  <si>
    <t>b'c\xfb\x0f\x9aY\xf3{\xd9\xd7&amp;Bh#\xa8\xdd\xce\x1f\x0b\x14=\xf7\xc0p#u\xf0&gt;@\xdb@\xa4\x9f'</t>
  </si>
  <si>
    <t>b'\xd9\x0f,\xd4\xbbQ\xb4\x8e`\xf2\xe8\xfb\xcaB\x8b2\xea\x84\xb5\xc3_\x1b\xf4J\x1d\xbc7\x88\xa4 \xf8\xc0'</t>
  </si>
  <si>
    <t>b'\xd7\xfc\x93\xd1k48\xa1\xab\xe0\xdf\xc0\x17\x98\xb0\x07\x99\x0b\xb3T\r~R%+v\x13\xa4M\xdd\x93\x0f'</t>
  </si>
  <si>
    <t>b'\xe37K\xe3\x80\xd3\xc4\x06l~fw\x1a&gt;\x94\xd5\x15\x92\xddtV~\xabPz\xeb\x9e\x97.\\+l'</t>
  </si>
  <si>
    <t>b'\x01\x84\x07?\x17\xc8\x04\xb6\x1aO\x9f\xde\xbb\xc6y{v\xa1\x92\xb3G\xf9.\xaa\xa0GW\x86Dq\xce\xf8'</t>
  </si>
  <si>
    <t>b"N10u\xc7;I\xfcv\xde7\x19'\n\xee\x16A\x8d\x9f\xa5\x9b=ROX\xbe\xb9wF\xddhs"</t>
  </si>
  <si>
    <t>b';gF\x86\xb8\xf6;\x87!\x84\x1fB\x15\xce\xa9\xf6\xa4^\xa6\xab8\x84\x01Q\xe07O\xa4ll|\xaa'</t>
  </si>
  <si>
    <t>b'\xf6\xce\xf4Lt}\xdb38Y\x13&amp;\x8fNP\xa7"\x83\x14D\xab\x8c"\xbb\x90\xb2\xd7-\xda!\x88\xa4'</t>
  </si>
  <si>
    <t>b'\xe5\x04\xa0J\\TK\x16M\x03E\xcc[&gt;&lt;&amp;}Y\xbf\xfeM\xc7L\x02\xb5\xcd\xf3\xd3\x00f\xd5\xd9'</t>
  </si>
  <si>
    <t>b'\x13\xddr\xfa\xdb\xc64\xea\xb9\xa6\xd4\x08\xfe2.\x01\n\n\xc99W\xb8\x8d\x8c\xcf\xf7FIm\xea\xb6\xa0'</t>
  </si>
  <si>
    <t>b"\x8c\xb0\xe4\x0c\xe6%\x92\x9f\x1f\xd0'D&lt;\x07%G\xb8M^\xa0\xedU\xad\xeePr#U\x91\x85\x8c\xab"</t>
  </si>
  <si>
    <t>b'_\xcd\xd9\t6hE\rM\xf1P,\xa0\xcc\xdd\x82\x04l2\x90\xd8\x03`y9^4\x00\xe0\xad\xaad'</t>
  </si>
  <si>
    <t>b'\xd3\xa8\xae=_uP\x8f\x13\xce\xec\xcb\xe3\x1bv2LA\t6Vt\xd3\x0f\x19\xfaA\xbf\xd4\x8a\xd9\xa5'</t>
  </si>
  <si>
    <t>b"\xb0\xc4#\xd9\x8b\x1f\xc9`\xf1\x10\x95\xa0\x01\xf5G\xebO\x81\x89H\xd2\x7f\xb0)\xb2\x1d\xb6\xf91'w\x7f"</t>
  </si>
  <si>
    <t>b'\xe4\xae\x816\xfc\xec7F\xd9\xf8$9n5\xc9\xad\xb0\x84\x0e\x90b\xb2\x8c\xb1H\xad\xc3`n\xe9\xb1N'</t>
  </si>
  <si>
    <t>b'\x8f\xb0\xc6\xc6\x93\x90#\xc9\x94\xb6\xf49\xe0N\x8b"\x06\x10\x10\x86\xb9\xef\xb9\xda(\xc8\x85\x84u\x83.8'</t>
  </si>
  <si>
    <t>b'\x0c\x13\x0c\xa8\x01\xbe\x8c&amp;Kw\x93qW\xba\xaf\r\xe6\x14iW\xfbz/A\xc4/F\xa1q\x93\xba\xda'</t>
  </si>
  <si>
    <t>b'\x05\xad\xacie^\xdc\x13\xa7-Q\x1d\tU\x9e\xc8\xa7+\xbbzF\x9cI1k\xa9#\xf0`{\x03w'</t>
  </si>
  <si>
    <t>b'{\x81sk\nV\xbd&gt;`\xea\xf6\xa3\xd4\x8e1\xf6\xf9\xac\xd0\xbfO\xd8}\x9d\xa1\xc4C\x8eb\xceB\x9f'</t>
  </si>
  <si>
    <t>b'\r\xc4T\x17\x92\x15g\x19${O\xc2\xaa\xfb\xbf\x9c:\x84\x8ag\xc1i\x0e-g\xd1\x86\x99v\x14z\xd1'</t>
  </si>
  <si>
    <t>b'\\\x90\xb6e\t\xfe\xe5\xf3Qi\x16G\x0bX\xf5\x0e@gV=\x04\xaf\x7f\xa3\x13T\xf0\x96\x10\xff\xa6\xbf'</t>
  </si>
  <si>
    <t>b't8`\x84\xc8]\xd3c\xaf(\x13:\xd6\x95X\xc7\xc2AT\x95\x1a\x1cX\xd9\xc2\xbf\xd6\xb2\xd8\x1b\x99\xaf'</t>
  </si>
  <si>
    <t>b'\x02x\x1efm\xd4Xq;{u\xcc\x17\x80U\x04d\x95\xfb@\x89\x00\xcc\xbf{KDE\xbe!\xa0\x1a'</t>
  </si>
  <si>
    <t>b'^\x03\xe6\x11\x18=c\xa5\x9d\xd1\x1eS\x13&lt;\xbc`\xe8\xef\t\x97\xd4\xbe\xc4\xd7\xb2\x16\xdd\xb0\x82\x0f?\x10'</t>
  </si>
  <si>
    <t>b'P\x9a5\xa0j.\x96N\xf3X\xa0\x7f\xdd_\xebm\xb9\xf0q\x1d.m\xa2\xdb\x13o\x16\x1a\xe3g(\xf7'</t>
  </si>
  <si>
    <t>b'\xc6\x11\x8a8\x1a\xebo\xf6\xe6;\xa4\xc6\xa2\x8b\xc5\xc4\x18\xaaw\xf7ow%\xfd\xce\xfa|\xc1\x83s\xee\xc3'</t>
  </si>
  <si>
    <t>b'y\xd0\x07\x1a\xeb6.\xf9\x16]\x0fo\xba\r0qo\x13\xa8\xdd7\xa6\xbfS\r6\xc1\xbbs\xe9\x9d|'</t>
  </si>
  <si>
    <t>b"\xe4\xbaO\xa8\xcf\xd6U@*\x94a=\x95\xc2\xc0\xa2g\x95\x89Q\xac'\x94\x10\xb9\xf1\xd9\xe9OO\xbc\n"</t>
  </si>
  <si>
    <t>b'i\xfciVd\x12\xf3\x07\x82\xb5_$\x0e\xb985W\x82\xd8\xcc\xae\x05\xe7\x8amX\x81\x9a\xf5\x1e\x01\xfe'</t>
  </si>
  <si>
    <t>b's\x08\xa8x\xb8z]t\xf2\xce6\xdc!\xaa\xd8\xf3#\xe4\xb5\x19\xdd\xb2\x8a\xd3Im\x96&amp;f\xea\xbe\xf6'</t>
  </si>
  <si>
    <t>b'X\x11\xdbwC\xf9B\xcd\x1d\xebCO\xf3\xa8\xd5\xf5\xc6X\xe9\xd1j\x92$\x8cq/1eb\xf9xu'</t>
  </si>
  <si>
    <t>b'\x11\xba\xf3j\xe7\x98\xb6\x99cUWf\xf4s\xafF\xc4.(\xd7\t5\x16&amp;j\xd1\x8b\xd2\xa4D(!'</t>
  </si>
  <si>
    <t>b'0#5#\xd3\x10\x1f\x03`\xcc\x98:tCg\xf3\xac\xdex\xc9\x040\xbb]\xe1%\xd8\x87x2gA'</t>
  </si>
  <si>
    <t>b'\x8e\xf4.5\t\x9ca\xd8*\x80\x94\x99kR\xb5^\xff\xad\x1a\xd6M\xdba+\x1a\x93,C[\xadn\x82'</t>
  </si>
  <si>
    <t>b'\x83\xc3\x1b\xb8\xe8\xda\x9c\xed\xd2[W\xdc\xdb\x9eV\r\x85E\x11\xaa\xf4B\xccQk\xcaW\xd9,\x1d\x19\xbf'</t>
  </si>
  <si>
    <t>b'W\xe27[\xf1*-\x92\xb7\xa2\x01\xf9\x92i\x02[\x1b\xde\xe5\x01\xed\xack\x92\\\xb7X\x07\xf0\x9b\\,'</t>
  </si>
  <si>
    <t>b'\xae@/\xf0\x12k\xe1\xf9\xa0\xa5[\x88\xa6\xf6P1h\x16Yz\xdf\xa9O&lt;\x81\x1a25H\x0b 7'</t>
  </si>
  <si>
    <t>b'\xe7^\x81\xcd\xfe\x83\xa4\xf6\xc8\xd8\x80hS\xc7@4M#\xce\xe6\x81\xbd&gt;\x08PU\xb2\xa3$P\x02\xcc'</t>
  </si>
  <si>
    <t>b'J\xf2?\x18\xfb\x82o?\xe8S\xae\xc5\xc5\xe3\x8f\xd8\xee\xc0A\xaeE\xb5\xc5/\x1e\xe4~\x8c\xeb\x88\xcd\x92'</t>
  </si>
  <si>
    <t>b'\xb3\xac.\xdc6\xfc\xdfv\x8f\xdb\xe7\x82\x82\x99*=\x14\xbf\xec\xb7\x81\x17\x1c7\x9f\xfd\x15\x8f\xe6b\x0c\x97'</t>
  </si>
  <si>
    <t>b'5\x81\x1f\xf2\xcd\xa1rE\xaf\xc3\xabr\x07\xf9`\x8e\xdd\x9e\x18bhP@\xc9\xa0\xebc%m\xba`G'</t>
  </si>
  <si>
    <t>b'[\x86\xdb1\xd3\xf4v\x12rB\x95\x9ds_a\x90:\xe8\x1d"\t(\xfe\x85m\xfd\x9f{\x8f\xc8\x82\xc2'</t>
  </si>
  <si>
    <t>b'=\x05\xddxW\xdd\xf5\\fM\x97\xe7\x1eK\x9c\x10B\xa3\x80\x85I\xd5f\xcd{\x8a\xcb\x01~m\rS'</t>
  </si>
  <si>
    <t>b'd\xe8&gt;\xfb\x0e\xf0\x18_\xafO\xb2\xb5? \xf9L\xd9T\x90\xf5\xaf\xa2*\x1d\xee\x1a0\xcb\xc7\xaad`'</t>
  </si>
  <si>
    <t>b'{\xa1\x1ep0\x80\\\x9bs\xea\xd7y]!\x89\x1ec\x81\x8c\xdc\x90\xed\x0e\xcc\x89\x9f\x0e8y\xc7\x95\x0f'</t>
  </si>
  <si>
    <t>b'\xc3aL\xe9Q\x16\r\xe2n\xcbF9\x8d\xda\x06\xbc\xc6\x87jEI\x81&lt;\x07A\xa3*\xeb\xb5\xbd\x1bJ'</t>
  </si>
  <si>
    <t>b'\x9d\xbe/IOW\x92&lt;Q\xa9s\xd2\x8cds\xe8\xba\xed5\xc4\xd6\x8c:\xba\xe1\xce\xce\xb4\n\x84\x1c\x92'</t>
  </si>
  <si>
    <t>b"\xab\xd5/,\x9d4\x81ME\xf2\xcf&amp;\xc2'\xa7\x8a\x11\x96L\x9dF\x8c\xfa\xc2\x11\xd6\xbc\x13M\x9eN\xb5"</t>
  </si>
  <si>
    <t>b"\x9b`p\xa9\x8e'\x7f\xc0\xf8\x0f\x0b\xb3\xc4W-H\x8fN\xc6\x02\x85\x85\xe2P\x96':\xd6\x8a\xda\x9a("</t>
  </si>
  <si>
    <t>b"\x1b\xaf\r\xa4\xa7H\x9e\xaa\xb50m\xf1\xc1&amp;\x10\n\x04\xb8Dy\xd8\xb1\x86\xf3\xf8%\xf8O\xbf\xcb\xb5'"</t>
  </si>
  <si>
    <t>b'P\xbf=\xe31\xacj\xb7I\xffH\x828\xa1&gt;E\xc9\xd3\xea\x962\x83r\xdb\xc3\xc8\x16\xe0\xab\xb1bM'</t>
  </si>
  <si>
    <t>b':&lt;\x17A/\xd5\x8d\xc2\x00\xb7\xdc\x9f\x08\x86;?\x01\xbf\x11xS\xb5T\xe2\xd7\xcep\xc1\xba\xf3\xc92'</t>
  </si>
  <si>
    <t>b'\xd6\xf0\x96m&lt;\x11\x8cg\x9e:\x90\x85C\xa0y\xf7\x00\xfb\x9a\x03(\xa3\xb6.\x12\xa9\xfaH\xdb\x1f\xe4\xb5'</t>
  </si>
  <si>
    <t>b'\xc3\xe4=\x8ae\x0e\x07\x99px\xea\xd4\x9b\xf4\xccA{\x8e58O!.\x05\xc5\xdc\x120\xb4\xc4\xd54'</t>
  </si>
  <si>
    <t>b'O)`\xc9=\xb04S\xa0\x9c&gt;\xaf\x00\xee(-\xe8\xdb\xeb\xe3\x05\x9b\xbc\xcf\x92y\n.}\xf3\xe8\xbb'</t>
  </si>
  <si>
    <t>b' \xeb\xf2\xbeG$T\x03c\xaa\xe7\x1cHWa\x803\x1b\x0f9S\xcbu]\xdc\xa7\x12\xee\xbdtp\xdc'</t>
  </si>
  <si>
    <t>b'\x7f\xfb\xd9\xb5Q\x15Hc?\xa6\x0e*\x84\xdb3\xf16\xf8\x10\x8cW\xd6\xad\xa7\x12JT\xb3(r\x84I'</t>
  </si>
  <si>
    <t>b'\x1a5f:\x98\x02\x9b\xa9\xca\x04\xea\xa9\xb5\x17 \nM\x16\xe8C\xfb\xcc\xea\xb8P\r\xc9$\xf3\xdf\xa9\x93'</t>
  </si>
  <si>
    <t>b'j-X\x02N\x96\xdc\xd3\xf6y&gt;\xaa\xdf\xbb\\\x05\xfb\xa5\xc4\x97\x1c\xb9\x17\xd6\xa9\xee\xf9\x85.\xe5\xd9i'</t>
  </si>
  <si>
    <t>b'\xe8az\xd7"@\xff\x87\x06H7\xe9\x08Bs3,\xad\t\x95\xce\x817N\xfa/u\x99\x94/\xe7\x94'</t>
  </si>
  <si>
    <t>b'w\xc0\xcb\x00\xbf\xda5LF]y\xed\xa5HH\xeb\x19,\x0b\xf7\x93\xa4\xdcq\xb6\xda\x93\xd5G\x9b\xef\x83'</t>
  </si>
  <si>
    <t>b'\xd9\xc4\xb6W\x01\xdf8Z\xe7\xe7k\xa5\x19\x88\xed\x03\x16og\xcd\xf9Lz\xfc\xe8\xef\x13\xedE\tc\xdb'</t>
  </si>
  <si>
    <t>b"\x87\xb7p\xc7\x8e\xb4\xdb\xc3\x19AN\xe5z\xcdn\xd8\xfc\x1a\x85e\x16\xec\xd8\x9c\xcd\x89\x9e\x97N&gt;x'"</t>
  </si>
  <si>
    <t>b'\xc4\xd01\x92\xec\x8e\xb3\x95Y\xa4\xb61&lt;\xc7\xdcs\xdf+\x96R\xc8#\x14\x87\xdfi\xba\x9b\xedqp\xb4'</t>
  </si>
  <si>
    <t>b'\xbe\xf7\xf2l\xbfK$\x01\x8cz\xc2 X\x8c\xd8~\xbe\xc9\x8b\r\x87\x94\x11\xab\xf1OPS\x154B\xa4'</t>
  </si>
  <si>
    <t>b'\xd1\x97\xd3\xf75\x0f\xbd\xb4\x98\xe7\xe3\x08\xb1\xa9\xf4\xf3q?\x88\xe2\x0b\xf5\xc0\xb70\xec\xa5o\xad\x02\x97('</t>
  </si>
  <si>
    <t>b'\xf8\xc1Q\n\x0fb\x90\x19\xfe\x8b\xd2\x86\x99\x03\x16p\x1f\xb5m\xd7\xa9Jo\xc7\x95\xe3\xc6\x18j}H2'</t>
  </si>
  <si>
    <t>b'\x97\xee\x1d~\xdc\x0e\x07\xae\x01\x8a\x06\xbcc\x94\xd0\xb2\xac&gt;\xd1\xc0\x03\x9a=\x0e#\xf16\x0b\xd1u\xe9X'</t>
  </si>
  <si>
    <t>b'\xcd\xc7\x16 \x9d\x98~\x15\xa4\x1a\x9bew\x89-kh{\xb1\\n\xfdJC\xdb\xcaS\xa7#\xeb"m'</t>
  </si>
  <si>
    <t>b'\x8e\xf0\xdd`\x0eH\x03\xd1LB\x0bE\xe8\xca\x9a%\xb8\xbdMg\x11-\xaa\xf3X\xe6\x9b\xb0\xa8\xfbD\xbf'</t>
  </si>
  <si>
    <t>b'a\xb0\xee\xb7\x92\xd2\x81S\x85b\xc1\xff^\x06\xd1C\xf6\xe9rM\x96\x05\x01D\xaa\xc7\x0cY\x1b\x84G\xf2'</t>
  </si>
  <si>
    <t>b'\x8d\x8c\xfa\x83A&lt;6!\x1f\xe5\xa2\xd7%\xf4D\xfeg\x87\xcb\xee\x8ftu5\r\xc9m\xb4\x9a(zB'</t>
  </si>
  <si>
    <t>b'r\x17\xb8\x1b\x9d\xd4\x1f\xc0\x91y0\\\x1a\xfa\x9c\x04\xfe\xde9r\x8b\xd8\xb0H\xf2\x15@\xad\xd8J#k'</t>
  </si>
  <si>
    <t>b'S\x08\xdf|T\x93"\x034\xf3^\xeb\xfd-\xa6\x12\x06_\x93\x1c\x88\xb9\xed\xaa{\xa3\xfa,!\xb3\xcf\xd6'</t>
  </si>
  <si>
    <t>b'\r\x1e3^K\xcc\xfeN;\xc7\x15\xe6)K\xe4\xd3jX\xdb\xfbVhb\x94\xb2\xb3\xa9uM_^@'</t>
  </si>
  <si>
    <t>b'h\x1ef\xc3\x95`\x02\x191\x98kkk\xb1\xb2s!\xad(!z\xbf\xa80t\xadW\xba\x99&amp;\x0bH'</t>
  </si>
  <si>
    <t>b'\xa8\xd7\xe78H\x97\xb9\xa8\xe2\xe1YX\xb5\xc5  IVeW\xc9@8\x8c\xdc\xf6\xa5x6&lt;\xe7\xfd'</t>
  </si>
  <si>
    <t>b'\xa7\xf0Os\x7f\xe7\r]&amp;\xe2\x1f\x7f62t\xb6\xf0\xd5\x0e)9\xce\xf1r\x0b$\xacF-\xd0\xbd~'</t>
  </si>
  <si>
    <t>b'o.l}@\xd5\x0fx7:\xaa\xab\xdaI\x0b\xf9\xc04\xe1\xcf\xf5\x9aB|\xaf\xd0\x8a\x13\xe8\x04\x80\xe6'</t>
  </si>
  <si>
    <t>b'\x19\xb4\xc8\x0ft-E\xbd\x8d\x9d\x0e\xe3\xe5\xce\x86(\x17A\xb7\x89\xf3\x07\nP\xa0\xf1c%0\xbe\xc0U'</t>
  </si>
  <si>
    <t>b'\x81\x9bN\xd6\x0b\x05\xfe\x8c\xe0\x14\xc4\xd2y\xab"\xc0#\xd8/\x03\x84\xe2\xb6\x91{v;#}C\'/'</t>
  </si>
  <si>
    <t>b'k\xd4\x0bh\xa2%\xe4\x08\xfa/\xac\xdb8\xee\xe3|?\x859/I\xa8)\xca"\x874b\xae(V['</t>
  </si>
  <si>
    <t>b'\xb7\x8d\xce},\xf1\xbd*\xabn\xd1f\xf1v\x8b!\x9fCX\xaaJ\xd4\xd1\x12$D9\xa7\x1e\t7\x8f'</t>
  </si>
  <si>
    <t>b'Z\xa9\xe1\x1d@B\x95\xa3\xcb\x19",\xa4\xd7\xabh\xfd_\xe3\xd2\x8d!e\xb6\x13\x16e\xcdvPw\xe2'</t>
  </si>
  <si>
    <t>b'\x08\x15P\xfdg\xa8F\xfdl#h\xc5\xfdr\x9a\x9e1\x12\xc9$#o\xbfb\x1fS:D\x8d0\xfa\xc7'</t>
  </si>
  <si>
    <t>b'\xa4\xa8\x17\x15\xb3=\xd8\x95-\x9c:\xf5\xc6U\xbdI\x0bJ\xab\x96\x1f\x03\xcfn\xcf\xaf\xcc|9\x1a\xd4\x11'</t>
  </si>
  <si>
    <t>b'\xd9\xf4QJ8\xc2\xde\xdb\xc5\x16hp7B\xc5\xfd\xaac#\x9f\xd4\x93u\xc3\x80\x8f\xa8\xdc\x1e\xa8\xf3\x84'</t>
  </si>
  <si>
    <t>b'H\xa2L\xdc\x7f\xc6\xd4\x00v(\xbb#^\x13}M#\xf0]\xe3\xe1"\xb8\xbe]\x1d\xa3$\xd0-\x17k'</t>
  </si>
  <si>
    <t>b'Q\xc7\x94#~H\x01\x08\x9d\xb0\x9c\x9d\x88\xf7\x199$\xc6\xa6$\xe4\x12\xda\xc0\xff\xe5@\xbe\xe7\xb5D\xcc'</t>
  </si>
  <si>
    <t>b'\xe2;\x90\x13\x00\xda\xe9\xacb\xc2f\xe6\xf9\x0b\xef1\xc3\x00Ip\xae\xa5\xfe\xfed\xbeF\xf7\x98\x9c\r\xa3'</t>
  </si>
  <si>
    <t>b'W\xebZ\xfbC\xd4\x8a\x82\x8d\xd8\xf3\x16x\xe3C~4\xf8\xb4\xf3C\x99/\xf6%\xa9\x91\xd3Bt\xd3M'</t>
  </si>
  <si>
    <t>b'\x8b\xd7\x05\x1f\rA\xc2\x96\xabI\xd7\xb6\x81\xd7[\x01F\xdb\xfe-(\xf6\xb7\x88\x10D7\x88\xf0G\x9fQ'</t>
  </si>
  <si>
    <t>b'\xb51\xb9\xceW\xb1[,\xac9e\xc1%\x12(xy\x83\'\xe1\xb3\x06Yt\xc0"\x0e\xd41\xcacK'</t>
  </si>
  <si>
    <t>b'\x82M\xf8\xc0h\x96\x92\xa9\xf6\xedr;/\xb1\xae\x8f L2\xf9\xf8=o M\n\xc7\x00\x115\xbfV'</t>
  </si>
  <si>
    <t>b'\xad\x1b:\xb1\xe3#\x1e\xa2\x0c\xf0\xb4\xfe\xf8\x96\x16\xec\xbd \xad/s\x0c\xb6\xc5.\x1b\x1d\xf4\xbd\x119\xed'</t>
  </si>
  <si>
    <t>b'};\xaeS&gt;\x93\xacL\xec\xcc\xaf\x88\x9e\x8bU\x8d\xac\x05\xdaX"\xef\x901\xb8J\xfb\x9f\x06 \x05\x99'</t>
  </si>
  <si>
    <t>b'\x03\x08wF\xe6\x8f\x19\xb0xZ$\x85\xdao\x92M\xf1\x97\xa6S\x01-\x83\xb2Y\xdd\xee\xcf\xcd\x07I\x90'</t>
  </si>
  <si>
    <t>b'\xac\x04\x82\xdeG\xd4\xf7n\xf27\xc1\x03\xb9\xcfr`\xea\xc5\xbc\x0b\x0bdL\xd0\x0ee\xe1\n-\x02\x9f\xd7'</t>
  </si>
  <si>
    <t>b'm:\xab:. ]\xa0X\xb2\xe4\x9d\xb3\xb5\x8b3\xeec:W$\x00\xcd\x1fYj\td9`o-'</t>
  </si>
  <si>
    <t>b'f\x8fz\xb5\xc8\x08mO\xaf\xe0\x88\x92\x87\xf1\xe8\xd3U\x8a\x87\x83BQ\x05Qj,\x85\xbd.\x90\xbf\xe3'</t>
  </si>
  <si>
    <t>b'\x80\xbbD\xfcvz2\xb9\x1a\x8e\xbbG;\x9a\xe0&lt;\xe1\xf3\x17\xe1Qq&gt;\xc4\x1f\xb5o5\xc8F\xcb\x8a'</t>
  </si>
  <si>
    <t>b'\xf8I\x87\xe1?\xf8\x84`\xc1\x17!\x9b\xae\x95Oy\x1e\xc3\xec\x83\xf4\xa9G\x1d\xbd\x009\xc50\x82*\x9e'</t>
  </si>
  <si>
    <t>b'\x82\xa0\xc3\xe7\xf7\x1a\xceb\xfe\xa5\xfa\x17j\xb20!\xe6?^o\n\x93\x14\xceG&amp;b9qN\xe6\x89'</t>
  </si>
  <si>
    <t>b'\xd1$S\xc6\xb0\x90\r_\x8f\x10\xf6C\xb5\xffm!Z\x1e(\xf9k[6e%\xdc*\x81EC\x97\x99'</t>
  </si>
  <si>
    <t>b'\xd6&gt;\xe2&amp;J\xbb`m\xd0y4Q\xaa\x15X5\\\xce%?(6\xa7C\xab]p\xec{\x9b\x9dP'</t>
  </si>
  <si>
    <t>b'Vi\xef\xaec\x16\xc0\xf3\x8c\xc4\x07\x0crc\x84\xb7\xdc}rf\x1am\x92\xfd\xc8]}\xb7\x12\x0f\x87\x98'</t>
  </si>
  <si>
    <t>b'\x1cm\xce\xedCY\x80w\x90\xd3\xf5XR\x97;_Jpi\x16T,+`\x83\x84%\xe0~\x19\xfb\xec'</t>
  </si>
  <si>
    <t>b'\x04u\x8f\x03\x92\x8a\x11#Vua\x1c\xca\x81\x1a\xc9\xa0H\x91\x18\xc9\xe8P\x10\xe9\x1d\x8d%\xbd~~\xba'</t>
  </si>
  <si>
    <t>b'T&gt;M,!e\rLg\xea\xe8=z\xd5^\xd2\xbe\x04\xdfA\x01\xbb\n\xa8:\xd7\x81\xee6\xc9f\xff'</t>
  </si>
  <si>
    <t>b'\x8b]\xca\xe6\x9dS\xe4\xefS\x9b\xf5\x85\x8c\x8e\xdb\xe3\xf6\xae\xc8\xe151\x86V\xee\xc0\xe8\xe8\xdb4\x19}'</t>
  </si>
  <si>
    <t>b'\xf6\xdb\xd8\x9c3\x91\x9b\xde\xda\t\x99\x95h\xdb;\xc65\xe9@\xe1\\\xa9{\xb6\x03*\xce\x05)\xaa\x7f\xc2'</t>
  </si>
  <si>
    <t>b'\xf9\xff\xfd\xa4{\xdb|%WQ`x5\xb0\xb7J\xf1N\xca\x84\x0f\xd9](G\xe28\x1dC\x1eWP'</t>
  </si>
  <si>
    <t>b'5I\x9d\x83\xec_of\xb9\xa3\x0e\xbc\xbf\x889\xc2W\xa1\xb9)\x89C\x96\x9c\xc8K3\xaa\x18\x80\x95@'</t>
  </si>
  <si>
    <t>b"X'\x89_\xe1gJ\xc0@\xca\x89$\x14\xf4\xe4\x08\xf4\x1d\xb1\xa6\xe6\xe5iE\xe1T\x8d\x92\xa3\x13\x18\xe1"</t>
  </si>
  <si>
    <t>b'*7\xc1~\xb0\x829\x1e\xf8_\x1f^\xb3\x87\xcb\x03\xff\xe6\x9e\xd6\xee\xb6:U\xad\xd0\x05\xe6]\x12\xf4='</t>
  </si>
  <si>
    <t>b'U\x03\x91\xc1\xd9\x02\xb6S\x1a\xa9\xf1.E\x13\x82\xdd\xc8./\xa2\\f\xfd\xf4\xb2x\xb6\x85C\xc5/\x81'</t>
  </si>
  <si>
    <t>b'\x92\x94.\x9f_\xf7$d\xcdqz\xf7\x00\xc7d\xa83\x0b\x9d\x1aRmX$\xea\xa4h|8\xa7\x84\xc2'</t>
  </si>
  <si>
    <t>b'\xe5\xa0\x0c\xbc\xea\xf6Z8\\B\r\xf7\x99\xe0l\xa2b\xa7l\x1c\n\xda\xa8\xac \x14eT"\xd7i\x12'</t>
  </si>
  <si>
    <t>b'\xd7\xc1\x06\x1c\x19\xb8$\x8e\\\x85\x87\xeb\x84\x15R\xff@\\\xd4"\xe9J\xf9\x889\x06\x11\x82\x8d^\xfeF'</t>
  </si>
  <si>
    <t>b'l\xb8\xc8\rS\xb8\x0bX\xb5\xeaA\xe0_\x86\x1c^\x8f\xa0e9\xe7^\x9b\x13\xeb\xe8\xfa\xb3D`\xef6'</t>
  </si>
  <si>
    <t>b'e7p\x8fg(\xac\xfb\xd5\x8a\xce\xc9*y[\xb5r\x1f[`Z\xe0\xe6}\xff\xdbhS\xcb\xe6}H'</t>
  </si>
  <si>
    <t>b'\xae\x87v\x93]a\xd2Tw\xaf\x88\x8ePx\xcaJj\xca\xaf\xe2K\xc9\x90\x9c\xde\xacJof\x9b\x14\x02'</t>
  </si>
  <si>
    <t>b'\xa85?\xd2Y\x03\x94\x8c\xd4\xf5\xe5\xa7&amp;\xd2J\xd8\x88M\xb5X\xe2\x8cj_\xd3\x07\x10v\x9a\xeb\xb2\x98'</t>
  </si>
  <si>
    <t>b'U\xf73\x7fgb\x11pd\r\x02\xa3\xb3\xaf:\xd7\xd1\xe5\xb50\xcb\xd3L\xb9&gt;\xb6\xa3\xfc\xd7\xf8]\xfd'</t>
  </si>
  <si>
    <t>b'd\xe9R\x88aZ\x97sl.\xc4\xc64\xd9#B\xe761\x7f\xba\x80\xf5yi\xb8\xe9\xcf\x98\xc6\x1f?'</t>
  </si>
  <si>
    <t>b"z\x1f\x15\xa1`'S\xcd\x0f\xd2\xd8j6\xcd9\xc2\x13\x97z|\xf2i/3\xa5\xd2T{\xa4\xfc\xac\xb6"</t>
  </si>
  <si>
    <t>b'\xc9 \xd1\x07\x89A\x1c$\x13\xce5\x1e\xdaJ\x19\x04ZA\x8a\xe2\xfa\x07\xdf\x05|\x82\xdd\xe6\x16\x14\xc0\x02'</t>
  </si>
  <si>
    <t>b'\xc4\xa2\x12\xf1\xb7Z\x94\x07g\xbc\xb9yY\x94j\xf8\xfc?\xe8\x03!4\r\xa1[?\x11\x03\x1d\xa3a\x04'</t>
  </si>
  <si>
    <t>b'\x1f\xdb\rGy1 BOB\x8aUv\xf4Q\x1f\xb0\xf0\x94\xaf\xe8\x11\xd8g?&lt;&gt;i\xcd\xeb\x81c'</t>
  </si>
  <si>
    <t>b'\x19f\xab\xe8A@\x03\xa9\xd1 O\x8f\x93\xad\x8e\xc3\xa7RY\x7f\x1c\xa8\xfb9\x05\x9d\x97uf\xbf\xe1f'</t>
  </si>
  <si>
    <t>b'\xeb\xcd\x8b\x89\xf3u\xeb\x92\xac\x92\xd9\xc9C\xee|\xc0R\x97dy\xac\xa3\xd9h\xc6[\x8ek\xd6q\xe4\xb3'</t>
  </si>
  <si>
    <t>b"\xe2\x14\xc3D\x91$[\xae\x8c\x01\x82\xa71V\x8cy~'\x1d\xa0~/\xd5\xf98\x89\xca\xfb\xd3\xa7\x1dt"</t>
  </si>
  <si>
    <t>b'\xa38NR\x8fy\xce\x07=.~\x87\xea\x17\xb2\xc7{\x87\xf8Q\xc4y8\x87qwp\xf0/\x00e\xab'</t>
  </si>
  <si>
    <t>b'o\x8c\xe9\xd31\xb10X\xad\xd2\xceX\xebd\x10\xc3\x03\x83k\xd6\x93)k\x1cG\x0c\xb1\x1d&gt;\x7f\xb2\xa6'</t>
  </si>
  <si>
    <t>b'\x01\xd4\xf0\x1a\r\xa5\xad;\x8c\x91tP\x00\x17\xe0J&gt;\x0f\x81\xd1\xd5\x92\xff\xef_\x1c\xfbE\xd2\xe1|Q'</t>
  </si>
  <si>
    <t>b'\xbc\xff"\x1aB\xdf\xd2\x0c\x1f\xcd\n\xd6D~\x99\xd8\x99\xae!\xf1y\xf8\xa1\x81\xa0\xaa\x03\xf0\x18_L\xd9'</t>
  </si>
  <si>
    <t>b'\n\xca-\xaa\x88#bM\x9f.\xef\x88\xd3w\xf0\\V0aO\xd7\rx&amp;\xc6\xba\x01\x1fHC\xf5e'</t>
  </si>
  <si>
    <t>b'\xa7\xbcE\x84\xc7\x01\x92\xa7-\t\xa0\xf2&gt;J\xa9\xdc~\xd5:[\t b\x82\xc0\xc9U\xe7Q\x96\x0c\x1f'</t>
  </si>
  <si>
    <t>b'\xfe\xd1\x97\x08\x06V\x1d\xa7\xe2\xf1n\xae2k\x08%\xb4\xb5\xfb\xf7P1%\x95\xaf\xc8\x12\x03\xa5\xa7m\xbe'</t>
  </si>
  <si>
    <t>b'\x17\x11\xf6\x9e:s\xb6\xabO\x15KhZ\xe5{\x18)\xce9\x82\xd8\x0f\x19\x9b\xc5\x05\x98\xe9whK9'</t>
  </si>
  <si>
    <t>b':\xc9\xb2\xc3\x0b;\x80\xcc\x00Y\xb90\xcb!\x8d\xb9\xd3\xb7\xe0\xc6o\x02\x14]Y\x97N\xe5\x86L,\xc7'</t>
  </si>
  <si>
    <t>b'v\xac\xe9\xf0DI*\xd7\r1g\xae_\x88x4\x87\xc6(\x86\xb6\xa9\xc2\x88\x99\xffw\xee\xcb0R\xe9'</t>
  </si>
  <si>
    <t>b'\xb9j\n\xdfm\xeb\x16w\xf213\xa4\xd4%\xfe\xfb^\x82\xd8\xbe\x1bk%\xbb\x88f\xd9\xa61\xb6-@'</t>
  </si>
  <si>
    <t>b'{\xbc\xd2\xa4p\xb6\x0c\xdd\xfb\x18\xff"}\xcc\xb0\xcb\xb2\xd80\x0f\xe4[E\x85\x15\x94\xba\xbc\x1d\x0c\'\xa2'</t>
  </si>
  <si>
    <t>b'\xc3\xe48\xf9\xadvYK(JT\xed13?\xb6D\xad\xad\xb0\xfeT\xd3\x08\xc9\xb4&lt;\xf4:B\xbbf'</t>
  </si>
  <si>
    <t>b'\xe5J7P\x7f\xb8\x92\xfd\xfd\xf6\xdd\xd2#\xdc5\x89\x9eg\x86Z\x19\xe8:}\xc9\xf4F\xdd\x10\xdf\xb8n'</t>
  </si>
  <si>
    <t>b'\xbf\xbf\x83"X&lt;f{6\x7f\x17\xaa\xde\xb2\xa5\x86\xbep\xfc\xcc\xfb\x9d\xb2\'\x9dI\xe5 \x10\xf6\x84\xe2'</t>
  </si>
  <si>
    <t>b'_\x04\x17\xe6\x10g\xef\xfd\xb8\x81N\x88\x04\xaa\xfa\xb9\xae\x1dK\x80&gt;\xcc\xae\xc5;\xdd\xa2\xf1\xc7\x90\xe1j'</t>
  </si>
  <si>
    <t>b'\xf4\rO\xfeN\xe2J\x82#\xf5=\x96\xa1\xc0`\xa7\xd2L\x8f\xb8T\xdc*\xfe\xbc\xfc\x05b\xaa\xc9\xf8V'</t>
  </si>
  <si>
    <t>b'\xe2mu\x13\x0fl\x96N\x84\xb6\x06\x96\xf878\xe5S \xf9|\x17`\xed\t\x05\xa8D\xeaI\xe9\x80\xa1'</t>
  </si>
  <si>
    <t>b'\x1c\xa2tt\x02\xff\xc4\xe3d\x84\x1f\xd0T\x134\xc2\x84\n\x169\xd8P~P\x14\xa6v\xc2\xaf\xd9\x86\\'</t>
  </si>
  <si>
    <t>b')L\xd1\x04\xba\xf6vZ\x84\xeb\xddL\xbe7\xb1\xa9\xe9A^4\x98\xd7\xb4\x9d\x8c\xf6\x88\x02\xcc\xe6m\x18'</t>
  </si>
  <si>
    <t>b'\xb3y\xb8R\xc8\xf79_\xe3Y\x1c\xa3\xce\x82\x9di\xdb5F\xdd6_\x7f\xfd*d\xfc&lt;\x9d\xeb\xd2s'</t>
  </si>
  <si>
    <t>b"\xb9\x11\xc0l\nBQ\xb3\x0e\x15\x88\xaf$DHaG\xc9}y\xef\xaf\xc6Y&gt;\xcb_\xcb'\x9d\xad\x8e"</t>
  </si>
  <si>
    <t>b'\xa3)\x8b\x13\xb2.X*\xb45~\x9ei\xbdN\x84\x13\x96`\xf2\xd5\xaf\x89\x0e\xe8\xa4\xbc\xba\xbf\x84\xf6\x9f'</t>
  </si>
  <si>
    <t>b'\xfa\xc7\xe4\xce\x9b\x82~\xdf\xfa\xdd\xaf\x15\xad\x99\xa0lxo\xef\xf7\x91k\x9c\xefl2\xce\xed\x8f\xacs\xd8'</t>
  </si>
  <si>
    <t>b'p{\x8exYQ\xa6F5\xda=\x9f\xa0\xe6\r\x97\xbd\xe2\xa4\xde\xba\xd7\xe9-*\xf6\xa4AL\xc0W\xbd'</t>
  </si>
  <si>
    <t>b'H\xc9\x8b\xb1\x84\xe2\x82J\xa4\xbe,\xa2vOC\x926/\xf4\xc8\xac\x16\n\xae\xab\xdf#\x07:\xf6\xee\xfb'</t>
  </si>
  <si>
    <t>b'R&gt;(\xb9\xd8\x04\x8cI\xc0\xaf\xb1\xe0W\x02\xb4\x18|v\xa1%\xc8`K\x1cx\xc3%&lt;\x07b\x068'</t>
  </si>
  <si>
    <t>b'\x00\xbe/\\W\x08"j\x17VKM\xd4\x1e{\xed\xd9\x90\xeb\xea\r\x04\xf0\xac\x06-!E2\xa0\xd0}'</t>
  </si>
  <si>
    <t>b'\xa4\xff\x1eE\xca\xb6\xe4D\xcf\xffi\xc0\xea\x86\x14W\xd3\x1e\xb2\xbc\x03\x87\xa3\x9f\x83l\xb8\x12/@x\x82'</t>
  </si>
  <si>
    <t>b'\xe0\xf5\xfe\xf4d\x11\xe0\xc30O\x93\x94m\xbcZ\xd6\xbf\x18\x15\xc7\xdfR\xe1\x83}*\x1d\x16\xc9\xf4\xbd\xdd'</t>
  </si>
  <si>
    <t>b'\x85\xb6r\xa9\x7f\t\x11\x95\xb5\xd5\xe2\x06H\xcc\x91\xbd\x03\x12\x1b\xb5\xaa\xe6\x87\xba\xa6\x18\x00$$\xb04\xcd'</t>
  </si>
  <si>
    <t>b'\x93\xd6\xc0\x90r\x85\r2\xf0\xf1I&lt;\xd7\xf7)a\x82)\x9c\xea\xf8\xbe\xe7m\xb0I&gt;\xd8\xef\xcc\xf4\x18'</t>
  </si>
  <si>
    <t>b'\xc4\x15\xf0\x06\x91fvA\xc1\x07&lt;\xe9U}\x03D{\x04:\x83\x87\xb8\x0f#\xe5dw\xce\xf8\xf6m\x89'</t>
  </si>
  <si>
    <t>b"\x9e\xa5\x02L\xc3\x13&lt;Y\xc8\x86\xd3\xc0\x84\x03\x92\xb7\xee\xedz'D\x05\n\xd6e&gt;\x97\x8a\xc7e\x05\x10"</t>
  </si>
  <si>
    <t>b'\xe7f\x94\xfc\x1d\xf6u\xb9\xa9\x13\x19I\x81\x07\x9f\xa9BO4qI\x02\x0e\xaf\xf9\xceZB\x0c\xe1\xfe\xd9'</t>
  </si>
  <si>
    <t>b'\x1b\xab\x19r\n\x89\t\x8e:\x91\x98i\xac\x1d[wq^\xe5\xde\xd2\xea\xb7\xb1r\xbeT\xbf\x84\xb7\x0b\xc8'</t>
  </si>
  <si>
    <t>b'\xf6_\xc4ax\xb5\xech\x1d\xa5\xa0*\x9cO\x03\xba\xdf&lt;\x89r\x8c\x02cD\xd471\xbd0\xe8\x0f2'</t>
  </si>
  <si>
    <t>b"\xcf\x99\x99\x8c\x00\x0f\xf3\x06\xee\xab\xfb\xb8p9\x9c_\x97\xb2\xa7J`\xf7\x82\xcd\x9b\xf9\xe0\xafq@\x0f'"</t>
  </si>
  <si>
    <t>b'nNyOk\x85\x83qK\xb9$\xb0\xc6X\x15\xe7C\xac\x1d\xd4*\xdfB\\u\x918)\xd55!L'</t>
  </si>
  <si>
    <t>b'"\xfe\x06WdCId\x93\x1ea\xf4\tq"4\t\xa4F2\x9b\x8d\x12\xec\xfa\xbdc\x8c\xb1\xb4\x11\x13'</t>
  </si>
  <si>
    <t>b'\x90$K\x03\xd4EU\xcb\xe0z,\xb1\x8fF8iuY\xc7?\x98V\x9b\xfbn\xa3j9~\xc5\x8e\xb2'</t>
  </si>
  <si>
    <t>b'5\xc1\xfa\x05\xbe0l\xd8S3u\xb3\xf0T\x8b\x80f:4h\xa8\x01\x800\xdd\xc4\xe3\xef\x0e\xaa\x10*'</t>
  </si>
  <si>
    <t>b'\xfc\xf3u\xe9\xc3\xdb\xa8\xa7D\xcbl\xe1S\x06XF\x05\x87\xd7\xf9\xc3D\xb9A\xd5z\xe6\xb1\xf8\xb9\x1c*'</t>
  </si>
  <si>
    <t>b"\xca\x89}x\xeb\x1c\xbbR\xd9'\xb8@\xc5\xe2l/\xa2\x98\xbf h\x02\x86l\x06\x15&lt;\xd9\xc5oNs"</t>
  </si>
  <si>
    <t>b'\x1b\xa6\x00r\x0b\xe4V\xbd2\xe2\x11O\x18&amp;\xfc\x9f5\x02n\r\x9f~6\xe1\\\xb4p\x84\xc3(\xc8\x07'</t>
  </si>
  <si>
    <t>b'\xc2\xf5\xd2\x9bYC\x1eq\xc0!(\xdd\xaer\x0e\x80T\xa7gDNm\xd9\xc3\xec\xc8\xce\xf4\xbc\xe4W\xfb'</t>
  </si>
  <si>
    <t>b'\xce\xe5u\x0cD4m\xaa\x08\x894\xe6\xbdn\xfd\xce\\\xd3{Q&gt;\x88\xab\x90\x88P\x90K\xb8\x14\xf4\x84'</t>
  </si>
  <si>
    <t>b'a\xd9\xb5\xd5\xb6\x9e\x0c\xe5\x94k\xf3\xf0\xb3&gt;\xa3~S!\x07\x1d\xdd\x89\x8b4B\xcaIZ5\xee-\x14'</t>
  </si>
  <si>
    <t>b'm\x8d\xdf\x00\x82C\x99&lt;\xe5\xb4\xa2|\x16)\x82\xa5T\xa5!\xe2.\xc6\x84\xb3\xf7\x06,\xff\x9a\xcb\xcc\xbd'</t>
  </si>
  <si>
    <t>b'M+\x9e\xadj\x9dHY\x9c\x19m\xf3\xfe\xe5\x97og\xefe\x12\x8e\xa1?f!G\xf8\x08\x9c\x02\xa6?'</t>
  </si>
  <si>
    <t>b'\x93\xb4\xd4\x8d c83x(\x0f\xfa,\x94\t\x9d3\xb5r\xcf\xd0l\x90\x8dp_\x11\x02\xd7\x87\xdf{'</t>
  </si>
  <si>
    <t>b'5\xe3v{\xdc\xb7k\xcf\x1e\xc9\xd0\x12k\xa0\x1b\xf7S\x1et\xa9|\xd8\x1eA\xee\xcf\xd6\x8f#\xb8\xb9\xea'</t>
  </si>
  <si>
    <t>b"R\x96\xa1\x86\x90\xae&amp;?\xa4T\xcf\x19\x92\xd8\xfa\x0fS\xf1\x7f ce\xd97\x00\xe0b'\x16\x1c\x91\xd1"</t>
  </si>
  <si>
    <t>b'KX\x11\xf1\x9b\x93g\xc7\xf9\xd8\x93\x04\xef\xdb\xe4\xef\x9f\xe8r\xaaC\xad\x8f\xff\xc8\x10\xcc\xdc\xc6mj\x1d'</t>
  </si>
  <si>
    <t>b'\xd3"\x1bB\xfb\xe4{F\x7f\xa1\xda\x7f\xd8Q.Kj\xech"Sh\xd0\xc8;HR4pt\xc7\xf6'</t>
  </si>
  <si>
    <t>b'\xd8\x03+o\xcdOq\x14{\x06,\x82B\xa5\x0flG\xc18\xd1\xda\x8f\xe5c\xf6\xe7\xe4\xc4\xe0q\xd6\xc1'</t>
  </si>
  <si>
    <t>b'-\xc14L^0H-\x06\x88%v\xc9\x94\xbf\xc9bU\x16\x89\x11\xa4lMJ\x15\xa7[\xe7\xd6\xdb\x1b'</t>
  </si>
  <si>
    <t>b"\xce\xc9\xd4\xdc&amp;\x82\x0b\xe1K[\x0f\xe7\xfc\xdes'\xda\x92\xc6l\xaf#\xd1G\xaf\xf0\x80`rY\xa8\xd4"</t>
  </si>
  <si>
    <t>b' h-\xe0\xe9 \xd1\xa7a2E}O\xcb\xe3\xb6\xd8S\t\xc5A\xb7\x1c\x95\xf3;\x02,\x16:BE'</t>
  </si>
  <si>
    <t>b'vO]\xe3\xac\xb2T\x8d\x04pnaC\x01\xd4\x03p\xc4o\x94\xfb\x1b\x05%\x0b\xa7\xdb\x90\xec\x7f\xb9\x83'</t>
  </si>
  <si>
    <t>b'\xa1b\x8d\xa5\xaf\x91\x8a\x82\xcc-\xd2\xa5\xa5&gt;\xb0\xcf\x07UCa2\x99\x16\xfe\x0f\x9c\xe1\x1foP\x95\x16'</t>
  </si>
  <si>
    <t>b'&gt;\xb6\xb7\n\xc4\x9a\xabS\xf1\xae\'\xb1\xe3m`\x86\x94\xef\xf4"\xca\xe8O\xb7\x95\xc8\xeb\xd9M\xcf4\xd2'</t>
  </si>
  <si>
    <t>b'\x11;q\xae\xe6\xd7&amp;\x98\xb6\xebZ\xd7\x7f\x9a\x8e\x97\xbd\xab\xc0\x16@\x80D\x18\xdb\x1b\x98n+s\xb2\x02'</t>
  </si>
  <si>
    <t>b'9\xcd\xd09h\x14QG)6\xf8;\xeb\x1b\x1f\x80\xac\x9ei$+\x80\xeeZ\xd9\x1a\xe8\xce\x84d\xddO'</t>
  </si>
  <si>
    <t>b']\xcb\xad\xf5\x8d\x1c@\xec\xa2\xe6B\xa3zr{*\xb6\x00P\xb6YYB x=\xa7 \xac7:\xae'</t>
  </si>
  <si>
    <t>b'\xc2Wn^\x0e]\x18\xbd+\xd9\xed\x08\x95\x1e-\x82;\n\x0eH\xa6\xce\x9f\x8c\xab\x81{\x01\xec\xc9\xd7\xa7'</t>
  </si>
  <si>
    <t>b'\xea\x82G\xef\xe6\x11\xcf\xd4\x92W\x80d\x9f\xa7\x0b\xc9fP\x9e\x84\x19\x07\xdb\xa4\xcf\x81\xc2j\xa2\x89\xd1\xc2'</t>
  </si>
  <si>
    <t>b'Z\x8f\xbe\xba\xc5\x97?,\x19\x08,2\xc4RwY\xbe\xc8\x05\xe8\x85NW\xa3j\r\x85\r\xa3tp\xea'</t>
  </si>
  <si>
    <t>b'\x8e\xb6\n\x82\xf1\xac\xbf\xb0\xde\xbf*9\x81\xb2\xc1%f\xd3\x9dg\x14\xa4\xa4\xa3g\xcc\x83\x07\x03\xa00Q'</t>
  </si>
  <si>
    <t>b'A\x89?\xf4z\x08\xf2z\x93h;\x00\xea0\xec\xa9\xe0\xf7c&lt;j\x95o;\xcb\x04\xe3\\\x848,\x11'</t>
  </si>
  <si>
    <t>b'c\xc8\xff!K\x1a\xbb\x1c\xa7\xb9*r,\xd0T\xed\x99#\x98;\x8d\x84W\x0cthd\xbbX\x04\x8e\xad'</t>
  </si>
  <si>
    <t>b'\x99\xf9\xd8\xafQ\xddi\xe6\xa1`f \xfd99\xcb\xc5%&lt;=\xd3|\xec\xb4\xa3Uu\xc2r~\x8dM'</t>
  </si>
  <si>
    <t>b'\xa8\xfb$-\xa9\x96\xede\x12D\xdb\xd5\xea\xbe\r\xde\xd7&gt;\x8cH\x17\xd6\xbe\xe6\x02\xa5i\x02\xb1o\xb2\x13'</t>
  </si>
  <si>
    <t>b'f\xb7\xf1R\x9f\xdd%R\xbc\xd9\x1b\xf9m\xe2&lt;\xfa\x98\xb6\x8c\x1fM\xe8&amp;\xc0\xfba9e\xa5\x1eP\x9b'</t>
  </si>
  <si>
    <t>b'\xe1\xd63r\xd9\xb1\xc3!T\xf7\xc6\x9f\x88\x8b\x98"\xd0\x8a\xba\x17.:Y \xd7\x1a\xa9S\x9f&amp;\xd4\xd0'</t>
  </si>
  <si>
    <t>b'\xb4\x88:\x1e\x1e)\xd1)\xc7/,\x81Z\xaeN\xf9,\xd0\xa7L\xe30\xa7\xd8\x1e\xeb\xb7]U\xf1\x0fl'</t>
  </si>
  <si>
    <t>b"\x88E\x96\xd1\xf4\xa8:\x8f\xc2\xa3\xc2\xc5\xef=\xefCuuF#N^\xfc\x9a\x0f)4\xd8 '\x07\x93"</t>
  </si>
  <si>
    <t>b'\xca@\xeeT\xe3.+\n\xd8\xa1\xa6\xe6\x8dW\n\t\xe4\xd4\xdf\xc2r\xce\xd1 \xaa\xa3F\xa4zx3u'</t>
  </si>
  <si>
    <t>b'8\xb9\xbf]\xa9|ho,\xcb\xcfw\xdb\x9e\x8a\xd3\xb4\x1d\xfe\x81\x8f\xa4\xf7m\x80S@\xda3\t\xd9\xd8'</t>
  </si>
  <si>
    <t>b'\xe2Q\x13A\xd7\x1e\n\xecD\xce\x14\x0b\x13\x9a&amp;\xbc\x96\x01(|\xe8\xbe@\xf9\x90\xe8\x02\xa5\xe0\xe7\xa9*'</t>
  </si>
  <si>
    <t>b'\xc6_$\xab\xbc\x01\x06\xf5\x81\xae2\x90eq\xf27l&gt;\x93\xc1a\xfe\xcc\\@\x0c\xae\x90\x80\x8b\x07j'</t>
  </si>
  <si>
    <t>b'\xb4\xf3\x99\xfabo\x1c\x9b\xdf\x16$\xce$\xcf\x1b\x13\xbb\xfe2\xb9_7\x88\xe6v\xf7\xa04y\xe1\xa8\xec'</t>
  </si>
  <si>
    <t>b'\x8aGEb\n\x1dPi\xcf/\xf1\xecQ\xfdHC\x93mtW\x0br\x1c\x02\x10\xcf\rd\xdef\xc4y'</t>
  </si>
  <si>
    <t>b'\x00\xc9\xa5D\\\x86\x9b\x1f&gt;.I\xf5\xb6\x97Q\x97\xce5\xc6s\x0e\xc9_-{\x94S:\xb4\x1b\xdc#'</t>
  </si>
  <si>
    <t>b'\xc2\xe0\xfc\x10\x8bz9\nH$\xbb\x9e\x00ua\xb4\xc0\xddKP\xcf\xa6\xd6T\xa9\xb6\xbbd6\xe5\xbd\xdb'</t>
  </si>
  <si>
    <t>b'\x84\xaa\x11p\xe7\xcc\xef\xb6a\xc8i#\xaa\x13sz\x9f%1\x0f\xe0\x1c:\xef7\x8d\xed\x9d8\xa6\x96\r'</t>
  </si>
  <si>
    <t>b'\x0fs\xa6\xeblZx\xf5\x9cU\xd6\xfc\xe9\xfe\xbc\xa1eu\xebyULK&amp;*(\xbf^\x8d-\xc5C'</t>
  </si>
  <si>
    <t>b'\xe3\xe6\xa5\xa9\xfc\xee\xaa&amp;\xfb\x93\xcaA\xc1K\xb4.\xe0\t\xdeG\xaf:\xfc\xa5\xbf\xa1\x1dN)\x95\xb9\xd4'</t>
  </si>
  <si>
    <t>b'\x8au\x99Di\xc8Wq&gt;Ol\x12\xa9k\xb0O\x8aI\x8e!\xe5[yB\xe0\xb0ZvCpZ}'</t>
  </si>
  <si>
    <t>b'\x96\xf5\xd0\xc2\x06\xee\xb7\x0eJa\xab\xbe\x89\xb9\x7f\x1cV\x18\xcd\xbf\x04\xec\x82\xdds\t5R\xfe\xb2\xba\xea'</t>
  </si>
  <si>
    <t>b'C\x9b\x0f\xd4\xf1\xc1\x8c\xea\x86\xed\x86\x1b\xcd\x13\xcc^\xb3g%\xb6\x14Z\x14\xef\xcbS\xbf\xee8\xdew\x0b'</t>
  </si>
  <si>
    <t>b'\x18\xce\\\xeb\x03\xfb\xbf\x84\xb6e\x9d\xac\xb5\xc6\x81#\xe6\x9eR\xaaZ\x15\t"\xcc\xf6\xefdD]o\x15'</t>
  </si>
  <si>
    <t>b'I\x1c\xc5~\xb7\xc0\x19\xa5\x9c\x04I\x04d\xe6\x7f\xb4VQ\xcb\xa0\xbeK\xafN\xdd\xech\xb8;\xbd\xaa\xd2'</t>
  </si>
  <si>
    <t>b'\\rH\x8b\x81\x12\xc3\x05Dm\xaf\xe0\xbf\x94\xe8R\x15\xee\xf8\x0e+0 \xca5\x9e=\x0c\xde\xbc\xba\x97'</t>
  </si>
  <si>
    <t>b'\xe0\x8e\xa6H\x19=\xe7\x1bub\x0b2\xc5\xf1\x8f\xc5N\x81y\x95\x11*e_`Q\x0c}\x87\\\xe1\xee'</t>
  </si>
  <si>
    <t>b')1\x89\xd0\xa0\x1fD\x8aCC\xf1F\xc8\x92\xafW\xd2\xd3\xff\x15X\xb0X\xbab\x1dk\x0f\xf7;\xdb\xcf'</t>
  </si>
  <si>
    <t>b')-\x0f\x97\x15\x81\xf8\x82\t\x053\xe5Z/+~\x9c\x80\x1f\xbc1\x08\x7f\xfb!\xfa\x9e\x85\xa3c\xfb\x10'</t>
  </si>
  <si>
    <t>b'\xd2\xe0,\x1e\xdc\x16\x8e\x03\xb9\xb3\x8a\xa6\xa7\x9b`}4\xa6\xa6\xb6\xd3\xd6\xf8\x1b\x84\r\x87\x9a\xa7\x93\xb6R'</t>
  </si>
  <si>
    <t>b"1[j&amp;H'\x9d\xba\xae\xfc\xd5\xb5H/\xeb*\xc7\xca$cj\x0c\x90K*\x9fy\\\xbb\xc1\xce\x9b"</t>
  </si>
  <si>
    <t>b'\xb55\x1d?\x9f\xd4\x94,\x86_\xe7\xd8\x92\xb7\xc1F\xb9\xd4\xdd!\xd8\xd5\x92&gt;\xa0Q\x87\xb6\xc5\xd3\xff '</t>
  </si>
  <si>
    <t>b'\xb2&lt;\xe2I\xb5\x9c\x8f\xaf\x0fd\xb0&lt;n\xce\x04\xf6\xe7s\xc2\x08o\xd4\xd4\xdeH.\x18)\xe8Jv\x00'</t>
  </si>
  <si>
    <t>b'\xd3\t\x9b\xff,4z6G\xa6\xc2M\x99k"\xfe\xab\x13\'a\x16\xaam\x17\x04B\xb7wC2\xec\n'</t>
  </si>
  <si>
    <t>b'\xd7\xf5m\xd1!5\xc4c\xc6 U\xbaM0_\xc2\xa0!1\x06\xa2\x13\xa9\xf6\x92\xde4\xb0\xb9\xee\x1f\x83'</t>
  </si>
  <si>
    <t>b'\xf1\xbb\x05f\xa2p\xcez\xebJZ\x00 x\x8f0H:\xca\xdfj\xc3n&lt;\xb9,\xe8\xa6\x05%gx'</t>
  </si>
  <si>
    <t>b'\x994\xac%3\x9fY\x9bu_\xefwJ|\xf2=\x05\xe8\xf9\x0c\x91\xb0\x10d\x86_?\x98\x88\xcdJR'</t>
  </si>
  <si>
    <t>b"`\xab\x16=^\xea\xe2\xbfF\xf8\xbf/\xd6\xaf\x0c\\7$\xba\x19\xe3\xf4\xfap'.\xb8W\n\x88Q["</t>
  </si>
  <si>
    <t>b"b\xd5O\xb2w\xe3\x14\xfc\x01\x86\xb8_]@[\xf4\x1e\xf1 C\x8e'l\xe6R\x16\xcaE\xdcZ\x99\x91"</t>
  </si>
  <si>
    <t>b'\xce\xe2[\xcc\x8bki\x95\xd9t\x7fa\x14\xf3\xec\x98\xf2\x96\xf7\x1f\x93\x15Io\xf9\x15\x0c\x034\xc0\xd2i'</t>
  </si>
  <si>
    <t>b'\xd9Ha\t\xb4w\xc9\xb7\xa7%0\x1d^R\x96iP\x8b\xb4\x01\xbb\x837\x9b\xd7\xd3\x1eHy\xfd\xfd\x96'</t>
  </si>
  <si>
    <t>b'\xeb\xaf\xb6&amp;\xa8\xc18`\xf8C\xbaai\xc0\xb6t\xd4\xcd\xc3\x89!\xd5\xbf\x10F]\x91\xe6c"_\x7f'</t>
  </si>
  <si>
    <t>b'W\xf9\xbe\xce=*\x9c\x98\xe9\x11\xafU\xbb\xb5\xd7\xab\x14v\xe8z\x8e\x06c\xf1^\t&lt;\x96\xbc\x94\xc9['</t>
  </si>
  <si>
    <t>b'\xa7s\x0c\xa2\xcc,\xc3\xd8\xdd\x16\xef\xe7\xccz\x83\r\x1c#V\xa2\xc2@3\xe6\xfcP\xb7G~\x0c\x84e'</t>
  </si>
  <si>
    <t>b"\xf4\xf4\xca\xb5\xd4nq\xa6\x1c\xaf\x1d%-'@G\x95V\xfc\xeac^G\x9a\x11\xd4\xaf\xa4\xcf\x97\xdd\xc7"</t>
  </si>
  <si>
    <t>b'\xa5\xa8R\xe4\xc3\'\xc1"\xe1\xffZ\xa3g0\xba\xf0\xa6\tbB)-\xa1\x14\x89\x8d\xd7\xae\xf3\x9f\x9f\x0e'</t>
  </si>
  <si>
    <t>b'\xf4\x16\xac;f\xe8y\xa6p\xbe\r\x86\x18\xfdY\xbe8\xf4\xbb)\x96\xaa\x95LG\xe8\xfe\x12\xf6\x07\xc7\xee'</t>
  </si>
  <si>
    <t>b"~\x1c'w\x82'\xa65\x8en\xa8\xe0PL\xa9c\xbe\xf6+\x9c\xdf\nz\x8fE\x9c\x9d\xf7\xfc\r\x1f\xff"</t>
  </si>
  <si>
    <t>b'\xf3\xe1\xa3\x06\x1f^/\x11\xe2\x9av\x0f\x0b\xfc\x84\x11u\xa5!0\x11\x86G\x0f/DR8\x08\xf7\xd3\xea'</t>
  </si>
  <si>
    <t>b'\x82e\xacF=\x93rO\x90W\xf5\xba\xbd}p+y\xec*\x7f\xc3\xa3s`(\x04\xd6c\xdd\xac:|'</t>
  </si>
  <si>
    <t>b'^\xc4\xe5\xfa[\x8ck\x07\xd9\x94\xe63\xdaB\xa2\xa8A@\xde\x80\xad\xa6J\xa9\x93\xe0\xe65\x13\x9b\xa5\\'</t>
  </si>
  <si>
    <t>b'\xe7\x1e\xa4\x9e[/\xd0\xa1~\xf2\xa7\xc1\n\xc4F\xb1\xf8z\xa9\x14_\xc3HN\xe9\xb8a\x16\xe7z\xe8\xc1'</t>
  </si>
  <si>
    <t>b'e\xec\rG\x12\xc3\xbar\x83n\xe1__\x07\xea6`\xb4\xbe\xbd\r\x15\n#T)\x00\xde\x83\x08o\xd0'</t>
  </si>
  <si>
    <t>b'B\x13\xea\xa1\x9eN\x18E\xd7\x0f[l\x92\x91\xe3\xf0\x9a\xdb\x83\xc1\xe6\x9e\x0c\xd2\xd6\xc6\x9c\xb7\x18=\x08\xee'</t>
  </si>
  <si>
    <t>b'\xe07z\x14\x912\x0e\xbc\xfd\xfc\x91\xd8\\\x02\x12[\x00h\x83D\xe7.\xc8ah~\xc6\x03\xd9\xfd6\n'</t>
  </si>
  <si>
    <t>b'\xa1f\x06&lt;+^X\xd2"\xb1\x7f-\xcd\x9c\x9284d\xb7c\x8ex\x11\xf3\xe7\x91\xa5!\x9cq\xc7\xef'</t>
  </si>
  <si>
    <t>b'\x89\x11J\x1f\x86wc\x8d\xd9t&lt;\x80F\xe2u\x0b\x1a\xad\xde\x882%y\xff\x82\x7f\xd7\xf6\x13\xd6\xd1\xf1'</t>
  </si>
  <si>
    <t>b'\xdc\x18F\xa7\x07\xd3iLO+2\x843L\xea\xca\xe8\xbe\xb6\x9b\x11\x16\x039\xda\xf8Z\xd7gis\xb1'</t>
  </si>
  <si>
    <t>b'\x8d\xcb\xc5~I\x1dW\x9d\x0f\xa6\x04\x05\xa6\xf6\xae\x8d\xafE5\x85\xdfM%\t\xc8zTuP\xf7(p'</t>
  </si>
  <si>
    <t>b'\xc1\xee\xd0/l2\x87\x19\xb2\xd2\xd2\xb2\xa4^\xb9\xf9\x81\xba}\x82\x93\x87\x16\x15\x7f\xdc\xed\xa3u\xed\xba\xfe'</t>
  </si>
  <si>
    <t>b'Sva\xbb\xf8c"\xe7\xbdP \x94^\xfd\xf0\xbf\xb5\xa7b(\x1c\x8f\xc4\xcc,\xcc\x16nK%\x80\xc6'</t>
  </si>
  <si>
    <t>b'\xf0\xf9\xea\xf7\xa6\x1f\x18c\xad\x8a\xe0\x9d\x81\xd9\xd8%\xf7\xecv\r\xe0\x0fu\xcc\xeb\xf4\xcfz_\xe4k\xc6'</t>
  </si>
  <si>
    <t>b'\xb2G\xdbm\x87E\x19\x86\xd7\x88\xc7\xa3\xdc$\xb0\x97\xdc\x8cH\x02\xb7\xfd\xa1\xbf\x9f\x1d\xec#\xae \xf0\x98'</t>
  </si>
  <si>
    <t>b'\x8bu\xc3\x19AM\x81\x84\x85{|\xfb\xd6\xd0\x1a\xe2)\xbd\xff\xbf\xf1\x13\xa8\xc5\xa1co\xb7Sx\xa7\x9f'</t>
  </si>
  <si>
    <t>b'\x07\xce\x99ks\x95%\x16\x8e\xe0s\xc7Ei\x96\xf4O\x06\x94J\xc4\x9f\xabKo\xf0\xc0\xfa(\xd7\xa2~'</t>
  </si>
  <si>
    <t>b'\xab}\xc4\xb5\x87\x8cY`\n\x93\xf8\xdc\xee\x81\xf9\xefA\x15\x888;\x13\xc64\xbd\x87\xccZ\x17\xc0\x06\xf6'</t>
  </si>
  <si>
    <t>b'\xb2D5\rR)\x03\x1a\xcb\x97\xc7\xf0\xdfA\t\xbc\xe6\xe0\x9b\x13\x99\x95\x12\xd4\xa6\x8d\xea\xddfrP('</t>
  </si>
  <si>
    <t>b"R6g\xa3l\xda'{\x02\x9a(Ku&lt;\xacBO\xa2\xb6\xc3\xad\xd09\xc1&amp;\x88\xc5\x00\xd7)j\x98"</t>
  </si>
  <si>
    <t>b',&gt;\xb4E\xd6zs\xa6\x04\xe7\x99\xccm~q\xc4\x99u\xe0\xfbp\xf2\x04+\xbc\xe6\x02zB\xd3\x04\xf8'</t>
  </si>
  <si>
    <t>b'\xdb\x1fk\xb2\xb5So\xfb\xfc\x08\x00QK\x0f\x1dPQ@\xa6\xc4\x95\xed&lt;\xd6\x85\xda.*\xab\xf9|?'</t>
  </si>
  <si>
    <t>b'c&amp;R\xb5\xe5&amp;vG\xa5H\x08\x94Wu\xe6l\xb4\x8c\xcf\xe5\xc7\x1a\xaf\x11\xed\x9d\x18\x9d\x15\xc0\x11='</t>
  </si>
  <si>
    <t>b'\xac\x87I7^\x8a\xf3\xbfJ\xc9:n[\x94\x9c,W\xc4\x11jo\x00z\xdbf\xe3bq~\xd7\xa0J'</t>
  </si>
  <si>
    <t>b'v\xc2&amp;&gt;\x8f\x1f9W\x19\xea\xb3\xa8\x8b\xd3E],\x05\xbf\xdd\x8aB\xfe\x9f\x02\xb9/#\xf9j\xa0\x94'</t>
  </si>
  <si>
    <t>b'\xba\xaa\x8bz3\x14\xd6\xa7\xf1\x02v\xfe\x9ep?v,|\xb6\x86\x07\xf6oK\xd9\x11\xfc\xf9I\x90G\x83'</t>
  </si>
  <si>
    <t>b'\x06!\x87\xda\x0e\xc3/8\xc9[-\x90\x1d\x1c\xf7\xf78J&lt;\x06Qj]\x8b6\\\x17\xe5K,`\xde'</t>
  </si>
  <si>
    <t>b'\xe9\x15A\xb7\xa2\x19\x84qP\xf1T\xe2x\x86%\x9aS=1\xa2_\x84)nOH\xf3\xb1\n\xb5(\xea'</t>
  </si>
  <si>
    <t>b"\x11\xd4Z\x0fQJ\x8b\xdb\xf5[\x8b'D\xfb\xfc#NbL\xbe\x80\xa2`#\xe3\x99\xef\xc3JY\x8e\xa9"</t>
  </si>
  <si>
    <t>b'\xc4\xeb\x07\x9b\xeb\x9b\xf6o\xc3\xbf\xbaI\xd6F\xf4\x03\xa1n\x9e\xf4\xfbxG\xbd\x125:b\x87\xba\xbdi'</t>
  </si>
  <si>
    <t>b'\xf8.R\xec\x93u,ke!\x1a=)\xef\x96\x94\xdc\x1a\xaaX\xd2\xba\xb1\x06P\x1d\x9aerv\xf0\xa5'</t>
  </si>
  <si>
    <t>b'@\xc0\xea\xb2\xc9\xc1\x0f\x1c_\x8c\xe0\x10\xce\xce\t\x88\x8cN\xfb=\xf2b^!\xae\xd5\xf5.@\xbc\x1a\xf5'</t>
  </si>
  <si>
    <t>b'\x95{\xa1\xfe^\x11~{wn\xd2\xbc^\x98\xfd\xb5-\x99\x00\xa12(\x8c\x9cG\xcd\xde\xf3\x86\xd9@\xa3'</t>
  </si>
  <si>
    <t>b'd\xef\x1fI\x05{C\x85\x18\x16\x91\xf0\xb2\x98\\^\xed\xc2f\xbcW\xf3\x8d\x8e\x13\xe55Ku\x1f\x8a\x00'</t>
  </si>
  <si>
    <t>b'\xac\xad\xd7\xd8K\x10K\xd4\xde)\xff@\xbcY\xdc\x02\xdd\xa7Fd\xde\xa0J\x8d\x9a0\x9c^\xb0B\x11\xd5'</t>
  </si>
  <si>
    <t>b'\x8a\xac\xaa1.6\x9eV\x9e\xb3\x0b\xa6s\x7f\xb1o\xfa\xe1\x12\x10\xd8Xj\xc25\x0c[\xc5\x1ck*1'</t>
  </si>
  <si>
    <t>b'*\x11\x13\x15\xdc\x1b\xcb\\\xb7\xbbTN\xa1$\x0c2\x95O\t\xa8\xcf]:lns\xbf\xc9\xeb=e\xe1'</t>
  </si>
  <si>
    <t>b'\xaf:\xd6\x85\x81\x07\x9dl\x83\xeb:Pxa\xba\x81\x19\x99\\\xfd}X\xba\xb5W\x89\xa1\xc3\x99E\x99f'</t>
  </si>
  <si>
    <t>b' ].\x9c\x1b&gt;\xfe\xaf\xc7\xd7=\xb4\x04\xc4\x87\xb45\x8f?\x88r\xf4\xc6\x92\x02\xf9\xe8\xe3\x0b\xaa\xd8\x89'</t>
  </si>
  <si>
    <t>b'm\xb8\xcb\xda\x86\xd7\xc1\xe0\x88\x05\x94\x94\xa8\xfd|\xfd\xdf\x9ek\xe2\x1a\x08\xa3\xe5\xbf\xf9@&lt;\xb4\xa2X\x0f'</t>
  </si>
  <si>
    <t>b'\x861V\xe6\x0e\x16k9P;\xb0\x00\xdc\xfa\xdb1\xbb\xf5\xa0\xff\x15\n+|pO(\x01\x9a\xbb\x95\t'</t>
  </si>
  <si>
    <t>b'\x94\xec?#7\xbe\x17J\x8eG#\x0f\x8c\x8eO\\\xe1we\xae\xd2\x10\\diwL\x96_\xc7RJ'</t>
  </si>
  <si>
    <t>b'\x08Y\xec\x11\x9f\x18TX8\x87"\xdc\x0f2\xe1\x97 \x18\xf7\x90,\t\x85b\x9dC5\xda\xe3\x12e\xd5'</t>
  </si>
  <si>
    <t>b'Tx\xc6\xfc\x1c\x113msK\xc0\x16\xab\xfdc&amp;\xe8J\x87M%\x84\xb3\x06\xbct\xe1l#\x88\xf2\xc4'</t>
  </si>
  <si>
    <t>b'\x02&gt;\xbb\x9c:d\xb1+\xd8P?O\xd5Q|\xb4\x95\xc1\xdd\xc7)\r\xc4\xff\x9c\xc3O\x81\xd4\xa0\xba\xb7'</t>
  </si>
  <si>
    <t>b'\xb9\x03\xc5\x12\xf7`ev\x96?\x80Z=Z6\xe8\x8a/\x01\x9c\x02v\xc0\x1a\xaf\xf3\x89\xf8\xac\x8euA'</t>
  </si>
  <si>
    <t>b'\xfa\xb3\x08\xce\xadW\xf1\x80\xf5\xddM\x85z\x14|P\xdf\x82\xcftV\xa4\xf2\xfb\xb54\x1b\x0f\x84\xfcH\xd4'</t>
  </si>
  <si>
    <t>b"\xba6\xdf\x08\x82U\x95\xca*\xf4\xcf\x9e\x8f\xee8'c9\xcc\xd3\x15\x84L\xa1\xa9\\\xfc\xc6\x1d M,"</t>
  </si>
  <si>
    <t>b"Z\xc7\xc5\x02\xcc\xdf\xae\xed\xf8\xdb\x01?\xaf\x14\x8b1B\xbd\x7fq\xac\xa8\xe9\xce\x84\xc8\xf5\xa6\xd50'f"</t>
  </si>
  <si>
    <t>b'\x9e\xcc\x15\xcc \xaa}^\xcby0j\xf3\xe8\x91\xe4\xb8+\xbe\xb0\x05\x1bA\xf6\x0bm\r@\x88Q\xb6\x08'</t>
  </si>
  <si>
    <t>b'\x8a\xe7\xb7\xb6\xa2\xb2\xf4\xe6^\xdb\x19\x8e\x18V\xd5\x9f\xf2\xd1"\xd5E@\xa8\x1e\xbe\'r|\xaa\x89\xed-'</t>
  </si>
  <si>
    <t>b'\xceG\x05v\xc6v\xc8\xb5\x8c\x97P\x829k7\xb14\x96]\xe6+2G;\x1do\xa1 \xbe\xf8\x9fY'</t>
  </si>
  <si>
    <t>b'\xe6\xb4\x01\xdd\xf2k\xd0p&gt;i}WU\x0b\xe4\xa6Ys\x1f\x9c\x7f\xc6\xd3\xec\xeaA\xdb\x19r\xcc\xf9\xe2'</t>
  </si>
  <si>
    <t>b'\xb6+"\x08\xbd\x1c\xbdy\xe2\x80\xc9\xee\xech\xfd\x8c[\xc1\xb6=LE\xe2F\xa3\x8d&amp;\xd7\xbd\t0\x80'</t>
  </si>
  <si>
    <t>b'}%i\xc3\n\xfe\xc6\x99\x9d\xb4\xf1\xaf\x90H\t\x9bh\xc7\x8b\x85\xbeei\x04_#Y\xbf\xef\xaf\x92N'</t>
  </si>
  <si>
    <t>b'\xfb\xd5&gt;\xabs\'\xd1\xedM\xd9\xfc\xf2\xee\xa7\xd0\xc3_\xe6\x95@\x8f\r\xe6CMY\x1e"o\xc2\x12L'</t>
  </si>
  <si>
    <t>b'\xd2\x84_\x1d-\xb4\x15\xae\xf1\x8e\xec\x13\xe4\xc8\x03\x9f\xd1\xa8\xab\xba\x9e\xa0\xab9WF\xab\x8b\xe7\xff\x8f\x18'</t>
  </si>
  <si>
    <t>b'UQfE 9\xd4;\xe5m\x94=\xc32\xe5h\x8dX\x83Mu\x1d!\xa7\x12\xcdQkx\x125\xab'</t>
  </si>
  <si>
    <t>b'.\x0f\xca\xdav\x99\xe6\x08\x8d\x7f{#}\x8d,\xd7\x03\xdfFa@d\x19\xca\xc0\xf9i0\x12\xe9\x0b#'</t>
  </si>
  <si>
    <t>b'\x82)\x86\x99S\xb8h\xe4p\x94\x04\xe5HC\x17)\xbbyc\xde\xdf\x8aE\x1bd\x17U)\xe3o\x1c\xb5'</t>
  </si>
  <si>
    <t>b"N\xd2\x0f\xb1\x11\x04\x12\xa8\xbcw!d&gt;s\xda\xcc\x9e\x92\\_^p9&gt;:\xc3\xafH'\xef\x84\x03"</t>
  </si>
  <si>
    <t>b'\x8e\xaa\x06\x81\xc5\xf5\xdfK\xaaE1\x06\xcb\x9a\xcfwX\x99\xbbUSz\x1a\x04\x18}\xf8G\xd1iV\xf3'</t>
  </si>
  <si>
    <t>b'\xefs\x02t&amp;\xc3\x07\x06,\xbd\x9a\x89*\xf6\xd4cG\x9d\xa06i\xb0@\xb9~\x97\xe7\x8f}\xfdO\x97'</t>
  </si>
  <si>
    <t>b'O\xb4w\tQ\xc2L\xed%\xf7\x0b\xedig\xdd\xb9\x011\xe4-\x1b\xa2\xa4\x90=\x8cC\xe1\xbc\x90\x0f\x90'</t>
  </si>
  <si>
    <t>b's`\x1a\xde\xc3\xc6\x1e$\xaa\xcf&lt;\xe1\xb5t\xa0\xf3\xec\xd4\xcf;\xac\x1dF\xe1\x12\x84\xb6@\x0f\t\xafV'</t>
  </si>
  <si>
    <t>b'D\x1d#\x98\xc0\x9c\xe3\xc9`\x02\x95\xf1\xbc\x92\xc7\x9f\x8c\x06\xa9\x98\t\xe5\xc5\xd8w\xd9\xaa\xa3\x87"g\xf0'</t>
  </si>
  <si>
    <t>b'\x93 V\xdaz\xc4\xb4?\xa0\x94\xa2i\xeaO\xccI;\x0c\\\xf7-\x1b\xbd\x88&amp;@R\xb8\x0b\x15g\xcc'</t>
  </si>
  <si>
    <t>b'\x10s\xa8\xd6Q\xb60\x91Z\xc4X\x06}\x0e-o\xe8\xba!`;GY\xf0\x06\xe8e\x10C\x96H]'</t>
  </si>
  <si>
    <t>b':\xd66+\x9e+\x8c\xe7\xf7\xe9\x11\rFJ\x0fo\x9cJ\xc5\r\t3\xad\xff\x81\x8f\x90z\xbe\x06\x8e\xe0'</t>
  </si>
  <si>
    <t>b'\xf2\xa9\xe1\x0f/\x87b\xacV\xd6\xe9\xa6HUC\x93\r\x81p\x1drc*\xad\xdchb\x08I\\\xcdJ'</t>
  </si>
  <si>
    <t>b'\x92\xd1\xffW\x7f.ea2\xe6$\xb7M\t\x1dZ\xa5\x8em`\x1d\x18H\x9fj\xbe\x88\xbcy\x89])'</t>
  </si>
  <si>
    <t>b'\xb5\x81Z\x83\xadkE\xdf\x0c\n\xdc\x98\xffG\x17?\xc7\x1b$6\xc8\x8e\x03\xc1\xeeu\xc0\xc0a"\x92\xd6'</t>
  </si>
  <si>
    <t>b"\x07W\xa4\xb6\xb2\xeb0\xfdt8\xf3Y\xc7\xfeu\xdc\x90\x9b{'tr\x18\x01\x1c\xd3oMAz\xa8&gt;"</t>
  </si>
  <si>
    <t>b'\xec\xa5\xc7Q\xc44\x08\x87\xf0\xd8?\x86\xa80\x06\n\x10\x8c\xe5\t\xf2\xc9\xdb\xf4\xc8 \xbb\xf0Ql\xe0\x9c'</t>
  </si>
  <si>
    <t>b'\n\x15\xfb7\xbf\xfep\xf7E\x03\xd8\xeb\xcbv$:\xbddd\'\xd4HT\x1b_"\x0b\xfc\xa9\xe6\xcd\xc8'</t>
  </si>
  <si>
    <t>b'\x87m\xben\xd6\xa5\x87\x04\x14\xed\xcdd@Y\xbaAo\xecn\xe6\xc2\x12Q\xf1\x8e\xa5\xc5\x80\x18X;0'</t>
  </si>
  <si>
    <t>b"\xa7&gt;B\x8beC\x96\x19\x97\\\x9b\x10\xa1\xc2\xf6$)^\xde\x94\xbd\xd9\xac~\xb0A\x11y\xb4'Am"</t>
  </si>
  <si>
    <t>b'\xf1\xdd\xf0\xe0C\xf3\x1e\xfe^$\x93\x05i\xaa\xab\xe7\xad2\xb1:\x98\xc8\x04y\x94\x13\xde\xb0~\xd2\xa4\x17'</t>
  </si>
  <si>
    <t>b'\x82\xb6\x9c\xc0O\x9d2\xad3\xb70\x19F~\x13B@\xb5\x80\xffO\xb1\x1d\xd7n\xe2\xcd\x8ex\xec\xb7_'</t>
  </si>
  <si>
    <t>b'\xda\xcd*F\xe9\xe9\xa5\x86\xac\x83+\xf9\xe1\xcex\xa5\x07\xed\xd7E\xdbkQ"I\xf65TBX?S'</t>
  </si>
  <si>
    <t>b'\xffL]R\xf0,\xe6a\xf3\x10FE$\xdd\x17\xab\xfbc\xe5zRf\x1f\x9d?\x9ag\xa5\x05\xe5\x8a\xfd'</t>
  </si>
  <si>
    <t>b'\x99\x02]\x0f4^w\x18\x05\xc2\x96\x87\xae\xba\xcb\x18\xe1nW\xa9\x1f\xb1\x04\xd0\xc9a\xa8\xb7\xf6JA\x0e'</t>
  </si>
  <si>
    <t>b'\xff\xa8\x1fZ\xb1\x0b\x93|\x8e\x1a\x04Y\xc33\xfe\xbd\tA\xecbJ~\x02\xf2\x15\x84\xa724\xbe\xe9\xa1'</t>
  </si>
  <si>
    <t>b'\xc1\xa8j\xf1d&lt;4\xee/\xfdmO\xf3\x1f\x01`\xbd-\xa1\x89\x95\xdcRkm\xff6\x95:\xf5\x8c\xde'</t>
  </si>
  <si>
    <t>b'cY;\xa6\xe3\x1e\xa1\xaa&lt;\xd9qt\x00\x0b\xa5\x8b\xfb\x16\xa6&gt;\xf6N%\xd5\xf8\x8a\x99e\xf9\\\x96\xb8'</t>
  </si>
  <si>
    <t>b'\xf0\x88{\x03\xa0\x07n\xebY\xf3\xa3\xfe\xb7\x12\x80/\xc6\x1d\x08\x8d\x89R\xd9\xbf\x84\th\xbe\x19\xf8\x90\xae'</t>
  </si>
  <si>
    <t>b'\xed\xb0\x06\xe5\x03*4\x069\xdb\xff!\xd5k6\xc6\x80\xdeH{_~,\xb1\xe2$b\xbf\xfc\x05\x86\xfa'</t>
  </si>
  <si>
    <t>b'\x19\r/\xb6\xe9\xf2\xf0\x89#\x8e\xd0{\xcf(O\x88\x88\x0e\xc8\xc1\xe0\x1d\xder\x8ak\xa3/+H\x90\xd5'</t>
  </si>
  <si>
    <t>b'\x16\xdc\x80 2\x8c#\xb4R\xff\xc3\x92\xf1\xa5\xfdF!\xd44"f\xfe\xf8\x086@\xdd\xc8d\x1bz|'</t>
  </si>
  <si>
    <t>b'\x14\x16\xc8\xce\xbe1\x9e\xbc\x9emUn\xab^\x82\xa7\xe9\xf6\xf0h\x05\x0fa\xc0\x8f\x01\x13\xb16IY\xb3'</t>
  </si>
  <si>
    <t>b'\xfe\xb3\xd3\x11X\xd2\xd6P\xa7\x05\x81\x06\xce\x85P\x14\xf4\x8c\x11\x1b[\xa8\x98;\x1e\xbd(\xb98\x84\x8bl'</t>
  </si>
  <si>
    <t>b'NK\xa9\xc2]Yv\x92\xd5\x90\x97\xce\xf4y_\xef\xbe\xe9\xb05\xd4\x10\xa9\xb1\xa3\x85*BJD\xf95'</t>
  </si>
  <si>
    <t>b'\x0e\xc3\x1d2\xf1\xf3\x1bgv%\xa6[\x91Lb5\xfd\x99oW\x92\xdf\xd3N\xb3;\x95PD\xab[\x03'</t>
  </si>
  <si>
    <t>b'\xf0U\x0b\xab\xd2t\x82\x9dU\x9c\xd2\xc0\x11O "\x15\x95k\xe7Jek\xc8`\x02\x95R8\x05`\x88'</t>
  </si>
  <si>
    <t>b'=5\xfd\xee\x03i\x18\xa5\xc4\x8a\xae(y\xf2\xb2\xf9\xd1\x0c\xde\x18\xff\xbb\xe8\x1a\xb8F\x85^#\x15\x04\x91'</t>
  </si>
  <si>
    <t>b'2\xf6\xf3\x92\xde\x1fd\xcf\xe5j\xc5-#g\xfb\xd5&amp;\x0b\x9f\xfc\x9e\xa8\x8f4*J\x03\xb5\xaa\xa44\x9a'</t>
  </si>
  <si>
    <t>b'\xc1&gt;\xfe\xfaE\x0c\xcb\x91\x10C\xfba\x8ax\xdf**;\x8dpX\xa7\x14[F\x98\xcb\xa9\xbd(\x02\x1f'</t>
  </si>
  <si>
    <t>b'\xc3}\xbb\xfa\xde~\xdb\xdf\xce\xa1\x15\xbe\x8aCW\xe6\x92\x9fy\xcf\xb6\xfb\x17\xd0+iD\xd0\xda\xf3\xa2\xfe'</t>
  </si>
  <si>
    <t>b'\xc2\xef\xf8\x9d\x92I\xde\x8b:\xc4\x02(\x8a\xcb\xf7\xe1&amp;5_GC\xfeY%0\x87\xb11h\xa6\x9b\xf9'</t>
  </si>
  <si>
    <t>b';@\xef-e\xcb#\xc1"W\xa3\xc5nM\x01T\x0bCT\xb1\x7f\xf5\x84i\x97\xf6\xc9{\xc0\xe9\xaf\xf7'</t>
  </si>
  <si>
    <t>b'IK\x8a\xc7\x9bbA\x11\x03s\xe6\xf6\x93&lt;w[\x89\xd7\x08\xc2\x8e\x84\xb4\xc5o\xa1\xde\x84M`\xc7\x8e'</t>
  </si>
  <si>
    <t>b'\xc1\xa2\xba\x14\xde\x92W\xba&gt;\xa6}\xe8a\xffb\x9b\xed\x81\xbc\xad\xac\xdckv\xadWI\xfb.Uu\xac'</t>
  </si>
  <si>
    <t>b" z4\xdb\x1e0\x84:'\xe8\xd4(\xa7\xfa.8(\xdb\xfb\xc6\x0bH\xd4\x82\xec\x0ca.&lt;\xf7\xaf\x07"</t>
  </si>
  <si>
    <t>b'\x8c\xd9\xf5\xce[\x86\xff\x1d*z\xb1\xcf\x10\xeb&lt;J\x84S8\x8a\xaa\xc6[M#\xa33?\xeb\x1b\xa8\x1c'</t>
  </si>
  <si>
    <t>b'\x0b\xe3\x1edH\xf7\xfa\x9a\xa5\xc7\xeb\x93\xb1\x98\xd6\xf7&gt;Ib{\x03G\xa3*\ra6Z\x15\xf5)\xc8'</t>
  </si>
  <si>
    <t>b'!\xb1\xba\xf8\xe5\xb0\xef\x12\x03+\x15\xd4\xbc\x05\xc5\xd7\xd0\xc2\x82\x15\xb7\xe8-\xfc\xd0[\x91\xb8\xe9\xdb-+'</t>
  </si>
  <si>
    <t>b'\xbdt\x16\x82s\x8e\xc3\x8a\xd4\xb9\x9d\xd8\x9a\x01B\xb9\xc4\x15\x1d\xf8\x02\xb3\xc3\xda4\x86iUd\xec\x1b\xd8'</t>
  </si>
  <si>
    <t>b'\x8a\x06\xf4\x82v\x1ab\xbb\xa8l\xd2\x8a\x90\xe9\x02%\xd0\x04\xda"g\x7f\xf7\x04\x91\x88t\x88\x85\xd7g '</t>
  </si>
  <si>
    <t>b".DXw\xb9\xe5:M\x1d\xc0:|\x1d\xcd\xfc\x0b\xf0\x83\x9c\xe6\x00\xe4'\x8d\x0f\x94?C\xfa2\x81\xe2"</t>
  </si>
  <si>
    <t>b'\x06\xd0\x9f\xcb\xa9e\x9eX\xbf\x85D\xab&gt;k\x8c\xc4_\x8f\xdaM\xb5N\xd6\xf8\xc5\xbd)E7\xb2\xa4\xd3'</t>
  </si>
  <si>
    <t>b"\xf2\xbe\x9c(\tp\xeb\xc4\xef-#n\x85\x1b\x9c1\xad\xb3\xb7~\xf1T\x81\xd2\xd9\xf1\x12\xf9\x1b' 3"</t>
  </si>
  <si>
    <t>b'\x0cu\x88\xc8U\x9c\x0cDS\x8f\xaa\xdfC\xa51\xc2\n)\x85\xaca\xe1\x84\xe3\x17\x1a\xc2ZQo\x1e}'</t>
  </si>
  <si>
    <t>b"n\xa2\x7flO5\xd1-\xaabm\xdfb\xaf&lt;\xd9\x81\x14'\xf8\xd3\x8a&lt;2\x9c\xe0\x91\x90\x82\x8bP\xbf"</t>
  </si>
  <si>
    <t>b'R$\r\xa0I&gt;n\xd4!&amp;)-\x8e}[L\x10\xf9\x0fs8\xad\x81vr\x9d\xb2\x1c\xcc\xa9c\xab'</t>
  </si>
  <si>
    <t>b"&lt;b\x8a\xe0\xb4\x12\xb6\xe0jxz\x06'\xba\xafip\xc6\xb7\xd5\xfc\xa1\x876\x97@\xa9\x15g\xdb\x8f\xc9"</t>
  </si>
  <si>
    <t>b'K:\x83[\x11;\x01\xea\xed\x00L[\x19$~j\x91\xc6\x8d\xdc`\xae\xff{\x95n5\xca\xfc\xbb\x1b\xd4'</t>
  </si>
  <si>
    <t>b'\xfb\xd9\xc5\xe4\xdbJ\x86y7*2\x96\xb36q\x855\xc1\x1f+\xb0o\xcc\x7f!\x85I{\xaf\x9eQ\x8a'</t>
  </si>
  <si>
    <t>b'\xdc\xf3\x82\xa6\xc1#9\xd3\xadM\x89"\x04\xc9\x0c\x8a\xff\xf5,NV\x0b\xd7\xcbGO\x7f\xfc\xa6\xb7z\xeb'</t>
  </si>
  <si>
    <t>b'\xb1\x13O\xc2jE\xc5\xb2\x89\xfd\xbb\xd3&gt;s\x9c:\xc2N\xb3\xe0\x18n\xaf\xdc\xa9Y_\x17\xdb\x93\xca\x91'</t>
  </si>
  <si>
    <t>b'\xedB\xdc7\x86=\x14n\xaeDX\xdf7\nbBl\xd8\xf0\xbfc\xca\x94\xdd-\xe3\xa5\xd4\xa2\x14\x1dl'</t>
  </si>
  <si>
    <t>b'W\x0b\xb1\xf7\xa0E\x9a\x98\xe2\x10U\x01\xfb\x88R\x8d\x96\xed\xc58od\xdfc\x1c"\x05g\x83JJ\xc2'</t>
  </si>
  <si>
    <t>b'F;:ev~y\xa0%vK\x93\xdc8\xf5Py\xd09\xff1\xd6\xbfR\x0f\xed\xc7\xb6\xa8l\x03\x16'</t>
  </si>
  <si>
    <t>b'\x91\x1b\xb6|\xb8\xe4\\\x04\xcdJ\x0c\t\xd1\xfcz\xaa\x85\x1c2\x05;M8\x83\x87\x0e)\x8cP\x1b&amp;\x0c'</t>
  </si>
  <si>
    <t>b'\r\xa0\xcb%y\xb9M\xe4\xab\xa3\xee\x04\xaaN\xa9\x94r\x19\x18\x9eZ+\x01\xc5|z\xab\xc2I\xaa\xad\x7f'</t>
  </si>
  <si>
    <t>b'\xa5\rr;\xf6\xf2\xc5Q\xfc \xc4|j\xb9L^\xf0\xbb\xa7\x17V\xb8\xf2\x92&gt;\xae+j9\x90\xf3\xbe'</t>
  </si>
  <si>
    <t>b'\x19\xceGL\xef\x87&gt;\xed\xe2\xa0T\x99\x91.y\xbb\xb4J\x9bX8\xca\x8e#\x8b\xb26\xf3\xfeO+\xc6'</t>
  </si>
  <si>
    <t>b'\xb6\xcf\xe1\x1c6S\x02\xf6tv\x89\x9c\xce\xc0\x1d\xbbL\x9bu\xa6\x8b\xee#\xc0&gt;k\x8ehM?\xe8\x0f'</t>
  </si>
  <si>
    <t>b'{s\x07w0g\x0b\xd0G\xf8\xde\xfc\xd1\xd8\xael\xef\xfe\xb9`o\x1cL\x8d\x82\xcd,\xe6!\x06:*'</t>
  </si>
  <si>
    <t>b'\x00\xb67\x1d\xeau\xe4\x13\xadJ\x9f4&gt;\x14\xcd\xcd\x02W~\xf8\xbc\xd6\x93\xc5\x1dE\xbf\xd1\x97+@\xe7'</t>
  </si>
  <si>
    <t>b"\x92I\xcd\xce\x9aM0\x91|\x0b\x0f(\xf6\xc4\x82\xea\xddG\x12b\x1cLCk&lt;$\x97\xff\x14a\x18'"</t>
  </si>
  <si>
    <t>b'\xc28\xf8\x1b\x7f\xf8\x07D\xcd\xb9~\x01q6_\xfc\xfa\x99&gt;\xeb\x8b\xef\xf7\x9c\x01Tj\xa2\x03\xb7\x89q'</t>
  </si>
  <si>
    <t>b'\x84\x0b\xd9"\xda\xe6W\x1a\xe1\xcd~\xae\xbc\x85\x1eQ\xd4\xba!J\x06\xb7F\xde\xc9\xa9b\xef\x17\xad(\xe6'</t>
  </si>
  <si>
    <t>b'\xf1\x93\xe1\xabD\xc7\x90\xb2\x90\x82\xe5\x9fRv}s\xa7\xd3B\x0b\xe4\xa3d\xbf\x1eA7\xf7G\xb5\x06w'</t>
  </si>
  <si>
    <t>b's\xdev^V\xe5\x8c\xca\x95\xfb&amp;\x83\x045}\xf3\xa7n\xef\x04z]E\xe9\\o\xb2LZCM\x83'</t>
  </si>
  <si>
    <t>b'\x15t\xe9wu\x83N\x87f\xb6\x02U^\x9dF\xec2\xa6\x03\xd1\xa1\x96\x84p\x19J\xa7#1\xfa\x91\x17'</t>
  </si>
  <si>
    <t>b'_b\x9cDpS\x12\xde\x84\xd0\x89Y\xaapA\x1f\x99U\xc9\xe1\xf8\x9a\x03\xdcv\xab\xa6\rc\x15H#'</t>
  </si>
  <si>
    <t>b'\xcb\xd8\xa2\xb9\xc4\xbei\x07\xf4&lt;\xa1\xa9@\\\xc8a\x89V@4._\x85\x02\xc8\xef\xfd\xd7\xf5\x03F\x99'</t>
  </si>
  <si>
    <t>b'\xec\x91&amp;\xbd A\x9e6*\xd1D\x0b\x12\xf6P%\xff\xf5\x89\x0cS\xe6n\xed\xf1\xde$y\xbe\xeaV\t'</t>
  </si>
  <si>
    <t>b'w\x1c\xdbQ\x1b\xe3\x0c\x9c@\x8f\x91\xeeem\xc7\x81g\x8f\x05V^ \xb5\xb6\xa7@\xd0\xd8\x16\xd3\x9c\xc2'</t>
  </si>
  <si>
    <t>b'\xe3\x1d\xcb\x9b\xb1dK\x01\xae\x02|\x9d\xa3k"\xf3\x19\xf1\x95@\xa9\xc9\xb8V\xaa\xd3\x93\xfd\xe0\xa4.='</t>
  </si>
  <si>
    <t>b'.D\x1e\x1d\xd7\xbc\xd7\x10\xcd\xd0\x80\x7fDP?\xb9\x17ZG\xe0\xf3\x82\xc3\xdf\xeb\xa1\x1f\x87\xd5{\xb3('</t>
  </si>
  <si>
    <t>b'\xb7\x06t\xaa\xd1e\xba\t*K\x85F7vn\x9f\xc2\xe1\x90X\xd55]\xfboN\xf2\x83w8\x07,'</t>
  </si>
  <si>
    <t>b's\xc8;\x1b \xf4\xe5\x03\xd2\x98A\x82Y\xae\xf4\x02\xb3j)\xa2E\x11\x90\x9d\xd2\x85\xae\xf7\x8f\xc92\x8b'</t>
  </si>
  <si>
    <t>b'\x8f\x9e\x1e^8\x90\x92\xca!?^\xb4\x84\x87\xfa\xdb\t \x94\x0f\xae\xb3\xca\xee\x12O\x17.\x9d\x9e\xb9\x8d'</t>
  </si>
  <si>
    <t>b'\xe9\xc1\xa2\xc91&amp;\x06Q\xbb\xaaJ\xf7\x0el\x8c\xb6\x8d4\xa7\x8a\x8a\xb7\xe6\xd7PV$\x9b\x90%\xe3\x1a'</t>
  </si>
  <si>
    <t>b'p\xc4\xb2\xc4\x17\xea\x88\xfb\xdf\x85v\xce\x90\x92U\x02p\xc5\xb2\xa3\xff\x01Wr\x81\xf1\xaf\x16\x1dNxI'</t>
  </si>
  <si>
    <t>b'\xb8\x15\xd1\xeb\x9bz\xb3\x15|CU\x00\x13,\xc2\xbf_\x96Os\xb0.\x12\x93\x93\xb5\xf0\x08\xffL\xddF'</t>
  </si>
  <si>
    <t>b'\xc9/r\x9f\x1aN\xe9%V\xefT\x19\x8f\xad%\xea\xe1\x88V\t\xf4\xe2oP\x13\xbb\n\xe8G\xd5\x93\xb2'</t>
  </si>
  <si>
    <t>b'\xdaQe\x95UlJC\x8bh\x14\x9d\xbf\xb3\x97\xd4\xdd\x1d\x0e\xcc\xf7\xed\x81\xa1\xa8\x88nt\xc1_\xce\xb8'</t>
  </si>
  <si>
    <t>b'\x1eU\x959i\xf1\x07\xc6F\xb34\xf9\x82\x9e\x13\x93\xb6R\xfd#\x91\xd4t\xa6\x0f\x8a!\x80\xb0\xb6-)'</t>
  </si>
  <si>
    <t>b'\xcb\xe7\x8e\xcdkU\xa9`\x82\x13o\x85.\r\xc44\xb2\x9b~TQAY\x7f\x89\xd6\x02\xee\xcf\xad\xa2a'</t>
  </si>
  <si>
    <t>b'\x98\xa3`\xbc5\x81KR\x1dFV\xba$X`\x92\x9ds\x96:\xe8x\xcf\xc8hd\xea\xd6\xb2\x16\x11A'</t>
  </si>
  <si>
    <t>b'\xc4\xed\xbd~\xae\xfa!hg\x83k\xec\xec1\xbc\xf1H\xc9\x9f2\xb8Q\x01\x17@$\xe8\xfd\x85\xf2\x0c\x0c'</t>
  </si>
  <si>
    <t>b'h\xb3\x882m\x04Iz\xc6\x0e\xbc\x84\x81\xeb\x95\xe5\xae%\xf2\x03\x86\xd0M\xd1\xaf\x96d\xb6\x023\xa2?'</t>
  </si>
  <si>
    <t>b'\xf9\x9c\x04\x8ci\xb4\xf9\xa0;J\xa2\x9bP\xf5\x04\xe4K\x99\x94lH\\\x0c\xbb\xd3\x8b\xa7\x07O#?\xb0'</t>
  </si>
  <si>
    <t>b'\xbc\xf0\x1a_\x0f\x8d&amp;e{\\\x15\x93d\x9d!t\xd5\xab\xd1\x00\xae\xda\x0b\xbd\x9e\xc0\x80~\xb9Ub\xd4'</t>
  </si>
  <si>
    <t>b'\xc6\xb7\xfa\x95O\x87&lt;HY\xb4\xd7\x1bqG\x99\xbd\n\xed\xcf\x05a#$~\xdeE\r9R\xed_\x13'</t>
  </si>
  <si>
    <t>b'\xd1\x91\x84$\xe36\x1c7WK\t\x1b\x97\xea\x8b\xf2ye\xf0\\K\x7f\xdc\xe6\xd6\xedJ\x00\x1c\x1a\x0b\x98'</t>
  </si>
  <si>
    <t>b"?e\xb5\xa2\x95\r\x86\xe5\xc4\xac\x05\x114\xcf\x83$'o\xd5\x13Q\x01\xc1\x87\x0e\x0f\xb4\xc3\x00\xe6B9"</t>
  </si>
  <si>
    <t>b'H@G\xbb\n\x05\x9f\xb2C\xddm\x8b(\xfda\xc3\xd1\xa0\xa6T5x\xc2\x0c\xa0B[\xf1\x7fB\x947'</t>
  </si>
  <si>
    <t>b'g\x95\xd1o\x08\x91\x1b|\xf8zj\xe0s\x1bh7\xd0I\x9b\xb4\x1e\xc8\xbc\xc0\xc1c\x97\xae\x9b\x11\xc2\xe4'</t>
  </si>
  <si>
    <t>b'\x9c\xce\xdby\xd8\xbe\xfe\xd19q\x9d\x1e\xc5\xf1\xf1\x07\x9d\xee}\x8a\xc3\x9b\xbe+\xea\x10g\xd5\xb9\xee\xfa\xc3'</t>
  </si>
  <si>
    <t>b'8\x93w\xf9T\xddst\xb5;\x89\xe7\xe8\x9f\xe1H:\xf7@\xcd@\x80^\xac\xed\x10\xedc&gt;\xb4\xdb\x93'</t>
  </si>
  <si>
    <t>b'\n\xab\xbc\x14\xa7\xda~Qd\xacxW+\x15\xd6\xcf9@\\0\xd4\xa4\x13\xd6f\xe5x\x9b\x02a\x96\x18'</t>
  </si>
  <si>
    <t>b' #\xdcEk\x93|&lt;\xea\xcc\xde\xe8\x1bQ\x80\xf03$Bn\x12#\xa8\xdd4\x83\t\x918\xbc\x96`'</t>
  </si>
  <si>
    <t>b"\xf7\x07m\x07\x07\xeb\x85{.\xba\x11{\x8e\x03z\xdd\x96\x04\x04\x9aY\x8f\xd4\xe1\xd9\x9d\xad\x02q&gt;'\xa5"</t>
  </si>
  <si>
    <t>b'\\\x14\xbct=\xa5+\x84\xa6\xe5\x9e2\x92\xb3\x01&gt;\xad9\xcdU\xa03\xdc\xee\xf5\xfc\xc5\xa6\xd1d\xca\xb8'</t>
  </si>
  <si>
    <t>b'V\x1a\x0b\x15\x0b+R$\xdd\xcf\xe1\x1e\t\xec\xefF\xa5\x8b\xb2\x1aK\xc8T\x93\xc0M\xc3h\xecA\xa8\xf8'</t>
  </si>
  <si>
    <t>b'@\xefF\x8c\xde\xb7\xe5\x02\xe2\xee\x8e\x1a\xefm\xd2V\xf6S\x0fh\xd9\r/S\x95\x87Q\xc2:b^\x1c'</t>
  </si>
  <si>
    <t>b'\xa4\x8dZ\xacG\xcc\xda\xdfN\xd9\x15xkqO/G\xef\x19\x944Je \x7f\x84\x10\xe4\xa4\x8e\xff\xb5'</t>
  </si>
  <si>
    <t>b'\x1a\xe8\xcfz*\xac\x8e(rw\xbc\xbf\x80GP\xd0\xd9x\xd4\x07\xe7[ro&gt;:\xb2\x94Q\r\xfa4'</t>
  </si>
  <si>
    <t>b'F\x0b\xcbm\xc6A\xdcw;\xf0\x888h\xb8\x7f\x15QY;*\xbd\xc1\xc0O\x84;\xfe\xb5\xb0\x8a\x93\x9f'</t>
  </si>
  <si>
    <t>b'\xe9\x10lq\xd3z\xec-\x81|\xb2\x880@\xec\x1d&amp;G&lt;?\xae\xf8\xc1\x9b\xea\xda\x92qT\x93\x914'</t>
  </si>
  <si>
    <t>b'\x85\xfe\xaf\xf4\xaaN\x9f+\xf5\x106\x93B\xc2\x83\xd0\xd7\x00U\x9f\x007\xea\xcc\x1b\x94\xd4\xf2\xed\x0cN\t'</t>
  </si>
  <si>
    <t>b'|sOI\x1dv\x8c\x94]\x82\xe6\x9e\x8b\x8a\x8f\x80\xf4\xcf\x0e\xa2o\xc7,\t6 qL\xc7\xbc\xbd!'</t>
  </si>
  <si>
    <t>b'\x1dxbG\xe3\xfb\xc5\x8f+\xa9\xd7\xd0\x98\xffa|\xf00U\x02\rF\x0b\xf2A?7,\xbdg\xc6`'</t>
  </si>
  <si>
    <t>b'Wj`\x8e\xa3#\xdb,\x98\x94\x95\x80\xa1\xf9s\xba9\x05\xc4u\xb8\x91\x1b\x00z\xce(VdZ\x91O'</t>
  </si>
  <si>
    <t>b'\xd70D\xab\xecf\xfc\x1b"%X\x04g,\xd9%\x05H\xbc\xaf\xaeY\xdf&lt;\xe5E\x17\xf8\xce\xbfu\xcc'</t>
  </si>
  <si>
    <t>b's\x07\x89\xa3\xbaN{\xbbi\x91g\xb4\x08\xbe\xa4Jj\xfd\xdbz\x87\x0c\t\x8f\x01_HN/No\x8b'</t>
  </si>
  <si>
    <t>b'\xcdx\xado\x90)$[!\x8aa\xe8\xf5\xbc\xa6\xf0,\x88\xea(\x85q\xbasl\x8e\xbe\xda\xaaS\x06\x85'</t>
  </si>
  <si>
    <t>b'\x01\xcf\n\x881_\xf6\xde\x0ekBU3\x88\xe8\xc1y\xa9\x04\x18AL\xa8\x1c\x91\x9fx\x0b_\xd4r\x10'</t>
  </si>
  <si>
    <t>b'|Z;&amp;\xca\xd7UK&amp;\x87\xfd\x02y\x85({\xdbq\x97\x13i\xb8\xa4\x9c\xe2\xcc*\xce\xd00+5'</t>
  </si>
  <si>
    <t>b'\r\xab\xd7\xe1\xa6\xa0\x1b\xf9\xcext=\x8a\xa2\xa0\xe2T\x15\xa1&lt;J\xd45\xab\xc2\x1c\x96\x0b_\xd8\xba\xe5'</t>
  </si>
  <si>
    <t>b'6\xd4\xdc\xaf\x83\xab"s\x1b\xfe\x9d\x85\xc2p\x07\x15\x8a$}\xe8\x95/E\x1f\xbe\x99\x80=\xc0\xce\xbbF'</t>
  </si>
  <si>
    <t>b"\xc8\xa0T\r\xa49\x1f\xf13\x8f\xc53\xf5\x8f'\xd9Z\xd4\x0b\x02\x0b\xab\x90*\xb0\xd9\xf8y.Z\xf6\xb3"</t>
  </si>
  <si>
    <t>b'\xcaN\xd8\x159OB\xc5\xf8G\x06\xb13\xd8C\x9d\xfa8\x13-c\xc2\xca\xcd\xe2(\xfb\xeb\xeb\x99c&lt;'</t>
  </si>
  <si>
    <t>b'd\xd4\xccT\xc3\x15\xc9.\xffV\xed\x96\x01\xeawX\xa4j\x12\x01\x96\x80\x90\xa8\xbf\x15\x01%\xc9;\x1b\x9a'</t>
  </si>
  <si>
    <t>b'\x98\xf8\xab{\xbcxl\x0c\xa9\x07\xb2\x03\x00\x18\xcd\x8egy\xe8\x89\x1b\x93u\x89a\x99\xc6\xae\xd6\xa1\x85\x9d'</t>
  </si>
  <si>
    <t>b'\x04q\xc5\xf1\xb7\xb8\xf0\xb4m\x1d.\xa8\x02{\x1c\xf5\xb1\x7f\xb1\x86\xf4\xe8tJ\xda\xba\x91bI\xc5\x13\xb4'</t>
  </si>
  <si>
    <t>b'\x12\xaatn\xe1@\xaf\x80\xd2$\x18%\xe4DqB!k\xb4\xfe\xd6\x98\xdcR\xd8\x14\xb9\x8d\x1b|\x0b\x1a'</t>
  </si>
  <si>
    <t>b'\x12\xbe\xee\xcd\x9b\xd0\x1d\x1d?\x1a\xc1K\xfd\xf3\xea\xc4\xe1:\xd9z\xaev&gt;\xc0h\xccl\xd3y\xc9A\xbf'</t>
  </si>
  <si>
    <t>b'\xee\xfa\xddy+]{\xe7\xf7\xafD\xaaGC\x997I\xabh|)\x11O\x7f]\x94~#u1\xd8M'</t>
  </si>
  <si>
    <t>b'\x96w{X\x08\xc6\x07\xee\x0f\xe6\xb4u\r\x7fdg\x80\x15D{\xc5\t6\xf5\xd4]U$\r\xfauZ'</t>
  </si>
  <si>
    <t>b'\x07\\\xf2\r\xbb\xa75\x7f3B~\x8b\xce\xb9JT\xe8\x85]M\n`%\xe3\xb9\xb8\xf4\x01\x91\xc2B\xd7'</t>
  </si>
  <si>
    <t>b'\xfai\xb3|\xf5\x05C\x92`\xca0\x87\x7f\x0cG\xf9\x18:\x05Z\x8c&amp;\x8e\x8e\xa9\xf7\xe6*\x90y\xbd\x96'</t>
  </si>
  <si>
    <t>b'\xdbc1\xb7\x89\x97\x9b\x9c\x97\xc5\xb9\x9b\xc3\x8f\xfc\xdb\xd4h\x00\xdb\x92\xce\xaaJ\xf6\x05\xfbP\x17\x812\xdf'</t>
  </si>
  <si>
    <t>b"I\xd3\x03\xcb\xe28[\x0b\xb7.\x0c\xfd]\xfev\x83\xab\xd7\xc6\x06\xf2\x1dx'\xa2\xfe\xc2\xa8\xe5:w\xb0"</t>
  </si>
  <si>
    <t>b'\x15Tzg/\xd0\x857\x92\xfdr\xc2p\x88\x1a\x8fd\x8b\x9c8a"\x07\xcb35Ca\xb8\x03\xc0\xd5'</t>
  </si>
  <si>
    <t>b'\xc24n\xaa\xc9e\x11:\xca\xd5_\xeeqP\xc2\xde6\xad\xecv;\xcbrs\x1eUs\x84Q\xe4=t'</t>
  </si>
  <si>
    <t>b'\xaal\x9e\x1e\xdf\x18\xf3\xb5)\xa7"\xa1\x1f\xddA\xeb=#6\x00\xc8\xd31&gt;\x9c\x05\xb2,\xbb\x19\xc4v'</t>
  </si>
  <si>
    <t>b'&amp;2\xa8\x9f3GoisxD\xf7A\x14\xfd\xec\xd5\xc3?\xfd&gt;\xb3\xc4`\xf5/\xb3c5\xd9\x89:'</t>
  </si>
  <si>
    <t>b'\x02\xff\xf8\xc4\xf4"\x1c \xd9\xc5\xc6BO\xa9\xf5\xe1\x0c"\xd0\'\xb5\xd0\x9ez\x9d\\|\x93\x0b5\xc17'</t>
  </si>
  <si>
    <t>b'\x16\xc0\xd7\xcd6\x8a\x8bcy\xecXx\xf9O\x10\x929\xc2~\x81\xc29\xc3kI{\xd2e\x085\x85a'</t>
  </si>
  <si>
    <t>b'\xfdpI\xe1\x8d\x9f\xe2U\xf3`\xf8\\\x8be\x9dQ\xcdY\x80q\x15\x8aO\xfc\xd4\xa5\x85\xf4\x8e\xf8\xf5\x86'</t>
  </si>
  <si>
    <t>b'\x8c\x10h\xcc\x14&lt;\xf3\xd0\xc5\x1f\x19\x82T\x82\xdb\xe8\xa4(G$0d\xfd\xf7hS\xf1\x11r\x90\x07m'</t>
  </si>
  <si>
    <t>b'm\xb95\x05\xcf\xc9\x06\x1c.ku\xa0\x18\x8c\xad\xee\xc2\t?K\x0e\x97\xbbk\xd2U\x81\xdd\xa3\xf0\xacT'</t>
  </si>
  <si>
    <t>b'\x9c\xf2\xff\xb8\xe3\xdf\xfb\xca\x0b\x97W/\xe11~\xf2X\xbe=d\x19\xc8\xa6`\xef*,\xa9\x0f\xecF\xfd'</t>
  </si>
  <si>
    <t>b"7'\xe4\xb1\xc7\x0c\xc0\xf78\xf1\x9b~K\xaf\x11\xda\xf4\xb6\x93\xe5T\x0f\x00\x9aV\x11\xe5\x83\x04cE\xf5"</t>
  </si>
  <si>
    <t>b'$\xf6\xa7\x8f\xa3\xa9\x02i\xd0\x9f\xbc\x15qv.\xf0q\xa86\x18O\x9b^\xee8\x0ejsI\xab"\xdc'</t>
  </si>
  <si>
    <t>b'd7\x11\x8bq\xdd\xc6\x81\x87\x1a\xa8\x1e\rv\x18\x16\x9c\xea\xd1\xb9\x10q\xc6\xd8-\x0f\xa8\x07\xea\x1f"\xb5'</t>
  </si>
  <si>
    <t>b'd\xf4&lt;?\xdd\x04\xa8\x04\x87\x11\xef_gbA\xf1J#+\xf6C\xb8Y\xb6\xa7\x17o\x86\x1a\xea0\xaa'</t>
  </si>
  <si>
    <t>b'*\xac\x1di\x1c\x1b\xb3\x8c\x1f\xabZY\xe6\xe2\x88\xd53\x88\x9e-Pw?I\xe0\x96AI\x95\xf0\x05\x9f'</t>
  </si>
  <si>
    <t>b',\xd2\x85\xee\xef\t\xf0\x88\x04\xcc\x81r5\x1c\x81\x1dJP\xc1\xf2\x98\xa3E1\xe3?\xd5~s\t5\xd9'</t>
  </si>
  <si>
    <t>b'\rp\x1e\x10\x8b\xd2\x7f,L\x9d\x10\x12g\xfeY\r\xf1\xd5\x8c\x95\xa8!\\\x1c\xf0\xfa\x12@84,\xcf'</t>
  </si>
  <si>
    <t>b"\x15\xcc\xaa5\x11\xa4\xf24\xcc\xa2P\x8d\xbd7\x10f'\x07\xf6\xfa\x97\xd3\x128\xe6\xedQ\xd6\xeai\xec3"</t>
  </si>
  <si>
    <t>b'FK\xd95W\xec6J`"&gt;tkgO\xb4U\xe2\x06\xf3\xf6\x06\x81\xa3\xa4\xe7\xf9\xd6-\xbfpg'</t>
  </si>
  <si>
    <t>b'\x04i\xe6\xda\xef\xe7\x87\xe5\xb5\xaeR\x8b26\x91lx\xc7\xc6B\xc9&gt;$5\x812\x97\xae\x9f\xc7\xee\xd0'</t>
  </si>
  <si>
    <t>b'h\xa5I"\x0f\xa7\x98a\xd5\xa5\xfd\xdfb\x86lL\xfb\x9d\xcb\x8dR\xd5\xc3&lt;\xe1g\xd8\xbdpD\xf0\x98'</t>
  </si>
  <si>
    <t>b'\x01A\xf1fG\x0c\x810"\xad\xd0\x0e\x02\xfe\xb6d\xd4\xc9hU\x88\xfc=yK\xa6\xcb\x16\x8c\xe1\x7f\x1a'</t>
  </si>
  <si>
    <t>b'\xdc\xb1\xc4\xae\xb3\xc2Q\xce\xc0\xd8]\xb4\xba\xca\x08\xe5\xd22\xa6\n\x16M\xb0\x80\xf9\x12\xa8\xd7r\xc7\x7f\xea'</t>
  </si>
  <si>
    <t>b'\xe5\xb9\x10\x19\xf5\x16\x92\xf2-$vd#\x01\xb3\x06\xa8\xdd\x8f\xe3\xe6z\xb2\xe2\xcb\xcf\x94\x1f4\xfa&lt;n'</t>
  </si>
  <si>
    <t>b'\xae\xdaaJ\xbf\x86{\xd6)\x9f.\xf0|\x00\x1cS\xafp&gt;\x06L\x13\xae%v\xfb\xc1\xad\x8dG\x98\xbe'</t>
  </si>
  <si>
    <t>b'\x03\x07\xccG\x8d\xa1\\J\x9c&gt;\x1be\xa2\xe1rj\x8e\\\x8b\xc8\x0c\x8e\xde\x82F\x15\xee#\x08\x05\xf2\xf5'</t>
  </si>
  <si>
    <t>b"\xa3\x96Q\x1bb_\x02\x9b\xb1\xc6\x88k5 'rI\xd5\x82\x13VF&amp;A/CP\x16beIS"</t>
  </si>
  <si>
    <t>b'Xn\n\x9b\xf1\xb3:\x84\xdf\xa5\x10\x8d_"\x0e\xf7\xc8\xcac)&amp;\xf2I\xfdCE\xc0o\xa0@\n\xfa'</t>
  </si>
  <si>
    <t>b'\x07\xa3Q(({\xc7\xdc\xcd\xe4Y\x05\xcb4\xa0\x95\x19\x82\x07L\x92\x9f\x02\xa6\xaf(\xa2_\x1dn \xa0'</t>
  </si>
  <si>
    <t>b'Ie\x8f\xd3\x93\x11\xf1c0]\xe8\xb3\xd8\x0e\xea\x9c\rD\xf0\xb5H\xa8z\x0b\xd0\x15\x9c\xf7\xa3\xa0\xa6D'</t>
  </si>
  <si>
    <t>b'^\x02\xeb\xbc%jkS\x00i/K\x92\xe6\xfb\x90\xce1a&gt;\xe7\xc1~|\xd9\xf7B\x8aZ}\xdeE'</t>
  </si>
  <si>
    <t>b'65\x89o\xda:\xcb\x193\xa4\xf0\xa7\xeb\x0ch\xb3rH"\x8f\xda\xcb\xd3/\xf8\xab\xb1\xcbw\xa5\xe6\xe3'</t>
  </si>
  <si>
    <t>b'\x93\x10\x8e\x97\xcf\xbe\xc9\xca|/M\xa9\xdb\xfb\xb5Z8\\\xc8\x04S\xe7\xadq\xac\x00\xbb\xa4"\xb3~\x1b'</t>
  </si>
  <si>
    <t>b'\x8e/\xca\xd8\x9c \x8a\xea\x82\xf6\xfaX\xe5\xe8w\xb7\x02\xf2\xb9\xf0\x1bxE2\xa2\xb8\xf0v\xce\x9d\\\xea'</t>
  </si>
  <si>
    <t>b'\xa2D\xbe\xc7j\xab\x81\xa1c\x9d\xb3\xc6\xda\xf6\xa2\x86:\x05\xe1\xb3\xaa5\x9a-\xb3b\xc5zg\xdaJ.'</t>
  </si>
  <si>
    <t>b'3\xcb&gt;acU\x19\xd6\xf3\x7fn\xd4U\xd5)\xb6\x0b\xab\xbc\xbc=\xe2\xa4f\xf5o+\xd3*W*\x8f'</t>
  </si>
  <si>
    <t>b'~%\x9a\\\xbc+\xd9\xa1(\xb1\x10\x996-\x9f\xc2&gt;f\x92\xa0\xccy\xf2\x98$\xcb.\x99\xabm\xa4]'</t>
  </si>
  <si>
    <t>b'RP}\x82B\x80\xd2@\xbb\xd8\xe7\x83\x84\xa2\xdb\x17\xf7\xba(\xd7\x13C8\xb1\xfd\x7f\xb0\x85\xb1\x0es\x00'</t>
  </si>
  <si>
    <t>b'\xfc?g\xcf\xf1@\xee\x12\xa4\xa9(}y\xca\x9f\xcd\x1b\xa5\xe1\xbb\xd6ME\x19\xe2\xc7\xc9\x00\xf5\xf6\x80\x90'</t>
  </si>
  <si>
    <t>b'\xecm\x87uu\xbfJ\xf6\x85\x03-\x90\x05\x11\xe3\xcf\xf1m\xaf_\x8b\x97Ah\x89\xcc\xd0\n\x9d!\xeaM'</t>
  </si>
  <si>
    <t>b'\xb5\x05\xce/KS9W{x\xe6Qp\xb6}z\xbe\xf6\xf1\xbe+\xce\x0f\xc3\xd8/}I\n{\x07\x8c'</t>
  </si>
  <si>
    <t>b"\xfc\xbe\xb1%\x8c\x1ey;\xbd'\xd3\x95P\x03\xe4&amp;\x0f\xa3l\xcb\xd3\x0bS\xc9\x064\x1cN\xbe\x84\xdf\xf5"</t>
  </si>
  <si>
    <t>b'=\x90\x8bv\xc9\xd8Ym\xba\r\xd3R\xce\x9a\x99v\x99v\x01\xd4\xab\xa0\x8aa\x1b\xe0r\x02&lt;\xa8\x171'</t>
  </si>
  <si>
    <t>b"\xac\xaalR[L-%`\x81\xb4\xa0f\xaf&gt;[\x05}gy\xe0\xd4'po\x93'\xa8\xf3\xd4|%"</t>
  </si>
  <si>
    <t>b'\x14b\xefZ\xde\xbf\x1a\xce\xea\xca{\xc7\x15h+\rl\xf9\xb8!^=K7\xe5t\xf2\x99\xce\xfeV\xa1'</t>
  </si>
  <si>
    <t>b'\x89\xd6\x8f\x8ar.%Z\xaa\\\x91\x1a|)A\xdc\x81\xc8\x80\x88\xa9\xf3\xec3s\xbav\xd1\xadW\xe2f'</t>
  </si>
  <si>
    <t>b'\n\xc8\xc4)\x86`\x9e\xa39\xdd\xddPs\xcf\xf3\xff\xe3\xda~/\xb7\x86\x15o\xdcJ\x1f\x98\n\x89\x8b\xb1'</t>
  </si>
  <si>
    <t>b' \x00|\x93@\xe6\x0f\x9e\\4u\xbf\x9d\xc2\x1d\xce\x04\x04c\xfa3\xb7\xe7\r\xbf(#,\xb2X\xe0\xfd'</t>
  </si>
  <si>
    <t>b'B{A\xf1\xb7p\xf8\xf9\x8a&lt;\xd4\x9c#+\xb5\x15\xc8#\x0b\xde\xaa\xdcN\x03\xc6\xa14\xe0N \x15\x90'</t>
  </si>
  <si>
    <t>b't6\x13\xa6vAk\x07/[\xe2f\xe5\x9f\x80,8e\r9\xaes\x99\xe6 \x98O\xa9\xcdw\x86\x8e'</t>
  </si>
  <si>
    <t>b'*&lt;d\xcdlJ\xe4h@f\xbaX\xea\xde\xd4B\x9e&lt;\xa9\xf8\xd5#\x13\xc4u@"\xda\xca\x04(\x8b'</t>
  </si>
  <si>
    <t>b'a\x8e\xc8|\xc4`\x88HF\x96\x9b\xeb=[Z,q\xe7\x88\x8e9x\x17z\xda\xd2\xd8\xd0\xdb%\xe6b'</t>
  </si>
  <si>
    <t>b'\xc3=\x11\x010\xe5\xe9\x84\x83\xd6\xfa\xe0\x8eZ\xc6\xfcMPb\xeb\x83\x88_\xb9|\xfb\xfa\x88xB\xb3c'</t>
  </si>
  <si>
    <t>b'\x8aq\xb6G\x1a\xe2\x99\xacmYH\xc9\xd2\x9d\xc1\r9\x93\n\x92Y:%\xbd4\xf8V5\x0c\x8d\x91h'</t>
  </si>
  <si>
    <t>b'\x9c\x04`Ji\xdb3\x85\x8fw\x0e\x83\xc1\xee\xe0\x7f\xa1\xb6_\x94\xe2\x1d\xbatZ)\xbdI\x91\xb6\\N'</t>
  </si>
  <si>
    <t>b'\xa7\n7d\x8c\x87\xcbXM\xa6\xb8\x1a\x0f\xb6$\xe9ni\x17P\xe8\xfe]Z\x16\xacV\xd8xK\x99\xbd'</t>
  </si>
  <si>
    <t>b'\x8c\nh1z\x99\xa9\xc7\x97\x9eMV\xfa\xa6\xaa\x04=_O\xd3Z@cB\x8b\xe9?j\xc7\x94\x062'</t>
  </si>
  <si>
    <t>b'\xa4/\x17\xec\xb2\xbcW\x9cx\x86\x0e\x10\xc6\xa0s9\xefg\xf7\xf0\x976\xc0\xaaUVe\x1b\xe0C\x89\xb2'</t>
  </si>
  <si>
    <t>b'\xdf\xcc94r\xe3\x01\xd06\xd5_@\x7f\xe8\x9aX\x82Zw\xb2x-\x1f\xfc\x15\xa5\x133j\xad\xc2\xe8'</t>
  </si>
  <si>
    <t>b"a\xb8X\x0f\xdf\x06C\xe1\xc4\x80\x14\xdc\x19\x03df\x94Q30\xb7b\xea'\xc8\x85\x9b\r*\xd9\x88k"</t>
  </si>
  <si>
    <t>b'I^\xb8\xa1\xc6\xcdO\xa1 \x1aH4\x93\xb5\x9aq\x08\xb6X\xb3Q\xce\xed\x9e\x1b\xe5\xe2\xb5\x95\xc2\xaa\xf1'</t>
  </si>
  <si>
    <t>b' \xc8\xd7\x17$$A\xe2"\x9b\x17\xf2\r\xc6\xae\xf3w\x1f\xb0\x95I\x06vg\x15u@{\xb1\xce\x8f\x9d'</t>
  </si>
  <si>
    <t>b'\x89Q\xd5\xdd\xc96\x00\xf3\xe7EF\xb9\x12bn\xa4\xcb\x19X\xc5-x\x05\x92{\xbaz&gt;\xfe\xfb\x83\xfb'</t>
  </si>
  <si>
    <t>b'\x0f\x9e+$`g\n`\xcd\x0f\x08h\x9druA{j(\xc3\xe2f\x10\xe0\x90H\xa7\xa66\xb3\xdf\x1b'</t>
  </si>
  <si>
    <t>b'\xe9\x90,\xb5\xd4\x13\x1c\xba\xfaZ\x0c\xa6t\xceL,\xe1\x9dh&gt;\xdc\xc2\x1f{E[3\x05D\nZ\xd1'</t>
  </si>
  <si>
    <t>b"~\xd4\x02\x96\xa6q\xbf\xd5a\x03'K\x8e\x0be\x8b\xce\xdc\xee\xf7\x10US(?&gt;\xde\xb9\xac\xd5\xea\x86"</t>
  </si>
  <si>
    <t>b'Z\x14\xe8\xc4\x8d\xdd\xb2s\xc6\x9e\x8a3"\xc2&gt;\n\xe591\xde\x0c\xf0\x92\x84\xe3s;\x85FhTv'</t>
  </si>
  <si>
    <t>b"v\xece\xce\xb6bO\xd2v\xac\xa0\xe4@W^\xb8\xab'\xc6\xbeZEEm\xe0\x06\xb0\x82\xcc\x8dB\xbc"</t>
  </si>
  <si>
    <t>b'\xbak"g\x07\xcef=\xd7\xbde\xc0\xe4\xa2\x8b^x\'\xb1\xf8zUXb\xd8a6\x8f=\x10I:'</t>
  </si>
  <si>
    <t>b'\x8a\x8ba\xa4N\xf1\xc3\x104N\xa6@\xc1\x1e\x93\xdc\xa06\xc7\xf6\x98\x13X:;\x04\x9a\xado\xa5\x04\xa5'</t>
  </si>
  <si>
    <t>b"\x8d\xdf\x80\x9a'+5\xf6\xd3e\x11\xc2T\xca\xa5\x80\x98\xe1\xea\xf4\xd3\x8c\x82\xac\xaeiXl;\x1b\x11\x96"</t>
  </si>
  <si>
    <t>b'q\x084\x99\x18\xc0}\x9e\x0e\xbd\xc3\xc6\xc1\xe6\xdf\x87j\xac\x11\xdefDq\xde\xc8\x81\xba\x19{h\x98_'</t>
  </si>
  <si>
    <t>b'\xb0\xdf\xd6}\xd1\x02\xa0\xa2\x1d38\x81T4GD\xba\xa3\x80\xf4\x8f\x19q\x01X\xa20\x8c\xb7\x10#K'</t>
  </si>
  <si>
    <t>b"8\xdf\xb7?\x94\xe54\xf6\x14\x9a)\xb9RM\xa0K'\x1fE\x8a\xb1I\x19\xa5\xa1\x8b%\x89\x0e\x0e\x96\x17"</t>
  </si>
  <si>
    <t>b'\x0bF\xf6CsV\xa1-k:\xd3\x84\xb1\xcfR\x1e\xc4e\x87\xdb)\xec\x8b\xd0\xa4E7\xb2\xfc\xea\xf3\n'</t>
  </si>
  <si>
    <t>b'\xf0\x89\x91\x93\xd3\xa5!\xda\xee\x0c4\tc\x85\xfb\x07N\xa9\xb1;\xffey\x05\x16r&lt;X\x88\xe6=v'</t>
  </si>
  <si>
    <t>b'\x85\xd5\r\xd7\x010\xc0\x8c)X\x0ewt\x03\xd0jW\x80\xdc\x18\xea&lt;l{\xe8\xfa\xc0b*Z\x05\x90'</t>
  </si>
  <si>
    <t>b'A\x9b\xfa1y\x00\xed\xd1\xe7\xa1k\xbeE|\x80\r\x8a\x86\xd2\x8f\xe3\xbd\xf9\xf5-\x85\xaa\xc0\x98\xb4\n\xef'</t>
  </si>
  <si>
    <t>b'4\xedM\x08\xd6\r\x87\xb4\xeb\x08j\x8e\xfe,y\xdd\xd9\xc0\xb2\x15+TB\x8d\xc7\r\xfd\xbe\xc6i- '</t>
  </si>
  <si>
    <t>b'JJ\xfb\x10\x92\x14|u\xed\xe5\x1d\xd4\x8ew\xd0\xc5\x0f\xed(\xa7)[N\xe6\xc9\\=M\x03\x92\xe6\xdf'</t>
  </si>
  <si>
    <t>b'\xbd*\x9cFS$\x06_m\xd8\xd1\x18)1\x05\x97\xff\x99\xcfN2\\\xbb\xc3\xba\x99\xa7q1G\xbeO'</t>
  </si>
  <si>
    <t>b' .\xaa\xd8R\xe7\x94\x9f,\x04\xca\x15\xe3{&lt;\xc2;Q\x81\xdf\xbf\xb0\xf1M\xf3\xdc&gt;S\xfd\xcd\x80='</t>
  </si>
  <si>
    <t>b'\x8e\xff)\xa2m\xee\xa2\xf5A\x13SGP\x0c\xe9\\\xe8H\xf0)\x8a\x0b\x16\xf3\xc8\x02\xb8\xb8\xf3n\xc8,'</t>
  </si>
  <si>
    <t>b'6\xef\xd6\xb5\xb9\xfd\xc7\x7fj\xb2%v\xdbM\x98\xaa\xf2\xc8\xf4)$\xc4\xf5g\xbbB~\x0e\x95\xce\x7f3'</t>
  </si>
  <si>
    <t>b'\x0c\xa1\xb7\xf7"\xf4\x80 \xc8\xad\xfb\x0b)\xcd\x17m\r\xea-\xcdV\xa6\xed\xeb\x91\x81k)\x83d\x99H'</t>
  </si>
  <si>
    <t>b'\x8fH\x13C\xd9\xcf%V}\xeb]\xb4j\xddV\xf5\xc2\xc2L\x9e\x1bG-\xab\xc1-\x10\x8a\xdc:A\xdc'</t>
  </si>
  <si>
    <t>b'\xb4[@\xd7\xbe\xea\xb2Eu\x94\x13\xcb\xd8\xff2\xf54`\xaf\x94\xe5\xa7\x99K\xb8\x87E)\xa8\x83\xc6k'</t>
  </si>
  <si>
    <t>b'u\xd17"^\xd4\xee\xee\xb0\nw\xb8\x86\x10\x15\x13\xc6\x14,\xa0\xd0\x19.B\x1b\xfb\x9b\xca\xab8ff'</t>
  </si>
  <si>
    <t>b'\xa8#O\x17\xc5\x9e\x04\x8d&gt;8\xdd\xb26\xc9a\x01\xe5\x0c^\x8c\x05\x96\x84^\xe6~\xedG\xd3\r\xf7\xbd'</t>
  </si>
  <si>
    <t>b'\xa8\x93R\xf1\x92\x90\xab2\xf7p\xca4x\x95\xa6\xe5\xde\x99+\xd24\xbe\t\xd4\x855\xe93R(\xc1\n'</t>
  </si>
  <si>
    <t>b'\x1b\x96\x84\x1d\xb6\x1d:\x96\xc0\xe1\xb0\xc5\x10ck\xf6\xb0\xca"N\xbam\x1d\xf9\xda-,\xd2\xce\xc5#('</t>
  </si>
  <si>
    <t>b'\xeb\xa1!`\x07\xba\xf4zW\xd0+\xbf\xa5\xe4Yp4\xc7Q\x84A\xaa\xe5\xc8\x932\xf3\xc0\xfee!\xe3'</t>
  </si>
  <si>
    <t>b'\xc1\x15\x9d\x05A~j\xa4&gt;m\xe6_\xc4T\x86;#"\xa1v\xf2oaBM\xde\xd5E\xcfi\xa9@'</t>
  </si>
  <si>
    <t>b"\xc7&gt;\xd6p\xc2/\xd8\xad\x95&lt;\xa8\xf6\xcdy\x10\xdbC\x8b~W\x99\x0e)\x84J\xb9f\xea'x\xba\xaa"</t>
  </si>
  <si>
    <t>b'\xb0\xdd\x84\xfc"(~\xc7\xeaI\xc3\xdf\xb9a\xa3\x88a\x04B\xfb:]\xad\xf6\xdf\xc0\xc4w\x9e\xf9\x13\xe9'</t>
  </si>
  <si>
    <t>b'\x83\xbc\xb3Z\xe6\x9fz\x99\xc5L\xf3\x83\xc3z\xc3\x97\xddt\xee\xdf:\xa4\xfa#9\xd2\xcf\x1de\x81V\r'</t>
  </si>
  <si>
    <t>b'\xe4\xc6\x0e\xf8\xe4\xb0K\xad\xbfq\xe7\x83\x85\xb3\x01!B\x0e\xc3-\xb1h\xf9y\xc8w\xfew\x1cB\xd2\x96'</t>
  </si>
  <si>
    <t>b'\x80\x84\xdf\x8d\xf9\xa5P\xab\n\xe5#c&lt;fR\x907\xefq)k\xce\x92\xebV\xa2\xf3d\x0e\xe3\xc4\x0b'</t>
  </si>
  <si>
    <t>b"y\x18z\x03X\x0e\x7f\xfa\x07\x8b\r\x99'\xdb\n@\xc9\xa1&lt;\x99\xc0\xfbJ}D\xc9\x88SXb\xd7p"</t>
  </si>
  <si>
    <t>b'\xc5De\x19\xc8\xbd`_V\xa13@-\x17\x0b\xc2}\x93A\x1cw]\t\xc5&gt;e\xd5~vM|\xe4'</t>
  </si>
  <si>
    <t>b'\r\xdf\nX\xbc\x1d\x90\x80\x04\xc8M\x9ec\xad\xe6\xffnP\xfe\xab\x86\xbb\x85c\x9f\xf2\x01B\xcd\xbe\xf8\x04'</t>
  </si>
  <si>
    <t>b'c\xf2\xa1\x15\xf0\x11{\xaa\x08&gt;\x01\xbdfb\xcc9\x96\x96-\xc5\x18\xee\x0e\x95\xda\xb00\xd3\xef\xa4\xe6\xa2'</t>
  </si>
  <si>
    <t>b'u\x8e\xb8\xbb\x8a&amp;\x1f\xd6=n\x81\x1cmT\xfbI\xac\xdb\x07\x10w\xcedp\xc5\xb6V\\\n_9\xa3'</t>
  </si>
  <si>
    <t>b'\xfbh)\xd6\x06\xb1\xa35Y\x92\xaa:\xa9\x15\x89\n\x8cDU\xf9\x08\x1fB"\x90\x8b\xebRl\xed\xd5\xd5'</t>
  </si>
  <si>
    <t>b'\\M\x91\xcf\x0f\xadP\x8d\x00\xf8/:=\x80\x9c\x91\xee\xe2\x96\r"\xe9\xaa{\xc2|`\xea\xde\x03@\n'</t>
  </si>
  <si>
    <t>b'\xa9\xed\xdc\xdb\xe49\xb1\xca\x96\x94\xbf\xd18ru\xc6\xf5wfeO\xc8\xbe\xbe\nn\xdd\xe6\x8b\xbf4i'</t>
  </si>
  <si>
    <t>b'\xd2\xdc\xefuuo\xeas\n\xd8\xda#\xd5\x81\x88\xda5\xd6\xfe\x9e~\x94\x9d^\x0c!k\x88_G*\x06'</t>
  </si>
  <si>
    <t>b'\xff\x07o\xd3=\x1dx\x85i\xf6\xd1Bs\x96p\x97\xde_r\xaf\x86\xd7&amp;\xde\xc4W&amp;\xf0Ham\xab'</t>
  </si>
  <si>
    <t>b'\x06\xc9v\x07=\xe4\x99\r\x88\x89\xe70&amp;\\&lt;\x8cWA\xd1\xc9\x80\x05"\xbe\xfd\xa4\xd1\xdc\xf8\\\n\xcb'</t>
  </si>
  <si>
    <t>b'O\xd0\xa6\xe3\x99\xde\xf6m\n\rV\x9f\x12\x8a9\xa2`\xb9\xb5jK5\x16\xdcED&amp;\xe5"\xc4\x03a'</t>
  </si>
  <si>
    <t>b' 1%\n\xe6\x05\x8e=\xd4N|\x87U\xa4\xd4\x08\xd8a&gt;\x813F\xa9\xb1\xed\xdb4\xba\x08\x1d\x89{'</t>
  </si>
  <si>
    <t>b'\xac\xca\xcd\xe4\xde\x9e4\xd4)\xfbf\x84\xd3\x9a\x1d\xf1\x86\xa6\xff\x0ewb\xe6\xe7\xbb\xb04=\x8c\x96:6'</t>
  </si>
  <si>
    <t>b'\x13\x1bT)w&lt;\xa62]m\xf2&gt;E\xc1h\xfb\x9dT\x1c\x0b\x1f\xab\x11\x1a\x03H\xf7\xe9Y\x8bYJ'</t>
  </si>
  <si>
    <t>b'\xfdw\x94\x94O\xf4\xc3\x112ju\x12\x86m\xd4;vd/^Qt\xf7#\x97C\xe6\x96^u\xf21'</t>
  </si>
  <si>
    <t>b'\x87 _\xba\x8b%\xff\x00\xf0\xe3\xd9N&amp;\x93/E\x9cGY\xde_h\x84\x8e\xb30\x94\x1d\xcba\x89S'</t>
  </si>
  <si>
    <t>b'o\xab\xff\x05\x0f\xe4\xb6\xfb\xb1\xc0\xba\xbd\xe4\xcb\x89\xb4\xdd^k\x9d=cM\x83j\xd9\xfd\x9ax)i\xb2'</t>
  </si>
  <si>
    <t>b'\x1a\x92\x8d9\xd4O3=bTRM8\xd9\xcaz\x94O\x86d(U]\xd0G\xe1\x9a\x12Z\x14\x03\r'</t>
  </si>
  <si>
    <t>b'J\xde\xe3\xbc\r\x85\xed\xd5\xe0\xb8\x01\xe7O\x8c\xd9F\xbd\x0eh++p\xd1\x19\x90\xc4\x07\xbc\x0c\xf6\xadw'</t>
  </si>
  <si>
    <t>b'Yn\xf4\x00\xb2\xb7{s\x8e\x18C\xce\xb8,9\xaa\xda\x90\x05\x90.\xb4\xdf\x12\x14\xd8\xa2\xf7\xf6d\xb5\x92'</t>
  </si>
  <si>
    <t>b'\xbfw\x03\x01\x0bs5\xec\xa0{,o\x164b\x81\xf3\xb9\x0b\xae!N%\x88\x82\xbeW\\y\xb7\xe4\xab'</t>
  </si>
  <si>
    <t>b'\x15\x7f\x1fD` \xbe\xac\xe9\x8a\xdd\x07\xbe\x8e4Zj\x08P\xbe\x10\x8f\x8f\x0bV\x86\xd3|\xa2\xb5\x1e='</t>
  </si>
  <si>
    <t>b'\xb0\xb4\x05\xc6:}e\xda\xf9\xed\xae\x14$\xec\xdd\xc0\xc7\x11\xab\xcdg$\x83\x8c\x19\xa3\x9e\x86Hd\x1a\x89'</t>
  </si>
  <si>
    <t>b'9T\x8d\x1bl\xb1_\xaa\xfe&lt;\xcc\xaa\xa7\x99\xdc\xa2\xe4\xb4@C/Y\xc6`\x81\xe3\xe1\xf0\xb8\xd9\xc4s'</t>
  </si>
  <si>
    <t>b"\xab\x94B\r\xa1\xf70\xe1ti\\\xabP'\xa5\x8dV\x81BXN\xaa\xd9\x89\xbb \x87,*Ug\x95"</t>
  </si>
  <si>
    <t>b'V\xda\x9bT\xdf\n\xd2G \x9f\xc3\x86Z\x8f9\x88\x82c\xe1\xa1\xe8\xfc\x0e\xf8G\xd9\xe5\x92\x04\x87,\x9f'</t>
  </si>
  <si>
    <t>b'\x83\xb5\x14\xe1\x05o\xa1\xb3\x02/\xa2\x104\xfb\x01#C\x8a\x80\xb0\xf3\xe0\x88\xf7\x1eu\xb5\x15\xae\xc8|9'</t>
  </si>
  <si>
    <t>b'\xea\x19/\x16\xe6w\x8d\xc9k\x1e\x03x\xaf\x84="\x96\x9f\xb4|a\xe3\xcb\xfdZ\xc4d^\x86H\xacg'</t>
  </si>
  <si>
    <t>b'\xc5\x1f\x01\x86\x0bt\x18\xf5[kJ\x02R\xc7\x0b\xb8D\xee\x0f\x1d\x95\xc2\xec\x19\xa3\xf4\xda&amp;cf0M'</t>
  </si>
  <si>
    <t>b'\xfdqg\xa5\xdf\x97X\x01\xbe\xa8\x13u\xa4\xe9\xc0\xb9J\x0b\x8a\xef\x1aC\x83A\x842\xbd\xa6w\x8b\xc0('</t>
  </si>
  <si>
    <t>b'\xb4\xb2E`\xf4\xce^=\x9b\x10\x85I\xc5fiQ\x8dS\xe0\xdd\x02cn\xbe&lt;\xd3\xc6\xc4\xe1\xf1#\x1b'</t>
  </si>
  <si>
    <t>b'e\xb9\xfd\x1a\x13\x9f\xc3\xe5\xff\xc7fS~\x81\xb8$CG\x95\xa1\xe3\x8bERWIXg(\xcdQ\xa0'</t>
  </si>
  <si>
    <t>b'_\x191\xff}\xfe\xf4\xf4\xc3Z\xfc1\rI&gt;\xdaYB\x16\xab,\x04R%\x96\x8c\xe1\x11"p\xb4\x89'</t>
  </si>
  <si>
    <t>b'4\x163\x83\xe5\xb4\x1b\x8a\xc4\xeb\xb32\xc3\xc3\xd8\xfa\xe6\xaa\xce\xdd\x16\x12\x12@Oi\x84\xec\xc6`\xad\x84'</t>
  </si>
  <si>
    <t>b'\xe9\xc1\xcaM\xc7Q"\x008\x8f\xc5]\xa9ch\x88\xe1\xccE&lt;R\xa9P\xb3\xc2X*\x9b\xc6\xf4#c'</t>
  </si>
  <si>
    <t>b'\x02I7\x95F\x96\x02\x89\x9e\xcd4\xc9\xca\x0e\xe8E\xceK\xf3\x93q\xd37n\x95~\x19\t\xdc6\xee\xd7'</t>
  </si>
  <si>
    <t>b'\xc8K7\x91\x83\x02\xe3\x91\x19\xb7p\xff\xa5\xfb\x92\xe2|\xca\xe6\t\x11};3\xca\xb9\x16\xc4\x0cQ\xfdD'</t>
  </si>
  <si>
    <t>b'\xc6\x00\x18\x00\xf8\xe3mM\x1c2\xde\xfe\xa1M\x10(\x869\x8c\xfe\x0eD!&lt;F\x90\xa2\xc7\x90\xb7\xe9\xad'</t>
  </si>
  <si>
    <t>b'\xd1S\xb6\x15\x94Y"r\x90: \x1a\xb7\x9d\x00b+\xa5\xf9Q\xf5\x91u\x9d\xaf\'\xben\xbe5gj'</t>
  </si>
  <si>
    <t>b'\xb6\x96\xac\xc9kH\xf7\x11\xa7\x1d\x19\xaa\xfcuM\x17\x82\x1e\xdf\x0f\xd9\xfb,\x01g\xf8H\xfb\x8ao\x87\xdd'</t>
  </si>
  <si>
    <t>b'\x0be\xe8(9&amp;N\xaa,\x04d\x86kQ\xee*\xde\x08\xb3\x01S\xce\xe1\xb5&amp;\xd4\xd8R#\x1fTd'</t>
  </si>
  <si>
    <t>b'i\xb7\x90\x9bp\xe7\x9e~\x02\x9e\x80\x08_\x06^S\x02\xb9"L!f&gt;\\\x9d \x18\x1c4Bk\x99'</t>
  </si>
  <si>
    <t>b'\xff\xb9\xe4\x83\xe4\xa7\xae\xf8\x94=\xaeg\x8cZP\xd9*\x95&lt;+n\x82\x0e;\x86\xb6\xda\xb2\xe5\x93e\xe8'</t>
  </si>
  <si>
    <t>b'\xd4\x04\xc7\x82Ru\xe2\x1cz\x08\xaacLT\x9e\x87\xe5$\rV\x8d\x95\x9b\x06s}\xa4\xc6\xca\x16\xcan'</t>
  </si>
  <si>
    <t>b'\xb9`G\xee\x88~;\xa1\x8b\x97\x0e\xf8\t\r\xb7\xb8\xe0\x18\xc9?\x88\x1b0\x18\xfe\x86\xd1\xd5hr\x84\xce'</t>
  </si>
  <si>
    <t>b"(\xa1\x820\xd7\x04'/\xbeb\x17m\xf7C\xa2\x99\x18\x04\xa1.\x00&amp;\x88\xe0P-\xa5\xc2k\xd5_V"</t>
  </si>
  <si>
    <t>b'\x01st\x02\xf1\x88\x1e\xb8\xfc\xe81\xe2\xd8\xe7\xfde\xee\xd9\xf9\x19\xb0\x15f+\xffC\x03\xe0|\x11Eo'</t>
  </si>
  <si>
    <t>b'\x85\xf1!kn\xe8EJ&amp;\x98C\xca\xfd5\xb0nfUZ\xd8i\x96\xf3u\x81\xd3^\x8b\xce\x1a\xb1\x9d'</t>
  </si>
  <si>
    <t>b'-\xfe7zj}\xf6S\x91\x7f\xb8A\xd4E\x7f\xa8\xe0\xa9\xce.\x82\xa5\x96wV\xd2$\xc7Jc\xed)'</t>
  </si>
  <si>
    <t>b'\xd7\\\xd0\x8eV\xae\x05K\xd4\xaa\xbf\xf3\xcc\xd3t\xe7\xae\xb4\x80\xc2\xe1\x99g0\x02q\n\xc4@\xd8\xad\xce'</t>
  </si>
  <si>
    <t>b'\xa5\xb5\x97EcDd\nu\xc5\x9a%t\xb4W\xd5\xbdr\x0c\xa0y\x8a\xa1\xa9\x8e\xfc\xa5\x81\x9c\xc8,\x9b'</t>
  </si>
  <si>
    <t>b'\xdf\xf6\xf0BD\xec"\xdd5\xe9q\xac\xa1d\xb8\t\xc8\x8f\xca!6\xfd\xcc\x8a\x06,\x91"/8w\xf3'</t>
  </si>
  <si>
    <t>b'a\xc46\xe6\xd2\x111\xa0\x98@\x84\xc5\xf7Dt\xf9\x87H\xc9\xed\xa6\x1cG\xe3k\x9d\xaa2\x9d\x95\x7f\x04'</t>
  </si>
  <si>
    <t>b'[\xc4\x02\xf8\xcc\n\x93\xb0v\xb7^\xc1"\x12_\xf3Zw\xb0\xf3\xbe\x9d8\x1b\x05L\xaa\x9a\xe2\xe5\x02\xee'</t>
  </si>
  <si>
    <t>b'\xf4%L\xa1\x9f\xeb\xb5\x88\n3:C\\D\xf9\xaf\xd3f\x14\x19\xe3E+\x91Z\x06\xa3\xb2#\xcc\x05\x03'</t>
  </si>
  <si>
    <t>b'\x93\xdef\x0c\x1d\xda\x8e/C"\x07\x8c\xb7\xf54\xd8n\x14\xf51@nB\xef\xfch\xfd\xe0\xe3[\x8bE'</t>
  </si>
  <si>
    <t>b'\xd6=(Sr\xd7\xeb;\xc8\x1a\xa4g\xcb\xe9g\xc6\xb6j\x16f\xd4\xfeN\x9c\x03Ql\xa4y6\xcb\xb8'</t>
  </si>
  <si>
    <t>b'\xe3K\xd3\xc6\xbc\x0e_\xbcG\t\t$\x1be\x84li\x1bcD\x9a\xfe\xf5G\xf4\x8e\x83\x0b\x1ev\xc0\xeb'</t>
  </si>
  <si>
    <t>b'\xc9:w\x89\x90G\xe2\xd8C@H*\xfa\xa5\xee\xe4\x8f\xdc\x8e|\xa7\xc5Z\xee\xc8"\xa9|\xbc\xa7\x81\x8c'</t>
  </si>
  <si>
    <t>b'R\x90\xc0\xee\xdf@S\x81v\x95\x91u\x8c\xd8\xbb\x11\x00\x8dvG\x940\x99\x93\xa6\xc1\x87\xc5=ea\xd3'</t>
  </si>
  <si>
    <t>b"I\x05\xdc\xc8\xc5\x87\x03'\xba\xda\n\xe4h\x1a\x08\xdf!\xc4,\xae\xd5\x8a7+!*\x89\x97{\x03l\xfd"</t>
  </si>
  <si>
    <t>b'8\xc4\xe7\xf3\xa5(`a\xcfn\x92Em\xb6\x18\xc2\xe5&lt;\x13\xc5C\xe0\xd1"\xe4\xf7\xcc\xf4E\xbb\x03\x08'</t>
  </si>
  <si>
    <t>b'\xc4i\x02\xc4\x7f=Q\xbe\x008\xa0\xe4\xfc\xc4\xfa\x11\x05\xb7\x9f$$6f\t\x01X\xd3\x9b\x9du$\n'</t>
  </si>
  <si>
    <t>b'y)\x1d)\xf14\ty\xa7\xf2\xca\x9a5\x12pi\x1ba\x86,\x8e&amp;2\xf8\xa2\xadA*\xa5\xb0L\xc0'</t>
  </si>
  <si>
    <t>b'&gt;\x92~\xe8\xf0{4t\xd4&lt;Z\xbe\x92\x07\xe8\x91\r\xbd\xc6o\xe9\xab\x0b\x93\x930\xcd:\xe3=\xa1?'</t>
  </si>
  <si>
    <t>b'y.\xf3)!\x08\x81\xc7$\x89^\xe3\xdbQ\xa0K@)\xfeL\x84F\xec\xb7,f!R\xbc$"\x97'</t>
  </si>
  <si>
    <t>b'\xdf0]\xdbj\xd0\xa6\xfb\xeb\xf5\x1b\xf5\r{\xf2\x9c\xe4\x11\x88\xbb\xa0\x02\x05\xcb\x01\xab\x9c\xf5\x8f\xca\xb3\xee'</t>
  </si>
  <si>
    <t>b'\x10&lt;(\x89\xa1t\xa0\xa7c6\xf2\x1cT6l\xa1s\x08X\xb3j\x08\xd6ym\xd8\x08qz\xe6Hr'</t>
  </si>
  <si>
    <t>b'\xf4\xc8\x03v\xf0\x1b\xce\x81K\x84\xc4\xa0\x97\xfb3\xc8\xb1\xd8\x86\x05Mh\xfdA\xff\xa0\x19\x84\xe6\n\x9e\x14'</t>
  </si>
  <si>
    <t>b'\xa7\x83)Id\xdb(P\xf4\x1e\xae\xf0\xb1\xd5}\xd5\xefB\xd6\x81\xf6\x8e!0\xc5\xae\x1b\xa5\xb1|I\x9e'</t>
  </si>
  <si>
    <t>b'\xfd\xf4\xfd\xdf\xfbca(\xc2D\x82\x9f\xff\x9dXFc4i\x05\xb5\xc8\x8a\xeb\x81\xce#\xe9\xf1k\x95\xe6'</t>
  </si>
  <si>
    <t>b'\xaa\x8cR\xbb:I\xfc\x17I\xb4+\x07o\x97h\x08\xde\\DyRuM\x19l&amp;\xbd\x16\xd8\x91\xf5\xf4'</t>
  </si>
  <si>
    <t>b'\xb2b/t$\xb2\xaeJ\xea\x10\n\xf5\x80\x9e=\x9a %\x1bgZn-\xc0q\xa2\xce\xbf\xe4#\xb3\xe4'</t>
  </si>
  <si>
    <t>b'T\xe3]$\xc6Ci\x9a\xdc{y\xdd\xce\xf24\xeeOj\xbf|\xbb\x8e\xf5\xf7fb;0\x0e\xc0\xc2\xd9'</t>
  </si>
  <si>
    <t>b'#6\x0b\x19\xb8^\xef\xcb\r\xd86j\xd2\xdcQ-G\xe2\x14\x86\x8e^\xf6\xd1\xca\xe7&amp;\x87\x95\xb7\x183'</t>
  </si>
  <si>
    <t>b'@\xbeF#J,\xa0]\xe2\xfds\x87^ f)\x82\x1c\x95\x06\x01\x10\x8e\xbcO)Xsc\xff\x04\xbf'</t>
  </si>
  <si>
    <t>b'QG\xd5\xb4\x83\x1f\x1a=w\xa7\xca\xdbeT\x9a\x83STCf\x1e(\x03j\xac\x1e\x1a&lt;\x9c,B\xc5'</t>
  </si>
  <si>
    <t>b'\xda\xae\x12&lt;\xcf\xb0\xaeEU\xad\x9c@$\xb6P\xa3H\x9cj\xe3\xb1C\xb3c\x06\x0e\x84\xa0\x1e]uH'</t>
  </si>
  <si>
    <t>b'fuBT\xd4\x89\xfa\xda\xb2!2\x08\xeaP\xd0\xf8\xbd\xc8\x8d\x04H\xf2 \xb0\xe7\xad\x9e\x114q@s'</t>
  </si>
  <si>
    <t>b'&lt;\t\xf8\x04\xeb\xb9\xeb\xa2\x9f\xe3`\xee\x8a\x03\x15\r\xb0\xdbb@\xf7\xb7\x83\x08i\x9f\x10\x9f\xc9\x17\x1c\xf4'</t>
  </si>
  <si>
    <t>b',\xd5\xd2r\xd9=!\xfe\xc3\xca\x9e\xa5V\xf4i\x10[*\x84^\x01\n\x1d\xbf\x07\xeb\x05+\xc4\xbc\x8cq'</t>
  </si>
  <si>
    <t>b'\x06B\x0e\xd8 S\xdb\x1a\xd6\xd7[\x02\x8f?\xc8\x16T[&lt;\x85\x00z6\x93\xbc(\xe3l1g3='</t>
  </si>
  <si>
    <t>b'Z\xe9X\x05W\xc9|p\x1e\xa2\xe41\xa9\xf0\xfd2w!\rX\x12=\x89\xd5\xaef\x81B\x11d6A'</t>
  </si>
  <si>
    <t>b"\xff\xc7\x01\x8a\x1a\xdd\xc6\x9a'\x16\xceI\x12\x12\xe0\xd5V\xab\xa7\xeau\xdf\x80\x1e\x8b&amp;\xad\x80\xd1\xa1\xe1\xca"</t>
  </si>
  <si>
    <t>b'0\n\xc1F\\]\xe4g\xb7\x85\xdd\xa9\x14-\r\xad\xea\xaa35RO+:Lu5w\xe7y\x878'</t>
  </si>
  <si>
    <t>b'\xaeXu\xef\xd5\xac+T\xea\xf5\xe97a\x94\xd9\nPi\x94\xaf\xb0cn\xfd \xc3\x86dal\xdb8'</t>
  </si>
  <si>
    <t>b'\xa9\x8f\xd2\xd0\xc1\xea\x06\xee\r\x9bs\x05\xbb\xc8\xbb\x14E\xf6\xe553\x0c`\xd2w\x8b+\xa2B\xec\x19\xca'</t>
  </si>
  <si>
    <t>b'\x0e\x08\x99\xea6ob\x17\xc7\xfc[\xe17\x1c\xf6"\xae\xf0\x16I\x8a\x94\xa9\x8c4\xc2|\x8c\xe3\xce\x87\xa5'</t>
  </si>
  <si>
    <t>b'\xb6j\x8cF\xf9\xdc\x07\xd7\xa0lbL.\xbe\x9c\xf4bi\x8d\xc2t\xf8\xea\x03&amp;C!\xa0\xcb\xd1\x06\x18'</t>
  </si>
  <si>
    <t>b'\x027\xe1\xba\xbf\xe0\xcdp\x17\xfa\xb9*\xd8\x83[9;:\xe9|\xab\xf0\xebq\xbf\xe9\xf96h\xcb\xeb\xb9'</t>
  </si>
  <si>
    <t>b'u7iy;\xf67\x8a\x8dv\xa4\xb7W#}\xf1|\x9c\xc9#\x1cD\x82T\x96\xfb \xf8LR\xbd\xd3'</t>
  </si>
  <si>
    <t>b'\x90\xb5\x93\x1c\x15%\xd6k\xb78q5\xf5[&amp;\x897\x87/\x058&gt;u\xdb@\xfc\x15\xb4\xdcMw\xf2'</t>
  </si>
  <si>
    <t>b"9\xb4J\x06\xdb'\xe5\xf2\xae\xf68\xbc;\x94\xd0\x03\x04\x19\xad\xb6g~\xf0N\x1e\xddK\xc0\xdf17\xa1"</t>
  </si>
  <si>
    <t>b'`\xf7\xc6\x11\x96\x0cc\x8fVby,UI,hH\xfc3\xc6\x8e\xc6\x86\x94\x9d\x17\xe2Gh\xfa\xb7@'</t>
  </si>
  <si>
    <t>b"&gt;\n;\x90t\xbc\xd2\xfc8\xe3\xe7\xe4.\xce\x9c`q\xbb\xc8'\xb0\x15{%\xa8&gt;\t\xb89K\x01\xa7"</t>
  </si>
  <si>
    <t>b'\xc0l\xbd\xe3\x8b$\xe9\xb2\xc55BJ\x00\x05\xc4}]\xa0@\xa3\xfb\xe9#\xe8&lt;g\x80\xe9\xb7\xb1\x81\xa2'</t>
  </si>
  <si>
    <t>b"\xa2\x97J\xaa\x92V\x1f9'\x17\xcc\x13Y\x08\x04V\x05\xfe\x01\xdc\xcdW\xc9\xe0\xd3\x84\xe4\xb6y\x13#\x1e"</t>
  </si>
  <si>
    <t>b'U\xcf\xefq\xe3]^zo\x19O\xa2\x97\xd8\x00\xcd\xb0\x82\n2\x9d^\xde@\x8c)f8\xc1\x98\xd5q'</t>
  </si>
  <si>
    <t>b'\xfc\x10\xcd"\xe5\xa3\x1a\x7f\x10Q\xda4\xa6\x83fx\xfcMSHK\xb9\xff\xa4U\x13\x85\x8b\xa5\xf6\x1d7'</t>
  </si>
  <si>
    <t>b'\xbeS\x0c\x0c\xbb\xc5\x02&gt;\x90?e\x05\x06\xf5"\xb7N\xe4\xd9\xfc\'\x8e4\x0f\xee\x83\x0e\xbao\x9a\x8d\x8d'</t>
  </si>
  <si>
    <t>b'\x02\xcff\xec\x96\xda\xeed+\r\x03\xe5\xd6&lt;c\xb3\xf60w\x1e`\x9d\x1b$\xbb\xdbqi\xb0`\\&lt;'</t>
  </si>
  <si>
    <t>b'g*\xcb\x96\x8a\xe1\xe9\xac9;\\"2\xd1\xf2\xdc\xa6A5x\x8f\x90Vx4W\x87\xa0\x80\xbf\xf9F'</t>
  </si>
  <si>
    <t>b'c1\xea\x1aI\xd6@f[\xc8Ku\xf8\x96\xbe\xff"\x1a\x19\x82\t\x18\xab\xaeXY36!\x02\xfe\xe0'</t>
  </si>
  <si>
    <t>b'\xdc|5sdj5j\xa0\xd1\xbc"71P\x95\x1c\x95\xd2n\'\xbc\x84b\x14\xcb\xaf\x80\xabF\xd1\xde'</t>
  </si>
  <si>
    <t>b'\x87\xbf\xc9\xf6\x9aD\x06\xd1\xf1NM\xeb\xbd\x02"&gt;{\xf9OB4r\xc3m\x1d\xc33\xb6\xaf\xdd$2'</t>
  </si>
  <si>
    <t>b'\xd6}\xd7\x91\xd0u\xa3\xc7\xa8\xb2O\xea\xc1\x11\xeb\x97\xbf\xf5\x9f\x87\x97\x1a\xda6\x94\x07\xa8\xd0\xe2cX\xe5'</t>
  </si>
  <si>
    <t>b'\xa5Y\xca\xe6-\xc7,\xd0\xeb\xb3J\xf6HA\x10\xfe$\x88\xc8\xbfh\xf0\x13\xdfy\xcd1w\x97,V\xcb'</t>
  </si>
  <si>
    <t>b'\xa7P\xef*.\x05t\xc4M$9\xbe9\x0c\x0f\x04_Uh\x89\xdbE\xa23k"%\x96\xd8\x0cS\x92'</t>
  </si>
  <si>
    <t>b'Z\xd1\x85wn\xdd\xb4PZ\xf6q\xb4\xe5\xc9O\xb1\x95\xc5\r\xebEFa\xa3\xf7\xcb\x91,\xc3\xf1\x10\x0f'</t>
  </si>
  <si>
    <t>b'r\xa4\x19\xc3\xe3\rt\xff\xcf\xb8\xdb=\xa8\xf5*h\xa9E\xcb\xd6\xb7h\xf8\x96\xeaiu\x8d\xc4$\xacg'</t>
  </si>
  <si>
    <t>b'\xc2\r\x8f\x96&gt;\xccmP\x9a\xd9\x94I=g\x12\xc9\xa2\xc2\x9b\x96t!\xda\xe1\x80\xeaU\xc4\xe1Lx\xe5'</t>
  </si>
  <si>
    <t>b'{8\xaeS\xbc\x10\xf8zn\xb1\x14\x93!\xc4\x8e\x02L\x0b1\xedW\xa1\xbc\x0b \x8b\xe9\x96\x8fm{8'</t>
  </si>
  <si>
    <t>b'#g\xc4$\xdfp\xb8/\xdc\x0c/\x0fK\xf6\x06\xf6X\x85\xbc\xb2\x00!S\x91\x95q\x18&gt;\x06#\xb3R'</t>
  </si>
  <si>
    <t>b'\x1dW\x8f\xe2\xc1\x80\xe2\xfd\xa9xsnXU\x05\\\xa9\xaa\x88=\xcfh\xcd\x1e\xb9[\xbb\x94&lt;m\x1a\xce'</t>
  </si>
  <si>
    <t>b'I\xed\xf2\xfd!x4=\xf5\x83\x99\x1b\x9a5\x12\xb7\x10\xe5e\xf7Y\n\x9dX9\xad&gt;\x8a\xda\xf5\x14\x8b'</t>
  </si>
  <si>
    <t>b'\xc7\xa37\xe62k\x92\xf9\x82(F\x8aliF\x1b\x97j\xc7L1}\xaa\x02Q\xd1Q\xf7\xf5\xdc\x1dn'</t>
  </si>
  <si>
    <t>b'\x9bB5\xb2,\xb8\x0e\xaeU\xb4\xa1s\xeb\xe1F\x8c.+\xc3\xae\x04HES\x83\x97w\x19"o\xc5\xba'</t>
  </si>
  <si>
    <t>b'e\xd3\x8e&amp;\x1c-*\xdb2\xdf\xb6\xd1\xa6\xf9\x19\xc4\xad\xb7\x82\xa1\x86\xc3_P\x9d\xe7\xb1\x0c\xde\x9f\x93\x7f'</t>
  </si>
  <si>
    <t>b'h\x8d\xae\x87c\xb8E\xb9\xd4\x1f\xf0\x89h\x93{p\x1b\x0b:\x06\x91i\xa3\x9d\xa2\x15Fs\x01v\xfc\xcd'</t>
  </si>
  <si>
    <t>b'T!H\x9b\xab\xd5N`0\xae\xbe\xe0(\xe3k\xaaH\x1cCBE\xb6\x1b\x85&gt;\xf17\xb4?\xc7\xe9X'</t>
  </si>
  <si>
    <t>b'\x02G\xcb0c\x8ak\x10(Z\x19\xc4\xf1]wq\x84@U\xbf\xac\xb2\xb7=F\xcc[\xe9V3\xe5\xdf'</t>
  </si>
  <si>
    <t>b'-$G\x8c\xe7@\x04\x95\x88\xe3\x0f\xd5\xf2\xefm\xf3\xad\x0bh\xed\x81}\xd0\x16\xbf\xb7\xc4\x0e\xcc:\x9c\xae'</t>
  </si>
  <si>
    <t>b"\x99\x96\xa5'6\xe2\x90\xc0\xd8\xe3\x9aI\xe7\xb8{T\x9e\xa5\x02\xb62\xcd7\x81\xce\\`\xf6q\x02/\xab"</t>
  </si>
  <si>
    <t>b'!\n\x0e\x0b\xad\x8d$m^\xc5\xd8\xdb\xdeX\xf8\xcf\t\r\x83k\x98p?&amp;\xc5\x86MS\x90\x00A\xc9'</t>
  </si>
  <si>
    <t>b'Rmc\x04\x0f\xd9\xedV9\x9aq-\x1d|\x07\xb7\xf1B\xd2f`\xa4ol\xac\x80\xe5\xa4\xb9v\x8az'</t>
  </si>
  <si>
    <t>b'^\x8a1\xcf\xa6})\xd7\x841\x1b\xb0qx\x9c\xc9\xd7ZP#\x8d\xb9LRcL\x02h\x04\tH\xc9'</t>
  </si>
  <si>
    <t>b'\x93\x01\xc6\xc9\xa0\xce\xf5E\xf2\x18a\x9f\xcb\xef\xc2T4ni\xfe\x03a\x1e+\xabW\xa9\xbc\xfb\x07\xbc\xcb'</t>
  </si>
  <si>
    <t>b'\x8f\xf8&amp;\xc3X\xed^j#\xdb\x0b^\xea\xb9\xf9\xf3\x9e\xd4$$\xe6\x9a[\xfa\xec\x01{\xe7\xb8\xbcj\n'</t>
  </si>
  <si>
    <t>b'\xda\xf0\x06\xd4\xc5\x00\xf6\x9f\xe4g%G\xb7s\x05\xe7oi\x14k\xf4\xbe\x12\x1ehr\xdf\x9b\xac\xad1V'</t>
  </si>
  <si>
    <t>b'\xcdyr\xa7\x0c\x08b\x86\x02\xd0[\xa6\x9b\x8c\xd1S\x92\x85&gt;\x14\xa6\xf7r\xd6H\x8f\n\x8d\x0c\x9e,\xbb'</t>
  </si>
  <si>
    <t>b'@z\x02oy\xad\xdev\xfeC\xe7\xdb\x04\x81^\xb3\x10a\xe2\x91Q\x94\x81\x04_\x02\x19\x8d\xc2\xb2\x0c\xa7'</t>
  </si>
  <si>
    <t>b'}A3\x13\xb3\xa8\xc3\xe3P\xa72\xdd\x08\x81#\x94E\x18\xef\xc3\x96\x7f\xab\x8f\xaa\xb53\xf8x\x873\xb0'</t>
  </si>
  <si>
    <t>b'"\xcch.\x00\xd7\x10\x04\x05\xd9\xd3\xfa\xdf\xd2\xc3iSD\x80\xecRu&gt;\x04[\xac%\xe8&amp;\xc6\xf6s'</t>
  </si>
  <si>
    <t>b':m\xfb\x08\xf8\xc0\x8e\x05\xbd\xc6j\xbe;C\xf7\xc2\x8cP)\xa4WF\x17i\x8ao}\x1d\x051 I'</t>
  </si>
  <si>
    <t>b'\xbd\xf7v\xbd\xff\xef\xfdNNgnBH\xcf\xc3\xeb\r\x1d\xe1\x18^gv\xc3&gt;,\xderT\x80\xb6\xb4'</t>
  </si>
  <si>
    <t>b'\xe8W\x7f\xb6\x93\x8b\x8f\xe9G&gt;d\x129\xc6\xb4\x04h_\x9a.k\xb1\xa3/\xa5\x9a\x99\xf6V\xfa\xcf\x97'</t>
  </si>
  <si>
    <t>b'^\xc8\xf0\x91L\x8e\x8f\x05\xb5\xcf=\xc7\x95\x16\xc4(\xca\x1ey\x16y\xf3t\xf1\x0fv\xc5MF\xdd\xb7|'</t>
  </si>
  <si>
    <t>b'\xa2\x83\xdf\xde\xb8\xc6.\xa4\xabB\x02\xa7E\x15t\x1bF\x1a\xc8\x1e\x9dGJK\xe0O,\x92\xb2\xcd\xfcG'</t>
  </si>
  <si>
    <t>b'\xc3\xae&amp;\xa5\x0b\xa9DT\xc2\xa9\x11\x1b\xb6o\x9b\xfcsx\x91\x19\xa0\xeb%eEA\x9e3d\xef\xc7\xa2'</t>
  </si>
  <si>
    <t>b'\xcdau\xdc^\xf92\xa6\xd9\xd2\x80r,\xbb\x1a\xf0\x06\xddj\xe1\xca\x8cJ\xb7\xc0\x8b[\x9cS\xfb\xe1\x1c'</t>
  </si>
  <si>
    <t>b'\xbec\xc6\x9c:]YV\xbb\x8c\x80\xa1-\xd43\x95\x9eV\x04\xb7\x9a;\xd2\x0e\xca\x0f6\xb9=\xfe\x91\xbc'</t>
  </si>
  <si>
    <t>b'(x\xa7\xee\x03GW6\x81#P\xa9\x7f\xeb\xbde\xee`\x06\n\x98\x8fK2\x0c\xe9r\xc3\x97kV\x90'</t>
  </si>
  <si>
    <t>b'\x93\xd4]\xd6\xc9\x91\xcfn\x98\x04\xb4z\xa4\xad\x19\xb2\xf3\x9b\xe6\xadF\x05f\xea\x17b!r\x7f\x9f\xf4\x02'</t>
  </si>
  <si>
    <t>b'\x93\x13\x0e\x89\x8d+\\?yI\x0c\xbf\x19:\xe1\x01\xf1\x9f\xbb\xb2\xd6\xb1s\x1d?\x19V\xe0@\x0c$\x1a'</t>
  </si>
  <si>
    <t>b'd\xd3\xb2\xfbl\x98i\xff\xaa\xad\xed\xa7\x9d0\xd5C\xd1\xeb\xb1\xc6Q\xd96\xf9?\x1a\xd7\xf4\x82\xf1\x95\xd1'</t>
  </si>
  <si>
    <t>b'\x17\xf9_\x190\xc3\x14\x13\x85\xb6x\x85\xc4\xf0\xe5\xc7\x0f\xd5a_w\xfb\x8d\x84\xdc\x13\x02\xaf\x0b\xc5\xb7+'</t>
  </si>
  <si>
    <t>b'\x8b\x97\xd8\x07&lt;\x94\x91Obs\xe0\xef\xf4)\xfd8y\xe9x\x8cy`\x02\xe7$\xee\xeao#\xf00\xec'</t>
  </si>
  <si>
    <t>b'C\xd9B\xf6\xd3\x1f\xd5:\xa7\x00y\xfc\x11\xa7\xc2WR\xf5\xad!.\x84K^\xb6s\xf1\x00v\xbe\x9c\xb4'</t>
  </si>
  <si>
    <t>b'\xe8\xf2C\x9f"c\xf7^s\x92\x05\x90\xb7\x80$Y\xdcEH.\xaf`I\x17\xc1\xb1_\xddh\x93D\xe4'</t>
  </si>
  <si>
    <t>b'\x14\x0e\xa6B\x80\xc0\xf8\xb9\xab\xa0LJ\xeb\xd9\xc0\xc0V\xc8\xa2\xcc`\x8fk)\x82\x1b\xd7\xa3\xff\x180;'</t>
  </si>
  <si>
    <t>b'\x003*\x90\xf8\x89\xec\x15\xf0\xa7\x10\xe1-O n\xfd\xa0\xdb&amp;\xb9\xf0U&lt;\xc7o\xce\r\x11\xacO\x96'</t>
  </si>
  <si>
    <t>b'o\xe5U O4\xc4\nj\xbf}\xa8+V\x02\xf5\x8b\xe5\x9aG\x9es\x96\xad\xca\xff\xb8DW;O\xb5'</t>
  </si>
  <si>
    <t>b'\xbc\xf9\xb7\xccc\x00(\xcd\xe2\x05u(\r\x8e\x1c\xd0"[\xdd\xae\xf4\xbf2\xb3K\xae]\xcb\xf5R_\xf0'</t>
  </si>
  <si>
    <t>b'\x00p\xea\xf3\xc3\xf1\xb0h\x1bI\xa9\xb0\xf7\x96\x88kYX\x8a\x84\xdaZ\x0c\xc1\xd3\xe2\x88[\xcf\xc0!N'</t>
  </si>
  <si>
    <t>b'\x90\xbdr\x87\xfc\x04t\xeeLt\xb6\x8b1\x85\x0b\xaa{d\x12\xd0I\x85O\x02\xc5\x1b\\H\xaa\xb0\x05\xe8'</t>
  </si>
  <si>
    <t>b'\x85\x1b\x8aJ5\xcbXp\x7f\xea\x92\xd9c\xa8^B\xa6\xaeBIs\xc2){\x0cV\xb8q8\x9b\x8d\x13'</t>
  </si>
  <si>
    <t>b'\xb6\x1bA\xf6\xc4\xfd\x93\x87\xd3U[\x144\xbf,\xd8\xb9t\xf0S\x85\xb7\x07@\xd5\xda\xbdz\xf9\xb3\x1b\xf9'</t>
  </si>
  <si>
    <t>b'\xd8\xa2\xda?\xeb\x8e\xe8\xf9l,\xf2S\xa5\x82\xf7\xac\xa2E\xae\x16\xe1\xf2#\x7f\xb0\xeb\x8c\xd0\xd9\xd1\xc0K'</t>
  </si>
  <si>
    <t>b'\x159F!RZ\x9bX\x98I\xeeO\x17`P\x15\xf0\xd3\xa1[\x8b\\,:N\x03p\xfe,\xb5\x8fT'</t>
  </si>
  <si>
    <t>b'\x94\xd4\xb2\x12HM\xb9\x8c\x99\xdd\xa3%\x12\xe3\x1b\xf8v\xde\xa1"h\xe3\x7f/\x11\xe5\xa65\xec\xa9N\x88'</t>
  </si>
  <si>
    <t>b'D\xecl_W\xf36FA\x0f\xfd\xf95\xe8\x9b\x07\x98+\xf4H^E\x88\xf2\x0f\xc9/5\xcbK,\xfa'</t>
  </si>
  <si>
    <t>b"?\xcd+\xb5o\x9d\xe3\x97TK\xe7\xb2\x8aLm\xd6\xb3Wj*Fn'\x9bc\x8f8jW\xad|7"</t>
  </si>
  <si>
    <t>b'\xf3\x93\xba\xd3ys&amp;t\xa1\x1ap\xb7\xa4V\x7f\x19N\xc1\x9e\xb1\x19\x993\xe3\x15\xe4\xcc\x8b\x1c\xcb\x19\x9b'</t>
  </si>
  <si>
    <t>b'\xe4\tq\x84\xef|\x02\xdf\x8b1\xc1\x18;7U4\xcc\xe5\x9b\x07\xa0\x9f7CZ\xf1\xb0\xaaH\xd1\x86&lt;'</t>
  </si>
  <si>
    <t>b'\xa8\x95\xc8\n\xdb\xde\xa8\x16?\xff3\x1e\x974\xd0*\x96\xaa\xc9j\x0c\xc8+&amp;\x8b\x03\xc0J$-\xb46'</t>
  </si>
  <si>
    <t>b'\xd4(\xe1\xbb\xc0\x10j\x014n\xb9%\xc2j\x16\xf9\x97\x87"S\xc9&amp;\xc3\x01\xb2yl\x10\xe4\x1c\xf1\xb6'</t>
  </si>
  <si>
    <t>b'\xa2y\xfft\x8c\xfb\x13-\xaa%"\x10\xbek\x16\xbf\xd5\t^\xc8\xe1\xdb\xb3\x9b7g\xedC\xa1\x92 ('</t>
  </si>
  <si>
    <t>b'\xd4\xaead\x15\xe0-Y\xd7\r\xf18d\xbb\xbd\t\x95\xfe\xd3\xe0ELZHI\xb0e\xd2\x90\xf9\xedO'</t>
  </si>
  <si>
    <t>b'\x89w`j|C\xba\xd2\xc5\x1c&lt;eC\x1ao\x83\x96b\xb1\x84\x18\xa9\xa9D\x8f\xb7\x12\xd2]\x12\xa8\xba'</t>
  </si>
  <si>
    <t>b'$\x080\x9f(\xce\x06bO/\x0f\xb2\xc2\xec\xec=\x8e\x8b\x9f\xa7wl\xc4%\xc0\xd8\x94\xed\xde\xe9\xc0L'</t>
  </si>
  <si>
    <t>b'\xcc\x83\xff\xc7Q#\x05[B\xc9\xd0\x0b\xeb\xcb\x9aa\x047\xf2\x86\xcaK4"\x96\xd6\x00w\xa1\x16W\xbb'</t>
  </si>
  <si>
    <t>b'\x02\xac\xa2\xcac\x8a\xe1\x7fx\xa0\xb8\x9f\x16\x7fi\xec\xef4\n\xc6\x9d\x98K&gt;q\x98\xfdqs\xef\r\xab'</t>
  </si>
  <si>
    <t>b'\xc7f\xa8E\x17o\x9dt\xf6\xady\x98\xbc\x93$]N\xe64\xef&gt;\x0e:1\x0f\xa1\xb9]\xd5\x93\xfc\xe3'</t>
  </si>
  <si>
    <t>b'kd~\x90\x0c\xe3QC\x0b\x99\xe4.\xd7\x93G\x19:\xcd\xf7\x91\x95\xcf\xfc\x90A^\x1eq\xff\x15r\xdb'</t>
  </si>
  <si>
    <t>b"'_\xb86Z\xbf\x8d~CS6\xb7\xff\x0f\xfc;\x16*\xa4\xb2+U\xfe\xcf\x9f\r9\xf8\x80M/\x86"</t>
  </si>
  <si>
    <t>b'\x92:I8%\xc0v\xf2\x0b\x8btJo\xdf\xff\x05\x1f\x1a\x17\xbc\xed\xc8g\xb6:\xc2\xc6z\xbc\x12\xbd\x02'</t>
  </si>
  <si>
    <t>b'\xa9\xfa\x92\xc21\xf3\xf5\xb1\xee\x85\xf8X-z\x8eFmDy\x88g)}\xf7W\x14E\xf8|t\xf7%'</t>
  </si>
  <si>
    <t>b'\xb7S9\x00\x13\xa0\x85t\x13\xf8\xf6\xbbe2\x01\x0e\xaa*\xa7\xa6\xc9,\x914\x13\x8aew?\x1d\x7f\x8a'</t>
  </si>
  <si>
    <t>b'\xd4Mjj\xb8+K\xac9\x9f\x13/\xae\x0e\x90\xd4\xb5\xd1\xe2ci\x11\x9e4\x114\x0eu\x0emk\xd4'</t>
  </si>
  <si>
    <t>b"mr\xe1\x1ex\x91\xe2S#y\x9b0\x1cas\xf5`/\xdd~J\x1f\xf9t\xaf\xe0\x9d\xbf\x18\xd7'L"</t>
  </si>
  <si>
    <t>b'\x99\x90\x86\x98\xa30\x18fL\xf5ERN9\x006fl\x80c\xe6\xe01e\xb8\x91W\xcf&gt;j\x19H'</t>
  </si>
  <si>
    <t>b'\x89\xea\xe5\x84\xe4d\xa4\xd2w\x90z/\xef\xc6W&amp;\xae\xeb\xf7\xf0\x00\xdf\xd1\xcf\xbdx\xb5\xa8\xa2F\xfb\x05'</t>
  </si>
  <si>
    <t>b"}\x10\x0e\xab)R'\xd8\xf4SQ\\i)\xf9\xedz\xc3w\xe0=\x00J\x9d\xee\x1c\x99\xfd95~\xe5"</t>
  </si>
  <si>
    <t>b'\x13\xc1\x026|\xb0\x03\x84Y\x174\xb4I}\xd2]1NMs\x12\x93"r\xb9\xc3\xe8\xf6\x16\xa3\x8b\xe9'</t>
  </si>
  <si>
    <t>b'\xd5\xd4f\x0e\xcf\xbd^\x9e\x1f\x16g?R\xc4\x0e\xee\xa2\xfb\xf2\x10%.\xf7+0\xfe\x9d\xa5\x13zsL'</t>
  </si>
  <si>
    <t>b'*&lt;v\xa3I\xd4m\xa2\xadl2\xe8h\xe5\xc4\x95\xb4\xd7\xf0\xa5\xa9-\xb1qz\xc9\xf6\xf2\xb1\xa88t'</t>
  </si>
  <si>
    <t>b't\xc8\xea\xfa\x16C\x0c\xe3\xf7\x80pC\xf0\x9e\x08"\xd7\x86\xbb\x88\x1e\x06\xb5\xfe\xc4?\x8f\xf3~|\xd0L'</t>
  </si>
  <si>
    <t>b"\xbaPu\x9d\xc9/k\xfbL\x11~\xdd\x97\xde\x02\xe9t\xf4Q\xeeao\xc6\x9an\x175'\xf4:\xf0."</t>
  </si>
  <si>
    <t>b'\xc7\x1dB5\x82\xcfO\xeb\xc0t\xdd\x07\xccp/N\xb9\x11O,\x1a\x05$&amp;\xafC"\x86\x17^\x8c\xf3'</t>
  </si>
  <si>
    <t>b'\xdb!^\xee\x91mrX:\x02Su\xe9\xaf.\xf0Ku\\b\x9a\xa2F.]\xcf\xad\xc6\x92\xff:\xca'</t>
  </si>
  <si>
    <t>b'\x87M\xb1\x01\xb2\xfce\xf6\xe8\xb3\xef\xc4\x90"\xc0\x0c*\xce!\xe1&gt;=\xab\x9b{\x99[r\x18\xbaO\x10'</t>
  </si>
  <si>
    <t>b'N"\xc9\x04\xef\xf0\xfb?wQ\x1dg*\xfc\xc9\xa0\xfd\xa9\x1b\xf36z\x1f\x03o\x85\x89\xc2\xa7^\x92\xea'</t>
  </si>
  <si>
    <t>b'\x07"s\xb1@\x92\xc4\xcc\xbc\x06`c\x1d\x86\xdc\xbb|\x9af\xb5\xa8(\xc7\xfdNp\x18R\xdaw\x07a'</t>
  </si>
  <si>
    <t>b'\x999D\x13\x1f\x8c\xba\xe4\x8a\xb1\x07\x12\xeb\xe0\xc6\xef\x1f\xc0\xb1\xbc\xd3Xi@U\xdbR\xf0\xec\xda\xdc\xbd'</t>
  </si>
  <si>
    <t>b'\x16\xb2\xf2\xa9)\xeb\xae\x9c\xd9\xb1\x0f\xff /\xc2\xdc\xde\x04\x05C\x87\xb7\xf5\xf9\x96|W\x12=\xc4\x95j'</t>
  </si>
  <si>
    <t>b'\x82\\\xe1\xaa\xf8\xc1\xce\xa0\x05r\x92\x18\xd1\x7f\xc4\x11\xee!\xbeiy\xc9&gt;\xdd\x80\xa0\xdf\xa3\xe61\xb9^'</t>
  </si>
  <si>
    <t>b'1\xbb\x7f\xfb\xa3\xaf\x98\xbbC\xd0\xad\xb3\xd6\xb2\x93`\x13\x8f\x19\x94\xab\x84\x072\x93\x13F\x9e\x1e\x872x'</t>
  </si>
  <si>
    <t>b'\xe0\xbe\xdb\x8f=&lt;)"\xfe\x1f,\xfb\xb1\x80tR\x15&gt;9\xba\x98\xcdz\xf2\x9c\x7f/S9\x1d5['</t>
  </si>
  <si>
    <t>b't\xa9~\x04,\xb6I!0\xd2=\x80\xad$(\xb6$4\x16kZ|\xe8\xa0\x145\xa1\x8a\xf8aD\x95'</t>
  </si>
  <si>
    <t>b'1\x8d\xce\xceg\x94\xebG\x97\x11\xb4]*\xb2\xc7\x1f\x1b\x80\xc2\x8a\xd8\xc7\x9a\x99\xea#\xe0Qu\x89\x9f&gt;'</t>
  </si>
  <si>
    <t>b'@T5\n\xd9\xb2\x8e\x85w\xe2\xb1{\xfd\x83\xca\xcas\x97\x90\xd5\x01\xfe@d\x89#V\x0e\xea\xbf\xbeR'</t>
  </si>
  <si>
    <t>b'Z`\xea\x07\x9c\xa2\x01\xf6{\xa5M?[\xdc\xbf\x80\\\x1f\xfc\x97B\x83Q,\xc79\xb53#$\x13O'</t>
  </si>
  <si>
    <t>b"K+\x85C\xaf\xe1}\xac'\xfa\xa0K\x89\x90b6\xb7?#\x17\xa9!&lt;\x0e\xd2C0g\xe3\xe5\xf3u"</t>
  </si>
  <si>
    <t>b'0\xf9t\n#\xfdj\xce\xfe\xeaq\xf0\x06\xd2\xa7WP;kO\xa0&lt;!\x97\xde\xd3\x8aD\xe8y\x89C'</t>
  </si>
  <si>
    <t>b"\xf9\xcbEF`\x08\x08\xb5\x0f\xf2Q4\x11Bz\x1b\xc6\xe4'\x84e2\xdd\xe4\xec\x90\xe9\xa66k\x0f\xb1"</t>
  </si>
  <si>
    <t>b'0\xfd\xaa\xf3e\xcf\x0c\xb21\xa5\x079\xe5o@\x86\xd4*$\xd8D\x12\xb6\xc4\x90\xf9\xe8\\\x1c\xf7\xe4E'</t>
  </si>
  <si>
    <t>b'k\xa6%Jc\x0e\xfa\'&amp;\x0f\xa9\xb5\xadu)\xe5\xa6\'\xbd|"AN\x0eY\xfdHW\t\xfe\x1f\xa3'</t>
  </si>
  <si>
    <t>b'\xc1\xf3\x1bw\x1cY\xb1K{\x083\x03^E\xca\xeb?\xddv\xaa\x85\xde3\xcf\x8d\nze1@(\x11'</t>
  </si>
  <si>
    <t>b'\x10c\xc7oa\xa2p\x87w\xe3t\xfe8\x90\xaa*\x04&gt;\xe9F\x1a\x15\x83\rj\xe0\xc94o]\x87k'</t>
  </si>
  <si>
    <t>b"\\6\x0b\x8aVPf\x88h\x00\x11i=\r\x08)\xf6X\xcdk7^m'/k\x80\x99p$\xafF"</t>
  </si>
  <si>
    <t>b'c\xb8\xf3\x8b\xdb,\xe9\xdee\xf9&amp;m\xca\xd2\xda\xe2sA\xe5\xc0zR*\x95\xfa\xb8\x91\x94\xc3\n\xa8\x01'</t>
  </si>
  <si>
    <t>b"\xa7\x9d\xc74Z\x9fm\xd0\xb4\x1a$\x16\xd3\x82\xa1\x92\x1e\x9cm\x13\x14\xcd:\xac\xf3'\x05\x9e\xe4\x82=\x12"</t>
  </si>
  <si>
    <t>b'$\x18\x11\x9b\xad\xe6Q\xe6\xc0EG\xec\x9b\xfa\x04\xfd\xb6 \xda@\x10\x0b=\xf29 \x82\x07@F\\\xda'</t>
  </si>
  <si>
    <t>b'\x8b\x05\xd2\xde\x8f\xb5\xd8os\xe5\x16\x16\xbd\x07\xd3e\xf0%\xb8\x14\xe2\x90\xa8\x7fU\xbc\x9e\x05&gt;\xe8:\x13'</t>
  </si>
  <si>
    <t>b'\xbe\xfaY\xa3\xa0B\x1c\xb5.\x87\xef\x10NW\xf6\xe5\x89U^](\xa3\xa0q\x80\xa5\xdf1\x8a\x9aN\xf3'</t>
  </si>
  <si>
    <t>b'D1a\xd1\xda\x8f7V\xec\x99\xc2zM!8\xbe\xd3\xca\x00\xc8\x1c\x12`\xb8\x1cD\xc0U\x1dC\xa9\x9e'</t>
  </si>
  <si>
    <t>b'i\x83;\xec\xec\xc0\x9a\xe9P\xeb\x11^\xf1UZ!o\\\xbdrD\xb8\xe1\xafaof\xf6\n\xb3\xb6i'</t>
  </si>
  <si>
    <t>b"\xad\x010\x10\x15\xb2j\xe3p\\\x11\x91;Q\xca\xa6r\x12\xcaQ*\x9e\x8fGMv\xed\xd5J'S\xf1"</t>
  </si>
  <si>
    <t>b'Qcb\xbd\xa1\xa0\x1e\xab:\xf4\x88o\xbe\xcf\x87\xb9\x13\rCZ6g|\xd8\x99\xbdR\x83s4q+'</t>
  </si>
  <si>
    <t>b'.\xc9\x89~\x93\x82 \xd6XH\xa8\xbf\x04}~&gt;2\x8aY@\x9a7\x02\xc0\x85\xcaI\x10m\xad*\x85'</t>
  </si>
  <si>
    <t>b'\x94\xdb\x8ey&amp;\x94\x1dA\xd1\xbd\x01\xd9&amp;\xb1\xbc +1"E,\x83\xbe\xd9k\x1eb(\xc5o?\x86'</t>
  </si>
  <si>
    <t>b'\x91g|\xba\x9bwA\xbe\x03\xda9T\xf1#?\xf2\xad\x87\xf7#2\xed\x83\xfc+\xc5\x17\x18\x9d\xda\x01['</t>
  </si>
  <si>
    <t>b'U./\x89\x81\x9a0\x82\xc6\xac&gt;\xc2\x9c(\x02(\xcb\xfd \x98L\xd5j\x9f\xfd\xb5\xb6\xcf*\xfe\r/'</t>
  </si>
  <si>
    <t>b'\xef\x99\xf4\xe3\xd9\xc6\xcf\xadr\xa13$\xc0\x88\xf2\xa4\xb9\xb0v\x80\xd6z\xe3\x01:P\x84\x90\xd9^pm'</t>
  </si>
  <si>
    <t>b'\xb7\xea\x90i\xe0\x1c\xfd\xefZ!\x9c\x18\xb1h\x88\x9e\xb9|.\xbf2\xfb\xba\x80g7\x02/\xa3#\xee\xa2'</t>
  </si>
  <si>
    <t>b'C\xac\xfc\x0b\x97\x81\x1ca\xd6\x08\x16\xce\xbd#\xfe\x8e\xb3\x0e\x16|\xda\xdf00OE\xa3\x89\xff\xb6\xf0\x1f'</t>
  </si>
  <si>
    <t>b'\xd5(\x17_\x85\xecu~\x8b\x182\xefd\x16\x1e1L&lt;\xc9\\CVs\x0f\x9b\x8d=%5\xf5|\x88'</t>
  </si>
  <si>
    <t>b'q\x81\xa0m\x88\xb5\x04\xc1r&amp;L\x8d\xa8W\xd6V\xc2A\xf4\xd3\xac\xc3\xef\xd7\xc8\xe4k7;\x93X\xcc'</t>
  </si>
  <si>
    <t>b'\xbdp\xe5B^PDV Nf\xb6\xfc]\xcbC\xad\x90&lt;\xfe.uiTS7\xec\x96(\xd25\xd1'</t>
  </si>
  <si>
    <t>b'O\x1e\'\xc7"\xc0\xc0\xd6\xeaP%;\xd6\x9b@;}\x19\x80\x12Yi=x\xc0\xe4\xb2A^\xd8\x8c\x9d'</t>
  </si>
  <si>
    <t>b'\x82\xe1\xa6x\x8c~\xb1\xf2\xdb\xe8s\xae\x0f\xd4\x8fS\xe2\x9e_\x9a\xb3\xb3?\x8d\xc4\xb0\x03\xb2\x91/\xaa!'</t>
  </si>
  <si>
    <t>b'HI\xda\x93\x04C\x83U\xba{\x13k2\xb3\x94La\x88H&amp;6 \xf0\xa9:P\x9am\xd8\xa2Q)'</t>
  </si>
  <si>
    <t>b'g\x18|#\xa5\xb8\xf8\xa0m\xd2\x97\xc2\xc6h\x10\xbb/\xd35\x93\xadBQ\x11=\xd8\x84ZW1d\xab'</t>
  </si>
  <si>
    <t>b'bV\xe3\xdc\x92\xe3\x92H\xf1#\x7fL\xce\x17S\x04\x11*mV\xf4\t^\x9ai\x03p\xc5\xa8f\xb6\x0c'</t>
  </si>
  <si>
    <t>b'\xceug\xf5\xdch\xc5\x85Y\xb9\x9an\xf6q\x8aB|\xdc\xda\xea\xb5mK\x0f\x908C|\xbd0\x85\x03'</t>
  </si>
  <si>
    <t>b'8\x9bZ{j\xd9j\x13\xad\x98\xc7/?g\x83\xdb\x83\xf5\x07\x0f\x8d\xc8\x04\xda\x81\xf7\xcf\x07OL\xfee'</t>
  </si>
  <si>
    <t>b"\n\xfbq\xc5\xaejJpq\xd5\xf8\x82\xbf6\xc4\xdc\x1e=\x94{\xfcB&amp;\xb0\xb6\x01'Q\xc8\x84t\x96"</t>
  </si>
  <si>
    <t>b'Wv\xf6\xb1B\xe3\x10\xf4Oc\x1a$\xa6%\xd4;N\xba\x1a\xb8/\x90)x\xd8\xd7d\xd1\xd3@2\x7f'</t>
  </si>
  <si>
    <t>b"\x81}\x00Z\x97\x0e\xd3&gt;!\xa0p\x0e3^5jM\xee\xf0\xebp\x8a\n\x9c\xc1\xb4\x80\x8b\xe7S'\x15"</t>
  </si>
  <si>
    <t>b'T\x0f\xa5\xc1\xc4\x03\xd0n\x85n\xd6\xc8e\xafr\x8c]R,\xe69\xf7\xc6\xe9nH\xbc\xd5LY\x0e\x96'</t>
  </si>
  <si>
    <t>b"(\xcau\x81\xd5]?G\xc7\x9aD\x13w\xfc\x0f\xa8:\x94\xec\x16'\x0c\x0b\x92\xd9\xd5`\xd7\xb8F\xb3\xf3"</t>
  </si>
  <si>
    <t>b'\x88\xba-\x00\x9fw\xe0\xbe\xa5\xafT\xa7\xb6\xc3D?j2G\x19zF\x91\xa9\xa9\xafh)\xe8LnL'</t>
  </si>
  <si>
    <t>b'\t\xf3\xe8\x93\xfd;\xdc\xb8\x95\xee\xff\x1a\xdc_\xf2\x95&amp;V\xc8\xba\xbbR"\xa4\xcd\x85\x96ve\x08N\x16'</t>
  </si>
  <si>
    <t>b'\xe5\xc5\x9b\x8f\xdf\x1c\x15w\xc7\xb7\xc5\x8am&amp;W\xc9\xa7\x0c\rr\x98\xd3U\x8b\x13\xde\xf1\x14\x07+\xf6\xb5'</t>
  </si>
  <si>
    <t>b'\xbf#o\xd3A\xfb\xc7\xc2\xc5Z\xb0\x8e\xed6R\xef\xf7,\xcb\xac\xddyX?Z\x9e\xaaB+Ag\x8d'</t>
  </si>
  <si>
    <t>b'\x83\xe0\xb4\x95\x9c\x11Y\x8c\xf7\xca\xc8:\x02Z\x006\xe44\xa2\xe7\xcc\xd6\xa0\xf2\x16\xa1\xd1^\xed{\xfe\xa2'</t>
  </si>
  <si>
    <t>b'\xf1\x81\x9c)\xc7c-\x8b\x06\xa7za(\x93M\xba}\x94\xbd4Q\x7f\x16rw:\x0e\x8d\x80\xa2g\x7f'</t>
  </si>
  <si>
    <t>b'E\xf7w\xbb\x90\xa8\xc1T\x05\xa9i\xfe+\xcb\xb8\xde\xd62\xc0\x00S\xc5\x0b\xe5i\x88\x94/[%\x82U'</t>
  </si>
  <si>
    <t>b'~\xe7\x03\xdb-\xa0\x9a\x1cL,\xbc\x9d;U?\xbaUF\x81\x87N=\x10\x1e%\x8d\xb2 \x83GY\xac'</t>
  </si>
  <si>
    <t>b's\x8b4z\\\xec\x07\x96\x9c+9\r\xd5{1\xc1R\x03\x10\xe4\x88\x9c\xe7\xb4\xff\x1e$\x95\xda\x8bO\x8a'</t>
  </si>
  <si>
    <t>b'\x96\xed\xd5\t\xe3\xb5\xe7\x83\x14\xa7\xd2\x84\xf0\x82\x8e\xf0\xfd\x174a\x1f~\xa5\x0b\xc1\xcf.\xae\x07\x01F\xc6'</t>
  </si>
  <si>
    <t>b'\x10\xdab\xf8\xee\xb0W\xc5\xec\x9b\xf39$\xd6\x84v\x98\xe4n\xbe\x99\x01\xf8\xdc|a\xe7\x80\xd8\xceG\r'</t>
  </si>
  <si>
    <t>b'+\xf5\xaa\x9aM\xcd\xfas\x9b\x86\xc3 A\x10\xa4\x03\x8d\x0b\xd0\xd5\x1c\xdc\x82\xd9f\xc5\xdf\xfc\xc7\xd39\xc2'</t>
  </si>
  <si>
    <t>b'\xf5L&lt;\xc3\xa5\xa4\x92\x88?\xb03"\xe8e\xa7B:mF\x18\x17\xde\x04\x99\xf9\x9e}\xae,\x8a\xc0/'</t>
  </si>
  <si>
    <t>b"&amp;k4\xf4\x13\xf8'0$\x94%8\xdet\xdcJ\xa7\x0f\xb0}g\xee\xffIz;\xe4O\xb5or\x9b"</t>
  </si>
  <si>
    <t>b'\x8e\xf6L\xfc\xd5:o\xa5\t\xf8~\xca\xc2\x115\xef\x7f\x0f\xec&amp;\xe9\xaa\xf38\xba\xdd1W\x95\xe2\xff\xa9'</t>
  </si>
  <si>
    <t>b'\x8a\x11\xfc\x00\x9b\xe9\x91\x16\\V"\xa7\xc4\xaco\xb9\xb2c\xebl\xd1\x00$y\xdd0\xe7\xa5\x7f D\x1c'</t>
  </si>
  <si>
    <t>b'\xfd\xb3\x97\x0f\xb8\\ \xb8\xd0\xa6\xc7\xfc\xb1\xbdL\xd2\x0b\xd2I&lt;`\x9e\xd0\x85\x7f\xde\x1f6\x04\x83p\xb6'</t>
  </si>
  <si>
    <t>b'\x8d\x8c\x1e\xb3+Dpu\xb0\x12a\xa6-\t\x87\x83w:HA\xe8S#\x80\xd1\xf0a\x16N7\xa2\xa6'</t>
  </si>
  <si>
    <t>b'\x11\x97\n\x88\x83\x95\x91\x94|[S\xa7S]\x04\x15\x9c\xde|F!?!\xf8k0\x86\xfe\xc5\xe0p\xc7'</t>
  </si>
  <si>
    <t>b"L8\x8c\x88I/kV\x84\x8e(!'\xaa\xf0\xf9tF{[\xb8\xc7\xc9 \x11\xcd\xd2\xd6\xf4\xd6V\xae"</t>
  </si>
  <si>
    <t>b'G.\xec\xa2\x92\x0f|\xb3\xcfs\xac\x8a\xaad\x14\xea\x95\r|t\xeal\xedr\x0e@\x84\x88\xa8E\x81\xe7'</t>
  </si>
  <si>
    <t>b"\xc1\xc6\xb9\xd9]\xc9\x05i\xad\x0cRT\xb7k\xc1\x11\x97\x1d\xe0\xab.R\x82_\xc0c:'\xd5\x1bn&amp;"</t>
  </si>
  <si>
    <t>b'\x85\xcd\xa1\x07\x06\xff\x81\x1c\xefAb\xafM3n\x80s\xf1d8\xfb\xd7Q\xf5\x9cK\xa2\x923f\xd3\xe5'</t>
  </si>
  <si>
    <t>b"\xf4&lt;\xed\xf2D'\x1e\xf8{\x9c29\riu%O\xa0\x9d*5\x14\xe7Y-P\x02\xc8\xd6\xf6\x94\xdf"</t>
  </si>
  <si>
    <t>b'\xd2\xa9\xc2gIfS\xf8\x1c\xb1!\x8fe\xb4H\x00\xadm;sMr\rS\x7f\xf5\x9e\x9d\xac\xcb\x1fZ'</t>
  </si>
  <si>
    <t>b'\x98\xeaj\xcd\x9e\x12\x15\xea|\xce_\xb5\x03I\xcc\x87\t\xabZnPt\xa4J|\x06\xe0wk@\xf0\xcf'</t>
  </si>
  <si>
    <t>b'x\xd0r\x8a\xd9\x9b\xccB\x8e\xd4e\x82\xfb?\x86iY.D\x96nRO\x07/\xf5\xceL\x12:F9'</t>
  </si>
  <si>
    <t>b'Q\xd2\xd4\xc2\x9abV\x8a9Q\xe6\xa7\x16\xf4v\xe9\xe48j\xbe\xf5\xfd\x01Z\x00?\r\xe9\x12\xef!J'</t>
  </si>
  <si>
    <t>b'\x8dj\xa5\x1fH\xaa&gt;v$\x00:\xbc5;3\x9d\xf7G\x16\x98D$\x18&gt;mI8D\x1a"\'L'</t>
  </si>
  <si>
    <t>b'#\xe7oOwX\xb3\xf4\xf6}\xbcn\xb4\xb3-i\x96D\x95\x98\x02\xc0\xb1\xd2\x03i\xb6\xec\xf5\x05\xcb\xfe'</t>
  </si>
  <si>
    <t>b'\x04\x96\x02\xf5\x81\xaa&lt;\xcazI\x18\xfe\xb8\xe6\xcc\x91\x8dA\xf0\xe5i\x9e\x11\xd5*&gt;\xbb\x19@\xbez$'</t>
  </si>
  <si>
    <t>b'\xf4\x8a}\xa4\xd2W\xc1\xfd\t\xc5W?\xa6\x97\x88a\x85\x17\xc3\x8b\xa3\x05\xa4t\xd6\xdf\x94a\xc2V\xb2}'</t>
  </si>
  <si>
    <t>b'cT\xbb\xcb\t\xdf\xce\x91\xe6\xad\x88\x1c\x00N\x9d\xf6@\x9ce|\xacX\x17j\xe0\xe1\xc2\xd0E#\x0b\x96'</t>
  </si>
  <si>
    <t>b'\x8bY\x00\x03\xdfC)^\xd2u)\xdc\x078\'$m6L"X\xd3}\x0c\x8c%\x08)\xef\xcc\x1aQ'</t>
  </si>
  <si>
    <t>b'e\xe0\xb7(\x18\xeb\x0cH\xdc\x07\x0f&lt;N\n\x8a\x93\x07\xd0\xc1\xc2\x05\x08H\x17\xc2\xdddL\xfb\xd3\x10\xad'</t>
  </si>
  <si>
    <t>b'\x87%K\xfdG\xb5\r\\\x1dg\xee\xcb\xc0\xe1\xe2\xf3\x10(\x9b\xcb\xff\x9d\x00\x01\xb0\x0fF&amp;\xccs\x9e7'</t>
  </si>
  <si>
    <t>b'}D\xc6U\xc0\xf8e\xf0M\xacK\xa5\xc2\xb2&amp;\x87\x01QG\xff]cE~\x8b\x89\xbf\xfbO_\xc0\xd6'</t>
  </si>
  <si>
    <t>b'*t!\xbd\xf1\x1d\xae\xa1\x1f\x15W\xfbL\x8a\xc3\xb5\xaa+\xe0\xa2\xe5dg\xea\xcf\x10\xcc\xe6p\xf8\x9d\xa7'</t>
  </si>
  <si>
    <t>b'\xb1\xbc\xbdt\x99\xa2\xff\xf2~\x0e\xbb\xd7\xf3\xe3\x93\x87\xda\x11\x89\xfc\xda*\xcf\xda\xa1\xf1\x8e\x846\xe0i\x02'</t>
  </si>
  <si>
    <t>b'~\xf4{\x1c\x917Xj\xe7g\xfd\x15\xaa\xa0=\x06\xe3\xb4H&amp;\x85\xcf\xcb\xddYW\x97m\xf4)\xc8\xc5'</t>
  </si>
  <si>
    <t>b'\xaa\x84\x1d\x81\xe1\x86;8\x1c5\xc8du\r\xd1\xbaq\x05\xc9\x1b\x82\x86\\{\x037\xf5\x9c\xd7\xbeU\xf8'</t>
  </si>
  <si>
    <t>b'\xa5\xfa\xff\x97J\xa7\xa3\xb2\x0e\xae}\xcd\xd9\xc8\x8d\x9d\xa2\xa4\x11eO\xa9\x06\xae\xb2\x8c\xc3\x15}\x1b\xf3\xfa'</t>
  </si>
  <si>
    <t>b'uM\xe5\xe5\x82\x139W\xdd\xd2,\x94\xbc&amp;\xd0\xe1\xacv\xbe79\x891pR\xb7da\x14jx\n'</t>
  </si>
  <si>
    <t>b'\x05\xc2k\xf5\x1b.\xc1\xb1Te\x91&lt;\xf4\xda\x13\xc1\xdc\xd81\x7f\x97\xe0\x00\xacz\xbd\xa4l&gt;\xa4\xd6\xf7'</t>
  </si>
  <si>
    <t>b'\xae\x9d\xf24\xc8\xd8\x08\xf0Ys%\xc6\xb4\xc8\xe5\xb0\xf61]?g\xad\x93\xc9d(\x14\xb5s~\xd3\xfa'</t>
  </si>
  <si>
    <t>b'D\x7f"h\xef\xfdC\xf4\xa2^5\xab\x9b+)m\xe7,\xdd\x0f\xae\x04\x92U)\x9b\xc7E)s\xc0}'</t>
  </si>
  <si>
    <t>b':\xf95YO;\x1ek\xd2s\xdb\xd6\xe7\x1a\x10y\xe6\xcaU\xa3\xdb\xb3\xe0B\xd2k\x8e\x9a\x9b{ \x1d'</t>
  </si>
  <si>
    <t>b'\xec\x04\xb6\x95\x9f\x977\x8a]#\xb3\x0coh\x8d\xccs`X\xc0\x88/\x00^\xf6\x9e0\x08AuV\xec'</t>
  </si>
  <si>
    <t>b'\x1a\x01\xe8i\xc6\x19~P1\x83\x02\n\x8f\xd3\x88\t\x85\x97^\xf3`\x16B*\xc8b\xef\x0cc\xec\x1b*'</t>
  </si>
  <si>
    <t>b'\xef;\xcc.\xea\x06(\x94\xc1O}\xf3\xad\xb8\x87`k\xaa\xed\xcd\x18\x9a\x06\x8f\xb4\x05\xfe\xd5\x01\x18\x87\x93'</t>
  </si>
  <si>
    <t>b'\xb5\xab\x91\xa2\x9am\x13\xb7\x94:\x18\r\xdd#\xfc\x86\xeb\x90\xf6&amp;\x9a\xbc\xd2% \x93\x98\x9f\x05\x93\xb0$'</t>
  </si>
  <si>
    <t>b',y\xc6qc\\\x00\x07\x8d\x84\tN\xecD\xe2\x92\xc9&amp;\xbc\xfe\xa0s\x08d\xa3i\xd0\xb4\xfa\x16`4'</t>
  </si>
  <si>
    <t>b'A\x1ad\xfft\xe5\xcc\x1eK\x97\xdb3\x11&lt;\xc1\xa9\x11\x8f_\x90\xcd5\xc1\xa0\xd9-\x7fl!\x08A\xc4'</t>
  </si>
  <si>
    <t>b'j\xe4!3\xa4RU\x90\xda\xd7\x9e\xd0\x7f\xd1]W\xd9\x88\x019\xfd)\xda\xb0\x08\xcc-\x1e\xaa\x1fvP'</t>
  </si>
  <si>
    <t>b'\xaf\xb4\x15\xd4N\x0c\xa4\x87\xabZ\x04\xe2\xb6\x85I\xf1A\x1e\x0c6#\xf6\x85\x0e|\xf0\x16\x0340C\xd2'</t>
  </si>
  <si>
    <t>091xx</t>
  </si>
  <si>
    <t>b'mJ\xf2\xa8\x1c&amp;\xe3\xa5\x9a\x1cG\x92\xb6\x9drD46\xe7l\t2\x08\xb1NY\x14\xae\xe6\x8e:\xd6'</t>
  </si>
  <si>
    <t>b'\xf2\x86\x8b\\\xbf\x19\xf4\xc7y\x05\xd2\xa9\x82\x8b 3\xe4\x1e\xb1\xea\xa3\xd2\x1d\xde@\xce\xaa\xc6[\xb0N\x1f'</t>
  </si>
  <si>
    <t>b'Y$\xd9\x92tL|\xe5)\xb1\xa5\xdd\xee\xf9\xd2\xa1Q\\4\xb7\xeb\t\x85&lt;e\x96\x9c\xbdV\x107\x11'</t>
  </si>
  <si>
    <t>b"\xa4N\xf3s\xd6\xf9\x17\x8b\x9a0+F\x8f**\x92\x94NRjO'\x93\xe7\xb9\x0f\xc8\xd7D\xaf\xce\x0f"</t>
  </si>
  <si>
    <t>b'\xdf{O\xb4U\x12&gt;lo\x03\xd5\xcdq\x17\xcdLv\xde\x17\xee\xa0Bh\xa0\xe8R\xd3\xbai\xbe]5'</t>
  </si>
  <si>
    <t>b'\xd9\xdc\x03\x8d\xaeA\xaa\x12\x11\xa0;\t \xb9\xb7\xb1\x94cK\xc5&gt;\xdd\xce&lt;fshT\xc6\x1a\xa7\x97'</t>
  </si>
  <si>
    <t>b'Y\x16\xc2\x84\x8b\x11\xf6\x8ea\xf1\x90\xdf\x96\x92s&lt;FA\xca\xca7\xb9\x8aWW\xfb&lt;\xf2J\xdb\xb8\n'</t>
  </si>
  <si>
    <t>b'\xc9\xe6\xdc\xe6\xa5\x16\xb8"I\xaa\xa8\xf1\xe2\x90\x98W\xe2\xd6\xb9IYu\'\x01Jw\xfb^\xdd\xde!L'</t>
  </si>
  <si>
    <t>b'8\x98A\xfc\x19\x1a\x8bB\xbc\x05~\x1f\x8d\xacgz\x0e\xfe1\x86D|\xa1\x13\xab\xf6p\xaf]Z\x8ce'</t>
  </si>
  <si>
    <t>b'\xb4\x90\x80\xc9\xab\xb5-\xce\x9ap\xc6\x9d\xec^\xd5\rD\x14i5&gt;Y.\xf0\xa9\xe7\xfd\xa4p\xf3E\xac'</t>
  </si>
  <si>
    <t>b"\xd4\x03p\x8f:U4'\xcd\x04Xp-\xb0\x91.-\xf1\xe5\xcdV\x9e\xa7\x0e\xa9tU+DOI\xdb"</t>
  </si>
  <si>
    <t>b'\x8c\x82\xd6\x98\xb6/\xae\xc9\xe3ER\t`\xdb\xe2\xd0\x89\xcb=\x0f\x80\x8d\xf9\xaa\xfc\xb5C\x1b\x93\x15*\xc8'</t>
  </si>
  <si>
    <t>b'\x11b\x9b\xb8\xec\xae\t\x90\xcd\x8c\xe3&gt;k\x94\xdd\x9d#\xea\xce\x16\x01\x98ANO#\xe9\xe18hE\xa6'</t>
  </si>
  <si>
    <t>b'\xd4qO\xe7+\xc3i\xa6\xa2\x85\xc4~|)"\xec\xdc9J,\xc2:\xe8R0\x84\x10\xd1\x80\xb7\xf5\xe8'</t>
  </si>
  <si>
    <t>b'\xc893l\xa6\x85\x06\xf2^=\xdd\x0c\xe3(!\xb30\x8b\xda^\xae\xc6\x82\x8b\x8a\xbb\xf5\xe1V\xd8\xb1t'</t>
  </si>
  <si>
    <t>b"\xe2\xa0=@\x12'\xefl\xc7\xafT2\x0b\x80\xc6[\xa80D\xa6\xa3\xec&amp;\x912\xb7\x03\x98\xbf PC"</t>
  </si>
  <si>
    <t>b'4\x89P\xaa\xfd\x98R\xcc\xfc\xb7\xe4\x938\x854\x0f\x99\xd3\x03Z\x0c9I\xab\xf3\xfb\xcb\xe1\xf8\xc3\xfdV'</t>
  </si>
  <si>
    <t>b'\x12g\x93\xbf\xd3/^\x83\xfd\xb7\xb7L\x18\xde#*\xfda\xd0\xfaX\xf5\xb4\x94\xden\x8b\x96\x1f\x82\xc1\xb5'</t>
  </si>
  <si>
    <t>b'\xba\r\xddA\xacQ\n\xd7\xf6oD\xc2P\x03\xb6r\xdd\xa9o\xa3\xfb\xf8:\xd9(C\xf2\x9b\xe6\xd8\x8c\x8a'</t>
  </si>
  <si>
    <t>b'\xeb%\xacI\xd6\xb2\xb4\xa1(\xc5\x1b\x97\xf6\xc8T\xee\xcd\x0b9\xccDa\xce\x84\xdcIY[\r0\xf1\x02'</t>
  </si>
  <si>
    <t>b'\x8az \xe5}\xa6a\x13q*_\x84Gj\xf0\xf8\\|\x18:T\x8a3\x05\x97|\x95\xa3\xc4\x0ej/'</t>
  </si>
  <si>
    <t>b'\xe2#]\x98\xc7-\xecP\xec\x85j\xd5\xcc\xb0RPt\xda\\\xb7\xfb\xd4\x13p\x02\xee\x81\xdd\n8\x82\x7f'</t>
  </si>
  <si>
    <t>b'\xa9~R\xcc\xc2\xff&lt;\xc3J\xa8\xab7\x10K\xc2\x10~\x82\xfc\xca\xd9\x94\xee`\xa3\xc9\xca`\x1b\x97\xa3\xef'</t>
  </si>
  <si>
    <t>b'\xa3\xaf\x83\xb0\xa8\xe9\xe0-\x7f\x9a_7\xbc\x07*\xf8\x14\xea\xc0j\x13\x7f\xb6\xd7\xe2J\\\xb3\xa1|Zr'</t>
  </si>
  <si>
    <t>b'D\xc3\x902Zm\xa3j\xe4p\xec\r\x90U\xb8\x99\x0fG\xdf\xaa?6\x16\xe5F\xeb\xca\xb8b\xb7\x113'</t>
  </si>
  <si>
    <t>b'\xa5\xda\xf2{\xf6\xeb\xcc\x1c^\x9a\xb6\xd3LB#\xeb\xed\xc5\x07\x84I#\xaf\xa7o\x08T\xa6\x97\x0b@A'</t>
  </si>
  <si>
    <t>b't\xb4\x08\x96c\x0b\x13\x14O\x9f\xfd[o\x12\x18P\xc4\x0f\t\xa7\xd5\xe4tt\xc3\xc9$#\x93\xb3m\x98'</t>
  </si>
  <si>
    <t>b"\xae\xa6\t.*u\x9bt\x16\x99\xf7z|\x1f\xaa\x08;{'\xf7\x08\xfdF\xff\xa2\x08\xb7%\x0e\xefy\x01"</t>
  </si>
  <si>
    <t>b'\xa0\xb9\xae\xca\xd0b\xb0\xca\x00\xab\xc8\xba\x11\xa7H\x95\xd9L\xbb\xb7\x8c\x82\xaeuJ\xfc\x8b\xefj\xb1\xba\x97'</t>
  </si>
  <si>
    <t>b"\x01\x8b\x94\xd1xYA\xcf\xbd\x91\xa1\n\\\xc5g^y\x7fT\xf5\x00'cF\xbd\xa0\x03`p\xdf\xce\xfd"</t>
  </si>
  <si>
    <t>b'\x8c\xafF\x90\x7f#|cu\xe4\xaf\x10e\xbfN1\xa8\xcae\xb31;\xf9J\xa51$\xebY\xe4so'</t>
  </si>
  <si>
    <t>b'\xf33\x0c\xd9\x08_[U"\x9b\x946\xe9\xbc\xbc\xdfr`\xf3\x87\x1c\xfd\xc4\x1bEs\xd3\x16u\x7f\xe5i'</t>
  </si>
  <si>
    <t>b'h\xb2\xa6\xe2v\xe5\x0c\xd7\xb1\x08\x92B\xd2\xff\xf41\xfa\xd3\xdd\x82KJ\x06\xb9\x172\xf7p}Y\xed"'</t>
  </si>
  <si>
    <t>b'*\xd59\xb5\xd3\xcb\xc4\xdbK.B\xc5\xc0\xaa5&amp;\x82\xeb&lt;\x12\xf8iR\xfe\x8f?\xf2\x18R)p\x92'</t>
  </si>
  <si>
    <t>b'\xdbx\xb3\t\xf4\xa6\xbc\x1a\xd6\xc0\xb5\xa3\xc2\x1a\xd2T\x03c\x08\xe3K\x19\x8bP\xc5+\x92\x9d\x99X&gt;g'</t>
  </si>
  <si>
    <t>b'\x02\x0c64\x1fEPb\xdd\xd2w\xa7\xdd\xe9\xea\xbb\xfe\n^\xa7(LhH\xd5\xf3\x92Ei\x97A\xb8'</t>
  </si>
  <si>
    <t>b's\x88v\xaeP\x0f\x8b\x83\xbd\x8bs\xf7\x13\tG\xe4\x13\xdf\xd3\xad\x0e\xc6\x16\x97\xd7\xc3\xaeb\xbd\x10\x91\x8e'</t>
  </si>
  <si>
    <t>b'o\xf5\xbdG\xeb\x81\xc1\x0e7\x96\x01\x0f\x11N1\x9d\x86\x17_\x12j/N3r\x08\xc4{\x05\x10\xea\r'</t>
  </si>
  <si>
    <t>b"`5L\xe9z\xb0\xd1\x8c\x13\x05\x14\x8a\x07P!\xf7-WV\x9el\x1bWF\xc9\xeb\xa6\xc2\xfeJ'!"</t>
  </si>
  <si>
    <t>b'\xa9\x88/\xf2\xa6\x06F\xb1u\xdf\x12\x16;\xbbS\xaa)]\xc3\x8a\xc7\x01\xbf\xb6X\xf7\xedt\xb4}\x01\x9c'</t>
  </si>
  <si>
    <t>b'\xe0\xa1\x10\\\xc7\xd5\xc0u\x94zg\xfa{g\xbbc\xb3\xab\x95\xe1\x1c\xc4a\xecj\x11\xa8\xda\x87\x00\xafu'</t>
  </si>
  <si>
    <t>b'\xb2\xc1A)\xf1\xdeY\x9d\xc7\x08\xecp\xcdD\xcb\x07$6#\xffZ\x7fA\xe9\xab\xa3w\xd5\x89\xb2\xa3\xc6'</t>
  </si>
  <si>
    <t>b'\xbe\x06[\x86O\x0fvgKlt\xd9\x85\x0c\x8a=\x1c1_\n)\x04\xab\xe0\x8b\xb7.|)\nB\xca'</t>
  </si>
  <si>
    <t>b'JM\xcc\xbcv\x8fU\xde\xe9m;\xed\x0cO\x0c\xf6_\x0f\xf2\x1bK\xaaH\x88M\x9a\xa4\xde1\xec\x04\xa6'</t>
  </si>
  <si>
    <t>b'\x98\xcf\xfe=b0\x1b\xec\xcd\xf3E6\x85\t\xee\xda\x10UL7k\x16cLX"\xdeM\x01\x9b\xb5\xdd'</t>
  </si>
  <si>
    <t>b'\xf4\xcc\xf9\x80\x9b\xaa\xec\x00Y&lt;\xa7c\x8a\xf0\x8e\x9ev\xdb\x97\x04MZ\x85\x18\x1b\xbe\x18\xea$a\x96|'</t>
  </si>
  <si>
    <t>b"\xbdZ\x03\x16\xc5\xfe\x8b\x0b\xe2\xeeg\xeb\xe9$\x0fM'k\xf1\x98\xe9A\x80\x15\xf6\xcd\xa1\xd8\xeb1\x11#"</t>
  </si>
  <si>
    <t>b'\xa0Gjy\xdc\xc9\xc8+\xf4\x1d\x95\xe8R\t\x89\xb4\xd9w55ng\xcf\xf5\x19\x91x\xc1V\x1e\xc7\xfc'</t>
  </si>
  <si>
    <t>b'\xa3\xca\x9fX\xd94\xa9\x88\xb6\xe0R\xe5:\x86\xc7P\xb9!\xcf{\xc5\xcd\xffe\xe67\xc8\x8d\x8f}x\x0f'</t>
  </si>
  <si>
    <t>b'\x1e\xdc\x11k\x18q\x00J"0\xb1\xd2\xa8\x13\x1a\xd1T\xb1\x80\xc6q1$\x11\xd5\x02\x07N\xaa9u%'</t>
  </si>
  <si>
    <t>b'=\xd7\x9a\xb8L\xaa\xaf\xab:\xee\xa3_w,\xd9@%\xf2\xbaINCH\xe7\xcevZ\xee\xa3\xd8b_'</t>
  </si>
  <si>
    <t>b'A\xc7\x9d\x84\x96\x94NhzD\x864\x14Q@S\xf4 A\xfd)@)/\x05\xde\xfd\x0c_\xa7}\xba'</t>
  </si>
  <si>
    <t>b"\xaa\xcb\x05\xfb&amp;X\x04J'NN;\xfc\x9e\xe2|\xc5\x06K\xc6W\x91Z\xc6\n\xd4\xff\xb8\xe7\xfa\x08 "</t>
  </si>
  <si>
    <t>b'\xd5mOV\x19\xc9\x9bf\xb9+t\xff:F\xa3\x89\xda\xaf]\xc5\rsun\xed\x8b\xf9wB[8g'</t>
  </si>
  <si>
    <t>b"w\xd1\x97\xa6\xe9\xf5\xa0'k\xca\x0e\xa8!7\xba u\xb4ve\xf79I\xa8H\x1dj\xd27\xcd3\xcd"</t>
  </si>
  <si>
    <t>b'\x8f\xfdc`.I\xeb\xb1\xf7W\xb7\xe2\x06\x99\xd0Y\x8b\xb70f\x00i;\xe9\xd6\xbf\x95bX.\xd6\xa2'</t>
  </si>
  <si>
    <t>b'ZyP5\x1a\xc30E\xfaz\x9d4/l\x08W\xdc\x05}\xb1\xc3vzs\xdc\xb7\xf1\xd2\xdcoS\xca'</t>
  </si>
  <si>
    <t>b'\x1a\xdf0\x1d\xb3\xd9,\xb4V\xbfh\xcci\x1b&gt;\xdeO\xed\x90\xdb\xa7}\xc75\x87\xd8\xdb\x7fR\xa8e\n'</t>
  </si>
  <si>
    <t>b'\xaaS\xf2\x9awj\x01u&amp;h\xdf\xe8\x7f\x1e\x02\xcd\xbekm\xed\x12\x06_P\xaf\xa8\x96;\xa1\x0b!U'</t>
  </si>
  <si>
    <t>b'\xa1\x07\x00\x07\x16v\xff$Y\xce=\xe5\x1d\xcb s\xea\xd0\xc7\x08\x13\x0e\xa2\xf2\xdb]\xd22h\xcaL\x17'</t>
  </si>
  <si>
    <t>b'\xe6\xed\xa3i\xcb\x94\xe86\x19&gt;q\xa7\xa7a_\xcb\x19\x9f\xf1.\xde\xd1\xc8|\xa4Q\xccb\x17\xae\x8e\xb0'</t>
  </si>
  <si>
    <t>b'\x14\xaaXd\x15Ww\xe3\xd0\xa3"\xee\xd0]M\xeaS\xd9\xf7thA\xd9\xc7\xc3\xe0\xbb\xd9#T\x9f\xe3'</t>
  </si>
  <si>
    <t>b'a\xcb\x96\x0c\xee\x7f\xd5\x91L\xd3[\xfa\xbf_\r\x10\x916\x17\xa2\xf7\x0f\x12\x1e\xde\xc8\xebZ\x97\xb9\xd00'</t>
  </si>
  <si>
    <t>b"\xa1\xd6\xd3\xf3HL\xfc\xaaX\x0b\xc1\xe3\xd5\x8c\xf4\x98\xa3\xc2\xa2\x05_\xf9d{\xd2'j\x12\xc5i\x08O"</t>
  </si>
  <si>
    <t>b"\xb5\xdf\x87@\x90\x12\xde\xb6\xf5;\xdd~\x83\xff\x08q\x0bm'\xc5g\x03\xaf\x9b\xa1C\x0c\x8e \xfcd\xe4"</t>
  </si>
  <si>
    <t>b':\xcf\xdd\xd8\xfa\x8d\x97\xe7\x83\xc6\xf39Y\xcc9\x16m?\x0fL\xbcK\x10\xa3\x9be=\x8e\xe8\xb8`c'</t>
  </si>
  <si>
    <t>b'FOQ\x1c\x88\xec\xe9O\x1e\xaf\xcd\xfc\xccf\xe8\xa1\xa7a8K\xce\x054\x87\xfa\x1e\xb0\xdd\xc4U*\xb5'</t>
  </si>
  <si>
    <t>b'y\xe5\x07{\x0b\xfa\xd8u\x040\x7f:\x9c \x02\x16\xfbW\xd3\x98\xc2\xb9\x18\x85\xd5\xaa)\x95\xdc\r\x11\x9f'</t>
  </si>
  <si>
    <t>b'\xcc\x12g3\xed\xa0\xa6{\nA\r\xdc\xde3\x1b\x95.\x18\xa2\xb9M\xb1\x91y\x94\x86\xc6\x08\nT\x81J'</t>
  </si>
  <si>
    <t>b'\xc6\x8a\x0b\x1b\xf1\xe3\xb3\xd3\x812\xe2\xd0\x94\x95:\xf9\n\xb2M\xc4\x88\x19\xa9\x84\xc2lc\x1d\x98\xdb/\xc1'</t>
  </si>
  <si>
    <t>b'\x97\x13p\xa7}\xcf\xe8\xf46,\x0e\xcf\xe60\x96?\xf0_\xf6\xb4\x05R\xaeI\x19?\xf2f}\xbf7\xdd'</t>
  </si>
  <si>
    <t>b'\xd9\xc7\x01|`P\x84\x84\xb3zPE{\x00\x83\xb3\xa5S2\x7f\xd2\xd7k\xa8R\xcf\x85\x83\xder\x8f\xe4'</t>
  </si>
  <si>
    <t>b'$\xf6O02\xa2\xe8\xbfb\xe2\xc8\xcc\x99\x1a\x11\x13\xcce\x0bi\xfa\x1e\x88\x10\xf2\xe3\x18\x99\xf7\x9e\xf6z'</t>
  </si>
  <si>
    <t>b'\x9f\xb1\xb6\x84\xda\xe5\xfe\x15\x8fI5\xefk\x13\x16"?\x92\xc0\xf8N\xd3\x94\x86\xec/v+%~J\xbd'</t>
  </si>
  <si>
    <t>b'H\x1f\xcd(\n5\xc4\x03\x0f\xa4*\xaeQ\xec\xcb%\x14 Zb\n\xb7\x97:\xc6\x9b%\xdb\x19y\x08o'</t>
  </si>
  <si>
    <t>b'\x97\x0b\xce\x9a\xabb\n`=\xc4\x95I\x83=\xce\x11\x86D\xdbz\xf2\xaa\xd0k\x87\xcc}\xd5v\x8a3b'</t>
  </si>
  <si>
    <t>b'\xebJ\xa7\x89\xe9\xd3\xc1\xb9L\xaf\xc6J\xe5vZ\x049\x97\xb2\\\xe53\x81\x9f\xaaI\x1a\xe7_\xc2\x80\xf9'</t>
  </si>
  <si>
    <t>b'\xe4Z\x18\xbe|}r{\xc1\xe2\x88\xd9\xd6U\xeeB\xb8\x89\xb0\xfcc\t\x99RO\xc6\x9aU".\xb3c'</t>
  </si>
  <si>
    <t>b'\xb2\xba\xb2X\xad{\xcf\x98\xd0\x12}Q\x8c\x11\x10\xb1\xa0\xb2\x9e\xd6\x9c\xb5\x16\x86l\x07\x01f\x91\x0e\xfd\xbe'</t>
  </si>
  <si>
    <t>b'\x1a\xef\x8d\xd7\xfd\xa6\xe24\x88\x00\xb3\x8a\x81\xef\x9cC\x02\xfc^\xd706\x93\xaa5jc\xca\x12\xb9\x92]'</t>
  </si>
  <si>
    <t>b'\x86ag\xb7\x0cS\xd2\rX\x01\x07_\xc6\xd5\xfbSa\xe6\x10\x92\xdeB\x94\xfcg\xb8\xb4\x1b\x06\x9c=\xfb'</t>
  </si>
  <si>
    <t>b"\xe4\x13,\xb4q\x13\xf1j\x9c\t\x9c\xdb\x86\xd2\x1a^\xbe\xffE\xa8\xf2^\xdb&lt;V\xdaq\xf24P9'"</t>
  </si>
  <si>
    <t>b"\x8e\x8d\x1a\xe8\x1d?\xb6\x00\xd2\xb0\xcby\x1e\xc4\x88\x1etl\xc2A\xecX\x0bt\xf0Rm'\x98&lt;\x85\x12"</t>
  </si>
  <si>
    <t>b' \x83\x1aU\xfd*\xc7$(S\xce\xc9H;\xb2O\xbf\x82\xd2Z\xf9}%\xcdhu\xc7U/\xe3\xa4\xa3'</t>
  </si>
  <si>
    <t>b'\xe1\xf1\xf79s\xfdjc\xc5O\xef/\x01\x93r~j6\x81MRl\x92"\xbb\xa3\xa7@w\xf5\x1b\xbd'</t>
  </si>
  <si>
    <t>b'\xda\xad\x99\xafdm\x93B\x8d\xe9\xd7\xd0\x13\x86\x9c\x8e\xf7\xe6\xfc\xf2\xb6\x96\xd1\xdd}\x9f\xbd\x83\x0b\xb5\xaf\xb2'</t>
  </si>
  <si>
    <t>b'\xbd\x17\x91\x8ec\xcb\xbd\x80\x89\xdb\xd2u$\xd0z\xa1iq:{\xd8v\xe6[ f\x8b\xe4\x18c\xba4'</t>
  </si>
  <si>
    <t>b'\x81j\xef\xd3\x15\x07_\x06\xe4\x0c%p\xa4\x86\xcf\xfer%N\xe2\x8dX\xeap\x8f\x13\xbfS\xd7\x12\x8b9'</t>
  </si>
  <si>
    <t>b'\x88\xc7\xa8"\xaa\x88\\\xa6\'\x8f\xb3@\x1c*_|\xba\x857\x1a|\x88\xf5\xb5\xb7\x14\xea\x0b-\x91 T'</t>
  </si>
  <si>
    <t>b'\x92:\xf6JL\xe0\x9eE)\xad\xda\xac\x05\xdd;8!\x8f\xa9\x83\xbdk\x86\xa2\xf1,\x99\xb4\x19n\x81\x01'</t>
  </si>
  <si>
    <t>b'\xae\xa2\xe973\xad~\x13Qi\xcf#\x06*\x07\xdfUK~\xd8\xcd\xffB,\x80\xbf|QD\x11\x9d\x90'</t>
  </si>
  <si>
    <t>b'\xa3\x7f\x8c\xf5:Q\x06M&amp;\x1c\xa4Q\x17"z\xed\xd4F\x85u\x9a\xbc^\xc1\x01;\x97g\x89\xd5\xfc4'</t>
  </si>
  <si>
    <t>b'\x9e)7^\xb2;5\xe0;\x82\xa9sg? \x0cX\x9e\xefs\xf7\xfa\x10\xe7\xe3\x16@\xbc2\x04\xcf:'</t>
  </si>
  <si>
    <t>b'F\xd9\xe6\xdd\xaf\x96-#\xcar\x10{\xa8\x05\xcf\xc9\xe9\x05n\xb2\x18h2\xf9E\xa7y\xa2W\xfd%\xe2'</t>
  </si>
  <si>
    <t>b'A\xe7\x84f\xe6\xb1\xb1\x9d*=\x84\xf0\x91v\x0f\xb5\xb5\x1a\xcc\x10\xa8w\xb9%y\x11\xa9\xeb\xe5\x1fj\xba'</t>
  </si>
  <si>
    <t>b'xT\xe6\x8d\x12gEy\xcd\x9fj\x987\xb5\xcbQ\xae\x10\x13\xf7\xa9d\xd7N`\xa8\x01\xe7\xb91\x01W'</t>
  </si>
  <si>
    <t>b'\xab\xde\x0e&lt;\tW\xe8+gO\x94\x93\xcc~\\m7\x15$+\x07\rL\xe3-\xc7\xc6\xab\x0c\xe1\xcc\xb0'</t>
  </si>
  <si>
    <t>b'(\xb2\t\x9f\xfca\xbbd)\x93\x99\x9c\xc0\x8f\x00\xfa{\xa4\xc1\x80\xefLA\xae\xe1\xeb{,5\xf8\x97`'</t>
  </si>
  <si>
    <t>b'\xac\x17cK\xb1\x15\xa4\xafe\x02T\xd0#-6JMG\x00\x0f\x91q\xdd\xc8\xbe\xc4l\xda\x00\xb7\xe4\xcf'</t>
  </si>
  <si>
    <t>b'%\x1c\x99\xa9\xc7\x1d\xe9U:\xf7e\xcf\xeeL.\x97!\x9a\xdc~\xad\x92\x15\xc0\x0c\x95,/h\x85(a'</t>
  </si>
  <si>
    <t>b'\xbc-\xb4\x03pk\xef\x81=Ds\xda\x8c\xf9\xf6\x1a\xcb\xd0\x05\x1a\x1dj\xd5\x97\xb0~\x7fyZ\x9b\xc8d'</t>
  </si>
  <si>
    <t>b'UQ\xb8\x18\xd2\x10\x9b\x91j\x1bE\x19\xd9WH\x01\xc0\x91\xecH3N-\xd5\x9f2l;w\xea\x03\xf5'</t>
  </si>
  <si>
    <t>b'\x9f\x0e\x06\xf8\x80\x00\xb4\x17G\xe7\x8f\xadIb\xb8\xd2\xf4\xf9\xc2\n\xa6u\xc2\xfa;\xce\x13\x95\xb5\xf0n\xc5'</t>
  </si>
  <si>
    <t>b'$N\xeb\x1e\xc5\x17\xdef\x17wO\xba\xe1\xad6\xa4\xf8\xd0X\xa6\xef9nnW\xb7-\xa6\x8a\xc8\xb9\xce'</t>
  </si>
  <si>
    <t>b'/g\x9c\xc4icp\x9f\x97DRl \xb2\t\xa5(\xf3g\x06-\x1dm\xa2\xfc\x81\xdb\x80\xc5\x10\xa2\x88'</t>
  </si>
  <si>
    <t>b'\x1a\tW#\x8a=\x02\xcb\xe6\x04D^\xc1\xd9\x8c\xe7\x1b\xeb/\x87\x8b\xfd\x19\x91{\xd7\xb7\x96\x10\xe8\xe9L'</t>
  </si>
  <si>
    <t>b'h\x92\x9b\xee3\xcb\x0b\xf0\x8b&lt;w\xf8LF\xa3\x93\x16\xd2\x84EQQ\xd1\xac\xcap\xd5\xccH\xd2\xbb\xa6'</t>
  </si>
  <si>
    <t>b'k\x1bB\x96\x9e7c\xbd\x8e\xed0S\xf5\t\xcf"Y#\xa2}\x9a\xa6\x16v\x80\xac\x8dQ\xa7\x00\xe0\x7f'</t>
  </si>
  <si>
    <t>b'#~\x96\xd4\x1b|q\xeaA\xb5U?\x1a&amp;[\n\xc1|\xa5V\xe5\xde\x00\xe7\x14\xa6*\xd0\x1c\xfcC\xd8'</t>
  </si>
  <si>
    <t>b'\x9c\xac\xe2}\x1b\xe5\x10&lt;\x8f\x9e\xb1\xd0\x04\xeb\xfe\x8dqK.\xfe\x9d6\xd3\x93\x7fd\x163\xc7?+\xe9'</t>
  </si>
  <si>
    <t>b'\xf1]\xd4\xd2\x01v\tJ\x9e*\xaaf\xbb\x03\xdf\xcc\xd8\x0f@P\xefm6\xd0\xd3\t\x01T\xc2\xac\xd8m'</t>
  </si>
  <si>
    <t>b',\xea\x00OL\x07\xba\xf4\x0e\xaa\xec\x85\xe3\x17\x9b\x0f\x9ai\xdd7A\x10z\x80\xbb\xbcw\xa7\xdb\xc4\xce/'</t>
  </si>
  <si>
    <t>b'\x14\xba.\xbe!?PO\x1b^\xe6\xd4\xd9L\x951\x1c&gt;iU;g\x98\xd2\xa3s\xf7\x1a\x15V^\xd6'</t>
  </si>
  <si>
    <t>b'e\xfa\xa6K\x06\x11\xde\xef\xca3S5\xec\xc6\x8bO\x84\x01\x01\x14\xa3\xc1\x15\xe9a \x9685f3^'</t>
  </si>
  <si>
    <t>b'/P\xe6\x05\x9d&gt;C\xb0\xae\xabus\xe1\x0b\x86\xf5\x8b4\x98\x0c\x9d\xbb\x1c$\xb4\xdc\x90\xcbM\xf4&gt;6'</t>
  </si>
  <si>
    <t>b"\t\xcf\x7f\xee!b\x82\xf1\x8f\xf7u'\rkg\xa6T\x8c\xb6JD\xd3tJ\x19\x899}\xc8\xab\xf0y"</t>
  </si>
  <si>
    <t>b'M\x8c\xbf%\xabI\x1e\xaaeH\xddY\xc9\x8c\xfb!i\xac\x92\xa3\xe8\t\xcf\xc5\x1e\xfc\x98\x8d\xfcX\xb6y'</t>
  </si>
  <si>
    <t>b'\xdb\xd2\xd1\xbea\xd8e\xa6Rt\n(\xc9\x17p`y\x88\xa0\xda-\xd4\x80\xd2\\p\xe7\xf8\x94}\x8bS'</t>
  </si>
  <si>
    <t>b'\xe7t!\x17\x10\x8e\n`\xdcP\xa3\x13g\xe3\xd9\xc6\xa0e\x87V\xcb\xe16\xb9\x92\xe0\x9c\xf3\xa6\x03\xb9\n'</t>
  </si>
  <si>
    <t>b'{^\xef\x066Jv\x92\xff\x8c\xd7\xdd\x04\xc4J|\xa6\x11\xa6\x19\x8d\x9e3~\xa0\xfaj\xd3E\xd9\xf9\xc8'</t>
  </si>
  <si>
    <t>b'k\xbe\x1ap\xdb\xa7\xe6\\[\xcf\xd5L+\xd4\xe0\xbb\t\xf1]\x8fa\xcc\x9c\xc8w\xe6N-+\x90%0'</t>
  </si>
  <si>
    <t>b'\xd6\xea?\td,P?\xf1\xcf\xbd\xd9n\x93\x9ae\xeb\xf6\x19\x97\xadB\x89\xd6\xbd\x8b\x9f:\xb5\xe7\x1bJ'</t>
  </si>
  <si>
    <t>b'\x9f\x7f\xaah\x88\xae\xd9YI\xa4)\xeaF\xa9\xac\xa1_\x8d\xb2\xf0\xa3\x7f\xf4\xf7W\x81\xed\x97]\xd3\\\x92'</t>
  </si>
  <si>
    <t>b'\xca\x19\x11\xf5\xa9Pk\xc4G\x0e\x13\x0fVv\x0e\xb2\x0bF\xd4E--\x17=\xd0\xcc\xc1;\xbe\xe2$7'</t>
  </si>
  <si>
    <t>b'?\x9fOZCAg6L\x1c\xc6H\x0cG\xbd\xfc\x05\xdbW\x01\x00\xefi\x05Rz\x1d&amp;\x8c\xa9\xad\x86'</t>
  </si>
  <si>
    <t>b'\xe1\x959\x92\xbbNy\xc6\x9f\x9dR\xafu\xdd7\xc9\xf7\xb4\x12\xde/\xf9\xc0p\x18&amp;"\xbd\\\rNf'</t>
  </si>
  <si>
    <t>b'i\x97\xa9\x8a\x83\xe8y\xae\xc9S\x94\xe6\xf0\xb95\x029\x0c\x0f+\xadE&lt;\xf9\xda\x94s\x95\xd5!3\xf2'</t>
  </si>
  <si>
    <t>b';b\x0c\xbc\x1b\x0e\x8f\x10\x1b\xf0a\x9fT\xbd\xf0\x1cdZXl\xbe&amp;&amp;\x86\xb9[*\x85?\xc1\x87\x0f'</t>
  </si>
  <si>
    <t>b'\xe7b\xa8\xf4\xbf\xd1\x01\xee{\x02qr\x01\xadL\x1cd(\xc7\x9b\xb6V\x8cx\x0f\xc0\xb8\x8aK\x88\x96\xcf'</t>
  </si>
  <si>
    <t>b'B3\xe1N\xc3"\x07\xd8we\x9c\xb1\xa8\x9e\xf4\x8c\xae\xee\x03\xb8=\xc4\xd8$\xa3\xfd\xc0\x02\xd2D\x0f\xc8'</t>
  </si>
  <si>
    <t>b'!\xc8\xc6\n\xc4\xbf+\xdc-[\xc78\x03\x1f\xb7\x04\xc8[\xee/]|u \xe71_\xcb\xf8f\xb0\x00'</t>
  </si>
  <si>
    <t>b's(G\xb3\x14\xa2u"\xc7\xa8\xe8_\xba\xe9Y\xbd\xfc\x84x`\x06\x08\xdd\xf6\xe6\x04A\xb1\xe3\xe1&gt;\xb9'</t>
  </si>
  <si>
    <t>b'\xfb`\xc8&amp;\xae\x02&lt;6\x88\xe2\xdcy\xa4\xf1+Q\xb3\xbf\xcbcq;\x00+[\xd5\xa0c\xd9K\x8d\x92'</t>
  </si>
  <si>
    <t>b'\xefb\xc1C\x07\xd0\x9f\x13\xfa\x81\xb2\xfa\xdfe\x8f\xbc\xf2\xf4\xaf\xb0f\x1e\xf8\x89\x82\xbfr9\xb9mZJ'</t>
  </si>
  <si>
    <t>b'\xa1\x83\x89\xcd\xfer_\xbf}?\xa6\x01Wk^^\x08\xbc\xbe\x97\xb2\xa1\x9cT\xb1/LaR\x1b\xca\x91'</t>
  </si>
  <si>
    <t>b'\xa7\x16&gt;.\x11\xff\x8e93\x91\x1aN\x1d\x90\xa6i\xa1\xc3\xa68P\xb9\xe4#\xba\xda\xa3i\xdd\xf3\x12|'</t>
  </si>
  <si>
    <t>b'\x1e\xda\xa8L\x0bU0d\xea\x99\xf4\xa5\xcf\xd4\xdd\x08\x87@\xa9\t\xd8\xa5\xad\xfb.\xa2D\x90\xc5\xc0\xccY'</t>
  </si>
  <si>
    <t>b'\x0f9d\xb2=\x99\xa3$\xb6U\x98\xa7=t\xddv\xc7J1\xaf\r\x15\xb3\xe9\xe6\xda\x8e\x0f\xbd9\xb4]'</t>
  </si>
  <si>
    <t>b'\x1c\x01\xc6\xcbx\x95H\xa5\xc61\xc4\xdf\xf7\xf8HAI\x9f.\xd0\x85\x89\xedIU\xaeA\xabZ\xd7-%'</t>
  </si>
  <si>
    <t>b'\x10(xS\x7fJ\x83\xe2c\xf0\n\xb6e|\x9fgE\xc1\xa6\xe9\x9b\x0c\x98ta3\xdd\x97\xa0\xcd\x15b'</t>
  </si>
  <si>
    <t>b'\x1f\xb5\xb51B\x80\xb1\xba\x81\xa5\xa4\xc9T\x1c\xfa4\xa3Y\xe7]`\xe2\xae(\xea\xa89\xca\x90\xf4\x8a\xef'</t>
  </si>
  <si>
    <t>b'\x89\x93\x97F)\xc9\x86\xd0\x97\xbf&amp;s{\xa2\xe5\x10\xc6@E6\xe1CUL$\xf4\x10\xc0\xaa\xc8\xd1\x19'</t>
  </si>
  <si>
    <t>b'&gt;\x86\xf8\n O\x0c\x05\xef\x05\xd6\x9b\xef7\xd4\xb9g\n\xf5\x16\xd6(6\xb4\xc4)&gt;\xcati\xad\x96'</t>
  </si>
  <si>
    <t>b'k([\n-\x8e0\xf3\xbc\xed\x04y\x17A\xc8\x9d\xd9\xbc7\nw\xc9A\xe6N-\xd3\x96\x01\xd3\xe8L'</t>
  </si>
  <si>
    <t>b'\x90,_\x8d\xd6\x9d\xdc\x91M\x07\xb0\x9ex*\x81\xbb\xc4\x80\xd2VO4\xe2\x14\xde\x7fqV\xd8-\x17\xdf'</t>
  </si>
  <si>
    <t>b'\xa0\xda\xb4W?m&amp;\x1c\xe3\xe2\xb9\xf0\xfb\xd6%\xac\xac\xe5\xc5\xa4FG-\xb3\xd6\xe84\x17n\xba\xecf'</t>
  </si>
  <si>
    <t>b'\xf6\xd6\xef\xcb\xff\\\x08R\xfao%\x8a\x086z\xd6\x11/\xd8\xd9$hlC\x88\x84\xb1\x12\x1b\x93\xaa\x19'</t>
  </si>
  <si>
    <t>b'\x8a\nF\x81\x8c\xf0ms\x1e\x8f\xce3\x8e\x04U\xb8\xb3\x80\xe7\x1c.\xedGbgL\xd2\xe5g+x\xbf'</t>
  </si>
  <si>
    <t>b"=\x8ad=\x8a\x04X#G\xdf'/\xe0\xd6;\xfc\xdf3hA\x90\xf5C}\xbb\x9c\x16\xdc\xc2\x066\x80"</t>
  </si>
  <si>
    <t>b'\xdc\x02\xe6\xcfK\xd4\xedB\xcbp\xdb\xcc\x8a\xa0\xe7\xb5\xe1\x93\xffQ\xa6{\xb6\xc6W\x9e\x04Ze\xf5\x84E'</t>
  </si>
  <si>
    <t>b'\xf1G\xec\x9d\xa7\x141\xa9&lt;\xa4\xa8\xb0\x14]Hx[\xe9\xc3\x02L\xa7\x00C\x13\xd7\xd4+(\xc1\xd7\xcf'</t>
  </si>
  <si>
    <t>b"l\x02\x14lO:d'l\x923\xb8\x83\x04\x9c\xcdM4r\x7f\xfb6w\x8a\xeb7\x1f\xb4\xeb``\xbf"</t>
  </si>
  <si>
    <t>b"R\x1c\x18\xb9':d\x12\xf0\x7f91\x83\xdax`\xdfz\xce\xbcU\x97n\x17-J\xdc\xc6]\x00i\xb8"</t>
  </si>
  <si>
    <t>b'K\xbe&gt;P\xe8\x18-\x85\x04\xf5\xe1\xca\xb5\x86\xe9E\xf4\x82\x8d\xcd\xd4\x95zgW-s\x1d\xc1\xdbR\xcc'</t>
  </si>
  <si>
    <t>b'+M\xdc\xc4d\xf2\x0b\\\xa4\xd3\xee\xda\xc9\x81\xf4g\xe4f\xa5\x88\x7fu\r\xf889\xfdnD\xeea-'</t>
  </si>
  <si>
    <t>b'\x99\t\xa6\xda\x80\x8c,\xc9, \x14\x0b\x8e+k\xd8\xf9O\x93\xeb\xa3\x81\xe7\xe4\x87|\xb9W\xd1}\xbd\x82'</t>
  </si>
  <si>
    <t>b'c\xe8\x89J\x98\rBS]\x82\xcb\xe6"]\xf0\x83\\P\xf1\xba_\xca\xebkh\x98\xf3f]+\x0c\xb5'</t>
  </si>
  <si>
    <t>b']\x0c\xc9~\xb3Jq\xf0\xf2\xf7\x7f\x0c)\xc3\x7f\xbd\xd5\x0c\xb7\xaaQR\xddOk\xc5\xfa\xe2\x0c\xfdGt'</t>
  </si>
  <si>
    <t>b'\xb1|\xcb\xe4\xbc\xee\xd2\x1d\x1au=\x99\xbd\x9d,|\xda\x0e)\r\xed\xff4n\xea\xb0\xd5\xd9\xb6E\x0fc'</t>
  </si>
  <si>
    <t>b'`\x91\xe4\x0b\x0b\xfa&gt;\xa6\x88\xe2\xbd}\x86\xb8k\xb1\xf1\xbe\xb2\xe5+Ph/\x88\x16\xe0\xd6\x9f\xaa\xce\x18'</t>
  </si>
  <si>
    <t>b'\xfe\xdc\x16\x91R\xb1&gt;\x0c\xd0\xa9\xadll\xdc\xed\x9b\x99v\xcf\x8c;\xea\x90z\xf4\xa0\xdd\x9a\xb3\xc3\x83\x1c'</t>
  </si>
  <si>
    <t>b'\xa8E\xa3\xef\xcd\xff\xbd\x02-!\xd7\x96\x9e\xbeiScs\x01:\x80\x9b\x1e[\xf2\x18T\xee\x04\x9b\xae\x9f'</t>
  </si>
  <si>
    <t>b'\x95\x851\xbc;=\xaaT$\xdc\xce\xd7f&lt;%\xfa,\xfb4-1[\xc6:2+\x98\x80J\x8c\x1e)'</t>
  </si>
  <si>
    <t>b'\xa2h\x8a\xeb\xb5\x98\x1d\xd7\xbdo \xb1\xaf5\xe1\xb8\xca\xd4\xac\xc4\xa1-\xa8\xa7\xca\x96}x\xc4\x9eIu'</t>
  </si>
  <si>
    <t>b'\xa0S\xd3i\xa0\xc0]9\x92\x17\xa0\xe7\xd7)\x1c\xf0\x0b,(\xf4\xf9\xff\x06]Cr\xb0U\x80\xe7\xf6\xa5'</t>
  </si>
  <si>
    <t>b'9\xf4\xd8\x1f\x0b\xe2\x9b\xb9\xe5\xc9\x0e\t\x1f\x00z\xc0\xcbVDC1\x88\xce\xd5\x86\xd5\xba[9\x05\xa2^'</t>
  </si>
  <si>
    <t>b'A\xaf\xe7\xb5\xf3\xba\x16\x80\x7fc\x1et*&lt;c\xf4\xca\x86LW\xb4evr}\x12R\x97\xef\xb9\x11V'</t>
  </si>
  <si>
    <t>b'\xe7\xb7Y\x1c\x81x\xf3\x12\x9a6\x97I`&gt;\xb1\xc6h\xad?$\x96VB\x97\xe9jh=\xab\xe0\xdd\x8b'</t>
  </si>
  <si>
    <t>b'\xf4\x08\xe8\xba\x19\x84V\x9b\xbb\x02_\xce\xec\\\x96B\xbb\xae3wv\x00\xffM\x07H\xda\xac\xb5n\xde4'</t>
  </si>
  <si>
    <t>b'C~. \xf5U\x10?+Z\xb2cO\xd1=\x1eo\xa2\xf6{\xcb\xeb\x1a\xe0&lt;p\x16\xc7\x7fe{\x81'</t>
  </si>
  <si>
    <t>b'@E\x0eu\xf0!\xc3\xb8^\xdb\xa8\x19\xac\x01\x8d\xf0\xcb\x12\xc8\x00l\x11\x8bd\x7f\xb68\xab\x92\xd4\x9e\x12'</t>
  </si>
  <si>
    <t>b'L\xb6U\x88#R\xb5\xc9\x00\x83&lt;\xd3\xa6k\x10\xbb\x82t:}zc\xa0\xc9\x05\x8b3\xe8\xe2k8\xcd'</t>
  </si>
  <si>
    <t>b'f\xf9\x83\xa9\xf8\xf9B\xb4\xa1\xaf\x10u\xc4\xc6\xd3m\x14\x96\x02.\xdf#7\xb5\xb8\xca\xa7!\x94\x80\xee\xcb'</t>
  </si>
  <si>
    <t>b'\xed\xa1\xa7\x7f\x01\xc8EM;\xb7\x14\xdb\xd1^\x08\xab\xcb\x96\xc3\xe8\xc8O\xd7R\x1b^N\x94?\xe0\xee\xf4'</t>
  </si>
  <si>
    <t>b'\x17#\x98\xcdV\x16\x9bt]Vx]\x9a#\xd3 ~/\xf4Y\xd9\x01l\xe1\x8ev\xa0\xad\xd22\r\x00'</t>
  </si>
  <si>
    <t>b'\xc6\xe87_p\xff\xfbk\x15\x17\n\xcf\\\x8fZ\xd80-\x87\xf4\xdb\xd1T\xfd\xd9\x8a\x90\xed\x91(\xf0f'</t>
  </si>
  <si>
    <t>b'{\xdbo\xe6\xcc\xdf\xaeX\x80@"\xe6\x80\'\x9d\xf4\x8020\x92\xc3b\\b/;\x86\xb6&gt;F&lt;\x15'</t>
  </si>
  <si>
    <t>b'/\xfd\x06\xa8\xbe3P\x96\xf1.[o\xa6\xd7\x10x\x99\\\x12\x9f\x08\x06\xefW\xae\x16\r\xa9\xe4I\xfeD'</t>
  </si>
  <si>
    <t>b'\xe8\xea\xab\xc48t\x81\xd6\xafy\x14\xa2\xd2\xc2\xba\xbb\xe3\x92X\x86A\x968\n\xd0w,\xa8z\xa2_\x9a'</t>
  </si>
  <si>
    <t>b"?\xf3\xe3\x90\x1dw\x98]\xac\x7f\x1cK\xef\xd3\xfd\xe4\xf1G\xa3\x7f\xb8\x9f\xf3\xa9b'(\xcdX\x8eKM"</t>
  </si>
  <si>
    <t>b'\x8d\x8c]\xdc\x8c&amp;q\xf0\xbc\x91\xa2\xf0\x94\x17Z\xe2\xdf\x89\xado\x8f\xaa\x9511\x19\x8a\x9a\xbb\xdd\xe7j'</t>
  </si>
  <si>
    <t>b'\xb6\xe5\xec\x12-;\xe6\xe8\xb4\x16\xda;\xf8\x19\xc7\xe2\xbef\x9a\xd4\x03=\xb7\xc3\xb5\xdbJ,\xfb\xdc\x89\xb9'</t>
  </si>
  <si>
    <t>b'\xda6Lw\xfdT\x8c\xbe\xa7[N\xa0\xdc_\xe7\x87\x1166_\xb0\xeb\xae\x92\x8e\xa9\x98{|\x8f4a'</t>
  </si>
  <si>
    <t>b'\xde\xc34\x03\xf2\xb43p3\xc1\x96\xc3|\xc3?\x11\xac\xb41-\\\xba\x1aO=\x18\x1axJ\xbf6e'</t>
  </si>
  <si>
    <t>b';h\xfc\xad\xda\x10o"RL\xdc(U\xbb\xa6\xe9y\xbb\x9a\x0b*\xf7\xa9\xb3\x9e\xd8L\xa3b$V\x1d'</t>
  </si>
  <si>
    <t>b'&amp;\xd5\x95\xb7\x86\xc0\xceJ\t\x84\ty\xb5M\xd2\x0f:\x1c\xf3\xf2\x15&lt;L\x1dp\x88\xe0\x0eu\x00m&amp;'</t>
  </si>
  <si>
    <t>b'\xe5"\xa7\x18\xec\xfd1\x8b\xec\x15\x8d\x95\xbe\x7f\x17\xe2\xffPa\x93Q\x04n\xc0F\xc3\xfbb]\xb6\n\xf5'</t>
  </si>
  <si>
    <t>b'\xa1\xb0\x08\xb6\xc4\xdb\xb9"\xdc\xff\xca\\{{\x10\x82d\xd6T.\xf4(\x1eq\xfa\x8f0\xc3\xe3\xeb~\x91'</t>
  </si>
  <si>
    <t>b'u\xa1\xcb\x01*\x8a\xf5]\x15\x81\xb0\x9a\x1f\x19\x98XOX\xedp\x90+[\xfc\xed\xda\xec\xcap\xd2\xb4\xca'</t>
  </si>
  <si>
    <t>b'\xdaV=\xe3"\x16\xa4\xd9\x91!\xd6\xdf\xd3\xa0\xd1\x9a*\xca"\x10\xb9U\x14#RKy\xac\xa0\x8a\xc9\x85'</t>
  </si>
  <si>
    <t>b'\xc6\xf8\xca\xe1\xbf\x94\x86\x85\xf4\x14\x8fqsQ}\x1d\x19\x16\xc4[\x039\xae\xdaF\xaa\xd2#\xc8\x884\xc1'</t>
  </si>
  <si>
    <t>b'\xe8\xf7[\x15\x9a\xe1\xbe"\xc6M\x8a\xc0\x8dh\xbf\xbc\x91\xfa\xe9\xf1\x13A\xbbL\xbf\x91\xb7\xbd\xa3H\x1cE'</t>
  </si>
  <si>
    <t>b'\x05q\xba\xb7\xdf\xa8Q\xb4\x84\xf2w\xea\x9c\xa7\xc2V\xff\xa1\xf9"$\x856\xd3\rGK\x9a\xcd\xae^C'</t>
  </si>
  <si>
    <t>b"\x8e\x93m\xe9\xdc\x1e\xd2'\x8d\x0c\xa9\xd9,\xab1\xb6\xb6i\xa8\x08\xca\xaf|\x9c1\xb6p\xb2\x0f\xc8H\xb8"</t>
  </si>
  <si>
    <t>b'\xac\x95\xd1F\xb4\xb9V9b\xbf\x0e\x9f|]!\x8b\\J\xf1\xb5\x00\xaa\xa9\xfcm\xda\xcb\xe0.\x80Ov'</t>
  </si>
  <si>
    <t>b'\xc4\xcbd\xaaz\t\xc9\xc4)\xef;o\x1b\xa6o\x05\x83\x92\xd9/K\x1b\xfd\x841\xb1xr\xea\x8d\x88\x0e'</t>
  </si>
  <si>
    <t>b'~\x1a\x1a\xdf\xbb\xb4n\x1c\xec?\x8c_o)\x88z\xedh\xd3\\\x0c\xa0#\xce47E\xd9\xd5\xb3\xac\xe6'</t>
  </si>
  <si>
    <t>b'\xeeev\x0b#,\nb\xb71\xef\xfd\x01\x1d\xc9`\x82p\x02@\xbd\xbe\x94\x82!bL\xc2-\xbe\xb4\xa8'</t>
  </si>
  <si>
    <t>b'f\x93\xaa\xe9\x9f_hS\x1b1\x92\xf0\x90\xdc\xc3\xc0\xff\xdeK\xd2{9p\x18i\x07\xb6\xc5V\xc8\x0bc'</t>
  </si>
  <si>
    <t>b'p\x0e\x96\xafd\x10\xe5%\xcc\xe2\x8d\xaaPF-\xad\xcb\x10"\x97G-+\xe3\xbe\\*\x93O\xf1\xa4\xfb'</t>
  </si>
  <si>
    <t>b'\xce\xcb\xe5\\\xa1\xc1\x1fd|x\xa0\x11\xc3\xc7S\xd3\xad\xaa\xca\xdd\xbb\xccD\xef\xc5\xcf\x89)\xd5\xac\xa9,'</t>
  </si>
  <si>
    <t>b'u\x17\x124;\t\xb4\x80\x0eW"\xe0\x1c\x00\x1a\x8e\xd0\x85^$\xae\x9d{\xb8\xa7L\x0f(\x83\xb1\x89\xf7'</t>
  </si>
  <si>
    <t>b'\xc2\xed\xfb\xd1%\xd1\x88\xa7\xa6#\xc4\x9d\xd9\xe4\x9a\xc1]\xdf\x8c\xe7\xd6\xaaN\x16G\x00\x800\xb9\r$\xc2'</t>
  </si>
  <si>
    <t>b'$\xb0\xab\xae\xa3\xe0\x96\xe2\xf1=X\xd1\x01\x1e\xf8\rH\xf9J^\x0c\xcc\xbc\x90\xd9t\xdf\x01]\xdcZ\xc4'</t>
  </si>
  <si>
    <t>b'\x8el\xc4\x1eH;&amp;_\xdaK"`\xd6+\x9d6\xab\xf1\'\xf6\xb0\xf1\xad\x91$J\x87\x95s\xb7\xd8E'</t>
  </si>
  <si>
    <t>b"U`\xb6\xda\xd2y8\xa0\xb0\x94'*\xb4\xf9\x8a\xdd\xd2\xd3D\x9c\x93\xae`\x87\xa0\x94j\x80\xfc\xd6\xf2Z"</t>
  </si>
  <si>
    <t>b'\xdc\xb2k\x92P\xc7\xf43\x1a\xb1\xe6?\xbb\x1d\xb8\x8f\xa3\x9e\xd2\x03P\xf5\xc3\xa4\x94\x19\xea\x1b\xfcM/_'</t>
  </si>
  <si>
    <t>b'\xea\xec*v\xbf\x06\x85\xef\xfc\xb7X\xf4\xe2\xbft\x1eH\x12\xe8K\xd3\x16\\\xad\x80~\xf6\x84\xe8b\xc5\x19'</t>
  </si>
  <si>
    <t>b'Nb\x13\xf3\xf8\xe7\x82\xdf\xaf\x14\xdeI1T\xc2\xc1\xa3\xcd\x89A\xd3\x9c\x97}z$\xb7#\xef\xcf\x9c\x9c'</t>
  </si>
  <si>
    <t>b'YRF\xe5\xe3\x0f\xd9\xc5\xddA\x8c\x1c\xa8\x96[\xb8\xb4k\x14\xd0CW\x8d}X\x13\xdc\x12\x06\xcf?\xb9'</t>
  </si>
  <si>
    <t>b'\xa4N\x95QZ^\x06\xeexQu\x9f\xa7\x83\x8b\xff\x1e\x1e3\xf0h\xde\xe7\xe2\xae\xf7\xf6]\x9d&amp;\xcf\x1f'</t>
  </si>
  <si>
    <t>b'kK\x86\xc1\xbf\xc9\xc8\xa3g&amp;\x17\xc1^\x7f"\x1c"*\xcb\xee,JT\x0c\x94s\t\x82\x10a\x95\xdc'</t>
  </si>
  <si>
    <t>b'(\xdc\xf7[*O\x83@\xd1\xbb\xa7\xb1w\xd5T\x8c5\xda-\x87`.&amp;\xa5\x18)\xd7d\x10\xfd`\xa9'</t>
  </si>
  <si>
    <t>b'\xc0qt\r\x13\xd93\xcd\xd8]\xbbG\xcd/\xb0\xc0fS\xdd}Q\x86\xdb0}\xc7\x16\xdf\xf3 \xf2B'</t>
  </si>
  <si>
    <t>b'-QF64\xb9xG6\xcf\xc9\xea\x14}\xba\xae\x9e\x0e\xa9&lt;\xa8\xc1:\x04\xb4u\xd1\xde\x947b\x8c'</t>
  </si>
  <si>
    <t>b'\x9f.Q\x11\xb0\xdfJ\x95/\xe0=\xdf\x89\x99\x13\x8a\xe1Kpb\xba\xab\x88\x8c!\x1f\xe6\xac|9x.'</t>
  </si>
  <si>
    <t>b'L\xb2\xbe1\xd4\x1ew\x89\xf1\xf1\n#\xdc\xc2g\x98&gt;\xa7$\xf5\x87\x7f\xae\x85{\xa1\xf7\xe8\\@\xe1\xdb'</t>
  </si>
  <si>
    <t>b'`\xd6\xdf\x8a\x98g\xb7$\xbf\xd3l\x16\xb2\xfc\xd9\xb0\xd1\xf0\xa0\xcb~^\x85W\xdd\xd3\xd5\xfdIGS\x01'</t>
  </si>
  <si>
    <t>b'D\x12\xcbl\x19\x0b\xdeL\x98\x87\x1a\x08U\xddy\x10\xc0\x81W\xcf\xef[\x16\xcf|\x0b\x1c\xc6\xf4\xb2\xaf\x00'</t>
  </si>
  <si>
    <t>b'\x19\r6\x0er\x08e&gt;\xbd\xd0\xcc\x8b"\xbe\x99\xbfrcz\x92\xd6\x9c\\h\\k\x99\xd1\x02c\xc0.'</t>
  </si>
  <si>
    <t>b' q4\xfc4\xc1\xad\xce\x8b.!]\x85`6\xcb\x88Re?\xc1)\xaf\xafty\nw\xf9\x05\xcd\xca'</t>
  </si>
  <si>
    <t>b'\xed\x7f"e;\xaf\xd4T\xe6\xc4\xc5\xea\xc4\x88\xe0)H\xb2\xad\x84\x97*\xe8\x8dj\x80\x98&amp;(3[\x08'</t>
  </si>
  <si>
    <t>b"\xa2\x13U \x86\x1f\x12\xbfL'?\x1f\xd6l\xe12\xc4\x17\xa3;Z\xbcj\xcc\x87\xd5\x81K\x95\x18\x19\xd0"</t>
  </si>
  <si>
    <t>b'\xa6\xfdH\x0f\x9f\xc6\xed\xa94W\xf84m\xd3G~\xdeS:\x97\xc50~\x7fd\xa8\xc7\xefJg\xfcg'</t>
  </si>
  <si>
    <t>b'\xf2(Id}\xd9&amp;\xdd\xc4\xbe\x18b\x92\xb0iI\x04+b\xcdpp,8\xca\x8e\x04,\xabw1\x85'</t>
  </si>
  <si>
    <t>b'8\xe6RG\x81x\xb2\xc4\xe2\x9c\xe0\x8b\xdd\xaeVA\tR\xd3\xf0\\\x02\xf3\x04\xc3W\xff\xdc\xef\xc6&amp;\xa5'</t>
  </si>
  <si>
    <t>b'|cG\xa9\x9a\x96\x033\xf5X\x02\xa0\xb5\xd6\xed\x7f\xe6N!]\x1fdy/\xfe7\x1e\xc0\xaa*ie'</t>
  </si>
  <si>
    <t>b"ki\x08!\xf3\xcam\xc1P\xe0&amp;\xb0)#\xc8\xfe\xaa9\x9f+]\xdb,\x9a\xb2'\x91g\xaf\xcd\xbb\xa7"</t>
  </si>
  <si>
    <t>b':\xa1\xd8\x01]d\xe3r\x01\x12\x13\xe0\x97\xd3\xfan\xda\xe83a\x97\x15\xf5\xa9O\x02\xf92W\xdf6\xfe'</t>
  </si>
  <si>
    <t>b'S\x08D-X\x1c\xe4\xad\xef\xe2d\xedj?\xf7\xf6\x1d\xcbyf\x7fF#\xb1H\xfe\xb93\xa20o\x90'</t>
  </si>
  <si>
    <t>b'v\xa2s\xe2?\xf3\x14\x90I\x80\xf1\xc47"\xc2\x07\x1bN\x84\xd5N\xae\xb3\xf2\xa8\xb9\x10\x85#\x00u\x95'</t>
  </si>
  <si>
    <t>b'$vr\x8a\xe1y&gt;\xc6\xcd\xde8\x85\xbf0\xa0\xd2u\x8b`\xe6\x1c\xab\x95\xea\x15=\xd7\xd2\xdc\xbe\xa0S'</t>
  </si>
  <si>
    <t>b'LM\x8cCDP\xae\xaf\x01\xbes\xf9\xd0\x8f\x16\xa9\x13\xa6\xb3\xb3-a$N\\\xda|\xa6\xbb\x04w\x8f'</t>
  </si>
  <si>
    <t>b'\xa1Y\xa0b\xe4\x93\xa5T5\xdc8E\x9ea8\xfd\xac8[\xd46\xfd\xe1\x97&gt;T"\xab\xe03v\xfb'</t>
  </si>
  <si>
    <t>b'&amp;\x0eQn6\xdd\x8c\xf0\x9dL\xbd\xc7(\x9f\x9b\xdd\x1c\xbbv6\xa3\xf3\xf6\x94\xbc\xbb\xf2\xbc\n[~\x96'</t>
  </si>
  <si>
    <t>b'vlR\xf9\x87\xdcg\xab@\xdb\xf4\x07B\x82\xdeN\xebr\xe3\xfec\x05S\x90A~jSzk\xe8\xe3'</t>
  </si>
  <si>
    <t>b'P`\xec\xcf\x13\x05\x07\xd9-&gt;\xee\x1c\xb6\xc6\x8d?9\xb1\x98\xf1\x82\x98S\xed\xbdUPE4ku\xde'</t>
  </si>
  <si>
    <t>b'\x8d\xb8\x1c\x12\xb2b\x94t\x0f\xc5sy\xd2Y\x1a\xb1T\xb6\x83w\xa8T\x87\xd6\xe8\xf8c\xbe.\xee-U'</t>
  </si>
  <si>
    <t>b'\xe0\xba.D\xdd\x8a\x8fQ\xde\xa4|\\\x91\xd9\x1a\xc1\x12f\x0f"-\x04QY\xbeT=\xc0\xbb\x92\xbbB'</t>
  </si>
  <si>
    <t>b'\x82\x07\x1c\xd9\xd7\xe2\xc0\xc3\xaf\xe4\xc3r\xb8-Q\x11\x85\xbdY\x902\xa0~\xeeU\xf50+Rm\x1a\xe2'</t>
  </si>
  <si>
    <t>b'9t\x08\xe6\xa6\x04\x00\xb6\x08ZR}\xe9\x0c\xca\xba\xa1W\x80\x9bW\xd9\xab\xf8\x05\xf2#\xcf\xb3\x81\x03\xef'</t>
  </si>
  <si>
    <t>b']\x00\x8b?&amp;m&amp;\xa6)wL\x1cCk\xb0!T\x9a\xe6\x88\x0b\xc2\x06:\x7f\xe2\xfa\x02F\xaeS\xd5'</t>
  </si>
  <si>
    <t>b'7\x93\xb7\xe552\xb4\x8c\xb8Fzt\xfct\xf5\xf9qn01\x0e\xfe\\\xae\xc1\xff\x9d !.\xf3^'</t>
  </si>
  <si>
    <t>b'\x17\xb2H\xa68vKDr\xe9x(0\xa40\xac\x0e\x9a\xf1\xdb\xd6WUEec\xb2\xc8\x9a\xed\xd2\xf3'</t>
  </si>
  <si>
    <t>b'\xe5\xed_\xf6\xceQ\xe1\x1a\xe5\xe2g\xfc\xc0\xd2\x92\x82\x12\x90\xc6\xea\x8c\x82{\x9e:D\xa5B\xb4\x9e"\x80'</t>
  </si>
  <si>
    <t>b't\xc9\xf1\xd3B`\x9d\x89\x89\xf5\xde\xbf\x8c\xf6s\xad\x93\xc0\t#klb h\x96&amp;F?\x107\x84'</t>
  </si>
  <si>
    <t>b'\xa2id\xfa-\x06!)/c\xca\xf1?\xb2\xe1]4\xd3\xe8\xee\x85\xc0\xc8\xedK3\xfb\x11\xd6O\xf5\x8d'</t>
  </si>
  <si>
    <t>b'\xc4{\xe72\x9b\xe9_\x1do:\xb6\xe0\xfa\xbc\x89\x1c\xdf\x1a\x9c\x97\xd9\xdc\xcb2\xee\xe3\x9em\x1e\xbbr\xfa'</t>
  </si>
  <si>
    <t>b'\xac\x96\xad\x19\xf0#\xc3uQ\xacJ\xf1\xfe\xeeD\x83V\x108 \x97Ve\xcc\xf0\xe3\xa28\xa08\xb9w'</t>
  </si>
  <si>
    <t>b'\x93\x16\xa7oZ\xa1\xd3\xaf\xf8?\xda"(\\~\xeb\xe8Z\xcdIkO\xec\xaf\xa7\x8e&gt;\x8e\xd3\xdb\xe5\xe6'</t>
  </si>
  <si>
    <t>b'\x8a\xaep{\xc4\xb0&lt;\xca\xcd\xee\xd6&lt;tp_\xd4d\xfa:W\xee\x01\xaf\xa4|s}\xbe\x0c\xc1\x9a\x16'</t>
  </si>
  <si>
    <t>b'\xb8\xcd\xccR\xbd\xfe?ti.]u-\xef\x1f\xb1J\xad\xa73a\x9b\x0bY\\C\xd9jPU\xff_'</t>
  </si>
  <si>
    <t>b'\xa4\xb5\xd9\xe1\x04u\xb7\x17o\td1S\x8fh\x03\xd7\xbdO\xb2\xcd\xad\xdf\x03\xdbr\xcdh\x17}\xed\x91'</t>
  </si>
  <si>
    <t>b't\x15\x81{\x8aDve\xbdnh\x04\xff\xc0\xb6N\x16o\xdf\x12\xb0kR\xf48\'\x0fX\x15\xc9\x95"'</t>
  </si>
  <si>
    <t>b'+\xb1\xabIGe\xeef\xff\xedZ\x9e\xfe*\xf4\xfcv$\xd0x\xe5\x9b|\xe4G\xfcn\xf7\xc3B9U'</t>
  </si>
  <si>
    <t>b'\xa5\xa1kS v\x14\xbfa\xc5\x99\xde\xcb\xbd{\xb3;m\x94G\n\xd6\xec)\x1cV%\xc7r\xac\xa5\xf5'</t>
  </si>
  <si>
    <t>b'\xbd\xf3\x8e\xcc\xadR\xf5yi|\\\x9f5\x8b\xb8k\xd8\xe7\x0c\xcfQ@\xa5\xfcT\x89\x9cf%\xf1\xa8\xff'</t>
  </si>
  <si>
    <t>b'/\xaf\xf9x\xfa\xe2\xbc\x87\xe0\x0b\x17V\xf0|X\xbc\x97o\r\x17\n-\x85\x81\xb1\xec\xe3\xf03&gt;0\xf2'</t>
  </si>
  <si>
    <t>b'\x88\x9d8b\xb2\xae\xf0z\xec1\x0b-E\x08;{\x13v\xea\x01\xc5*\xe4\xbe\x8d\xac&gt;\xe9\xb3\x0ft\x85'</t>
  </si>
  <si>
    <t>b'\x1bD\xd4m\xbd;\x1a\x15\xa2\xf4\x9d\x94K\x085yI\xd2\xa1y\xcf]\xceyZ\xc2\x9d,g!\xfc\xf9'</t>
  </si>
  <si>
    <t>b'%w\xb8cb4\x1e .\xa45\x8e\x0cB\xa9\xaf\x10\xd2\xeb\x03\x8cI\xc5\x15%\x0cl\x19\xbc\xe8)!'</t>
  </si>
  <si>
    <t>b'\x95\x06\x14\x159\x98x\xe6\x98\x95\xe5_5\x01\x7f\xa1\xd1{\xbe\xb8\xe2&lt;j\xca\xfeO\xa6r\xf72\x9cQ'</t>
  </si>
  <si>
    <t>b'\xcb!\xebI_T\x0bp\xde\xf4\x94\xbd|\x9b\xb6)\x08\xc5\x1eN3 \xcc\xd4w\x7f1\xee\x1f\x0e3\xce'</t>
  </si>
  <si>
    <t>b'\x1e\x12\xe7\x1ePo\xc8\xfe\x8bC\x02\x14\xd6495\xc4kd-/\xfa\xdd&lt;\xff\x19i\x17\x9b\xbf\xc6d'</t>
  </si>
  <si>
    <t>b'&amp;\x86\t\x9c\xea7\x08!1\xd4\x88a\x05\xf0\x06\xbc^\xb2\x9cN\x0cn^#\xc6h\xfc\xb7PI\xbfW'</t>
  </si>
  <si>
    <t>b'\xe5\xbbC\xe3\xc2\xdf\x82pq\xfb\xdd\xa8\xa5\x90O\x08\xf6\x04F\x7f\xf7\x84#\x8e\x9fo\xbdDU\\8\x90'</t>
  </si>
  <si>
    <t>b'\xa0\xe6\x94\xedyd{\x81\x16l\x9fS\x9a8,2$\xad\xd7BRM\x1e\x1c$\x88EgtE\xc3\xb2'</t>
  </si>
  <si>
    <t>b'\xf4\xd0\xf3\xcc\xbf\xc4\x84yv$\x01V\x9cW\x9aFo\xe1\xac\x81d\xdd\xcd\x85\xcb_}x#l\xea\xf2'</t>
  </si>
  <si>
    <t>b'\x85\xb9\xe3^\xf9\x03\x84V\x03D4\x14\x1d\xd8;\xdfNll}\xc0+\t\x02\xbf\x9f\xbf\x07\x9c+\x1b\xce'</t>
  </si>
  <si>
    <t>b'\xefD\xa9\xc3\xa1\x0c\xfa\x0e\x0f\xf7\xe7\xdbK\x12a\r\xaa\x8bF\xe8r\t\x14\x05\xd49\x92T\x86\x00\x87b'</t>
  </si>
  <si>
    <t>b'e\xa7&amp;\x8c\x11\x1b\xb5\xe5\x865\xa3\xc0\n\xbeX.\xbaE5\x84\xa2\xd8\x96\x10\n\xc5\xed\xe8\xf5\x88\xbeN'</t>
  </si>
  <si>
    <t>b'\\Q=\xbeu\xf7\xdb\xa5(\xaf\xd2\x89\x16(\xe8\x8d\xdd"\xf6\x9bMX\x04\x11\x92c\x85l\xaf\xa2\x98-'</t>
  </si>
  <si>
    <t>b'9\x87\xbbX}\x9cV\x8c\xe3\x06\x11z*|]\xe5w\t\xee@\n\xd5\x1f\x93\x918\xad\xe2m\x9eaO'</t>
  </si>
  <si>
    <t>b'j_s\xef\x02)Gh\x84\xc3\xad\xd0\xd1s\xee\xa9\x8c\xfdWAJr\xbe\xf5\xc3T\xf7\xd2LO\x85\xfb'</t>
  </si>
  <si>
    <t>b'j\'9"i?\xdcv\xf9\x9e2\xfa\xda\x97\x90\xa7\x8d\x02\xf6\xfe\xdc\x95\xe2\xce*\x8d\xf9\xe5\xed\xef\x05\x9f'</t>
  </si>
  <si>
    <t>b'~\xa9\xd2\x0b\xabH\x8dJ\x1a\x86\x1d\x0c\xe2\xbe\x85\\\x1dl2\xd5\xf0K4B\x9f\x95\x98\x9b\\\x97\x03\x12'</t>
  </si>
  <si>
    <t>b'%\xd9\xa6\xec[z\x12\x13\x0cJ\x9f}h\xe1\x0bL\xa0\xec=\xbf\x06&amp;C\x81\xac\x16\xf5!\r\xce\xdb\xd8'</t>
  </si>
  <si>
    <t>b'\xe0P\xd4\xe1\xa2\x18\xdd\x8fU\xbfb"}]\xbe\xa9\xd5\x94\x95\xff\x8a\xd9\r\x114r\xd3\xb9\xf8\xea\x9e\xa8'</t>
  </si>
  <si>
    <t>b'\xe1\x8fV\x8b\x03\xa6\xb3SA\xbb\\\x94&amp;8\x18\x17B\x1c\xd4\\\xf2\x070\x8f2\xf4\x85\xae\xa4\xb6i\x1f'</t>
  </si>
  <si>
    <t>b'\x9eb\xf6V\x96q\xe3\xd2\x0e\x81lh|\xf5ggfo\xab\xd0\xe1\xfc\x977&amp;\xcf\xc5\xf7\xf6\x03\x8bC'</t>
  </si>
  <si>
    <t>b'\x8b57\xb7\x86Zs\x07\xa4w\xdf\xd9!Cm\x02\xa5j\x1aa\xbfW\xec\x0b\xed\x07\x91X@\x07\x05['</t>
  </si>
  <si>
    <t>b'\xcd\x8f\x82\xc92|Ldm\xf4\rV\x1f`\r\x8dg\xe0\xe6\xf9\x8c\xf3\x96\x89\xb2k\xec|\xc6\xfc\x05\xae'</t>
  </si>
  <si>
    <t>b'\xe34\xf63W\xae2 (\x02~b\xdd\x1e"Fd\x19w\x06\xed\x05\xdd)!\xee%v\x10/b\x9b'</t>
  </si>
  <si>
    <t>b'\xbd!bx\xea\xf4\xac\xad\xcf+\x02F\x14\x1a^%\x19g\xd6\x867t\x9f\x99\x8e\xa7(|\xda\xc5z\x0e'</t>
  </si>
  <si>
    <t>b'\xf2\xd3\xfb\xa3\xab2\xcb9\n\xcbrc\x1b*\xc6u\xe1\xa3\x01\xa9i\xa8Nh\xbe\r\xa0\xe7\xce\xfdu\xc8'</t>
  </si>
  <si>
    <t>b'\x88o\x18\xc0Ld-"AX\xab\xb1\xddUP\x94\x9e-\xc8\xd0\x87T$\x90.\xa6T\xb1\x90\xa4\xc5&gt;'</t>
  </si>
  <si>
    <t>b'\xbbw\xc4A\xd7|\x8fL\xbd\xb1\x03\xfd\xb4\x93\x15\x80\xa9\xc6&amp;vx\x81\xd91\xdb\xf0O\x9b\xbfZ\x9f\xb1'</t>
  </si>
  <si>
    <t>b'\xd4\xcb\xfc|Jl\xe2\xa8\x8d\x18 \x06\xe4\xc9\xc9d\xda\xe0\xaa0S\xb1\x9a\x80I\xfb\xd1\x86\xf8!%\xc9'</t>
  </si>
  <si>
    <t>b'\xee{@\x11\x0b\x849\xbaAJ\x19\x1c\xd1$\x85\x90\xc6q&amp;\xd1\xf2\xed\x9c\xb0\xa4\x0cQ\xe0\xd2\xb5\xc1\xd1'</t>
  </si>
  <si>
    <t>b'\xcb\xdb\x8a\xabO\xe8\x08F+\x10\xf5\x16\xb8\x92\x03\xab\xde\xdf\xbe \x847\xc2z\x84\xfb\xbb\r#\x82\x93\x89'</t>
  </si>
  <si>
    <t>b"f\xdf\xc7 \x18\x87'6\x0b:5\x0fr}N\xa0X\x08ks5Wye%j\x96\xc6z\xac(\xcc"</t>
  </si>
  <si>
    <t>b'[\xbbL\x13\x12\xedG\xdd\xb0\x8b\x8cf\x9a=\xdd\xf3\xf3= \x1f+\xc7\x1a\x93\xf9^\x07{\xfap\xb0S'</t>
  </si>
  <si>
    <t>b'\xf2\xc0Q;\x8a.w\xb9\xf5}\xa5\x17v\xfa\xb8\xed\xeeO\xf2\x1cP\x94F\x04\xb5e\xf7\xe4\t\x8e4\r'</t>
  </si>
  <si>
    <t>b'|\xb6fS\x0e\xf5|\xc6\x04\xda/4\x83\xcd\x16\xf9\xb1O02\x85\x9e\xc7\xe6T\xd2\x8c\x8f\xcc!\x9ev'</t>
  </si>
  <si>
    <t>b'\x05\xe3\xa4Ct\x9a\x8e\xa7w?Xg\xdbX\xcb\x82\xe6U\xf7\x0b\x9dp=\xd9{6\xed&lt;\x02\x1f\xe2L'</t>
  </si>
  <si>
    <t>b"\xaa\x1b\x14s\x14\x10\x80\xfb\xbf\xa5'2w(\x84\xe0cA\x99-\xfbz\xaby|\xc2acP\xb3\xba\x86"</t>
  </si>
  <si>
    <t>b'\\\x00\xdc\xd8\xaa\xad&amp;"\x85\xea]\x0f\x06\x1b\xd00"\xec\xa2?r\xfe\x81\xc5\xb8i\x85PF\xdc\xb96'</t>
  </si>
  <si>
    <t>b'.#Nr\x83Qy\xc0\xe7\xa7\xba~\x88\x8d\x85\x99\x17\x92\xbaC\x0b\xb53d\xfc\xb8M\x0f\x00\nY\x89'</t>
  </si>
  <si>
    <t>b'\xc4\x0f\x86r;I\xb1\xb4\xc4(\x11#\x9as)Z~\x9f\x0e\xba\x86\x17\xc8R\x9d\x02\xf5\xd0\xdb\xf6\xf8z'</t>
  </si>
  <si>
    <t>b'\n\xa6(\xc9\xe2N\xa3XG\xc5\xe7\xee+%\t\xb7\x1a\x9b\xfc\xeb\xc1\x11U\xa2^\x0c\x03j\x88\xc3\xbf\t'</t>
  </si>
  <si>
    <t>b'x\xc9\rx\x9a\xff\xaa?#6\x8a5\xed\xf3Ar$}\xd4\x85r3\xcf\x9d\xeaymd\x19\xb1SO'</t>
  </si>
  <si>
    <t>b'\x16y\x9c\t\x14Ea\x86{\x93\xd8\xd6E\x01d[L\x92\x9fc\xcd\xf1[\x0e$M#\xe7!\x06\x83\x16'</t>
  </si>
  <si>
    <t>b'3Y\xdd\xbboIT\xb6QQ\x91\xbc\xce\xea\xe0p\xff\xd6\xa7\x16/\x0f\xa7\xa7\xff:\r\xf0\x8c\x0e\x08\xd5'</t>
  </si>
  <si>
    <t>b'\xe7\xf2\xe4\xcb\xcc\xde\x94c\x13p\xd3\x90\x7f\x11\xe3\xdf#\xecy\xf4\xcb\xd6,\xef\x1a\xcc\x00~\x13H\xc2\xb1'</t>
  </si>
  <si>
    <t>b'U\x84F\xe1\x0b\x13\xb37\xcf\xae\xb6\xa7\xfc\xefM\x8f9\x03;+(5\xa1\x03\x9b\xa4\x1a\x04\xbe\xe6\x8a\xa5'</t>
  </si>
  <si>
    <t>b"\xb5\xd2#\xd6\xe9\xed\xec\xa0p'r\x8d\xf7\x00Q;\xc9x\xd0\x0eG\xc3\xce\x97\xe2\xdfof\xba\x9a6\x9e"</t>
  </si>
  <si>
    <t>b"\xcf'f\xcf\x13\x81JUE\xb9\x89$^ m\xf0\x05\x94%\x01\x86\xb3S\x18\xecU\xb7\xa8\xda\xd0\xd8\x1c"</t>
  </si>
  <si>
    <t>b'\x946\xba\xc8\x0c7\x93x\xf8}\x99\xb1\x1f&lt;\x824U\xc4\x08\x8d\xef\xe4M\x10\x93\xd9\xbeT\xbd$\xd1\xce'</t>
  </si>
  <si>
    <t>b'\x89\xe7z\x89\x94\x04\xb6\x88\xd2Q\xef&lt;\x8b\xe9\'\xaa\x8ca\xf7\x9e\x91\x7f"\xe3\x9d&lt;\xf2\x8bS\x9c)\xbc'</t>
  </si>
  <si>
    <t>b'\x80\xcc\xc7m\x85{\xadS\xdcD\x8f\x92\xb7]\xd5\xdb\xda`\x13*\xd7\xa1i\xe4X\xd0\tu\xfe\xc5k\xaf'</t>
  </si>
  <si>
    <t>b'\xa2\xfa\x00X\xafxU\tc,!\xfc\xbe\xadn4\xfe\x02\\\xaf: sxnzI$`\xb2Xy'</t>
  </si>
  <si>
    <t>b'\xba\x9c\x92xCa\x0c\x99\xb7\x16%\xaav\xac\xad[L\xdd\xd2E\x94\xf0{\xf2N\xf9\xd8J\xd5Wj\xe7'</t>
  </si>
  <si>
    <t>b'*\xbe\x84\xd7i[,7\xf5\xeb~M\x0e\xbc\xec\xd5\xecwk\xc7\xc6\xa0\x88B\xf4; 6\xe1x\xfe\xec'</t>
  </si>
  <si>
    <t>b'\xfb\x1e\xfc\x94\xd4\x0f\xc2\xc7\xf0h1\xf3qI\x02x\xa3\xc1Qv\xd4\x16\xef\xfb(1\xe4\x80c\x15v\x13'</t>
  </si>
  <si>
    <t>b'\xa8N\xbbG\x8e9\x07\x15\xed)\xdei\xd97.%\xdb\xf8\xc1\xf0n\xda7\x7fP*\xc5C}\x1e\xa6\xfa'</t>
  </si>
  <si>
    <t>b'\xa2_j\xb0C\xb3G\x06\x80=\xaf@\x1c\xa3\xd3v(g:5\xc3\xbf?JP\xdf\x12\xba\xeb\xd1\x9e!'</t>
  </si>
  <si>
    <t>b'=\xa76*\xf7\xdf\x06\xc8\xe4\x1d&amp;\x0f\xff\x05\xff\xf7\xb2\xd9R\xd2XziS\x93\x97.\x19L\x82&lt;\x91'</t>
  </si>
  <si>
    <t>b'\xc1E\xff\x9a\xd6\x8c\x94\x08\x8da\x17C\x91\xe8\xb0\x97\xf1#\xa9\x19\xae\xd23\x0e\xd92\x9bq+\xa5u_'</t>
  </si>
  <si>
    <t>b';4\xf7W\xcf\xd3\x81\xba\xce\x96\xaa\xce3\xac\xfeO\x0c\x1f\xce\\\x99\x06_\x9b\xfc#m\x08\xbf\xd0{\xd6'</t>
  </si>
  <si>
    <t>b'\xf2\xa2\x1a\xf6\x8a^8\x9c0b\xc2V4\xde\xe1\x1d\x0c\x10~?W0H9\xa9\xaf\xb3!\x16\x10\xe7\xea'</t>
  </si>
  <si>
    <t>b'Y\x87\xe1_\xb7&amp;\x11\xb1\x85L\x02\x17\xcb\x994\xb40\xc5\x07\xf16\xf1\xb5\xffL\x93_\x80g\x97s\xeb'</t>
  </si>
  <si>
    <t>b'\xa2\xb5\x9fj\xf9\xf6\x17\x01B\xc3n\x95\xe2\x84\x9a\x9dY\xe6\xb9\x83\x8b\x11~2\xd6\xbc\x11T(\x07\xfe\x89'</t>
  </si>
  <si>
    <t>b'-\x90\x07\x9f\xf1\xb3m\xa0\x80dd\x9b\xdc \xd6\x85\xc4\x08\xf9\x9f\xf8\x91Q\xf9n\xbb?\xdf5\xd6\x89\x99'</t>
  </si>
  <si>
    <t>b'\xd4\x17\\\x9a\xea.\x8b7\t\xb3\x81)\x08\xccQ#\xa8\xc9\xdd\xddI\xbb\x0e\x9f\xa7\xa9sN\xa2i\xb0\xca'</t>
  </si>
  <si>
    <t>b's\xd4\x11x\xe6g\x17\rM\xcf\x92\xa9\xbfgN\x8f\xa9p\xb5\x7f~\xb9I\xcc\xae\xb9\xb8|\x83{\x05\x03'</t>
  </si>
  <si>
    <t>b'-\xf7g\xedV\xeb\x8a|r\xe3\xe4F\x89\xb5;[\x13$\xaf\xfa\xe5\x10\xdf\x1e\xb5Zq\x13\xa3\x12\xfe\x01'</t>
  </si>
  <si>
    <t>b'V\x11\x8c$r\x15??L\x8e\x8b\x99B\xf4P\xb5C\xb8\xe7w\x0ebP\xf5\xa19Y\xf1\x80\xa8\xcc\x0c'</t>
  </si>
  <si>
    <t>b'\xb9\xee\xca\xda\x06~\xd8\xf1\x94\x9f&lt;\xeb\x92m\xdb\xb5\x1c\xc8\x9bM\x98\x99I\xc4\xe1)B\x1b\x92O?F'</t>
  </si>
  <si>
    <t>b'\x96\x9c0|\xc2\xd6m\xd0\xb8mR\x98\xf8\xe0\xb3I\x96$k\xac/%\xb2\xa5\x85\x03\x05\xd3\xc7+\x17b'</t>
  </si>
  <si>
    <t>b'/\x1d\xb2,\x16\xb2\x1b\xc0K2\x94y`.\xa2\x87\n\x92\xa6*\x06\xb8\xc8\xc9\x164o\xe3\xa0;\x13\x18'</t>
  </si>
  <si>
    <t>b'j$\x16z\x9a\\c\x9a\xc8\xf6\x89C\xb4\xae\xc9\x1d4\xabg\x12y\xfe\x18\xd2\x93\x87\x02|\x9f#7\xa6'</t>
  </si>
  <si>
    <t>b'~\xc4tV\x0e\x0c\xac\xa7qa\xf2\xa5K\x94\x9c6[c\x15^t\xa8\xe4\x1b\t\x1b\x10:\xec\x9e\x80\xbd'</t>
  </si>
  <si>
    <t>b'7`D\xb1\xab\xca\xdfHl\xc38\n\x19\xca\x9dh\xd4\xeaE\xe5\xa4\xed9\xf0mV-\xec\xd4\xd2\xeb\xb7'</t>
  </si>
  <si>
    <t>b'f1p\x1f\xc3 \xf0\xcf-[\xc3m\xec\xd9\xb1\xdd\x13e\x9c\x8a[\xc98J\x83\x9eZ\xb2\xb4p\x06%'</t>
  </si>
  <si>
    <t>b'M\xff\xab\\|\xcc\x1f\xeb:\x1cY\xebEm\xb6u\xabN\xe3\xd7\xe3\xf4\x14\xebGCD\xc6\xcc%\xe5\x12'</t>
  </si>
  <si>
    <t>b'_\xd5fS\x8d\x19\xe1s\xd0\x94\x92\xc7\xef\xd0\x17\xba6\x1e\xdd\xcfA\x91\xf3\x9f_\xc8\xcf|\x12\x0cv\x11'</t>
  </si>
  <si>
    <t>b'E\x88!\x9bCz\xcb\xa5\x87\xe7\xf4\x92u\x82b\x17\xa7\x17gr\r\xddPM\xed}\tb2tG\x86'</t>
  </si>
  <si>
    <t>b'\x9eo~\x99\x97\xbfS\xb4\xdfU\x98j]\x8b\xf1b[#\x9f\xb4\x0be\xd0-NI\xa8\x9fXR\xc0\xfb'</t>
  </si>
  <si>
    <t>b"\x1e\xb4\xf6\x88\xaf,2'b\xbf\xbbi&lt;\xa7{\xd0\xa7\xda\x8a\xc15\x81s\xe6^p\xea\x91\xda5\x16\\"</t>
  </si>
  <si>
    <t>b';\x8a\x946Z\xc0F\xd6\x94\\]\xf0b\xf7\xfc^M\x06\xf4\xbc\x959\x1f\xecU\x9fT\xf2\x95\x03T\xb9'</t>
  </si>
  <si>
    <t>b'#}\x04\xe5\x12\xc7\xb6 \x17\x7f\xc9\x8c\xe9\xa5v W\x9f\x05\x9dF\xc479\xb7I\x14\xb7\xaa \x92)'</t>
  </si>
  <si>
    <t>b'\xd1\xd0\xbdA\x83G-\x86\xa2\x0b\xe5\x0b\x07\x05\x88x\xc8S\xda\xad\xed"|v\xe8\xce\xfd\x8a\xbc\xabm\xe5'</t>
  </si>
  <si>
    <t>b'\xca\x17\xca\x00\xf3]\x99\xc9iK\x9b\xa0\x07\xbc\xcd,d\x19\x1bSnro=\xae\xa6\xd1\xc76\x80z;'</t>
  </si>
  <si>
    <t>b'$_\x15\x87\xda\xe2,\xf4!\xa7\xa6\x17h\n\xbc\x03\xd3\x03\xff\xf7\x82\xb7\xfc\x91\xd1t\xa5\x00\x10\xe9*\xb0'</t>
  </si>
  <si>
    <t>b'\x87\xa0\x1e\xc6\xd5\xc5\xbb#\xb2\x1e&amp;\x02\x83Y\x9d\xce-\x96\x1a\x1a\xc5\xc8\x05h\xe4\xcb\xfb\xce\xa6\x9b[`'</t>
  </si>
  <si>
    <t>b'\x02\xe9\x8eO\x8e\x07\xd3\x97j\x03B\xff\x1e\xb7\xfe\xb1\x9fR\x8b\xe7@\xd5\x84\xb6\x9aiW\xbe\xf6\x0cT\xcb'</t>
  </si>
  <si>
    <t>b',E\x89\xb0~\xcf\x9e\x87\xf4\x97*zEq8\x1a\xb0&amp;4U\x16\xe8w\xff\x04\x8ak\xa7\xd9\xd22='</t>
  </si>
  <si>
    <t>b"\t\xcc!\x86\xbf\xa2\xbe\x02(3&amp;\xfbX2\x026'\xf0\xc4\xf4@_\x88\xa6Y\x15\xa5\xc3d\xc5C-"</t>
  </si>
  <si>
    <t>b'\xf9\x9b\x0c\x19\x97\x9f]&gt;\x87\xcd^k\xf8\x92\x1f\xe1\x03v\x04\x1d\xd4yNn.\xb2a\xb4|@U['</t>
  </si>
  <si>
    <t>b"\xc3\x8b'[\xeb\x16E\xe7\xac\xda1gQ\xce\xa63F\r\xbf9\x86pu\x11L\xf82Q\xc8\x11u\x8e"</t>
  </si>
  <si>
    <t>b'\x18:\x90F\xf0e6\x9b\xc9A\xe2\xfc\x9f7\xfd\xd8x\xcd\xcb`\xca\xf2O\x1d\x1e\xc4\t\x11/\x06:G'</t>
  </si>
  <si>
    <t>b"\xd5f\x0cM\xba\xed\x98\xd6'.\xc7\xfc\x0fB(\x88C~\xbe2\xebg|\x1f(\xcelV1c\xa26"</t>
  </si>
  <si>
    <t>b'\xdarot\xb6 \x06\x1e\n]\xcfM\x87\xd9\x883\x9c\\|\xda\xb7\xb8\xbbG\xde\x1csz\x13z$m'</t>
  </si>
  <si>
    <t>b'\x99W\xdc\x1a\xe8\x00\xe9|!y}Q?\xc3XZ\xa8\x93@\xe8\xbf\xed\xd9\xbe\xb3\x05\x83\xccR\xd1\xcd\xec'</t>
  </si>
  <si>
    <t>b'\x03\x1bg\x17\x8d\xce\xa6IQ7O\xafG\x04\xb7\xe0\xe0\xca9\x87!\xdc\xa9\x8b\x84b\xaa\xb9\x81\xf3\x825'</t>
  </si>
  <si>
    <t>b'\x0eQ\xe1K\x84\x11\xb5A\xb9\x99\xf5:\xc8\xde\xcd7\xf0\xc7\x05\xcd\xba\xfdL\x83\xd4\x8c}\xd5;3\xd2 '</t>
  </si>
  <si>
    <t>b'-\x9c\xee5\x90Z!\xc6\xf3\xdf\x89\xf3\x804oZ\xd3D\xe5\xbc\x16\x11\x822{H\xce\xd7pFxU'</t>
  </si>
  <si>
    <t>b'\xe4\x04xe\xf1(\xa3\x9d%JT![\xc0B-\xef\xca\x0e_^\xe2\x8eA=\xe1b6\xad\xf2\xa2\x04'</t>
  </si>
  <si>
    <t>b'\xe8\x92\x01"+9c2\xa5\x1d\x7f\x8c\xf4\x9e\xf2\xbb2\x02t\x0b\x13&gt;\xa9\x16\xad\x86\r\x16U\x15l\xe9'</t>
  </si>
  <si>
    <t>b'?\xd7&gt;\xb2\xc7?\x81\x1e\\\x13\x1f\xa8Tq\x8e\xbc\xb2#1R\xe2\xe8\xd3\xccg,\xde\t\xd7\xbb5g'</t>
  </si>
  <si>
    <t>b'\xdf}\xc7\xbc\xe3\xe68\xb4:\xfe\t\xea1V\xb8\xb9\xe0\x91.!\xf3\x98\xa0\x91\xc2\x9d\x9a_\x03\x82\xa3\xfb'</t>
  </si>
  <si>
    <t>b'f\xd7mao\xbdy\x17\x0e\xe0A\xc0\xf3\x12\x02a\xfb\xd4\xbc\xde\x7f\x7f;\xe1P|\xa1\x00c\xa2d\x86'</t>
  </si>
  <si>
    <t>b'M\xebW7[A\xf3R\xc1\x1d\x8b\\\xcbz\xfcmPupp\x96\xc0\n%\xb4&lt;1\xc44\x92\x86o'</t>
  </si>
  <si>
    <t>b'r\xa0\xcf\x98Mf\x8e^U\xa7V\x1d\xa8\xc8\x9f\xdd\xaa\xb5&gt;b\xf9^c+\xd1\x89\xc2\x88\x8b1\xc9\xf3'</t>
  </si>
  <si>
    <t>b'\xa2e\x05%?\xe2l\xeb(\x01a\x88\xf9f?U\x11\x90\xd5/5U\x01K\xe1\x7f\xadJN\xd8\x82\xe4'</t>
  </si>
  <si>
    <t>b'\xc5\x11\xfb\xb4\xc6{\xc3LA=Tj\xc6\xb7I@z\xff~\x16\xe4\xdd\x97\xf2\xf7\x13\x85\xf1\xcf;\xe5 '</t>
  </si>
  <si>
    <t>b'\x93\x95h\xe1\xb7\x82\x7f\x1d\xc9\xb9Y3R)\xd8r\x9f\x9f\x9a\xb6\x00\xcapi\xf0\x91\xd5\x1d\xd6\x0c\x12\xfa'</t>
  </si>
  <si>
    <t>b'\x9eS\x82\x9afX\x03\xe7\x92\x1bl\x81[\x81\x95F\xb4\xea\x10$\xdf\xb836\xa7\xd4\xd6e(\xa0\xe3\xa3'</t>
  </si>
  <si>
    <t>b"}K}\xb4\x13\x8d\x98\xcbK\x04\xb4h\xc5q\xec'\x86\xfa\xc0\x1f\x9bN_h\xc7\xa04\xf1\\\x13&amp;W"</t>
  </si>
  <si>
    <t>b'O\x80|LK\xba\xab\xe8yk\xf0\x06\xd0^\xc6{Uv~\xf3\x906hs\x9b\xa4e\xbd\x13E|N'</t>
  </si>
  <si>
    <t>b'N)\xce\x01\xff\xb7\xae\x84I\x0b\xd6\xd5\x8e\xcb5\xb5\x96-\xcfk}\x04\xcc\xef0\xa0w\x8d\x82\x0f&lt;\xf2'</t>
  </si>
  <si>
    <t>b'\x15\xad\x153!\x8e8(h\xd1`\xdeS\x1aJ\xdb\xde\xe1\t,\x9a\xf0\xaf\x81A\x81H?:\x99\xbb\x9a'</t>
  </si>
  <si>
    <t>b'\x84D\xf8\xaf\xc2[\xe9\xe0F\xdc)u\x85\x0e4\xa6\x0bR\x1dh\x88\x81\ri\xc5\xea\xfc \xd5B\xfb/'</t>
  </si>
  <si>
    <t>b'_p\x8d\xde\xf6`\xfe\xa2\xe6?\xbdk\x9e\x1eV\xd5a\x9f\x1eH\x9e\x94E@\xf3\x02,q\xae\xaaL\xbb'</t>
  </si>
  <si>
    <t>b'LYO\xa0\xbc\x85\xbd\xdb\xcc\xf1\xfc^V\xd3&gt;\x8b\xc3\x91\xe6\xd3\xed\x12\xf4\xa6\x12\xd0\xea\x96\xff\x0b\x99~'</t>
  </si>
  <si>
    <t>b'\x86UifS\xf5"V\xd9\x90\xcb0or,g\xce\x11t~im\xe3\x8c\xf4/\xe8V\xf0\xf0\xc7\xfb'</t>
  </si>
  <si>
    <t>b'\x07\xee\xcc\xad&gt;B*\x90\x9a\x04\t\xdd\x88U\xacp\xfcpd\x83d Q\xed\x055]\xee\xacc"\x14'</t>
  </si>
  <si>
    <t>b'\x93\xc8\x8d\xe8(\xd9\x9f\xf5\xf3D\xdah\xb1C\x010\xc3r\xb4P#\xa7\xe7\x88\x87l(\x91\xc4?&amp;w'</t>
  </si>
  <si>
    <t>b'\x9d\xc7[\x0e\xd8\xb5e\xd2~\x97\x87D"\x8d\xfa\x19j}\xefs\xe7r\xa8\x87\xc2:\xff%\xb8\xdf\xcc\xa9'</t>
  </si>
  <si>
    <t>b'\xa5\xd4\xc2\xf2\xf4\xd1\xe4KT\x84\x91]a\xb86\x05\xa4y\x04HUV\x03\x80\xa0\xd6\x7ft\x8e\xa5O\r'</t>
  </si>
  <si>
    <t>b'\\\xac\x02+(\xc9\xb0Ba\xa9\xed\xc4\x95&amp;\xa0\xef\xff\x96\x88A\xaa\x1f7\xc3F\xb1\xe2?\x9c\x8e\xa1\xb0'</t>
  </si>
  <si>
    <t>b'\xd3B\xfd\xb2@\x11\xc83\xd4\x10~&lt;]\xca\xe7r\xd7\xfe+O\x98\xddw47I\x07X\xb2\xff\xc1\xe1'</t>
  </si>
  <si>
    <t>b'\xf8\xc2\xc7\t:\x1d:\x1e~\xd2m\xa5\x9a\xbf\xefH\xe1k\xdd\xbfz]\xd1x\xce\x8e\x8c\x9c\x837\x9a\xdc'</t>
  </si>
  <si>
    <t>b')\xd2\xfc%\xb5\xe9\x01\x89\x1c\x84\xffm\x12\xf1B\xa4\x92\xd4\x0eUH\xfcz\xb9\xa5\xd2^dg\xabZ\xa1'</t>
  </si>
  <si>
    <t>b'\xc9\xe4)\xcbG\xbaK\xc3\xff\xc8\x93FD;;\x8f~ia_&amp;\xea\x01\x81\xc7\xef\x01\x02\xca\x1f\xc9\xc3'</t>
  </si>
  <si>
    <t>b'\xdaE\xff\xcd\x80\x1a\x80\xdd\xb2P\xd3\xc2w\xeb\xa6\xea\xe0F?y\x83\xae\xf4:\xe4u\x828i;\x0c\x10'</t>
  </si>
  <si>
    <t>b'\xe4#!\xda\xe2\xbeG\xa9!\r3\x85Ir~\x1a\xebr\x8b\xfeo\x02.\x08a\xa4/\x98\xecqj\x83'</t>
  </si>
  <si>
    <t>b'\x80R\xa8\x05\xcdR\xd2\x98o\xaa\xfa.\x85\xf9*\xf8\xe1\xd5(\xe4\xa8)%-3IC\xaf(\x0023'</t>
  </si>
  <si>
    <t>b't\x05\xbb\xd9\xbeU\xc9\\\xe63\x92\x0ey\xaf[f\x1c\x13g\x8c(\xce\x85\x18\x103\xf8\xec\x14S)\x99'</t>
  </si>
  <si>
    <t>b'\xc65\x86\xb8\xf8=b\x812:\xe9\xf6\x84y\xd9\xdc[\x037\x13\x08\x9ef\xe17T[{\xe5CL\xdb'</t>
  </si>
  <si>
    <t>b'\x154?\x89\xaf\xbd\xe3\xb4(_\xdf\xd66\x05\x94$\xe8\xb3\x04p3\n&amp;\xdc\x85\nGM\x02\xb14\xed'</t>
  </si>
  <si>
    <t>b' \x96\x1d\x93\xf6\xeay\x7f\xe9\xa1\xe1\x01\xbd\xcds\x10\x1c\xdf\xf7\xa9\x13\x88\xcf\xe1\xf1\x93jpl\xfdR\xc8'</t>
  </si>
  <si>
    <t>b'\xff4\xa3"W\xb8sOw@7\xc8\xc6\xed\xfc\xe2\xfa\x9a\xcbY\x9f\x95()\xc0\x06(\x0b7\x9aM\xb2'</t>
  </si>
  <si>
    <t>b'\x10\xa8\x1d\xae\xc2\xe6{S%\x88\xad\x98\xb6R\x16{V\xa0\xac\x9b\xafJ\x916\xff\xb1\x1by!^(\xf6'</t>
  </si>
  <si>
    <t>b'(\xa2\t\x89\xa6.\xa5q5\xd6\r\x88\\\x14T[\x07I\xe4\x97\xd9\xbb\xa1S\xfe\x8a\xf9(=\xa0\x9d&lt;'</t>
  </si>
  <si>
    <t>b'\x1b\x94\x92&lt;\xf4\xc8\xd8J\x84\x8b\x82ID+*\xf4\x97R\xed\xb7#\x8fd\x1f\x86H/\xf3u\xc0\xe7T'</t>
  </si>
  <si>
    <t>b'*\x02\x1f\xe6\x1aa\xb4\xbd\xc5\xd2\xe9\xf7\xda\x16\x08\xfb\x94w\x89\xd7Z\xa1r\xbcb\t\xb4\x8c\xa4\x02Tt'</t>
  </si>
  <si>
    <t>b"\xd3sg[\xaf\xfda.%'\x05x\xa3\xcb\xf9lAr'u.\xf5\xe0\x9f\x05-?)\xb3\x98RO"</t>
  </si>
  <si>
    <t>b'\xf6\xe1yh\xc6:5O\x88|\x10\xe7^\xfb\x198\x17\x81Z&gt;\xe4\xa2\x08)\xeb\x08\xb2\xe4H-\xbf\xe2'</t>
  </si>
  <si>
    <t>b'U\xf5\x96\xe0\x0169\x90\xb9\xce\xce\x88iF\xcc\xf1\x03\xaaF\xa2\xd9\xc1\xb1\x85\x99\xc7r\xa7\x9b\xfd"\xd2'</t>
  </si>
  <si>
    <t>b"\xcav\xab\x8b\xd5\x19Q`U\x01\xab\xa9\xf2j[\r\x06\xa9~\x8f'\xc5\xa8S2\x81H\xadD\x06\xf5-"</t>
  </si>
  <si>
    <t>b'B\xd0,\xbe\x84v\xad| \xf5Q\xec\x96?H\xa3\x95\xe8_\xcb\xba\x13X=\xb8\xc9i\x18I\x8e\xde*'</t>
  </si>
  <si>
    <t>b'\x84\xe1\x8a\xa3\xb7pt+\xbd\x9a\xfa\xa8\xba\x07\x92f3A\xb7=7\xe85\t\x10\x18\xd0\xaa\x99j\xca\xa9'</t>
  </si>
  <si>
    <t>b'%\x94\x9aG\xbd\xbaLk\xff\xa9\x1d\xe1&amp;5\x1e-\xfb\x9d\xc5H\xed\x87\xb1\x92*v\x1bj0\xe7G-'</t>
  </si>
  <si>
    <t>b'\x9f\x08\xee\xca\xcd2\x10\xf8\xd8\x16\x8f\xd6e\xdc\x8d\xc5z|8b\xd0\x11Q\x85\x14",\x01_\xcd|\x0f'</t>
  </si>
  <si>
    <t>b'v\x1e\xe0&amp;\xb9\x08\x86N\x1c\x16\x0e\xa5\xfd\x8d|\xcf&lt;\x02\x96m\xc5\xc9\xd8\x99\x9ao\xe91\xdd\xae49'</t>
  </si>
  <si>
    <t>b'\x80"\x06\xca\xa6\x9e+\\d\x82\xe9\x0b\n\x0f\t\xcdG\xdeC7\xba\xe1eV\xf8\xdc\xdc\x0c\xbc\xf1\xb2\xb3'</t>
  </si>
  <si>
    <t>b"[\x19\tBKL\xa0\xafG\x14\x14\x04\xa4(\x7f\x12\xc5\x9aJ\xd5$\x14'm\xd8+.\xcf\xac\x9b\x85\xbd"</t>
  </si>
  <si>
    <t>b"\xbc\x81\x80\xadp\x9d\xcf\x96z\xed\x86\xf0\xe2\xed'\xd1\xbc+}I~tK\xa4\xe8\x90@\x13\xaf\x18dE"</t>
  </si>
  <si>
    <t>b'\x8c\x05w\xdc\x88\x13\x9aA6f\x8f\x08\x0f\x03\n\x06\xcd\xd9\xdeB"\xfd\x85\xe38\x19i\xac\xeea\xcb\x19'</t>
  </si>
  <si>
    <t>b'P\xf2[R\xb7\xb3KhO\x18\xd3\x80\xb5\xb6\x02G\xd2\xd9\xa8\xd5^7j\xef\xec\xf4)\xa4\xe7\xa63\xf0'</t>
  </si>
  <si>
    <t>b'T\xd8S,on\xd4MX\xdfm\xc8\x15\xa4R\t\xce\xeeN\xe41\xd0H\xc7\xf7\xacWlY\xeaX|'</t>
  </si>
  <si>
    <t>b'\xcb\xedO\x1aO{T\xcd6M\x1b\x84\xa2\x00\xdc\x89.3\n\xea\xe8\xfd\xac\x18\xc3l\x8e\x8d\xc7\xb3\xf1\x8d'</t>
  </si>
  <si>
    <t>b'\x11\x8c.\xca\xe7\x84\xb7\xad\xa4S\x03#?VX\xdbyrA2m\xe2\xed\x06@\x86\xb9\xe0\x0c\xe8\x8b\x06'</t>
  </si>
  <si>
    <t>b'\xa8z\xf9\xc9#\x18\x8b\xf7vSr\x0e\x8e\xd4{\xf9\xba\x90X\xe79o\xb3\x93p\xd3\xba}\nB\xf4X'</t>
  </si>
  <si>
    <t>b'\x95\xdf/%\x9e\xdc\xe1m\xa9\x80\x92\x95IOmj1\xbf)\xb9\xa5w\xad\x8c\xc5\xc7&lt;\xack\x82\xe3\xff'</t>
  </si>
  <si>
    <t>b"\xa8Q\xf6\xa8\xd9\x90\x18/\x80\x83M6\x1b\x12\x01\x8b`\x0c\xce\x8a\xc6\xaf\xa7'\xa0g\xe7\xd7\x86\xed\x80,"</t>
  </si>
  <si>
    <t>b'\x98.$*g\xb4\xc0[i\x10\xa5\x8cX.&gt;_\xa2b\xe3j\x00#M\xcb\xc1\xb6\x9d\xe0\x8c\x9cj\x99'</t>
  </si>
  <si>
    <t>b'\xf4S\x93\x0e;H\xec\xdb\xe3v7\xd1\xdb\x01B\xd1\x03VY\x85\xa5\xf7q\x196S\xeb\xf8y/\xec\x8a'</t>
  </si>
  <si>
    <t>b"v\x89\x03\xbfc\x0b\xfb\xec\xfe\xd1\xdbS:.\xbcj\xf5\x97\x9c'\x92\xd22t\xf1\x9bI-\xcd;\xdc1"</t>
  </si>
  <si>
    <t>b'\x13\xf5m\xe4\xb6\xbe\xa3\xf9\xa9\x1ex\x1bya9\xc8Q\xee\x9f+\xd2-\x9a\x8e\xba&lt;.\x8c9-l\x9b'</t>
  </si>
  <si>
    <t>b'\x8f\x88L\x9a\x05"\xb2\x85\xaba_\x93\xec\xadTNQ\x01@\x7f\xbe\xb2r\xees4\xb4\xd8\xbe\xcc\n\xfc'</t>
  </si>
  <si>
    <t>b'|\x9bU\xb8\x80\xdct&amp;S\xbe\x81\x04\xfd\x9e\x1dd*g\xd4\xab\x83\xef:\xa1d\x92w\x1euU\x99;'</t>
  </si>
  <si>
    <t>b'\xb5\xebf\x87\xc5\xaa\x01\x02\x86\x9e\xd2|\xc9\x16\xbe}\xba:\xa7\x95\xe4&gt;\xb3\xd1u$phs\x1b`\x18'</t>
  </si>
  <si>
    <t>b'W?uS\x84Z\xbd\x02\x9aF"/\xaf\xb1\xe2\xee\xe7\x97\x11^\x88\x98\x06\xc55&lt;I7u\xc3=\x9b'</t>
  </si>
  <si>
    <t>b'\xf3\x8e\x16\xd0\xae\xae\xd0\x80\x8b\xaa\x87\xc0\xcfc\x92\x96`\xda\xaf_\x16u&lt;!+\x1b\xa9\xc7\xd4\xb5Z\x8f'</t>
  </si>
  <si>
    <t>b'lV\xa6A\xbc`/_a\xba\xa2\x8e\xba&lt;Y%(\x12\x914\xb5\xc6:\x903\xa6\xb6(E$\xc8\xd7'</t>
  </si>
  <si>
    <t>b'+\x14\xdbF\x0b+,U\xddXJYf1*\x99`\x83\x1b\xeb\x8c9\xad\xcc"\x89\xf6\xd2\xef+k\xb9'</t>
  </si>
  <si>
    <t>b'\xdbN\xae\xfb\xc6\xc2E\x04\xe8\xa9H\x91\x03\xc8_\xf0\x85\x94\xef\xb5\x16`\xd0\xbb,6Ta*\x0f\xfe5'</t>
  </si>
  <si>
    <t>b'!\xef\x8e\x96;\xfa\xcb\xe2:6\xe8\xc1\xe68\xadM-g\xd7\x83\xa4+\xact\xe4\x88\r!\xd0\x7f@\xfd'</t>
  </si>
  <si>
    <t>b'\x06\xd4\x0c\xd5\xb0\x98*\x1b\x9d2\x9bC\xef&amp;\xb7!O]\xeeJ\xd0?\x89\x032e\x1a\x813m}\x8e'</t>
  </si>
  <si>
    <t>b'\xb1Dk\xaa\xfc\xd2U\xa85\x90X\xc3\xae\x07\x8fn\x1b&lt;\xc9\xc6\x9a\x991\xf0{\x11\xaaPs*\x1d\x85'</t>
  </si>
  <si>
    <t>b'\x92r\xdd\xdcM3\xd1\x9bA\xa0[\xd7:0\xb4\xc6I6\x9f&amp;\xb7\xe8\xe9\x01\tLS`P\x1a\x93\xf7'</t>
  </si>
  <si>
    <t>b'c\xe3&lt;\x96\x1f|7S(\x85\xdd\x13\xb4\xda\xcc\xb99g\x83|&lt;\xc3y\x07G\xee\x12\xef|iO\x16'</t>
  </si>
  <si>
    <t>b'.L\xbb\xb7t\xc3\xd2\xa9l\xbc\xaa(\xd9\x18\r\r\xa3\xce\x01\xd4\xe5\xa2\xfb\x07gX\x9f0k\x0e\xba\x83'</t>
  </si>
  <si>
    <t>b'\xf3?J\x00\x12S}C74\xe3\xf9\xb5\xeb\xb3\x8f\xdb\xb2{"\xe8e\xb5I%sN\xebi=U\xfd'</t>
  </si>
  <si>
    <t>b'\xa4\xf2\xca\x94\xaa#\x99\x1d\n.l\xde\x94\xe9\xaf\xf2\x92\xa6\x84\xcb~\xb2\xbd\xcbw\xd4\xad\xcf-\xebr\xc5'</t>
  </si>
  <si>
    <t>b'\x1duD\xe7\xd8\xec\x81\xa3\xb3H\x83\xfb\xb8/\xd7G^\xf7\x8e\xf2\x1cw\xb0l\x94\x9e\x82\xd6\xb6\x11\xae\x9e'</t>
  </si>
  <si>
    <t>b'\xfb\x9c\xf5\xca\xe9\xc8\xea^4\xf9\xeb\xbe\xca\xb5"\x1bQ\xee\xb4\x1f\xcb\x05\xcc \xba\xda\xbe\xb5\x96\xe6\xba^'</t>
  </si>
  <si>
    <t>b']\xadz\x1e.\xe2\xc8\x10\x9d&amp;\xc6d\xca\xb8\x9c$\x89~\xfd\x89\x85F@!\xf4\x12Vdi\x17\xc5+'</t>
  </si>
  <si>
    <t>b"\x00q\x90\xc8\xe0X\xb7\xea\xa7FZE\xd4\xac\xfc'%\xd12\xe1\xf1\xa01\x90\x8a\xbeJV\xdbI\x9d\xf7"</t>
  </si>
  <si>
    <t>b"'\xdb\xaajvz\x81\xee#\xd4\x12\x11V\xee\xa0aXye\xe6\xaf\xd0\x05\x04\xf1\xac\xfb8\xcd\xb4\xfb\xfd"</t>
  </si>
  <si>
    <t>b'\xff\xdd\x81\xeb\x81\xbf\xb9\xad(\xfe\xea5hV[\x12\x8a$Y^\x11*\x8b\xb6\xae-I\x95e9\x17\xff'</t>
  </si>
  <si>
    <t>b'\xe2\xc0\xa8\xae\xdcJ\x94\xdc\xe9\x1c\xec\rv\xe7I&lt;\xf1\xecBC\xd3\xf7\x1e\xef\xef\x01\x17\xde\xc5\xff\x9ae'</t>
  </si>
  <si>
    <t>b'W\x7f\xa9\xd6\xae\xcd\x9awq1\x04\x0c\xae\x9e\x07B\xe5\xab\xb3\xac\x906\x92m\xe7\xe2\x85\xfc\x99\x92\xc6\xed'</t>
  </si>
  <si>
    <t>b'\xd3\xa1)\xf2\x84\xe3Z\x8a\x87;\xa3\xa9y9u\x1a(n\xfa\xba\xfc\xff\xad\x90P2\x9b\xb1?\xd86\xcf'</t>
  </si>
  <si>
    <t>b'\xc9\xab\x80#1\xaeS\xa8$\x9ff\xddq\xc1\xa9\x12\xd9\xd2\xacy\x8fB\xce\xa2/\x11\xbds\x1a\xdaN&gt;'</t>
  </si>
  <si>
    <t>b'l\x852\x06\xf3\xdfRC\xaf\n\xae\xdfK\x98\xcc\x8d3T\x86\xb6.\xc4\x7f\xb2:y\xc0\xfe\xaax\xd8\xf8'</t>
  </si>
  <si>
    <t>b'i\x9c\xe5M\xee\x1e\xd5V\x9b\xfe3\xef\xbc\xbdL6\xee\xf1\xf6\x17\xe7A\xaa\x1f\xbe*\x04\x0b\xc7\xab\xec\x8e'</t>
  </si>
  <si>
    <t>b'X\x9a7\x1c\xd5\x83\x8ay\x0f\xe0\xa1\xeaY?\xfdiu\x8f{\x9e\x06\x82V\xc8\xb8\x16v\x00B\xf6\xd2\n'</t>
  </si>
  <si>
    <t>b'/x\xe2\x94\x93\xab\xdd\xae\xcdv\x15;\xb9\xb3x\x81\xd1\x01\x80a\xc8W\x8eSv3\x13\xda\xd2#qc'</t>
  </si>
  <si>
    <t>b'0\xc3\x89\xfc`\xbf\xda\x05\xb1\xac\xcc\xc4\x1d\x8eW~L\x1b&lt;\x02\r\xa5\xc5\x8f\xf0\xe1CVK\xca1\xdb'</t>
  </si>
  <si>
    <t>b'X\x89\xd3o\x80\xb8\xef\x16\xc9+=\x9eL\x0f$\xc8\xe5v\\\xb1\x87\xd2\xb4\x12`B\xb5M\x8f#.z'</t>
  </si>
  <si>
    <t>b'\x04\xb4\x1b\xf7d\x1b\xc9\x94\xaf\x95\x17\x06:\xf25\xe2\x16G\xceD\xeax\xf9\xedm\xa4S\x86\xb88\x01H'</t>
  </si>
  <si>
    <t>b"\x18&lt;2\xf4\xe5\x8a\xef1\x08XXc\x18\xae\xe77\xff4\x031!iEc'c\xdb\xa8GH\xfaV"</t>
  </si>
  <si>
    <t>b'Z\x1b&gt;C3\xcc\x85&lt;\x01\xe9/\xf9\n\xd70s\xa6l\xf5\xee\xba1\xe9\xcd\x98\xc8[\xdaJ\xf5O\x87'</t>
  </si>
  <si>
    <t>b'&gt;P\x95\x9e_\xda3\xb3\x97\xe3r\xb0\xcb\xe9\xf6\xb0\x1c\xab\xba\xd3\x06\xb5\x93\xdb\xdf19\x9d\xbbc\xe7@'</t>
  </si>
  <si>
    <t>b'\rI\x88\xdbV\x90\xd0\xca&amp;\xf5\x82\x0fw \xa3\x0c_-\x91\xf4\xd4\x10\x91^u\xff\xc2f6\x90;\xe2'</t>
  </si>
  <si>
    <t>b'r\xa3\xf8\xbd$\xf6\xa9\xb26\xa8\x19\x079\x15\xc3\xf9\xd8\xd8\xbf\xf1/p\xaf\xda\xedu(\x99\xfd\xb5\xd1\xd3'</t>
  </si>
  <si>
    <t>b'\xd7\x1f\x8e\xbboyH\\{KE\xe0\xfaA\x1e\xed\xecm\tt\x82\xf4j\xfc\xc9D\xb0\x91\x13\x18\x81\x9d'</t>
  </si>
  <si>
    <t>b'\xa8\x8a\xb3k?\x88#\xe3\x8d\xd7\x0c\xc041\xac_\x92\xda\x0c\xc4\x9b\xe4x\x91&gt;(g\x8c\xfaA\x9a\x7f'</t>
  </si>
  <si>
    <t>b'l^K\xfd\xe3\x9cmxZ\x7f\x92n\xae\xbd\x0e\xfff\xa3\x1eX\xdd\x11\xff\x88i\xc3\xba\x99\x8aX\xa0U'</t>
  </si>
  <si>
    <t>b'v&lt;\xa5Ru\xef\xad\x88\xa6\xc5d[T{\x1b\xfd\xea\x92(y\xc3\n\x151x\x14\x97\xad=k\x92\xd9'</t>
  </si>
  <si>
    <t>b'\x93$D\xaes \xf4\x1f\xe8\x05^\xcb\x9a\xc7\xdf\xfb\xfa\xbb\xe9\x88\x1d\xb1\xa39Q\x06\x9f\x11]\x9aN\xd6'</t>
  </si>
  <si>
    <t>b'\xec\xd4\x83pob\xb5\xe1\x87r~^~K\xeaRdC\xae\xd2\xad\x9c\x94\x94.\x93y\x12G\xb1\xb4\x1c'</t>
  </si>
  <si>
    <t>b'GF8\xca\x14\n}\xbd$pB\x9aP\xb4W2[\xe0\xf3\xe9\tYHk\x9a\xa1\xb0&gt;\xecV\x07\xac'</t>
  </si>
  <si>
    <t>b'L\xa2\xba?\x19\xda\xec5M\xf5\xe5\x0f\xe7\x9f\x07j\x02\xfb\x93\xdc\x8a\xb3(Q\xa0w^\x9a\x8b\xca\xeeq'</t>
  </si>
  <si>
    <t>b'\x10\xbdc"\'\x11\xc3\xfc^\x1eeB\xb0\xa0\xc3\xfdQ\xde\xf7Et\xaeV\x99z\xc0\xf4\xa7U\xd5\x04\xa9'</t>
  </si>
  <si>
    <t>b'8\xe0\xb8H\x11\xd3w\x86!^\xe2\xbcb\xa0\xc8i\xdc\xe6b&lt;C\xfd\x80\xa9\xff\x13\xacPp\x13\xc3\x00'</t>
  </si>
  <si>
    <t>b'\x89\x08G\x0bF\xd0\xe8\x00\xd9V\xf4\x90\xd7\x08\xc0\xc4\xf9\xb2\xb6\x1c\t\x86\xc7(j.\xbe^\x8b\xca^?'</t>
  </si>
  <si>
    <t>b'\xb5.{Kom\xc3\xd8\x8a\xef\x95\xf5K\x16\xeb\xfa\xd3Z\xae\xe98S\n\x85\xbdK\x1ar\x7f\x01#o'</t>
  </si>
  <si>
    <t>b'F\xf0Q\x9a\xd8\xd78\xf6@a\xc0\x1f`\x1a\x1b\x8eO\xf6\x13\n\xb9\xb7\x92#\x14\x8b\xd9+\xa0hF0'</t>
  </si>
  <si>
    <t>b'\x19\xc7\xe9s\x06\x92\xd0\xc9\xd6w\xcc\x9c\xe9\n\xc1\xdd\x94\xc7\xad\x1c\x84h.:\x1fU\xa7Cv\x95\x00/'</t>
  </si>
  <si>
    <t>b'}\xe3\x1es\xa5\x97\xd7V7K\xa5\x7f\xbc\x92&amp;\xfa\xaaB\xb1\xeb\x177&amp;\x8dt\xd4u\xa8A\xabJH'</t>
  </si>
  <si>
    <t>b'`$\x18"Mv(\xc5\x85\xe1i\x8fs\xe9\xd5\xb8\x02\x84u-\xe9\x1d_&lt;g\xe8\xc4\xc3l\x88\xe3P'</t>
  </si>
  <si>
    <t>b'PV\xc7HU\xc9\n3\x11\x83\x97Q(\xb5\xa8\xc6i}g{\xfa\xe7}\xb5&amp;\xf9\xe1\xaa\x89[\xc1\xab'</t>
  </si>
  <si>
    <t>b'\xb8\x1c97O\x06\xd0A\x8cS\r\x8b\xe3H\x8fY,\xee\x80|\xeb\xfcC\xbdV\x82\x1e\x1aGK\xb0i'</t>
  </si>
  <si>
    <t>b'd\x11o\xb1\xb0h\x0b\xb0\x9a\x0cy\xa1\xebl\x8f\xb7\xe1\xe4\xf6;yM\xc0&amp;\x94\xfcD\xa9\xc2\xf4z0'</t>
  </si>
  <si>
    <t>b'\xd2\x07")Hx\xc2\xd2&gt;I{\xe9\x1f\xdc)\x11\xa2\xb9g\xc1\xcc\xc1\x97\xca\x7f\x0bL\nk\xc2\xbfg'</t>
  </si>
  <si>
    <t>b'\xf8N\xab\x83i\xa7\xebe\x9fq\xd0\xa1,\x93Oe&lt;49#\x1f\xab@~1y\xda\x94\xec\x071\xad'</t>
  </si>
  <si>
    <t>b'-V\x16\x93\x86]\xaa\xe7F\xae*\xd0\x81\x85\x00r\xb5\rx.CIy\x12Y8\xa1~3M\x01\x87'</t>
  </si>
  <si>
    <t>b'"\xc1\x0e\xae\xf2\xe7C\xc6\xf7a\xd0\xd4\x8f\xd3#\xa1\xc2\xf8]\xa1\xffO+i\xe0\xfeu\xc0\x80K\xb4\x1f'</t>
  </si>
  <si>
    <t>b'_\xcc\xc7\xd1\xae\x03\x92\x0eJ\x80\x80\xdb\x12\xed\x0bgV\x96\xca\x95\x06w\x11\xf1\x88\xa1\x84\xd4\xeb.8\xcd'</t>
  </si>
  <si>
    <t>b'G\xe1\x18\xee\xa7\x12\x04\xe2\xbd\xee\\mSm\x19t\x91\xf9\\=\x15`\xfb\xc8kN\xcf\xc6Q\xa26\xa9'</t>
  </si>
  <si>
    <t>b'2\xedj\xef\xaf\xf3\xc4)\x1a\x81\xb2\x00\x87\xef\xbf\xb4\xaf\xb8\xa6\xc6\xdfc\r\x122\x01Q\x03\x7f\x7f\xc6\x92'</t>
  </si>
  <si>
    <t>b'\x05Qc\x86\\\xfb\x18\x0b`?\xbay\xa3&gt;\xfe\xedELS\xfc\x94?\x94\x8e\xd5\xc9Z@\xfe\xa3\xae6'</t>
  </si>
  <si>
    <t>b'J\xdb\x00\xc1\xd7\xe91m\xcdE\x0f\x89\xa9\xd2x\xbb4\xff\x03\xb5\xf4jf\x80/\x82\xe9\x90`\xcek\\'</t>
  </si>
  <si>
    <t>b'x\xa7U\x921\xee-\xd1\x0c\x92Q\x8e\x8e\x83\x97\xb71\xe6\x11\xf4&amp;Pl\x0c!\xf0A&amp;\xc5\xd4\xda\x80'</t>
  </si>
  <si>
    <t>b"\xb0\x9e\x8a\x17\x85\xed;XL|n\xef\x06l}\x10'\xd8\x9f\x9d\x8d\xd3\xcc\xf8!\x9ea\xe7\xf8I~\xc6"</t>
  </si>
  <si>
    <t>b"O\x02\x10-\x1f4\x8at[\xa79e\x89\x1b\xb3d1n\xa2\xab\x8c\\\x7f&amp;y\xd6\xa4\xb0'J\xdbV"</t>
  </si>
  <si>
    <t>b'\xea\xfd\x17\x90N\xdf\xe9\x95;\x8b\x0b\xe0??\x9d\xcd810\xef\x8d\xc9\x9d\xfd"Q3\x19\xbb\xdd8\x88'</t>
  </si>
  <si>
    <t>b'F\x01\nI\xa3\xfa\xc5\xac\xa1\x19\x02\xfd"\xc5cx\xa0\xe8\xbd\xa5bp\xf7\xf4-\x17\xb7\xa24O\xf7\x01'</t>
  </si>
  <si>
    <t>b'\xb6\xccWp\xa5\x14\xcd!q"\xff\xd5\x19y\x84\x1dJ.\xe5\x02\x11%O\xdc#\x1f\xd1\x81\xad\xfb\xec\x8b'</t>
  </si>
  <si>
    <t>b'Z\x1b`\xdf\xbf"{(4B\x8c\xd0\xf3\x94\xb7\xe7R\xe2O\xb7\xf3\x8fB[\xe3\x1f\xb2\xf4\xd2\xc9$\xf2'</t>
  </si>
  <si>
    <t>b'O\xd4\x8a\x7f\xccp\x85\xd6\r\x95\x84\xb8\xd2rN\xbeuNI\xbd\xe5X\xdb{\xe4\x0c{[\xa0\x1b\xca\x1f'</t>
  </si>
  <si>
    <t>b"\xa4#\x88\xcbe\x0c\xbe*N\xb1RA\x06\x80\xf1E\xa0\xbd\xf2\xa0\xd8\xa1\xd0\xc5i\x81\x02\xe1\xf2qT'"</t>
  </si>
  <si>
    <t>b'\xb5f\xa8\x86\xdc\xa7F\x1e\xaa\xd7\xe4\x82\xff\xadK\x02\xaa\x10\xd8\x9eH\xb3\xfd\x9c!pl@\xd4\x00p['</t>
  </si>
  <si>
    <t>b'\xc0\x10\x01\xd7\x94\xd4\x08=\x17\x92z\xfc\xed"\x9ft2\xc1\xb6\x8b\xa6\xb8.\x1e;\x8ce\xf9\xfey\x89}'</t>
  </si>
  <si>
    <t>b'\xacr\x11\xe2fL\x08\x0cxM4va|\xf5\x99\xc9P%u\x19\xc5\xe6\x10\x90b\xd6\x95S\xf0\xc3z'</t>
  </si>
  <si>
    <t>b'\xd3\xbf\xd3a\x99\xb1!4\x8b,\x7fP\xae\xa3\x80\x1a\xac\xdc\xd0caT*s\xf3\x8d6j\xa0eKa'</t>
  </si>
  <si>
    <t>b'\t\nZi\x88\xa7\xf2G}\x81g^\xa5\xc2l(\xa4z\\\xc9D\xc5\xb0\xaf\xb8\nD\x06p\xe8!\xd0'</t>
  </si>
  <si>
    <t>b'\x16}\xe3\xc0*6M\x0f\x010\xc9\xd2\xc3\xee\xb0\x88*\x04\xd9\xc8p\xb5\x0bm\xc0\x0b\xbd\xe1\xa3\xb0\xf0b'</t>
  </si>
  <si>
    <t>b'X\xdf\xba\x8e8\xce\xbf\xd1\xc3\xfc\x13\xabk\x15\xaf\x1d\x02\xef\xe7\x91\x867\xa0\xe3Y\xc2\xe4w\x04\x17\x1e\xca'</t>
  </si>
  <si>
    <t>b'\x88\xf1\x1e\xed\xe5X\x1d@\xe8g\xbf\xc8I\x95L\xceE\xb0g\r1\x88\xbb\xea\x8e\xe1=\xb8_\xb1\xd63'</t>
  </si>
  <si>
    <t>b'\x19B\x011)A\xa2\xb3\xc1\x19 \xa9\xbf\xa5\xc7\\\x16\xa7\xf2\xe0\xa0\x9f\x87\x8e|%\xdbg\xec\xdc\x90\xc8'</t>
  </si>
  <si>
    <t>b'\x01!!du\xfa\xbd\x13,\xea\xa8\xa4\xeb\x0e\xa1\x89#\xb2w\r\x0fk\xa7\x17{_\x13\xe1\x8aw\x928'</t>
  </si>
  <si>
    <t>b"57Z\x84\xb1\xb9e\xe9\n\x07\xf1\xd9~\xee\xbd'\xed\xdf\x11\x8a\x97\x97\xfd\xe9\xe42\xae?\xd5\x96\xe6\x9b"</t>
  </si>
  <si>
    <t>b'c\x07\x87\xfc\xfc\x03\xdel=|\xac\xd0\x98g[P\xe2\xb4K\xc5\x04\x91\x9bf\x11\xf9\xf7\xe3\xb0\x7f\xb3d'</t>
  </si>
  <si>
    <t>b"U\x17u\xf2O\xc6Z\xb4a&amp;\xc7\x17\xf6\n\xc0s\x9f\xb7\xb1L\x13\xac\x1f.S'\x10t\xedz\x8d\x0e"</t>
  </si>
  <si>
    <t>b'H\xf4H*cvm\xd5\xd7\x1dI\xda\x01\xe6\x00\x80\x92P@5\x8e\x84]i\x8f\xd3H\xd5\x9a\t\xa1p'</t>
  </si>
  <si>
    <t>b'j2\xc2Q\xbc\xf9L\x86G\x1b\x8a\xcf\x02V\x8d\xb7\xffX\xafR\xa0\xf7\x7f\xa9\x0eV\xa1\xa2t\xe9\xe6\x00'</t>
  </si>
  <si>
    <t>b'*\xd67\x13\xadS\x86\x07IIROo\xfe\x02y|-E\x7f\xdaD\x05,{\x8dx"\xc1\x06\r_'</t>
  </si>
  <si>
    <t>b'\xc9\xba\r\xff8\xe7\x89\xfc\xd6&amp;\x7f\xd2\ru\xa7#J;G|\xab\xac\xc6G\x13\xd0\xfcv\x8ak\xdc\xa1'</t>
  </si>
  <si>
    <t>b'\xcb\\\t\xce\xd4\xea\xc0\xfd\xfch\xb6;\xa2\xdf\xaduM\x0e\xa5\x18!\x91r\xfdsp1\x11\xac\xa0{\xad'</t>
  </si>
  <si>
    <t>b'$\xc9\xc3\x7f\x9e\xdcR,\x04\x8e\xdce\x02Y\x0b\xbb\x9a:8\x12[\x05$45x#\xf4+\xc5\xec\xb6'</t>
  </si>
  <si>
    <t>b'|\xa9V\x1b1Z\x81&gt;\x8a\xe9!\xb8B"\xa08\xd6\xe5\xea\xb1\x87e\xe7\x01\xd9\x8d\xc6Z\x11N\xee%'</t>
  </si>
  <si>
    <t>b'\xb1\x02K\x18\xb2\xeb\xe4\xfd\x01\x10\xc9\x93\x0b\xa4\x19\xca\xb7\xff\x0c\xe9\x97\xae\x8a6\xeeq\x14\x7f@d\x98\x1f'</t>
  </si>
  <si>
    <t>b'b;\xac\xff\xd1\x13o7|n\x12U1\xf6u\x8a\xf7U\xba\xb2\x1f\xdb\xa17\xe0\xd8\xca\x03\xe5\x93\xf6\x13'</t>
  </si>
  <si>
    <t>b'\xc7\xa0ej\x01\xbaAD\xcb\xe7\xf8\xf8^\x14\xa9\xdcD5\xba\xba^\xf56\xb7\x96t\xf9\xda)k\x1bs'</t>
  </si>
  <si>
    <t>b'm\x1f\xe6kvI\x85\x8d\xa2&amp;\xeb1\xd10\xf9\xf7\xb4E\x87Z\xf9B\xd3\x93\x12Y\xecN}\x10\x1d\x1c'</t>
  </si>
  <si>
    <t>b')\xf7&lt;\xfe,\x80bw\x85\xb4`\xcb\xafj\x04\xb2\x11s\x9b7\xe8\xa6),\x18m\xb9\x11G\xd2n\x9e'</t>
  </si>
  <si>
    <t>b"\xc3\x1d\x94\x14\xdc'j\xee\x9bZ\x9c\x90\xd9\x7fb\x16/3\xf2\x12\x91\xbd,\x04\x1b\xfb-\x01\xc6u'\x0f"</t>
  </si>
  <si>
    <t>b'd\x9b"\x9f~\xf3\x0e9mu|W\x97\xe8\xc0\x81\xbe7\x91\x8e\xc3\xaf\x98\x13\xaf\x7fG(\x1e\nN\x81'</t>
  </si>
  <si>
    <t>b'\xdd\x84\xba\xee\xaa!:CQ\xbe&gt;\xbc\xec\xd1Y\xa9\xf9\xd1\xaaS\\\x03\x9b\xe0\x02\xfc\x0f\xfe7\x99\x01d'</t>
  </si>
  <si>
    <t>b'\xaa\x15\xfaJ\x94\xc8b\\59&gt;],5_\xf8\x98_\xd68\xf7\x05+~^\x01\xab\xa7\xdb\xdf3W'</t>
  </si>
  <si>
    <t>b'\xf7\xfb\x07\xd7v\xc2\xb4\x9f\xbc&amp;&lt;\xa1\x9e\x00P\x16\xb4\x04h*\xba\x9f\x0b\x82\xd7\xf7\xde\x11`\x96\xd7\xbd'</t>
  </si>
  <si>
    <t>b'\x92\x08:\x11\xdeA\x07\xf5\xdc\xb5/\rI\xa0\x0b\xf9\xd9\xca+R\x1e\xd0N\r\xee{\xc2$\xba\x85\xc5!'</t>
  </si>
  <si>
    <t>b'\xc1D\x7f\xc0\x1d{j\x98\x9eL\xca+\xeb\xde\x15\xf7\x9c(\x8d:\xecW\xc6\x7f\xbe\xaa\x90\xadg\xa7\xc2\xe4'</t>
  </si>
  <si>
    <t>b'B\x15\x95\xd9i\xd3\xa8\xc9\xcaG-\x897\x04"v\x99\x95\x04\xe2\x00\xdb\x83\x8a\xc6w\xd7;&lt;q\x96\x93'</t>
  </si>
  <si>
    <t>b'[\x8e(\xf6\x1f\xb22\x03\xf3\x90o\xcb\xba\xc7\x82\xb4-\xc3\xe7\x96:\xd6`\x0b\xe5\x0e\x85\x13-`\x9f\r'</t>
  </si>
  <si>
    <t>b'*\xcd\x92\xf7\x97\xfc.bK\xd7\xba\xfa)d\xeb\x06\xed\xe7\x99\x83k\xa9\xecYv:\xa6\x08\xdac\xa8\xd8'</t>
  </si>
  <si>
    <t>b'\xc4\x8c\x12\xc6|\xf68\xd7Xe2\x9cj\xf7k\x83vr:\xcc\xd9E\xa3*\xfc\xd0\xe7\xf6\xab\xc9Nn'</t>
  </si>
  <si>
    <t>b'v\xfeB\xf9\xad7\x9dV\xd2D\xc7\x89=D\xc5o\xa4\xb7"\xf7\x9c\x846\x80(\xbb\xb7\x14\xc3\xc5\x16\xfa'</t>
  </si>
  <si>
    <t>b'\x99\xde\x1b,\xdd\tNX\xfa\xf4\xab"\xe2@\x05\x90\x06\x84\x8c\x10gJJ\xaaU\x0e\xbc\xd0;\x88\xee\xb4'</t>
  </si>
  <si>
    <t>b'0\xe8%\xebI\xb20l\xc1\r\x8b(F\xefy\xb9\x05]5T\x1e{\x8a~\xe0\x93\x15\x95_\xf9\xfd0'</t>
  </si>
  <si>
    <t>b'\x81\x86\xf7\x9b\x9fV\x82\x08\xc4\xd8\x88ef\xd4\xa7\x9d\x0e,\xd3+\x83\xec\x80\xc4d\xe8\xae\xb8A\xc0Qk'</t>
  </si>
  <si>
    <t>b'\xb8"\xf4\r\x1374\x18\x19\x85y6\x06}\x1a\xf8\x06Z\xda\r\x1c\x9f)#\xac\xa2\xe7\xa5c\x99\xecy'</t>
  </si>
  <si>
    <t>b'\x95\tP\xc1\x8a\xf2\x1fm\xd4\xfff\xb2\x85\xf1}-\x16\x95U\x16\x86\xea\xac~\xa37\xc67 \x81\xbc\x88'</t>
  </si>
  <si>
    <t>b'\xef\xdax\xfcc\xb4I\xff\x8fm\x9e/\xbe\xdb\xcb\xf8\xca\xdafU6\xa7\x947\xdamf&lt;\xaf[Q\xee'</t>
  </si>
  <si>
    <t>b'\xf9d9\x80\x8bb\xc9\x9c\xe1\xd2\xb45L\xa7\x80\xa4P\xf6T\xa2\xb5\x91\x8b\rj\xf9\x961\xd0\xe4\x1b\x82'</t>
  </si>
  <si>
    <t>b'\xf3\xb8!\xe5e\r\xb2\xfa\'\x82\xc2Z\x00\x1b\xce+:X%\x07;[&lt;\x86?\xa0\x15\x82KG"\x84'</t>
  </si>
  <si>
    <t>b',\xca+vc\xba@\xc9\x1b\xa1\xdb\xb1\x18\x1dY\x82\xc8\xedP\xe0\xf7\x0b\x1c\xba!\xa1\x03h\x19\x83\xbb\x99'</t>
  </si>
  <si>
    <t>b'\xbdv.~\xd4\xa7v\xe7s\xdd7\xdeEX\x11\x10\x84\xd5\x1b\xee\x0b\x92\x03\xeb\xc7\xe4\x16\x11^\x1b8\xad'</t>
  </si>
  <si>
    <t>b'\x01p\xf4sA\x96=~\xbe\x8e\xeba\xb1\xca\x1bb\xb6\xea\xbf\x11\xe8(\x8e\xffg\x168v\x8f\xef\xb6\x8c'</t>
  </si>
  <si>
    <t>b'B}#6\xbd\x06\xec\x03%|g\xc2\xad*v\x19\xbe\x96\x11\xabK\\ \xbd\xb8\x9dx-`\xa3\xa5\xa5'</t>
  </si>
  <si>
    <t>b'Yb*\xb6\xd8`\xe2\x8e"\xf7\xbcL3\xa6o^\xbe\n\xd0\xe3\xd0q&gt;%\x1c\xa1\xc7\xbf\x03\x8c\x02\x84'</t>
  </si>
  <si>
    <t>b';"$\xd9\x9d88\xf4\xdfw\x98\xf7\x86\xbaL\xaa2&gt;?\x12\x19\xd3\x86qr\x10\xfe,\\\x97Bk'</t>
  </si>
  <si>
    <t>b'C\xff\x9bf\xb16\xc28o\xb9I\xfb\xba\xf4\xbe\xdf,\xe0\x7f\xb9\xd8\x94\xd7\xb4\xf4\x01\xb23\xa3\x95\xc9I'</t>
  </si>
  <si>
    <t>b'\xa7c\xadk\xae^o~\xf0\x9e\x1b`\t9\x03\xaa,\x16\xa0&amp;\x0e\x9d\xfb\x80|2\xab\xfalD\xfd\x88'</t>
  </si>
  <si>
    <t>b'O}r\xedW\xd9\x88\xd6\x83\x81\xc4r\x8a\xb9\xac;\xac\x01\x19`\xc7&amp;!!,\xc7\x19\x05\x1e\xec\x9f.'</t>
  </si>
  <si>
    <t>b'(\xea\x809\xf4^/ c\xa9\x90\x87&amp;c\xd9ve\xc1\xb4\xa9P\xa8P\x83a\x08z\xe0@}\xb8\xaf'</t>
  </si>
  <si>
    <t>b'\x7f\x93\x86\xb5\x9b(`\x17\xd2\x0c\x93\x8c\x81[\xb7`\xc4\x19\xee\xebh0Ze\xd8y\xd0\xb1;\x13J\xf7'</t>
  </si>
  <si>
    <t>b'f\x19B\xfc\x948r\x85\x9b\xa3\xb3\x82l6D\xc6B$W\xd0N\x1e\xd6\xb3\r\xbb\x94\xa3\xf3\x1bF\xd6'</t>
  </si>
  <si>
    <t>b'G\xfc4\xbc\xbf\x94-6\xc5\x8a\xb1\xf1\xeb\xf5\x81\xfb\xa9\xc4"\x82\x95\xacy\xbe\xda"\x0c\xefh\x84UD'</t>
  </si>
  <si>
    <t>b"\x99; \xa9Y\xc3\x1e\xad&amp;\xc5Y4\xbf\xef\x17\xe4\x14!\x14\x9c\xaa9(Z\x01\xeeNM'\xa7\xcc\xbf"</t>
  </si>
  <si>
    <t>b'\x18\xa1\x15K\xe9\r\xf9\xf0}7m\xce\xf3\x1c\x1f\xf2\x88(\xd0\xbb\xa3\xcd\x1b\xae\x15;?\x14`4\x8e\xa3'</t>
  </si>
  <si>
    <t>b'\xf1c\xe7c|\xa8EL\x81\xc6&lt;\xdb\xf8%\xa4|\xca\xcc\xf2\xdc\xce`\xf7\x18vp\xfb@o\x042\x9b'</t>
  </si>
  <si>
    <t>b'\xdcet\xef^\xc2?\xbdC\xc2#0]\xab@\xff+\x93\xe1p\x94\xf0j%\xef\x02a\x87VQ\x9f\xae'</t>
  </si>
  <si>
    <t>b't\xfa\x94\x86*\xf3\xf6\xe5\xe5\xf0=j\x07\x1c-l\x8e\xb6\x08B\xf9\x97\x92\x1f)\x01\xf1\xf6\x8f\xa9\x8b7'</t>
  </si>
  <si>
    <t>b'li\xb2c\xb5\xd9\x1a\xa6\xc9\xda\xaa\xaf\xde\xa8\x88\x06az\xbe\xf5\xa4L\xe6&gt;D\xf6Z\x95\xf8\xfc\xbfh'</t>
  </si>
  <si>
    <t>b'\xeb\x8c[c\x0e\xc3\x87\xe0\xabk\xa4p\x9c&amp;C\x0baP\xcb\xcf\x08R\xc1\x01\x15$\x00k^\x81\x8c\xe5'</t>
  </si>
  <si>
    <t>b'Jxd\x8d\x0f\xf7F\x076\xb1\x0b\x1f\xb8\x7f}\x1b\xfa\x97B\xd4\xe6\xbc&lt;\xb0x\xa4\xda\x01\xdb\xdb=\xfa'</t>
  </si>
  <si>
    <t>b'h&lt;/f\x98BX\xf1o\x91\xd1\x08~/\x82\xba\xcc0\xaf\xfa\xf2\xedO\x1966p\xc7\xa6&gt;\x15\xdb'</t>
  </si>
  <si>
    <t>b'p\x16\x9be\xa6\xcf\xa9\xd5~2\xfb\xe3c\x1e\xb1\x1aS\xe4\x86\xee\xe3\xf3&amp;`\x0b\xd1\xb9\xc8E\xa4Ws'</t>
  </si>
  <si>
    <t>b'\x8a\xf8\x0b\xee\x19\x9d\x1a\x10\x00s\xd9I\x1ek\xff\x16\x85\x0b\xa8)\xb2\xb0\x0e\xce\xa3\xce\xd2\x14\xb668\x81'</t>
  </si>
  <si>
    <t>b'\x1f?J\xe1\xc1 \xdd\r\xbey]7\xa0\xba!xST\xf7H\xa29\xcd\xbaj\x8d\x8e\x9c.}\xc9\xf4'</t>
  </si>
  <si>
    <t>b'nY\x9b\xa0g\x98\x82\x0c,G X\x0b"\xa9~%9\xa9\xe3\xfb\xaa\xca7\xbf\xc4%\xc0\xff/\x13z'</t>
  </si>
  <si>
    <t>b'\xdcx\xa2\x1e\xd4j\x92\x88\xf2\x9d\xc5\xf3^Y1\xb8cL\x0c0n\x0f\x7f"*\xd4\'\x86\xec\xa4L\xfc'</t>
  </si>
  <si>
    <t>b'\x1c\xc0\x02\x9a&gt;\x88\xe3\xa6\x19\x06\xfb\xc2P=\xf6t\xb42e\xcb\x16\x88m,\xf4\xba9\xf5]oe\xaf'</t>
  </si>
  <si>
    <t>b'\xbd5}\xbdCPqR\x9b\x1f \x8d\xfd\xf3\x8f\xdb\xa6\xdcD\xadm`{\x9a\rQP\x0e#:\x96\x13'</t>
  </si>
  <si>
    <t>b'\x07\xc6\xdd!&amp;\x8e\x8e\x04\xe1tT\xa5\x9d\xf4\xd0sN-z\x18\xa8n\xbd\xdb\xf6\x1ak&gt;\xf3\xea#\xfd'</t>
  </si>
  <si>
    <t>b'|.\'m\x1cn\xf0Q\xbdD\xde\xb9\x084\xdb\xf0\x99q~\xc2"\xf4\'\x0e\xcd\xfe\xcc\xf7\xa8\xf1i\xd8'</t>
  </si>
  <si>
    <t>b"\x1b\x12\xb7Y\x8e\xe2Ea\x04\xb5#\xcd\xa6\xa0\xe6(\xa2=\xd2\xcey\xc0'\x1e\x04\x11n\x88E\xfc\x10\xac"</t>
  </si>
  <si>
    <t>b'\xac\xaf\xc2\x88\x8cq\xb67\xe16y\x15\xb7\xe0\x81\x19\xee\xf4\xcd\xe8\x8e5\x9b\xa6\xf8\xe2\x7fQU\xe5\xa80'</t>
  </si>
  <si>
    <t>b'N\xfb+@%\x92\x1c\xeb\xd9\xc5\xd2\x1c\xe8\xd8\xf9+D\x01\x18a\x04\xd6\xa6\xf5\xad\xdcj\xb6\xc3q\xc5~'</t>
  </si>
  <si>
    <t>b'u\x7f\xe2\x1b\x84\xa05\xc2r\xd0\xaf\x0f\x93~]o\x14F\xe9\xf5\xce&lt;H\x99u\xb4\xfe\x97\x014\xc2\xc9'</t>
  </si>
  <si>
    <t>b"l'k\x82Z\tM\xc0\xcam\x06$\xab\xcfB\xe4\xb4\xf6k\x87\x98{\xa9\xad$\x8c\xa7l&gt;n+?"</t>
  </si>
  <si>
    <t>b'\xe4S\xdb\xdf\x0ea\x9f\xeb\x84\xd8\xb4\xc4A_\xa9s7&amp;g\x8bY\x9e\xaa\xf3"\x19\x93\xea/\xa0[\xb6'</t>
  </si>
  <si>
    <t>b'LA\x86\xe8\xd5|\xdd\x96\xf7\xd6\x8f\xe7\x98\xebFy\x9b\xe0\xbd*\xf9`\x00i\xe50u\xfa\x84\xb7\xa2\x08'</t>
  </si>
  <si>
    <t>b'\xa4\xd6$\xe0\xcb\xdc\xeb\x92\x17\xd5\x81\xf7zA(\xbd\x111A\xb1\x99X\x93\xa6\x80i\xa3\xb7\x99q\xb1\x97'</t>
  </si>
  <si>
    <t>b'\xcb\xc0\x94\x96+\x88\xac^I\xad\x12\x19\x94\xcd\xa2\xf8p\x9d* \xbcpM8\xe6\xd1\x0b\xc8\x0c\x05J_'</t>
  </si>
  <si>
    <t>b'\x9d~^dq\xa8nq\xbe\xec[\xb4\xc2\xc55\xb8\xcf\xcan\xf54\xa0\xb9\x01\x1d\x1c\x12\xc9\xa56\xd3!'</t>
  </si>
  <si>
    <t>b'\x82\xa9&gt;\xbf"\xcb\xa3\xdd\x0cS\xcaU\x7f\xb3\xe6\x13"ygQKr\xfew\xcf\x06#\x13\xcc\x7f\xf9\xd1'</t>
  </si>
  <si>
    <t>b'\xf0\xeb\xe7&lt;\xf7\xe3\xe4\t\xeb9X\xae\x13%uh\x1cC\xc1\x9e|\xbcH\x1b\x08\xac\xaa\xf3\x1a\xdaX\xaa'</t>
  </si>
  <si>
    <t>b'"\x11J\x14\x11\x04l\xa2j\xd95$ b\xceV\x9c\x1a\xa6-Zjvb~\xe4\'\x1e\xa8rH\x1c'</t>
  </si>
  <si>
    <t>b'\xb8\xc6\xed\x80\xeb\x93\xceLKi\xbcX1\xc2\xf5&amp;\x92\x05\xe2\n\xf5\x18|\xf2\x9cGmW \xddW\xfb'</t>
  </si>
  <si>
    <t>b'\xeb\x13\xe4(r\xe6(\xee\xe3`\xed\xe2\x84\xc0\x05&amp;\x90\xc0.\x99\x80/,\xad\x12n\x93{5\x94\x80B'</t>
  </si>
  <si>
    <t>b'\xd4\xd5\xe6\x95\xf6\x85\x12-FS\x08(\n\xe2\xd2\x81e\x9d\xb8\x9bx,\x0cF\x96X\xcc\x90\x1f\x177x'</t>
  </si>
  <si>
    <t>b'k\x0f*k\x98d\xb5\x1f\xdfO\xee\x9f\xd1g\x9f\xe2hXJ;\x15%\n5\xa4\xdap\xb9\x0f\xef\x03`'</t>
  </si>
  <si>
    <t>b"y\xa1\x03\x17'\x88\x1f(\x1fK\xb3gR\x01\xcb_&lt;\xa4a\xb8\xff\t\xc1\xa9{\xc8\xa7\xf9bD^\xe7"</t>
  </si>
  <si>
    <t>b"j\xee\xe3\x98\x05X `$KV\x04\xf5\xbb\x88B'\xc8\xf3\xacS\xa8\x95\x9b\xcd]v\xe9\x02:\x88\t"</t>
  </si>
  <si>
    <t>b'\xb5\x99\xa5\xb0:\xd0\xe8\x87\x92{\x0b\xd1\xff\xc3\x7fb\xf7\rr&amp;\xab\xc3&gt;\x18\x97\x16\xcd\x92\xa4\x7f\xdbR'</t>
  </si>
  <si>
    <t>b'\xc6\xc1\xb9\x87\xe1\xab\xea9\t\xeb&lt;\x97\xa5\xedl\xaf\x16M.V`\xbb\xdeO\xe3j\xa9`\x91\rt\x10'</t>
  </si>
  <si>
    <t>b'\xbc\xc2v\xa0\xd3\x8el\x1b\x0c\x96\xf2x^J\xf3\x84\x93\xabB\xcb\xd0X|:\xde\xf6t\x03U\xcd\xa0\xe1'</t>
  </si>
  <si>
    <t>b'\xfa\xf3\t@\x04-\x86h\x1e27\n\xe0\xfa!\xcf\x19\x17f\x95\x14\xb1S\x10\x19*\xdd\x10\xbfy\xd8\xf8'</t>
  </si>
  <si>
    <t>b'^\x90\xf8\xb9\x84\xf1\xa7\xc7\x92\xb1s3\xbf \x86\xb8\x90Kq~\x83\xde\xd9t\xe0\xef\xad\xe0\x1c112'</t>
  </si>
  <si>
    <t>b"\xb6g*\xfd\xaf\x90\xa3\xf9\xda\xde\xe4 \x9f\xb7q\xf0qq\x9cu-\x1f\x8b'\x8c\xfd6L\xe8\xf3\xd0\xe7"</t>
  </si>
  <si>
    <t>b'\x01\xd9\xed\xe4\\\x9b\xdf+\x04\xccl\xf37x:\xf5K^\xcdf\x9dqo\xe5Ar\xeb{\xcd\xfbb\xa6'</t>
  </si>
  <si>
    <t>b'\x91\x01\x97Sd\r\x1d\xa52i\xbc\x81\xc8Nu\x06\x81\xda*R\xc6\x84\x93}\xf2D\x1f`.K\xbe\x07'</t>
  </si>
  <si>
    <t>b"8\xccV\xbe\xe6\xf0`T\xfb\xb50\xe3'V\xdbFsKr\xce\x0c\xc8\xfc\x00\xa82\x80\xb9\x8e\x1f\x1eb"</t>
  </si>
  <si>
    <t>b'H\x82*\x89\x9f\xb7\xf2\xed\xaf:\xcaZ\xcfH\xdfS4\xc9\x17r\xce\xdcG\x910\x7fx/S\x84\xde\xa6'</t>
  </si>
  <si>
    <t>b'S\xd71\xbf4]\xa7\xefX\x9c\xfe\x9b\xccD\x8b\x90\x98\x8f\x83\xcah\xd0[\x95\xe2\xc5\xa1\xde\xf0h{\x9b'</t>
  </si>
  <si>
    <t>b'lX\xb2\x81\xdd;\xbet\x18\\Hsl\x0eC\xbf\x19!JJg\xbc0\x00ojygz\x91\x83\x1e'</t>
  </si>
  <si>
    <t>b'Z\xf5i\xd1i\x14\xc2&amp;\xf0\xbc\xd9L_\xd8\xfd\x19T~no\x0cp\x0e\xaf\xf4\xbai\x12\xba=\x9dS'</t>
  </si>
  <si>
    <t>b'2\xbd\x8blp\x91\x9a\xcc\x93n\xff\xb6\xe26\xf8\x8c\xe6\xdc\x10R\xad\xa3.\x12.\x0e\x9a\x82\xfd\xa2\x8b\xc0'</t>
  </si>
  <si>
    <t>b'\x0b\t\xc5\x152\x7f|EVty\xfa\xd5,\xcb\x0361\x0fW\xc6&gt;(\x14\xa0\x9f\xc2\x89[\xad\xd5A'</t>
  </si>
  <si>
    <t>b'\xb7A\xfc\x8bHG\x18\xfa\xd8WQ\x8c\xb1nk\x98\xd4g\xfd\xc9\xa5\xe6\x0c\x18\xb0\x12\xf8n\x1b\x03\xd2\xb9'</t>
  </si>
  <si>
    <t>b'\xe1\x18\x84\xf4\xcf\x17\x01\xb1\n\x1b0L\x85\xcd\xe4^w\xbf\xcd\xd9\xa6\x0cq&lt;g\xf9\xbd\xee\xbb\xdf\xe5&gt;'</t>
  </si>
  <si>
    <t>b"\xbd\xabM(\xf3\x97\xd689('Q\x12\xc3\x9b\xf0\xdf\xa2\x06\xb7Sv\xac\xbe\xdc\xcfLz9\x00No"</t>
  </si>
  <si>
    <t>b'\xe7\xf3\xe2\xc8\x19\xed\xebn\x08b\x1cI[\x8c\xd0&amp;\xeb\xcf\x17!\x85\xd5c}\xea}t\x94\xb5\xc7\xa6\xe5'</t>
  </si>
  <si>
    <t>b'0\xf5\xfe\x02(_\x86\xac;HJN\xb2\nS\x00lz&lt;\x87/\xe7\xe3\x1d\xd2\n(\xfd\x7f\x90\xcdm'</t>
  </si>
  <si>
    <t>b'\x9e\x84+\xb3\x056\x0fHSK$\xef\x90l\xe9\xd6\xa2G\xa2\xea\xf7\x03\xc7\xfe\xbf\x86\xe9\x91\xa7{\xb4\xa0'</t>
  </si>
  <si>
    <t>b'\xde|\xa9\xcc%\xd3\xa7l\x9a\xd6\xe8MP0\xa3\t\x19zoB\x00\xc5\xb9\xcb\xea\x8fv\xef\x03\xce\xf7D'</t>
  </si>
  <si>
    <t>b'\x1b+\x8c\xd5O\xe5*T\x8dWI\xfd\xd6k,\x1c\xeb\'\xa6?\xa8\xce\x06\xcf"\xbb\xf7\x12rQ\xa9\xdf'</t>
  </si>
  <si>
    <t>b'\xf8/\xf7\xbb\x17\xc3\x97L\x05\xc8\xf6a\xcd2N\x88\xd2\xf3;5%\xab\x9dW\xda\xaam\x8a\x95|1\xa8'</t>
  </si>
  <si>
    <t>b'8\xabiu:\xcd\xd0\x1a\x8e\x8b\xe0\xa21\xab3r\x17E\x0e\x8a\xae\x90_\xdf\xb5OA#\xf6\xb5Pa'</t>
  </si>
  <si>
    <t>b'I^\xec\x83IZR]9\xfb\xe8X\xc3~\xc4\x12v$7,\xf36%t\x80\x06\xe6\x82\xa5g\x0bc'</t>
  </si>
  <si>
    <t>b"\x91\xb6\xcc\xb7\xb8\xd4\xe4\xac^\x8bO\x1d\xb0/\xa0\xfe\x10u\xb2\xd2\xd9\xd1',9{\xf8\xaeA\xfbB\xf1"</t>
  </si>
  <si>
    <t>b'U\xea@\xdcNreF\x1d\x93 [8\xady\xf6\xf6x;"\x9fX\xfcf\x8a\x81\xbe\xd5\xf9&amp;\xefr'</t>
  </si>
  <si>
    <t>b'\xfa8f\x8d]\xa8,#\xca\x07\x9c(\r\xc1\x8b\xc0\x97\xad\x04\xfd\xa1M\xe3-\x8a\xb1\xaa\xc6\xce\x86~W'</t>
  </si>
  <si>
    <t>b'\xffG\xc9[\x98/\xde\x83\x06\x06\xb6D\xe0\xc6pA\xa7\xd7\xd16e\xb8\x1fk\x11\x8d\x12\x01T\xb9Sg'</t>
  </si>
  <si>
    <t>b'\xe9\xe6\xd3\xa3\xf3\x97\xe1\x1c\rNU\x8cb8H\xdc;\xa3v\t\tbI\xc2V\xb1K]0@\xaa:'</t>
  </si>
  <si>
    <t>b'\x9c\xaa\xda\xa17\xc5\xb8D"\x14\xb4\xd0\xf2%\xecR\\\xd7V\x85\x95\x1c\xdc\xefJ\x810\x91k@Kd'</t>
  </si>
  <si>
    <t>b'b\xf0w\xdap\xd9&gt;\x80\x80\xb7y\xd8S\xd9\xb3:\x1c\xfbg\xa0=o\n\xdd\xcc\xd6\x98\xaa\xa6\xd8\xf9\x81'</t>
  </si>
  <si>
    <t>b'\xd7\xeaV\xa7\xf3^\xd6c\x8b\xe3AY(8L\x99\xba\x07\x0c\x84\xc5c\x1a\xbb\xb80\xfc\xf4W\x01BX'</t>
  </si>
  <si>
    <t>b'\xb3\xd4&amp;\x82\\ N\x1f\x12\x9b\x93\xf6uf\xe8\xcc\xf3\xae\xae=\xc2\x8dc\x1aA\x19(C\xb3\xc6\x02\xb7'</t>
  </si>
  <si>
    <t>b'u\r@4\xa1\x05\xb1W\xf2\xee\xcb\xe2\xfb\xe7e\xf0\x95\xc1\xc4_\x00\xdf\x7f\xb9\xd0p\xdfy\xd0\xf6\xcc\xc1'</t>
  </si>
  <si>
    <t>b'\xba\xe3S\xb0(\xc3A\xf7\xb8\x8c\x92\x7f&amp;\x17j\xfe\x1a\xf6\xc3i\x9a\xf5r\xf1\xc2\x1e;\r\xc1e\x1f\xda'</t>
  </si>
  <si>
    <t>b'I\xe2\xa9R9\xc9\xad\x07o\x9b\x18\xa8\x1c\xb7\x84\x93\x14\x18&amp;\xa6#;\x9d\xe2\xbd\x0e\xd8E\x93\x00\x9d\x1d'</t>
  </si>
  <si>
    <t>b'\xbb\xd2\x91\xf1\xf4\xf5*@\x11*4\xbb\x94i\xe7\x891\x075\xa1O\xcd\xfd\x8e\xa9\xeb&gt;\xb35=,\xa8'</t>
  </si>
  <si>
    <t>b'}/E\x1e\xe6T1O\x98\xe1\xd7\x9dR%\xc0^\xecj\xd4\x04\x81\r\xf6{\x18\xacd\xae\x92#\x9a6'</t>
  </si>
  <si>
    <t>b'\xcb\x95\x99\\F\xf5\xc1a\x0c\xa4\xba\xa7A\x82!%\xd5&amp;C!Y=\xc3\xcc!\xee\xae\xf45\x9aZ$'</t>
  </si>
  <si>
    <t>b"\x86H\x1a\x81\xa7\xbd\xa2\xc07\xd5\\-9\x90'\x92\xd2\x93\x9eU\xb4\xd5b\xfe\xf1s\x9f\xbd\xd4\x08\xd2\xb1"</t>
  </si>
  <si>
    <t>b'\x0b\xa0\xbd\xa2Z\xc9\xd6\xaa\xa8\xc6\x8b\xd3\xce\xc7|\xe4\x0f\xad2!\xc0C\xbbg\xd9c\x96V\xe2%\x99*'</t>
  </si>
  <si>
    <t>b'\xedR4D\x08\xcdk4\xf5\n\x80\x1f\xa0C\\\xf7\xf9$u\xbb\x86d\x19\xe4g\xd9^.\x99ul*'</t>
  </si>
  <si>
    <t>b'\t\x9e\xabN\x82\x82~,\xed\x8fX\xbf\xbc\x85\xcb\xcaU;4\x1fF\xf7=1\\\\\x7f\xee\x87\xf1b&gt;'</t>
  </si>
  <si>
    <t>b"\xb1\x08h2\xa1K\xc8'^\x85=#\xc7J\xc47\x11\x81\x9d\xe3\x99\x94\xd9^\xe0\x8e+\xb0U\xef\x8f\x8e"</t>
  </si>
  <si>
    <t>b'\xcaYm6\xe0?\xd7\xe7\xe8\xfe\tg\xfc\xf37xe\x91\x15\x98\x00fr78ZH\xed\\/\xad\x1c'</t>
  </si>
  <si>
    <t>b'\x9d\x8c\xdf2?]\xf8XF\xa5\x0cP\xadN\x85\xfc\x14{d\xcd\xd1\xf2\xf5\xc7\x00{{K\xc2\x99\xd3;'</t>
  </si>
  <si>
    <t>b'(P\xba,SS\x19*\xa8H\xde\x94N\xcf\xe5)t\xc3\x05\xe8\xf3\xeb\xbc\xca\xe4\x17E\xe1\xda,]\xc5'</t>
  </si>
  <si>
    <t>b'Q~\xdd\xb9"[\xc28p\xbc2\x94\xa0\xf6e\xb27\xd0\xe2\xd7\x9d\xf9fEZ\x8au\xfa\\\xfa\xf5\x8b'</t>
  </si>
  <si>
    <t>b'F\xdbO+\x04\x80\xac\xbe\x80\x14\x08B\xe2{\xa6\xa0\x85\x04\x1b\x88\xab\xc2\xff\xe5\xc4h*\x97V\x8f\xa5M'</t>
  </si>
  <si>
    <t>b'\xeb\x8f]\xc2KJ\xe1A;oWi\xdb\x9d\x97\x93\xf1S\xa5\xac\xc4T\x81\x9aH\x04~\x8c\xc96\x91\x0b'</t>
  </si>
  <si>
    <t>b'L\x06\x9c\xd8\xff}9\xfa\xbaLkG\x14NtN\x18\xdc\xaa\xbb\x80d\xb1%\t\xee\xc3~\x83\x08&amp;8'</t>
  </si>
  <si>
    <t>b'jg\xf9\xb9\x9c\xd6\xa7\xb9\xcdM\x82\x16E\x94\xbe\x9c(\x86\xdc\xf9\xafs\x0f~\xc3\x99K\xa6\xe7\xa7\xcd\xfa'</t>
  </si>
  <si>
    <t>b'\xd2I\x948\x10\x8d"\x83:\xdf\xadY/\xf6x\xfb\x84\x12&lt;H#,\x88\x90\x9f\'9\x9a\xca.\xb2\xac'</t>
  </si>
  <si>
    <t>b'\xe9*@\xacM\xf9\xa94\xad\x01\x87?X\xaa\xb7\xc0:\xc7\x93\xddt\xbc\x98\x87t\xd5\x82\xe9\x8a\x0c\xc2]'</t>
  </si>
  <si>
    <t>b'\xf7\x92\x9d\x0b\xa1\x14\n\xb3\xca]\x0e[\xed\xa6\xbc\x8d\xaf=\x9d_{\xbf\x8fk\x87]\xdf\xd6\x03\xe75\xbc'</t>
  </si>
  <si>
    <t>b'(\x94\xe5Eq\x0c\xd0\xb6D\xf6\xae\x90\x01\x99\xa2r\xb0\x16iu\xf4\x11\x02F\x84B\xc9\x97"`\xc2f'</t>
  </si>
  <si>
    <t>b'\xf8$lo=\xf2\xdb\x92\xdfKKX\x04\x95C\x05R"\x0c2s\x8a\x0ej%Ue2P\xd8M!'</t>
  </si>
  <si>
    <t>b'\x9c\x08\xf4\xb7\xfb:\xfdc3\xa0\xc4\xdbh\xe1\xf6\x9eJ\x8f\x92\xc4\xcd\xc3\xca\x8bB\x16Z\xc6!\x8b\xa7\xaa'</t>
  </si>
  <si>
    <t>b'\x1a\x87VJ\xb9!\xa0c\xb9O\xe0\xea\xf4\xea\x7fvo\xaf\xf0b\x11j3\xdbU\xd5(\x081yk\xdf'</t>
  </si>
  <si>
    <t>b'?\x97\x86\xa8\xc7\x90\x8f7\xde\xc4\xd2\x1c\x80:r&lt;\xd1\x94\xb9\xbd\xc1vr\xdeO$Z?\xac\x84\x9e\x08'</t>
  </si>
  <si>
    <t>b'\xe0;(\x01;\x92\x08\x15\xbb\x00\x9eV2\xc9\n^\x8b@\xa9\x9f^,\xd9\x91-\xbav4\xbf\xf9C\xd1'</t>
  </si>
  <si>
    <t>b'\x82\xf0Q\x96&gt;\xf8\xa2\xb8\xd1\xa1&amp;\xbe\x81p*\xc7\x90a\x93\xe2*\xcc\xe8w\xe8x\x8c\x15\xd0]\xe5\xa9'</t>
  </si>
  <si>
    <t>b"\x97\xef\x03\xcfL\xf4\xd6\xe7\xacm?\xac\x82q\x08\xcf\xcb\xfd\xf0\xb5\x0c\xbe\x15\x93i\xdc\xe9\xc6\xa2m\x14'"</t>
  </si>
  <si>
    <t>b'@\x8d2\xdf\n\xcf&amp;\xda\xa5\xef\xad/\x8d\xe5\xb6\xfb\xae+`\xf1\xd8]/s\xd7\xa5\xf6\x93\x99\xc1\xa8:'</t>
  </si>
  <si>
    <t>b'\xa4|j\x9b\x87\x82\xe6\x9a\x14\xd3\xeau\x8b,\xa5\x12ic\\\xd3^\xea\xe6\xff\xeb\xb9H#[\x0f\x01\x99'</t>
  </si>
  <si>
    <t>b'=\xcc"\xdd\xae\xd7\x9c\xdb\x04\x9bF\x8a\xe8\xa1\x11\x19\trG\xaf\xef\xb9\xfd\xb4w\xfe\xe9\x1d\xa7\x806\x04'</t>
  </si>
  <si>
    <t>b'\x84\xdb6$\xdbv\x0bLAD\xe1_p\xe6\xed#\xbf\x9aB\xed\xb4\x1f\xc1\x13+\xfeo\x99QD\xe5,'</t>
  </si>
  <si>
    <t>b'pl\xb1\xe1\xff\x90\x97k\xc3J\x8c\x9dx\x1ayO\x040\x14\xdf8\xe9\xcc\x17;\xafy\xda\x98\x8dT\xe1'</t>
  </si>
  <si>
    <t>b'\xed^z\xa0\xd8&gt;\xceM\x1f\x8dN\xe1\x11Z\xef\xa1l\x01\x8c\xb2\x8bym c\xe5\xdd\x08\xe6\x11\xc2\xd2'</t>
  </si>
  <si>
    <t>b'\x82=\xa2\xb9\x19\x95~^\x84\xea6\x1b\x99\xd8Z\tE\x91\xcd"\x95\x7f\x1d\xde\xc4\xf4\xb9\xb3C\xce3\xb2'</t>
  </si>
  <si>
    <t>b' \xc6\xce(\xa1oxN\x1567S\xc9tu\x85\xc4\xd1\xd8\xaf0\xb8\xf3\xdd\x9f\xb0zGeq\xf1\x02'</t>
  </si>
  <si>
    <t>b'\x97z\xe1\xcdD\xad\x98\xe0D\x13\xb5\x1c!+\x02}{\xc9r\xe3\xaf\xf55\x9c=A\xc3\xcf\xdc\x83\xb0\x05'</t>
  </si>
  <si>
    <t>b'\x8e\x95\xad\xb8Y\x81\x1b\x18\xd0\xdd\xc3GU\xcd\x087\xaf\xa7\xf5\xde\xa4\x1a\x16B\xee\r\xcch\xc5\x8a\x16\x95'</t>
  </si>
  <si>
    <t>b'U\xbc\xb2"\xe4ii\x049\x97X\xbc\x84g\xc35\xd6}\x11\xe3\x86X\xdf(\xe8t\xb1\xb3\xb9\x93\xe4\xaf'</t>
  </si>
  <si>
    <t>b'59\x1a\xb9#\x06\xd6=YaS[\xaf\x142\x1e\xd5\x9d u\xb5\x15x\xa1\xa7\xaa\xbd\xcd\x9eA\x03|'</t>
  </si>
  <si>
    <t>b'\xbf\x9eYw^z\x08\xae$\xcf\xd6\xd9\x82Q\x96\xfc\x10\x1bk\xf9w\x9d\xe2\x9a\x7f\x04\xd2G_gI\x1f'</t>
  </si>
  <si>
    <t>b'i\x14\x86\x13\\x\x7fv\xb2F7\x91\xa7\xdd(\x05\xfc;W ,\xb4\xcd\xed\xce\x93q;\xa2t\xe5\x9c'</t>
  </si>
  <si>
    <t>b'\x96\x02\xb3\xaf\x07\x07\xbb\xeb\x1c\xcf%\xf2\xd1\xd6\x14\xcc*J\x01\xe8\x89\xc4\xf1K\xe5\xb4\x08iL\xacA\x96'</t>
  </si>
  <si>
    <t>b'\xdc\xdc\x99\xd1C\x05\xc1\xd1je#\x83\xd6s\xc8\x88qT\xa8\x01\x83\x84\xfe\xb7\xeb\xb6\xf2\x8f%\xb2\xc0\xdf'</t>
  </si>
  <si>
    <t>b'i"\xd8?\xf6~\x1d\xad\x14\xb5\t\xa1\xee\x85l\\\x00V\xd0\xf5tiK:kod\xfd\xd1\x94xE'</t>
  </si>
  <si>
    <t>b'\xdaA\xa9^\xd1\x8e\xdby\x92\xf7e\x8c\no/\xfa\xbe\xd2\xbe\xa8\xb8T;\xcb\x01x?\xd2\xc8\xcb\x8e\x1a'</t>
  </si>
  <si>
    <t>b'\x95U\xe4\xbc\xb5\x1cvL\x8a\x0ce\xbc\x83l\x001w\x96\x85\x8a:\x9e\xcc\xedcXv\xc4\xe4\x8a0\xd0'</t>
  </si>
  <si>
    <t>b'\x87\xd9\x95\xbd\x10\xca\xa1y\xfa\xd7}\x97G\x81:\xd5\xb2\xbd\xd7\x15-\x062\xa6\xf8\x91\xf7\xe0\xe8\xdf\xcb\xd9'</t>
  </si>
  <si>
    <t>b'\x8e\x12\x15\x1b\xa3\x14\x9a\xa1\xda\xf7bm\xe8\xd9\xcb\x1a\xe1\x95\xaf3$ \xa7nI\xb9\xa4:#%\x16\xb5'</t>
  </si>
  <si>
    <t>b'\xcd?U\xa2\xc4\xd8P^ \x9e\xc4l\x89[;\xa0-\x98\xdb\xcbx\x12\x17\xb2\xf3\xa9\xe9UX\xc3\x12x'</t>
  </si>
  <si>
    <t>b'\xfb\xfc\xf2\x18N"\xb0\xc0\x11\\\xad\n\x88\xc2\xb2M\x90\xad\xfa\xc6\xa39\xb7\xd2\x18Ga\n\xa9\xaa\xf5\x96'</t>
  </si>
  <si>
    <t>b'M\x13\xb3\xb6/\xe3\x82\x81/KV\xb2&gt;!Y\x12\xb8Y\xe7\x14\x99\xf0\xf5@\x7f~3AI\xc7\x8e\xdc'</t>
  </si>
  <si>
    <t>b'Q_\xc7\xca\x02M\xd8\xcd\x0b\xef\x04i7n\xab&amp;\x97\x1a\xd42\xbc\x8c\xb9"n|\xf8\xd5]%\xcc\xbd'</t>
  </si>
  <si>
    <t>b'@&gt;r\xc7Y\xdf\xffP\xbf\n\xe0\xc2\n\xe9\x9e=\x13Wg\xdc\xf5J&gt;\x8f+7+R\x00\x80\xdb\x1f'</t>
  </si>
  <si>
    <t>b'\xf4@\xd9\xb45\xfaL-\xf8\xd5f\xd75\x0c3\xdd\xd9\x07\xd93\xff\x0bavuZ\xbc\xf6\xeb\x99~\xa9'</t>
  </si>
  <si>
    <t>b'\xc8_+)\xe6\xc5\x80V\xebO5\xb1|\x00\x0fL\x80\xe6\xeb\xb0M\xa42i\xbf\xdf\xfb[\xb7\x18\xc4\xb7'</t>
  </si>
  <si>
    <t>b"\xb0\x07\x97\xbf\xa4N\xb6\xa9\xed\x0fOZ\x95&gt;'\x07+\xa6\x9b\x1b\x82\xe9L\xfe^\x9e\xea\xffi\x12(\xb2"</t>
  </si>
  <si>
    <t>b'c4\xf0\x00\\N\x83\xea\xcf\x8dx\x15\xfc\xd2+\x96\r\xf4\x1f\xd2\x9d\xf7!\x8a\x92\n\x98\x7fneN\xc6'</t>
  </si>
  <si>
    <t>b'R\xcb\n\x0c\xa2p\x05\x88F\xce\xabL\xd7\xb9\x9c@\xc2V\xae.Q\xca\x01\x8c\xb5\x86\xff\x02Ab(\xb9'</t>
  </si>
  <si>
    <t>b'lu\xd0\x85\xfa5\xb5!\xaf/\xf3T\x8d\n\x19\xf5\xbf(yV\x19L\xc6]^\x19\xfb\xf6&lt;\x1c\xcd\xb8'</t>
  </si>
  <si>
    <t>b'\xa1\xb9\x1b\x1c\xd2\xb8\xd0\x04\xb4\xc43i\n\x93\x94\xc8j\x98\x9d\x85\x8aV\xad9v\xb1\x9c\xed\xd8Hwk'</t>
  </si>
  <si>
    <t>b'\xe5*v66\xc7]\xceb2\xc2\xc5\xd5CQ#\xa0\x82L\xddw\x1a\x0c\x94\xcc\x88\xd4Z\xdb\xa1{\x18'</t>
  </si>
  <si>
    <t>b'1V\xf94\xfb\xb0\x11D|aF\xae{or^\x7f2\x96\xe4\xb9\xfc\x12\xb2\x80\xc5\xa0y\x1d\xac_/'</t>
  </si>
  <si>
    <t>b'\x84\x83\x19D\xfa\xa7I\x95o`\xe2\xe5 \x97t\x95T&gt;#\x07\xed4\x1e\xa7\xdc_\x18\x9d\x9a\x871\xc0'</t>
  </si>
  <si>
    <t>b"\xfa|\xcd\x91\xe6\xb66|\x99\xf9\xa9\xecH\xab\xefQ{i'\x04\x01\xf5eKm\xfa\x1f4\xd5`,/"</t>
  </si>
  <si>
    <t>b'\xf19\x1e\xc4M\xe97\xb9\x17`\xbd\xc3vg\xba\x07V@\xfb_\xde\xbe\x00\xfei\xa2\xf4\xf35\xb6\xe4\x92'</t>
  </si>
  <si>
    <t>b'\xa1X\x06e"\xb9j\x9c\r\xca.\xfdd\xa1\xf8\x7f\xad\x19\x1e\x98\xe1KAe\xe8E\x8f\xdc\x10D\x00\x15'</t>
  </si>
  <si>
    <t>b'\x1c\xd00\xdd\xe3X\x90k&lt;ry\xcc\xab\x8b{\x8eK\xb0\xc4\xff#lf`\xac\x16\xca\xcb[*\xc1\xe4'</t>
  </si>
  <si>
    <t>b'\x99\x0bj\xd8\x95[`hFI9qg\xe0\xaa\xc8\x9b\xefP\xe8*\x99\xdcu\x8bU\xe2Hp\x95\xb1\xef'</t>
  </si>
  <si>
    <t>b'\xc2\xd7\x04t&lt;J\xb0\x0e\x06a\x85u\x8b\xc1%k\x953k3\xbf\xf7\xacO\xb8dE\xae&amp;\xb5K\xc1'</t>
  </si>
  <si>
    <t>b'&gt;\xb9~\x98\xb8\xc1\x99f\x7f\xd2\xf39\x14\xe6\x15\x08a\xfa\xb9y@P\x90\xf1\xa3G\x99\xfbj*)\xca'</t>
  </si>
  <si>
    <t>b'(\xc5\xf9\x87\n8\t\x08\x08\xe8I\xf8\xda\xd7\t\x82\xbf8\x10N.\xc4[\x107\r\xd1\x16\x1a\x0c9\x99'</t>
  </si>
  <si>
    <t>b"\x1d\tvoAZ\xe3\xad\x96\xbb\x00\x15\x1e&lt;\xc9\x81\xcb\x97T\xd8,P\xc5FH\x8d\x87'\x9f\xd1\xc8\xb3"</t>
  </si>
  <si>
    <t>b'\xf4\x03Q\x940\x1e\x1b3\xa7\xa3\xf3&gt;\x8a\x12Y\xda}c\x16\xa4\x84\xc3\xc5x\x15\xdcv\xf9\xa7\xf9\xa2t'</t>
  </si>
  <si>
    <t>b'U@S\xfc\xc0\x04\xa3\xdf\xbe\x07:Q\xba\xcd;Z\x00h\x90\xce\xa3\x878\xf1\x88l\x15\xc4\x92QU\x1a'</t>
  </si>
  <si>
    <t>b'Q^EG9\\\xde\x9f\x0fvf\xa6\x9f[*\x1c:\x98d\xa4\x06\xf5\xb3e\xa1\x11\x8d!\xbb\xe7\xea\xf8'</t>
  </si>
  <si>
    <t>b'\x15\xa20\x03&gt;\x86x\xb3-4W\xa6\x17I\xf8\x96\xc6\x99\xe7E\x02kf\x01\x94\xf12\x915Qv\x9a'</t>
  </si>
  <si>
    <t>b"t\xc0\x8ah\xb4\x8e#\xc5\x92\x16\xf3\xeb\x9a\x10X(\xac\xc9\x14\xcd\x05\t\x0c\xdc^n'\x80C\xe3\t\xfd"</t>
  </si>
  <si>
    <t>b'$\xbaT\n\xd7X\r\xef@si\xc0W\x95\x0c\xbf\xda\xd2j\x0bfq\xc8\xbb\x0f:\x89\xec\xe9\xa1\xb2E'</t>
  </si>
  <si>
    <t>b'\x98tbm"\x91\x17_\xa0\xa7\xf5\xe6\xb5\xeb\x1e\xa9\x15\xea\x10NAv\x8b\xaa,\x9b\xe9GxK\xc1\xf9'</t>
  </si>
  <si>
    <t>b'E\x8by\xb3\x0b\x02\xfc0\x02`FB\xa4|\xa6\xbd\xb06zf\r1\x11\x16\x00\xd5\xd4\x87W\xf4\xd0B'</t>
  </si>
  <si>
    <t>b'\xe4\x12\xb7.h\xbc\xde\x02.\x8b\xa0*\x1f\x12\x06d\x99\xf8\x9aF\xcf\x07OuO\xfe\x1ds\x98:#\xde'</t>
  </si>
  <si>
    <t>b'\xff!7\xd6\x9c&gt;\xdffO\x96\x98\xd5_\x1cX\xbbT\x8f\xd1\x12\x97\tge)\xc5\x92\xe6\x933\xba\xee'</t>
  </si>
  <si>
    <t>b'2\xa12\xccrR\xbf\xf1\x88\x88\xbe\xa8,\xd6\xb2\xa3bP\xf8&lt;\xb0\x0f\xb3\x17\xab]\x99\xeb\x0f?\xa4\xa8'</t>
  </si>
  <si>
    <t>b"\x19u\xb21gr\x91*\xec\xe7b\xea\xab\xd66\xab\x8c'n\xd2\xe0\xe6\x93\xddM\x19\xb8U\x139\no"</t>
  </si>
  <si>
    <t>b'\x8f\xfd\x19\xafdA\x99G\xd4\r\xf9\xd3;\xde;c\xbb\xf8\xa3\x0b\x82&gt;@E\xc0\x1b\x05\x82\x92\xe2\x83\x92'</t>
  </si>
  <si>
    <t>b'\x1f@)\x865\x9cv\x05.\x1d\x9f\xdb\xe1\x8a;\x1d\xce\xbb#\x19\xe9xWC\x83|O\xa9\x84x\xa1\x10'</t>
  </si>
  <si>
    <t>b'\xe6\x84\x85c\xc5\x80\x88h\xc4\tX\xba\x1ebr\xb1\x9c\x9f\x1c\xafN\x18\x12\xd4\x1d\xf7\xf4\xfb\xbeqL\x93'</t>
  </si>
  <si>
    <t>b'\x19\xcc\x19&gt;\xe0V\xa0\x7f\xf2\xd0^3S\xba\xf8\x0e\x17R2\r\xe74\x8fl\x94\x90\xe5\xc1eR8\x18'</t>
  </si>
  <si>
    <t>b'=\x82\xea\xf6\xd7\x15\xe7v(\x07\x1b\xec\xaa\x7f7\xa2x\x84\xea+.\x1e/\xc99\x19\xab}\xd58\xe6-'</t>
  </si>
  <si>
    <t>b'\xfd\x18\x1bN*\x04\x9c\xc2sn\xc0\xe8\xf8f\xa8Kd\xd5pD\xad\x19\x055k\x86\xac\xdbH\xe2\x05\x9b'</t>
  </si>
  <si>
    <t>b'\xe0&lt;\xf2\t\ri\x1e8IS\xf5\x00\x13\xc0\xcf\x1ep\x83\xb5\n\x87\x1f\xb0\n\x9f\xe1K\xb3\xc0\x11\x16\x0c'</t>
  </si>
  <si>
    <t>b'S\xc3o\x86Z\x91\xc3\xaa\xbd_\xd7S\x02J\xea\xe3:z6\xb0Fq\xddEi\x8c\x7f*)\x8d/&amp;'</t>
  </si>
  <si>
    <t>b"W\xae\xb1\xb0\x1e&amp;\xdd\xe8\x95\xf2\x8b\xd2'\xad#\x87\xd6\xfb\xf8\xda\xb6n\x8bt\x95^\xa6\xec\x90:\xd0-"</t>
  </si>
  <si>
    <t>b'\x03i\xf5\xa1\x98F\x1c\x1bZ\x17\x82I,U\xf6\xa3@\x8c\x1b\xa6C\xf0v\x88\x115\x95$&gt;\xb9\x86\xf0'</t>
  </si>
  <si>
    <t>b',\xc0\xe5\x0b\xe96\xda#\x17\xdd\xa3\x01\x13\xaa\x83\x8f\xf6\x982d\x81&lt;:\xad\x1c\x11\xb7\xef\xd3/a\xad'</t>
  </si>
  <si>
    <t>b'v\x05\x01[\xd9\n\xac\xd0#D\x9f\xe7\xee\xba\xc2\xc9?=+\x84\xe9\xae\x00\x9f\x8c=\xb5g\x0e\x92\x91\xb6'</t>
  </si>
  <si>
    <t>b'\x8b\xdf\xe8-`\xf2\xec$L8m\xcc\xbb\xc8L\x1d\xf2\xda\x1c|\xd4C\xb2\x08\x18p;:e\xcf*\xc6'</t>
  </si>
  <si>
    <t>b'gVH\xb5aq\x8e\x05\x8c\xf9\xcc\xcf\xb0\xd8\xec^\x1a\x15\x15\x1fjO}\xaaCo\n$\x8dKx\xba'</t>
  </si>
  <si>
    <t>b'.W\xa1\xe4\x05\x08Cj\t\xe4\x1f\x9f\xe2\xec\xce:\x89\xd8n\x1cL\xfb\xec\xb0\xab\xa0\xab0\xe0\x03\xa7\xa0'</t>
  </si>
  <si>
    <t>b'8{\x03\xa9\xc7\x0cT\xe3E\xf9\xc6\xe1L\xaf\x18\xe2\xb0@n\xf4\x87(\xae\x17\x02v\x14RP9\\\x8b'</t>
  </si>
  <si>
    <t>b'\xee\x1c\x1c\xda26\xba|?\xb5\xe60K\x96\x9eRU\xfb\x95\xc8\xdeJ\xa6J\x8a\xbbc\x0f&lt;\xfc\xca!'</t>
  </si>
  <si>
    <t>b'\x17\xd9\xd4\t`\xcd\xe5v\xba\xd2U\xeal\xb5"f\xda\xad3\xd8\xd7\xa4\xf3P\x8d\x1c\xc0\x84\xefE\xce\xd0'</t>
  </si>
  <si>
    <t>b'\xdfb\x16\xb8\x1c&lt;\x9aX\x92\xa3q9.,\x10m\xdc\xfa\xebS\xa8v\xd7\xbeIm\xee\xd5\xd6\x16\xc90'</t>
  </si>
  <si>
    <t>b'\xf4\xc4U]\xf5E\xb0\xc5\\\xb9s\xdc\xed\xec\xbf\xc9=gA2-\x85\x1b\x17\xfe\x1bW(\xb7\xdcx\x0b'</t>
  </si>
  <si>
    <t>b'm\x16\xd9\x97-\x9a\x06;_J\x87c\xc8i\xb3\n\xedP \xd3\xa5D\x87%c\x0e\xffM\xd6:g1'</t>
  </si>
  <si>
    <t>b'^\xe1P"\xcaS\xee*\xd8o`#\x99\xd8\xa1j\xbd1\xbb\xfa\xb0+A\x97\xa6D\xddQ4\xc0\x08\x87'</t>
  </si>
  <si>
    <t>b'i\xe0\x96\xf0j\tPyV\xbf\xba\xb29\x15\xa2{\x01;\x8bO\xc4\xefq=\xb4oB\xbc\x91\xf1+\xea'</t>
  </si>
  <si>
    <t>b'\xf0\xbfP\xa0\xbf\x19\x8f\x03\xbf\xda\xd3!x\xf9\xa3\xce9Wq\xd2\xff\xaeJ\x828\x04\x85\xa3w\xf2\\\xa9'</t>
  </si>
  <si>
    <t>b'\xd1\xe7(\x1e%*\x9f\xabj.\xb3\x92\xfb\x83&amp;\x02\x00\xc6\xd0\xb1\xb1}`_py46\xd2\x1b\xc9f'</t>
  </si>
  <si>
    <t>b'\xeb\xa7\xd4\xda1b\xb0\x17\x8d\xf301B,F!\xff\x97\xe9CG\xb0\x8d\x8a\xd0\xa3\xd6X\xe0Ss\x99'</t>
  </si>
  <si>
    <t>b"\xb3\xbdTBW\xc7\xb9?P\x07\x8c\xca\x99\x99\x9a\x12F\x1a0R\x82\xda'S\x9f$\x06\xda\xcf5EJ"</t>
  </si>
  <si>
    <t>b'\xd3Q\xe7\xea\x10\x0c\x8ei\xf6)\x92+\x81\x11Mj\xc0\x8aw\x80F\xb4_\xa1\x10\x10\x89R\x89\x96\x1b\x06'</t>
  </si>
  <si>
    <t>b'\x85\x1b\xea\xbf\x04\x0fex\xf3\xd7\xcb\xb6\tc\x1fZ\xed6,\xc36\xf5=\xda\xd2=\x8d\xb9|Bd\x0f'</t>
  </si>
  <si>
    <t>b'"\x11LB5\x8d\x92\xffH\x86\x15\x81XM\x19s\xb8\x9b\xba\x92\xe7\xc8\x97\xc2\xd6\xb3\x07\n\xc8x4\''</t>
  </si>
  <si>
    <t>b'\xb8J\xea\x95\xc7\t\xa1\xfdJ\x90\x85\xaa\x863v#U\xdc\x1fa\xd2T\x1f$$\xae@\xbaO\xe9\xf2V'</t>
  </si>
  <si>
    <t>b'q\x03/G\xaft\xb0\xcd\x80J;\xdb\xd4u\xfbj\x12R\x8fW\xf3Iv\xcdA\xcb\xfd\x97\x8c\xf68M'</t>
  </si>
  <si>
    <t>b'\x1e\xb8~&amp;\xd4\xf2ob\xd8YgY~\xff(\xc1\xbe\x98\x0b\x9a"y\x00\xad\xf5\x90\xdb\xd1\xb3\n\x12\xf7'</t>
  </si>
  <si>
    <t>b'\x86bF\xc2?\x81 \xe9\r_S!\x0b\x89\x96\xbaz-\xc8\xa2\t\xfe\xeb\xb3\xf0\x175~I$J\x80'</t>
  </si>
  <si>
    <t>b'\xc8?\x1b%\x94\xe4\x8fR-\xc0m\xdaH\x90%[|\xa3$)\x1e@v1\xd5\x1e\x94-\x8bX\xada'</t>
  </si>
  <si>
    <t>b'\t\x92\x00im\x05\x18\xcb\x92\xbe\xfb\x87(\x02\x12n\x9d\xdbg\x86\xdc\x05Z\x851\xe9\x10\xaf\x88\xf4Iz'</t>
  </si>
  <si>
    <t>b'2\x82\xa3-Qc4\x98\x86\xc6\xde\x9f\xe0\x1f\xe3\xf4L\xbd_m\x98\r1,\x9e\xee\x87!t\x10\x9d\xba'</t>
  </si>
  <si>
    <t>b"n@\x8f\xad\xaf\x85\xc252pT\xf3\xb4r7\t\xed8'\xaf`\xf0!\x94\xc8\x0e\x06/\x91\xce\xb8\xb2"</t>
  </si>
  <si>
    <t>b"\x14\x1c*'\xea\xcaR\xd3\x83&gt;\x7f\xe5\xd4\x0e\x84?\x81\xb6OG\xd0\xbe\xdb\x1ctml\x15W\xe1\x08-"</t>
  </si>
  <si>
    <t>b'\xaee\xa5\xa4Ky\x16g\xd2\xc1@\xd1v\xe6\xfc\x08\x0e\x92J)\x82\xb7nq \xf8r\xb8r\x12\x18\x05'</t>
  </si>
  <si>
    <t>b'\xc9bD\x80}\x86!\xaa\xa0b\xe7&gt;\xceq&lt;\x19T\x82\x1b\xdaa\x16\xb7g\t\x9f\xda \xafb\xf5\xae'</t>
  </si>
  <si>
    <t>b'\xc3l\x84-9\x1bs\x00v\xcb\xa9\xe0\xda^b+\xa2z\xe1M\xdb@\xff\xf9\xe0\xa7\xcbr\xedM\xc6\x1e'</t>
  </si>
  <si>
    <t>b'\xf3\x1a\x13+n\x87\xd0&lt;\x81J\x9di\x9f\x92\xfb\\)\xd7\xfb\x00,x\x92\xc0\xc6\xfa!\xc9+1&amp;x'</t>
  </si>
  <si>
    <t>b'\x98\x19i0\xf8\xda\xb6\\Vt\xda\x18\xcc\x1bQ\xc3\x7f\x00\xe8\x06\xddh(\x85\xdf\xe2`\xb1\xb1\x1c\xb7\xc8'</t>
  </si>
  <si>
    <t>b'a\xbfh\xf5N\x1b\xfa)\xf9\x93\xb5\xa6\xef\xd3\x1e\xd2:\x1b\xc4v?\x01[\x1c0iu\x16\x01LU\x96'</t>
  </si>
  <si>
    <t>b'u\x04\x8egK\x89\xd6y\xf5t6\xa9V\x88=\xc7\x90\xa2\xbb\xa6(w\xfd\xb0o\x94\xae\xf0\xc5D\x9fp'</t>
  </si>
  <si>
    <t>b"\x97\x1a\x03\xf3W\x91\x89k\xcbs\xce\x1a&gt;*!;\x00\xf1\xdd\xa6\xde'O\xf8\xaf\x8fA\xa9t\x06h\x83"</t>
  </si>
  <si>
    <t>b'}\x8aF^C\x993\xd1kH^C\xc3\x08\xea\xfdg\xef\xd3g\x9f\x16\x03\xa8\x9c\xf0\xe4\xa0\xe7\x8c\x90*'</t>
  </si>
  <si>
    <t>b'\xfa\x1f\xf7Qm\xd0\xa9\x86\x01!\xaeq\x89\x9c\x93=\x87D&amp;\xb4\xa4\xcbX\xa1\xb7\x18\xc9\xd1v\xb1 \xdb'</t>
  </si>
  <si>
    <t>b'\xc7G\xc4U\xb6V\x02Y{\xc8\x1f8\xf6m&lt;k\xe0\x9a\xadj\x0c\xdf\x84`j\xda4U\xb6\xf3p@'</t>
  </si>
  <si>
    <t>b'(+\xbdL\xcd\xe4\xa3\xb8[J\x8fM\x13\xd2_73\xb7\x8egO94\x02\xa8n\xd95\x90\xe1eI'</t>
  </si>
  <si>
    <t>b'\xba\xb1:x\xcas\xb9\x1a\x17&amp;\x1e\xe7:c\xe5\xff\xbbpkT\x02\xc3\xab W,\xeb\xbd\xce\xe6\xe6\xbc'</t>
  </si>
  <si>
    <t>b'\x904\xbc\xbc\xb5\x97V\xcc\xfa\xcf\x05&lt;\x1cS\x9d\xd2~\x0c\x80\xad\x1aQi\x14\x96\xf54\x15\xc6n3z'</t>
  </si>
  <si>
    <t>b'7o\xc6R\xbb\xd7\xef8\xf8Y\xde\x0bz\x08[\x00\xe4\xd6?O\xc9\x84\xf0\xc5l\xe9\x14\xbe\xa4\xe5\xec\xad'</t>
  </si>
  <si>
    <t>b'\xfc\xb8\xe9\xc0\x14\xf6\xd2\xc0/\xb6Bi\xad\x0c\xba\xba"y\x08\xc4Vm\xe0\x12k\x05U\n\xbb\x92(\xc0'</t>
  </si>
  <si>
    <t>b'\xf0+&amp;\xa1\x922\x96\x16\xe0\xe9H\x8c\xa4\xc9\xd0\xa8\xa6\x1f\xa8\xc4l\xbe\x86\xebm\xf0\x1d\xfa\x95\xde\x02n'</t>
  </si>
  <si>
    <t>b'\xd1\x1f\xec\'U\x93ec\rM\x83\xff\x1e\x15\x17\x0b\xack"3 1\xc6\xce9\x1e\x13Z\xcc\xb9\xb6K'</t>
  </si>
  <si>
    <t>b'b\xa3q\xe7\x97\xac\xc6*\xd5\xb0QQ\x0c\x16\x01F\xb2\xc2\x10\xe6\xbcB\xc78@\xe5\xde\x9bP\xfe\x040'</t>
  </si>
  <si>
    <t>b'\x05\xc5cW\x7f\xbc\xfe\x8f\xee\x9b.\xb4o\xdd\x81\x05\xfb\x9f\xf8\x1b\x1f\xd4,Tg\x9e\xd2\xfa\xcen:i'</t>
  </si>
  <si>
    <t>b'+$N\x92\x7f\xca\xa8\xd9J\x96Tb&amp;\xa0E\x9fC\xeb\xe5p6h^\xca\xfc,\xd44\xf9-u\x8c'</t>
  </si>
  <si>
    <t>b'\x9e\xb5\x98u\xa4v\xdc{\x94\x89\xb1\xd4\xa3\xdeXx\xe4\xce\x94\x8e;\x1dSy(\xb7P\xe6\\$r\xc6'</t>
  </si>
  <si>
    <t>b'\x81\x0f1\xe7A\x18\x9de\x83m\xb5\xa3}\x8c\xbaA\xd2\xbe\xf0\xc1\xdb\x00-4&amp;\x90LQ\xb8$J\xbc'</t>
  </si>
  <si>
    <t>b'\xd6(1\x07\x82V\xaeJ\x0f\x03L\xb10@\x10\xda\x0f\x9e#\xec\x02\x063\xbc\xd9\xcb*\x16\x81\xd3(\xcd'</t>
  </si>
  <si>
    <t>b'\xb9\xe2\xeb!9\xf8$X\x1fj\x8b\xef\xbc\x94\x90\xb9\x98E\x8e\x1b\xb4\xa1XyG\x03\xd1e\xb3*\xd8\x1a'</t>
  </si>
  <si>
    <t>b'\xbeG\xf2A\x14y\x1c\r\xc4\xab&amp;\x9d\x87\xeb\x08\xd2\xe1Lt\xcc@(o\x83\xc0\x1d8a\xb5\xec\xa7]'</t>
  </si>
  <si>
    <t>b'W\xda\xb6\xcfI\xfd\xe7\xc2\xdcf\x1c"K\xf7)\xd4\xf8\\\x1f\xdf\x00\x92\xfeq}_k\xf1}\x19\xe6\x1a'</t>
  </si>
  <si>
    <t>b"\xe9\x84\x8ao\xe6]\x14RD\x82\x0c\xd2\xb1\x80'\x9e\tj\xef@s\x93\xe6]\xbb\tW\xc3\x058&lt;\xb1"</t>
  </si>
  <si>
    <t>b'"\x89I\xa7\x8a\xdb=\x8d\xda\xf7\xa2F\xd0\x03\x8d\xd8\xef~le\x8f\xd3\xb5!\xe7K\x8b\xbe\xe5\xb9\xbdm'</t>
  </si>
  <si>
    <t>b"\xfe]\xbe\xc6&gt;\xd9\x9c\x9a\x84'\xe4\xb6\x1aX\xc7\x0f\x81\xacG\x15+U!\x85Q\xd3A9(]sm"</t>
  </si>
  <si>
    <t>b'\xa4\x1b\x0e\xf7\xb9\x81!\xdcBg\x0esX\xd5Q,\x0f 8l\x06j\x01\xe5\xcb}&amp;\xdcb\xe2t\xd6'</t>
  </si>
  <si>
    <t>b'\x8b\x8dvV\x056\x9c$691~\xea\x8b\x124\xbdC\x0c\xb7\xc3\x86v#u\xb9\x0b\xaeY\xee\xd8\xf6'</t>
  </si>
  <si>
    <t>b'\xa2\xd2\x02\x1fN\x85d\xce\xed9#\xd7\x98\xaapBh\x07R\x9d\xd9\x92\x88.&amp;[\xb7\x9e\x15\xfcf\xd8'</t>
  </si>
  <si>
    <t>b"\xec-P'e\xd3\x0ft\x17\xaf\x1d\x0c\xc2\x1fX\xb6\xeb\xdc\xdc\x81\xc0\x9c\xb18I\xb2\xf1\xf5\xbd\x86x\x03"</t>
  </si>
  <si>
    <t>b'\x1a\xbbEi\x8cG\xa98\xa9o\xc3\xedY\x0e\xe9\xa7X\x949\x0eT\xa1h\x1f\x8ag\x8c\xaa\xdc"\xc9\xc1'</t>
  </si>
  <si>
    <t>b"y$}\x0f\\\xf5\x90')\xb4O\x15\x1a\xf1\xe0\xf2\x97\x0bT\x8d\xc3\xe4\x99yH\rp\x07\xbek\xae\xbb"</t>
  </si>
  <si>
    <t>b'\x08\xc8].\x0f\x9b\xf6\xc5\xd71\x99i\x1enr\x1cn\x1e\xc6h\x85\xa2\xba\x10\x1a\xac&lt;F"0\xd4Y'</t>
  </si>
  <si>
    <t>b';&gt;_!+\xae2\x96\x01V&gt;-`H\xba\x98\xaa\xa9/\x08jx(\x99=y\xa32Y\xb2\xef\x10'</t>
  </si>
  <si>
    <t>b'Q\x1b\x8b0\xbc\xca\xc5I[P&lt;\x8eg\x92\\\xe0\xbc\x97\x88\t%v\xd2,X\xa7\xc6\xb2\x0c\xd8\xe8\x93'</t>
  </si>
  <si>
    <t>b"%&gt;nc\x1eB\xc7\xb1\xf5\xc2\x84@1\xd7D\x02\xf4RE\x8bW\tG\xee\x9e'\xb9\xd9`\xaa\xa7\xba"</t>
  </si>
  <si>
    <t>b"K]iZ\x0fX\xb7p\xa7\xc3\x1d\xa3\x13N\n'\xf8G\xffmd\xbb\xed\x06E`\xe6\xfac\xe9s\xbe"</t>
  </si>
  <si>
    <t>b'\x08v\xc2\xc2\xec\x1d*5&gt;h4\x1bdR\xa7]\xf8\xf7?\x14\x94\x04\x9f\xce \xcf\x89\xc7\xcd\x95\xe6/'</t>
  </si>
  <si>
    <t>b'\xbc\xdf\x94\xc2\x1f\xa2\x80\x03\xb3\xfc\x88"\x9a#\xd0R\x8b-\xd8\x88]FI\xd0\xd2\xf6\xad"S\x1duG'</t>
  </si>
  <si>
    <t>b'\x168`]\xab\xd7\x01\x05\xf7\x8aj?Q\x98w\xd8\x03\xaa*&amp;\x99\xd8v\x82\x9f\xdap.\xaa\x8fH\x1f'</t>
  </si>
  <si>
    <t>b'\xd8\xc7\x92V\xfb\xfds`\x00\xd9\xba\xb6\r\x18v)\xd7,[\xba\xf4\xbe\xfd\x80\xf3\x14\xfdJ\xc3\x8cq\x93'</t>
  </si>
  <si>
    <t>b"\\y\x95\x02\x8e)\x8c\x13\xa2\x97`\x0b\xc8\xed\xe6\xc1=b\xd0l\x0f3\xa3`o\xb7'\xc6\xd0-\xcd\xdf"</t>
  </si>
  <si>
    <t>b'\x95\x9c\xb3\xc4x\xde\x0eG\xfe\r\xa3+\x10hG\x12\xac_m+\x18\x87,\xf7\xfd\xc4:_\xa2LPO'</t>
  </si>
  <si>
    <t>b'W\x97\xd3\x12+\xa7#\xdc\x93v\xd0\x9d\xe7\xbcY\xfe\xa7\x95\xeb\xca+\xab\x0faj7U\x80\x84q\xcf2'</t>
  </si>
  <si>
    <t>b'\x1av\xd9\x0f\xe4h\xdfh\x1c\x9f\xf2qJ\x86K\xd4@\x1a\x19\xc2\xa0\xecK\x14\xf6 \xc0\xa2\x8c\x8c\xc5V'</t>
  </si>
  <si>
    <t>b'\xbc\x99%:y\x9d@\xcaQ\xf8\x84\x8f\x12L?)\xb8\xa35\x12\xd0\xd6$\x1c\xe9\x10[~\xeb\x89x\x7f'</t>
  </si>
  <si>
    <t>b'\xd0K\xcfsn\xfc\xe8\x84]\x8d\xef\xbf`\x10\xb8oS4RM\xc8\x00\xc6\xe7\x0c\xeb]\x01\x9f\xb0\xf7\x1c'</t>
  </si>
  <si>
    <t>b"4\xf2\xd5\xf3\xf1\x1aw\x0b`M\xf7\x8a\xdb\xb1\x94\xce#\x9d$\x87\xe1O/'.\xbe\x03-\x1f!\xe3\xdf"</t>
  </si>
  <si>
    <t>b'\xcd1\xa9\xed\xa2\xf67\x8f\xc3\x9b\x0e\xaaE\x00\xaf\xe0\x91\x13\xb6J;+#\x8f\xee\x81V\xdf\xc1\x035Q'</t>
  </si>
  <si>
    <t>b'\x89\xd4\xf1\x98m\xfe\x08\x8d,?\xa8\xd7\xe8sZU\xf5\x08\xc2\xac\xef-\xb1cw\xda\xd1h\x83\x16\x80^'</t>
  </si>
  <si>
    <t>b'}U\xc3=\xca7.\xc4e\xe3\xa2\x87\x84X\xc3}\xc5\xd2\x01uD\xf73\xac\x13SFN;\x9b\r\xb6'</t>
  </si>
  <si>
    <t>b'S\xaew\xeb\xac\\\xda\x10\xb1rN\x05\xbd\xc7\x0b\x8d_y\xcc\x91\x96\x8a\xdb\xbe\tX\xdf\xfe\xcc\x11`\x17'</t>
  </si>
  <si>
    <t>b'\xf9\xd2\xf4\xb7]y\xc8\xdf\xe1\x12R;\x1d\xc9^RJ\xbf\xfdE{\xc9v\xff\xc8\x7ff%v\x9d\x9e\xbd'</t>
  </si>
  <si>
    <t>b'c\xde i4\xa5\xa4\xe6\xe1\xc9sk\xffJ\xdaw"\x85\x87\x02mo\xc25i\xd8\xadCn\xed\xc9\xa6'</t>
  </si>
  <si>
    <t>b'\x14\xfe5\xb5\x7f\xea\xd1\xfb\xc0\xeb\xedN\x87\xe7\xaf\x8f\x95\xa4K\xa1\x8b\xe7\xa3\xd7\x13d\xcb\xd1GVnb'</t>
  </si>
  <si>
    <t>b'\xeau\x11[6\x07`Q\x8f\xc6`j\xd6\x7fU\x92x\x17Fa\xe7D7\xf9x0Gy\xb9\x8a:|'</t>
  </si>
  <si>
    <t>b'g\x87\x04A\x9c\xa0\x11"\x86*\x19\x0c\xa2U%\xb6 \xaf\xba\x9c\xad\xb8\x9d\x8c\x8at\xc1\x11\x11\xd0\'r'</t>
  </si>
  <si>
    <t>b'\rl?w\x91|\xa6\x0c\x07g\xb3\x90\x02\x8b\xcc\xb6\xe8W-\xf1\xd3\xb9\xed\xc7mbv_O|\xbd\x13'</t>
  </si>
  <si>
    <t>b'\xe2OSVB\xd2j\x8f\x1c\xf6\xad\x93\xaf&amp;\xaa\xd42\xa1\x1bk=\xc7\x8e\xd1\x83\xf4\xba5UDH\xae'</t>
  </si>
  <si>
    <t>b'\xdfN-\xc5\xed/\\\x0fS\xde\x05k)^j\xf8\x0b"\x06\xf2G\x8b\x8c\x17\xfc@\x11%k\x8c\xcaq'</t>
  </si>
  <si>
    <t>b'u\xed[\xe5=\xc6\x85X\xa9\xd1n\xabj\x17\xe0\x1c+\xae\xb6\x8e\xc5Vz\x12\x9c9\xbd\xd4A 5S'</t>
  </si>
  <si>
    <t>b'\xd3LT\xdb\xe8\xeb\x96\x08\x1fBw\x1cL\xaflt\x87\x9c:g\x7f\n\xad\x0b\xce-\xc6\xf7:\xbcfV'</t>
  </si>
  <si>
    <t>b'\xc9@\x8cmc3\x86o+.\xfaK\xe7\xa7|Q\x8f\x8c4\xa5\xb4\xb9\x14\xc0\xce\x1e\xe8\x9a\xca\xf1\x81\xca'</t>
  </si>
  <si>
    <t>b'&lt;*\xac\xa4\x97\xbe\x12g\x9b#\xc8\xc7\x0f\xf9N\xfb\x1dEp&gt;]\x0eP\xc9\xe0^\x92\x01\xfe\xa9\xf5\xdf'</t>
  </si>
  <si>
    <t>b'\xa8$TOk\x1f/\xd0(\xa9\xb7\xee\xf4!E\xa0\nF\xfctL7{~\x85\xfdAx\xf4\x9c\xe8\xa3'</t>
  </si>
  <si>
    <t>b'\xb4\xa8\xd1=\xa5O:\x14e6K\x1c\xb7o\xfaV\x9e\r\xd77b\xf3\xf0 ;S\xec\xd9\xf4\x12J\xcd'</t>
  </si>
  <si>
    <t>b'\xfd\x1f\xb5b\x8fD\x1aSC\x7f\x96\xd8\xc9\x03cGW0T0l\xa4:\xc8\xdd\xd0\xa6\xc6\xca:\xfa\x85'</t>
  </si>
  <si>
    <t>b'\xdd\x90"s\x82b\xc2\'\x87\xf1\xbaL9OWTM%I\xa8\xdb\xac\xfe\xff\xe8#Q \xff\x1e{\x1e'</t>
  </si>
  <si>
    <t>b'$\x85\xc24\x14\x91\xf6\x8d\x8ctO\xddag\xees\x10\xef\x84\xfe\x9brh-\xf1\xd0\x0f\x8a\xdaR\xd5\x9a'</t>
  </si>
  <si>
    <t>b"&gt;@C}\xf2S\xcc\x02\xf9\x06\x1f\xc7\x1eP\xe5^\x07fen\x01\xd9\xd9\xf1\xc8+'\xfaP\xd1$D"</t>
  </si>
  <si>
    <t>b'\xc9\xce\xaeG\xceJ9\t\x15\x95\xe26:\x07\xe7\xc1)r\x02\xb5B;\xa3\x95\xf6\x02\x03c\xb8|\x90\x13'</t>
  </si>
  <si>
    <t>b'\xdd\xda \xd6\xf9\x9e\x98dH\xc5\x0c\xb9\xdf,\xff[\x05\x8cQ\xb9\x15\xdehv$u6\xf37\x9csP'</t>
  </si>
  <si>
    <t>b'D\xdd\xe0XW\x84\xbe\xa9\xab\xf1\x1a\x1d\xa3\x82\xc7\x92\x02/M@\xaf\xa2\xb5\x03}Y\xa8\xa3\x81Y\xa6X'</t>
  </si>
  <si>
    <t>b'\x8c\xb8jll\x8e \xba&gt;|\xe3\x8c\xf0\xb1\xe8\x8a\x8c\xaad[?\xdd\xad\x1f\xcb\x9a\x08\xa4&amp;f\xc9X'</t>
  </si>
  <si>
    <t>b'\x13\x88}\xea\tl):\xeeE\xe9\xb1T\x01\x94\xd8\x9d\xff\xf5\xcb\xf6\x1a\xf9w\xb7\x14\xad\x8d@&gt;V\x10'</t>
  </si>
  <si>
    <t>b'\xeb{\x85\xfa9\x9c\xb7!\xc3 b\x1b\\\xccc\xa6+\xa7\x8c\xadF9\x1c\x02~\x84|c\x12/\xa50'</t>
  </si>
  <si>
    <t>b'Tq\xab\x84\x8b\x0eR\x9b\x03u\xca\xc8/~\xaaW\xba&amp;\\\x1cf\xb0+A\xaa\x07\xa8|\x11\x13\x13&amp;'</t>
  </si>
  <si>
    <t>b'" \x95U`\x0b\xbfg\x83W\x13\x1a\x0b\\\x17b\xb4\xb3\xea\xac\xb2u\xdc\x10!\xfd\xf2\xebqS\xe9|'</t>
  </si>
  <si>
    <t>b'"\x13eE\xac\x04\xc2\x90\xb9p\xe8\xf4\xff;&gt;E?[.3\xd0RR\xfc\xca\xab\x07\x18\x93\r\x9d\xc7'</t>
  </si>
  <si>
    <t>b'\x1c]\xcc\xaf0YH\x84\x981\xa2\x14\xcb\xd8\x191\xec8\\o\xdd\x11&lt;|\x96\xf2\xeeK&amp;&amp;og'</t>
  </si>
  <si>
    <t>b'\xaf\xca^\x99\xf0\xaf\x90\xe6P@\xcb7\xa8Q#\xbb\x915\x8fCg3k\x17\x91/\x1c\x85\xff\x7f\x1d\t'</t>
  </si>
  <si>
    <t>b'\xae\x07\xccP\r\xc5\xe102\xd7\x9659\x10\xa7~\xfb\xdbk\xef\x0cc\xbb\xd1-\t\x8a\xee\xbe$y\x00'</t>
  </si>
  <si>
    <t>b'O\x82T\xc9\xe8j\xac\x9f\xbeQ\x89\x01\xd7k\x17\x01B\xea\xe0p\xa4\xae\xa7\xa1\xed\xc2\xd3\xae\xce\xbf54'</t>
  </si>
  <si>
    <t>b"\xea)gp\x8d\xba\x929\xc8\x8d\x8c\xdb|\xc6J\x04\x0f}k\x96\xb0\x82\x01A/'Q\x11$\xb5\xfb\xb9"</t>
  </si>
  <si>
    <t>b'Gf\xc7]lZQ\xec\xa3&amp;(\x14[\x8a\x04:$\xd5\xf2qO*\xb4\x1a}cG\xfc\x1fb\x8ca'</t>
  </si>
  <si>
    <t>b'm\x02\x81\xbd\xe5\xdc\xc0\xe5\xfd\xca\xc7\xd7\xc2\xb1`X\xb7f\xbb\x83\x0f\x950\xfb\xbdT\xc7`\xc1\xb9\xb2\xf3'</t>
  </si>
  <si>
    <t>b'\xd3VS\x07\xcd51\x88Wf\xc8d\x0c\x16\x93u\xeb\xc4\x83x\xde\x9fZKe\x0b\x8f\xb0\xab\xcb\x03\xc5'</t>
  </si>
  <si>
    <t>b'n{\x0b\x1e\xcfqKIt\xce\xef\x9e\x01\xd3\xee\xae\xc29\xa1\x9d\xbe\xc4r;?\xde\xb2\xf1\xb5\xff\x9a\x89'</t>
  </si>
  <si>
    <t>b'W+f\x97\xdb)\xec\x98\xf8\x88\x03\xe8\xcc\xb6\xfb\xe2\x17\xff\xd8(_A0\xd2\x10\x92\x1b\xfd\xb5\x06VS'</t>
  </si>
  <si>
    <t>b'F\x85\xe5/:\xa5g\xe8\xfeY\xb8\xcc\xd3\x17\xe5OB\xf7\x0e`z\xb5\xad\xb7\x0f\xc6P\xe1\xc4\xef\xab@'</t>
  </si>
  <si>
    <t>b'\x15\xf1\xb0\x94\xb9\x1e\xec\x19\x98\xf5\x90B\xae\xfc\x13\xa9\xdfV\xfe\x9e\xad&amp;\x86\xee \xa3\xb8\xb3If#V'</t>
  </si>
  <si>
    <t>b'A\x10\xe7\x1a\xd5(Y\xbe\xbc\x87\x97\x8ao\xf7\x0fgd%\xa1\x8a\x8f;Eoa m\xa3\xd8\xbbQ\xc6'</t>
  </si>
  <si>
    <t>b'\xd8a\x88\xb7{\xf2\xbf\x1c1\xd7&amp;\x199.T =\xfb\xa0[\\\x15\xc2|\xc0{\xfc\x9e\\\x0b\x98s'</t>
  </si>
  <si>
    <t>b'\x7f3\xad\xd0\x15\xc9[qM\xb3\xe3\x04\x1d6\x00\xdc\xff/\xa0\xb3_\x08\x9d\x0f\xd8P\x15\x87&amp;Ob\x9b'</t>
  </si>
  <si>
    <t>b'\x9b\xe0*f\x1a\xdd?\x7f\x94\xcd\x13~\x12_u,rT\xae\xf4_\xd3\x12\xdcr\xef%\xf8=\x88p\x93'</t>
  </si>
  <si>
    <t>b'\x92\xc1\x9e\xfdR\xda\xb9/\xee\xe5\x87\xd1\x18_\x15va\x10Ej\xe6H4\xa4\xf7\xa9\xb2Ud\xa9\x96;'</t>
  </si>
  <si>
    <t>b'\xba\xa4\xf1\x94\x8cS+\x8d-p\x9e+\xba\x88\x89\x97D\xaf\xde,\xeb\x9d\x0b\xfb\xa7N\x13Lx\x1a\xfc8'</t>
  </si>
  <si>
    <t>b'\x06/\xa06WKlE\xbf\xe6\xa2\xac\x87\xa0\xa6E=\x185\xee\x0fk\x82\xd0&lt;\x0b\x90\xbd\x97\xb2\xc6)'</t>
  </si>
  <si>
    <t>b'\x08#&lt; Q\xe0\x918\x08\x19\xd9\xc3y\xf4\xcb\xc1\xa5\xc5~\xe99\xaaq\x89\x12\x90\xe32\x9c\xf6e\x14'</t>
  </si>
  <si>
    <t>b'\x7f\x07!\xb1*\xa4\xf5\xe1^#\xcf\xba\xda\xf8L\x19\x9c\x8e\x81]Rz\x07G\xce%h!c\x85\x97\n'</t>
  </si>
  <si>
    <t>b'\xaaS\\\xff\x01\xa4\xeb\t\xb7\x98\x1d\xbf\x16\xb9\xdcfWM\xf1:\xbd\x1c\xe3`\xbcIV+Ha\x17\xc8'</t>
  </si>
  <si>
    <t>b' \x1d\xd4\x1c[9\xc1\x8c\xcc5\xcb\x9e\xb9\xc8\xe7\x16#\x0f\xa9\xb6\xa8\xd6Om0\xcd\xb9$\xe8\x83)\xc5'</t>
  </si>
  <si>
    <t>b'(\x12\xd3\xfau\xe4\xde\xb7C\xb2\xb1\xbd\xfa\xe0\xcb\x1b\\\x8d\x8e\x15\x95\xb1\xc0\xb3.mO\xfe$_\xa5\x92'</t>
  </si>
  <si>
    <t>b"Qe\xe1\xca\x12\x08\x92'g\x8b\xd0.\x07BaEh\x82\r\xe6\xba\x14\x8cpA\x89\x11\n@\x02\xec\x9e"</t>
  </si>
  <si>
    <t>b'\xce\xc0\xa0R3\x18p\x85=\x19\xc5/\xcd%\x11\xd1\xad\xdf\xdd\xc5jrg\x84\xf7\xc9mG\x1c{\xfb\xac'</t>
  </si>
  <si>
    <t>b"\xb8\xe0\x11\x86\x90`\xb7\xcb\xcb0v\x99m\x06!\x82A\x87\xbc\x01m\xeb\xc6\xe3\xfb\x0c\xbd'\xf2\xf9\xc2\xe1"</t>
  </si>
  <si>
    <t>b'\xfcz\xf0(73Z|q\x15\x91\x92\xedI\x86\xe5A&amp;\xd8\xcaB!\xdf2?\x99\x8e\xe1gK{f'</t>
  </si>
  <si>
    <t>b'\xc7\x985\x17(\xb4\x827C\xe5\x07\xd8Z\x10\xa16\xdb\xb5\xec\x84\x94\xda\xfegn~\x0b_\xb0\xb4\xec\x94'</t>
  </si>
  <si>
    <t>b'\xf8\x10\xf4ki\xcd\xcd\xdd\xe0\x90bVV\xc0\x89\x97\xe4\xfa\x87N\xa9\xc9h\xf6\xeaU?\xaf\x9fyE`'</t>
  </si>
  <si>
    <t>b'C\xa8\xde\x16\xf1\xfd\xeee3\xda)\xd3\x94F\x03\xea4\x83?\x84\x19M\xc7\xa1K\xba9\x00|\xc1\xd7\xd9'</t>
  </si>
  <si>
    <t>b'\xe9\x0c\x96?\xfd;D\x96\x0b\xba\xfa[\xe7\x84V\xce2\x93?S\xb8:\x1f\xf2o(\xb5\x13\x057\x94\xee'</t>
  </si>
  <si>
    <t>b'7\x94\xee@\x91\xd3\xf5\xffXK\xf8\th3v\x17\xd2\x86\xa9\x85\x842\xed\xb5\xb0\xac\x1f\x97?k\xec\x17'</t>
  </si>
  <si>
    <t>b'vx\xd0\x94ax\xbeb\x11y\x8a|T`\x956\x93\x82?5\x1b\xaeEa\x96\xcd\x8f\xc7 \xd8\xe4\x86'</t>
  </si>
  <si>
    <t>b'}F\xe8\x04\xcd\x8e\xeeN\xaa\x95\x08R~\x9e\x02\xe7_\x93q\x03X\xddt\xcc\x1f\x13Y\x16m\xf1\x0cC'</t>
  </si>
  <si>
    <t>b'K?,\x06\x90\x91&amp;\x1fY\x81\x03)\x1d\xc18O\x89\xc3\xaf\xd2\xbc\xd9\xbb\x05\x07\xeb\x8c\x1e\x14_r\x10'</t>
  </si>
  <si>
    <t>b'\xbe\xf5nN\xb0n\x97\x0b\xab\xbco\x03\xe3\x91\x8c\xa9\xd7\xeayH[C\trN\x13\x14=\xa7\xe5\xc6R'</t>
  </si>
  <si>
    <t>b'\x9c\x93\xc3\xae\x17v\xc78\xf8?\x10w=`\x8b\x92]3\x92\xb8\x9c$&amp;a\x93`\xb3\xf3\xa1\xab\x80\x87'</t>
  </si>
  <si>
    <t>b'\xca\x13)\xaa\xa2&lt;d\xb7_\x88X^\xb5\x1d&lt;7\xe8\x0ep\xb7\x1d\xc6\xe3\x978\xf4\xc9\x07\x1a\xa3\xa9\xf8'</t>
  </si>
  <si>
    <t>b'~\xeb\xf6\xd0\xed\xcc\xf1\xc1\xed\xc4\xde?Q\x12\x93\xa9\xcbFn\xc1vv&gt;\x0c\x0fW?O@\x81\x1ed'</t>
  </si>
  <si>
    <t>b'\xe9{u\xe1\x80C\x97\xe0\xba6\x01 \x8b\x7f\x8a\xc4#\x9fv\xdd\xee\xb1\xb9\xb9\xa0\xd9\xc8+)mtq'</t>
  </si>
  <si>
    <t>b';Y\xe6S\xd3\x92#h\xd4\x9c\xe8_0\x17\xdb\x00\xc4\x1d\x1c\xado\x8b\xa4)\x1cd\x0e\x82~\x1c\x8e2'</t>
  </si>
  <si>
    <t>b'\x92\x80\xc0\xf6\xb2\xa4\xe4\xeb{\xfa\nP\x08c\x96\xdbX"\xd0\x91\x0f\xa2\xd5,\xe9E\xb4\x17=@s\xec'</t>
  </si>
  <si>
    <t>b'\x0ff\x04E*\x9a$\x8c+\xa8\xa0\x0f\xfbT\xe6\x02\xef?\x0e-C\xbf1g\xd0\xed;\xd7\x14{\xac\xca'</t>
  </si>
  <si>
    <t>b'\x85nT\x93\x93FN\x03$n\xdbs&amp;\xf0:\x0f\x0elV\xe0\xbe^\xa1p\x89\xc8\x0c\xd1\xaaL_Y'</t>
  </si>
  <si>
    <t>b'\xe3\x14\xb8\xac\x19\xb4\xb3\x87\xc8x\xa1\xcf\x18;jo\xc4\xae\xe8\x9cH\xee\xe2\x05\xcc\xc2\x89\xf4l\xb4]\xf7'</t>
  </si>
  <si>
    <t>b"\xf0\x8f\x96\xe8fB\x80&gt;\xf1\xdb\x18\xa0IP\xbd\x1c\x9f\x02\x85C'\xe40\xb6\x10Q\xb6\x9fN\x02\x95\x8a"</t>
  </si>
  <si>
    <t>b"K\x17m\x0fY\xd5\xd7\xca\xfd\xfa',\x03\xc2&amp;\x92\xfe\x1c&lt;\x9e$\xe4\xbe\xa4\x8f{\xfb(\xa8\x97\xfb~"</t>
  </si>
  <si>
    <t>b'p\x1b8\xe4\x99m\xdb=b\xf8\xa9\xfc\n\tjg1\xdd\x89\xd9\xa4\xc7*T\x81d\x81\x81\x17\xbf\t\x07'</t>
  </si>
  <si>
    <t>b'\xc4\xb8\xedW0\xa2\xe2\xc7\x98\xde#\x158\x7fx\xf3\\\x17\x7fF\xf4$+\x8c\x90[\\\x95\xdf\xba\x197'</t>
  </si>
  <si>
    <t>b'"\xafY\xcaJl)\x13\x14\x936\xdd\x9f\xf7\x12/\xb0\x1a\x04\xa1\x01\xc3\x8dt\xf7QK0zr\x14J'</t>
  </si>
  <si>
    <t>b'\xf5\x97\x97n\x1e\x0f\xb1g\x1dn\xfdl\xf7\x8e\xf8\xbe\xba\x8f&lt;n\xda3\xb4yv\x04z5\x05\x13\x84\xe2'</t>
  </si>
  <si>
    <t>b"\xc6[^\xea\xff\xa3\x84\x83\xaf\x7fiFJ\x95\xa1^d\x18\xf0:B'&gt;\xf7\x08\x89\xcb\xa2\x02C\xe4-"</t>
  </si>
  <si>
    <t>b'\xd9\x02\'\xb6\x9d\xd4n."G\x8e\x07d \x98\xd9\xd4M\xcb\xa3\xa8\x97\xd4Q\xfb%JK\x0b@\xc3\xbd'</t>
  </si>
  <si>
    <t>b'\xd6\rcpO\xf4\x89W\x10\x15M\xd18v\xc8K\xaa\x1fd\x97\x88B\xd4r\'"\xd6\xd3\x1eRO\x04'</t>
  </si>
  <si>
    <t>b'0+rp\xf5\xd2/\x91\x1ew\xea:\xa2p\x15\xcc^\x80\xfd5\xb62&gt;\xff&amp;\xe5R0\x1d\xbb\t*'</t>
  </si>
  <si>
    <t>b"t-\x8f\x0b\xea'\xac_\xee6\x13\xe2\xa8\xca\xe7'}\x13\x19\xa6\x91\xfc\xefo4EM\xa8\xab\xb3\xfe\xe2"</t>
  </si>
  <si>
    <t>b"\x91\xb1\xc7&amp;^r\x89\xcf\x9f\xa4$@\xf4\x89n{\xd2\xf1\xd7\x13'\xae\xd5\t:\xddeN3}\xd2\x1f"</t>
  </si>
  <si>
    <t>b'\xd3\xe8J8\x964\xe4\xc2\x08{\xd0\xe9C\x96\xfcL\xa6\xfb\xaf\xdb\xa1\xda\xe6\xf2\x96t\x99H\x1f"F\xe6'</t>
  </si>
  <si>
    <t>b'\x18s\x95o\xc3E\x8c\x1ci\x80\x91\xad\x1e\xd1\x8f\x05\xf2\x9b\x0c\xf8"\xa3L\xd7\x95vD\xe8\xa0\xfb\x94\xae'</t>
  </si>
  <si>
    <t>b'\x0c\xf9\xd3\x05\x85\xf5\x17s\x8bA&lt;\xdd2\xe6|-,\xd8\xc8\x1a\xa5"\x0b\xd3\x9e\x82\xa1\x82m\x19&lt;\xfc'</t>
  </si>
  <si>
    <t>b'~\xf8\x16\xbc\xb7\xa7\x8e\xf3\x03\xcb9hFdV\x8ae*\x82\x19Q\xc9\x02\xc8\xb7\xd5\xc1\x9e\x12\xed\xcdD'</t>
  </si>
  <si>
    <t>b'\xca\x1e\xb8Z\xcf\xf29E\x05mA\xa8\xad/rv\x02\xe6\x0b\xe3\xa9\xf0\xf9\xf6c%\xd1\xc9\x18\xe3\xa9s'</t>
  </si>
  <si>
    <t>b'^7\xcc3\xfc\x13\xac\x85\x1fy\x9b\xdf\xdc\xda\x84\xcd%\xda\x01@\x96\x10A\x99\x04D\xc3\n\x0c\x0b{\x94'</t>
  </si>
  <si>
    <t>b'v\xe3A\xf3~0\tx\x9a\xcb\x1f\x1f\x8d\xdc\xe2\xac\xe53\x1a\x98t\xfe\x0cO(\x88\x83\xf7\x06\xef\x0cK'</t>
  </si>
  <si>
    <t>b"\r-\xc2z\xfbz'\x8f\x84~\xce\rk\xa1V/a\x9d\xeeK\x10\xeb\xf1\x86yO\xf9\xfbbh\x1ba"</t>
  </si>
  <si>
    <t>b'\xed*\n\t\x1a\xad\xb2\xfa\x90\x16\x9c\xe8\x80\x967\x89d\x18\x182\xf0\xe0\xb5:\x19\xacHIW \xbb\xa4'</t>
  </si>
  <si>
    <t>b'\x9e\xa9\xac\x16\x18v%\xbeC:\xbe\xff\x16\xaa\xef&amp;\x9b\xada\x7f\r\xf8\xd7\x9b9\xca\xdf\x1e\xbf\xe9\xef8'</t>
  </si>
  <si>
    <t>b'\x02\xf9v\x80\x17\x12\xd8@Xs\x15?T\x86zm"\xeb&lt;\xb4JG\x8e\x9fR\xfeP*s?\xa4\x1e'</t>
  </si>
  <si>
    <t>b'\x13\x95R\xbe\x89\xc0\xfd\x85UX{\x88\xde\xbe+\x9e\xdfi&gt;\xf1\xf0#\x0e\xed!\x07/\xec\x18G\xe5\x12'</t>
  </si>
  <si>
    <t>b'\x0b/\xae\xb9\xb3\xa5x&amp;\xe75\xdc\x9b\x8bg\x01\xd1\xf03F\x08\xacH\x06\xd3\xe1\xb4\xdb\xfc\xcb\xc7\xa3\x9f'</t>
  </si>
  <si>
    <t>b'\xca\xaf\xce\x12\xb8\xc0cO\xe3\tI\xabK\x00]7\x00\x01\x84\rI\xce+\xac\xb4\xcd\x011\xaa\xbbk\xe5'</t>
  </si>
  <si>
    <t>b'F\xbd\xde\xb3+#\xea\x9d:~\xbbL?K\x8c\xe5v\x7f5]\xee\x93\x0bi&lt;f\xe1\xf0\xf7\x8a\x1b\x1d'</t>
  </si>
  <si>
    <t>b'\xd4}\x9f\xed\xe8 \xfd\x84`|qKy\xd8vb6\x18&lt;\x1b\x0c\\Y\x9cz\x99Wy\xc1\xbb\t\xb0'</t>
  </si>
  <si>
    <t>b'~\xc9\x9e\x0fY\xc8\xe8\x99\x1dA\xcfy\x0c\xa0\x1c\xd3\xb0\x85\xd2\x1fhBpTP\xd1\x0bG\xc7\xa893'</t>
  </si>
  <si>
    <t>b'\xad0\x8e\xe4;\xd6-\xa5\x07n\xa4\xa4\xebDV\x97\r\xc3\x05\x1fA0m\x1eHD\xa1\x82\xd6\xd1\x81\xaf'</t>
  </si>
  <si>
    <t>b'\xb7\x06\xf8!\\\xb4I\x0e\r\xe5\xa3\x81$\xed`\x0cp\x1e\xc5Z\xd2\x99\x18FM\xbe&lt;\x05\xe6\xb8D\x12'</t>
  </si>
  <si>
    <t>b'\xf2m\xe0F\xed\xc0\xe2\xe5\xee\xfb\xed\x0f=\x86\xddp\x01\x06\xfa\xfe\xc5\x13\xa8\xc70\xea\xc7\xf3\xd0o\xa9\x03'</t>
  </si>
  <si>
    <t>b'\\\x9f\x8d\xd1\x06\xca\xb7U\x83\x00\xf1\x0f\x81\x8d\xe9\x85\xa4\xff\x11\x94Qa\xb3\thL \xd2IMA\xd2'</t>
  </si>
  <si>
    <t>b'\xd4c\xa4\x85\xcc\xb1\xc8\xfa\xcd\x91t`zJP\xfc\x1aC\xf4\xb6"&gt;,I\xbd\xad\\\x90\x9dW!\x89'</t>
  </si>
  <si>
    <t>b'\xddM\xa83w\x8c\xd0n\xb3\x1f\xb4\x90\xc2;\xbd6(\xbda\x83\xa3\xf0K\xfc\xd7d\t\x9e:\xdf\x0f"'</t>
  </si>
  <si>
    <t>b'."\xe1T\xd6!\xa7`\xa0\xc6x\x96\x84\x9b\xeaG\xf2.\x98\x1e\x15\x1c"\xe9\t\xdb\xc9\x0f\x07X\n\xf1'</t>
  </si>
  <si>
    <t>b'\xa1[\x02\x0f2m\x048\x0f\x7f\xdf\xc8\xf9[\xde\x9c\xa5\xa01\xb3\xfc\xdf5\xaa\xa3\xb0uD\xd0\x1c\xbf}'</t>
  </si>
  <si>
    <t>b"\xf3F\xf0\\a\xea\xee\x90h\x02H\xa4=d\x14\x15\x9d\x80\xa4\x17eq\x17\xffk\xffg'\xd0\x1e\xa7\xd6"</t>
  </si>
  <si>
    <t>b'g\x9c\x01\x05\xab\xd5\xa4\xc1\xd0\xda\xaf=^\xb1\xfe\xff\x9dH\xb5;,\xaf\x92\xa8\x06C\xe7\xd5\xa6\x14p\x18'</t>
  </si>
  <si>
    <t>b']\\R$\x1d\xbc\xe0}S\xc2e!\x82J\x81g\x84\x97\x83$\xd2\xa9\xf4\xe8a\x0c\x16\xd1r/qa'</t>
  </si>
  <si>
    <t>b'\x96SXf2\xf0tz\x10\x8f\x86\x04|\x98\x9fYT\xca\xcexk\xe4\xd8zi\xc6\xbf\xcc\xd5\x137\x7f'</t>
  </si>
  <si>
    <t>b'\xe6\xf5%\xbf\xe2\x8d]w\x01\xe2@\xe3\x8bV\x83t\xd8\xc8\xeeR\x8f\x08&gt;\xe0\xadK\xcb\x8c\x1c\xf5p\x7f'</t>
  </si>
  <si>
    <t>b'\x0fA\xa5\xe7tm\x9fO\xecHT\x1b\x07\x8f\x8b\x88\x9f\xffX\xbe\xed\x1c"\xbb\x92QM\xd9\xb2F\xf81'</t>
  </si>
  <si>
    <t>b'\xedB\xba_\xd8\x90\xc3g\x1f\xf6\x9e\x1b1\xfc\xc9\xc4S\x8b\xe9\x05\xad\x83}\xea[\xb1\xba\x03\xa8\xb0\xf5\x11'</t>
  </si>
  <si>
    <t>962xx</t>
  </si>
  <si>
    <t>b'\xfeTY\x1bX\xc1)\xbf\xe0\xc9\xac\x0c\x95[7h\xc3J\xc3\xe4\xf2a\xa8]:\xb2\xf0\xd7\xe9\xf5\xa9\xfa'</t>
  </si>
  <si>
    <t>b'\x7f\x1f\xf0\xa5\x03\r\x854&gt;\x90mt\x06\xb5A\xb0\x99,\xd1\x98C\xab\x9d7i\x9b\x8c@\x8bz[\x86'</t>
  </si>
  <si>
    <t>b'&amp;\xe9\x84-6\xad\xcd\xffkdU0\xd1\x98\xf7H\xc6\x9fz\x1d\xb0TfM\n\x92\x15\x85\xa6\x18\x85u'</t>
  </si>
  <si>
    <t>b'0\xd2xx\xa8\xd9?\x02\xa5L\xec9\xeb\x13\x1a\x9b\xfbn\xc4V\x85\xae=3\x08\xd6q\\)\xc3\xed\xe7'</t>
  </si>
  <si>
    <t>b'\x08\xce/\xbbi\x04i\x7f]\x16!1d\xb0\xda\x9a\x02\xffjn\x8fO\x15z\xf5\x85b\x00\xd6\xf3I.'</t>
  </si>
  <si>
    <t>b'\xe5\xa4\x0cg\x88\x84gm\x0b\xce1K,\xb1\xc8\x83\xd3!2\xbc\xc7-`\x1f\xc41\xcdc\xb9\xbb\xba\x8f'</t>
  </si>
  <si>
    <t>b'\xb1\xb7\xa6^\x18\xeb\xbaWzGN\xd1\x9a\xab\xb18\x8c\xc4\x9a\xbe\xcc\x06\xba\x10\x03Z5\xb3\xdfX\x90)'</t>
  </si>
  <si>
    <t>b'\xb7\xb7O\x0b\x98:\xdb\xb84\xc4\x10\xcd|\xf7U\xccJ\x03\xfc\xd7\xd1\xf4{T\xef\xf8l\x00\x16\x0f\x15\x0c'</t>
  </si>
  <si>
    <t>b'=\xfcv:c"\n.\xaf\x1fs \xa5\xdf\x0e\xde0\x02\x1e\xea0;\x99o\xfdfH\x96\xb3\xff\x86h'</t>
  </si>
  <si>
    <t>b'\xa2\xbeh\x1d\xb4\rlN\x90\t \xbcqg\xf9s\x82\xe4\xae\x89o\xe2\xcaJ\xd5S\xe55\x10\x9e\x97\x1b'</t>
  </si>
  <si>
    <t>b'\t\x8d\xca\xa7V\xe4Fw\xb9\x18`\x07\x11\xd0\x05\xa0x\x8f\xd3E\x99O78%\xd8\xb8G\xf9L*\xa1'</t>
  </si>
  <si>
    <t>b'\xbaD\n\x9f\xa8\xfeN\xc3B\xf2\xe8\xc4@\xcbq\xdd\xd2:Fx\xb8E\n\xd2\xcf\x81q%Io!\xde'</t>
  </si>
  <si>
    <t>b'\xc0*&gt;2\x10\xe1\x19j[wari\x14\xa7Gj\xfb\xa4\xaaC\xdf\xf8PB}p-)wek'</t>
  </si>
  <si>
    <t>b'\xa9\x04\x11\xd3\x8e\x84hwE\xc0\xc4-\xd8\x81q\x9bP[\r8\x18Q\x1d\xe7\xf38f\x1c\xdd\xc3Q"'</t>
  </si>
  <si>
    <t>b'\xee\xd7\xcd\xda\x92\xae\xd9\xf2\x1b\xf0\xc7\x9c\x93\x95m&lt;\xc6!\x13X`ah7\xe8!*\x932\xc9\xd8]'</t>
  </si>
  <si>
    <t>b'\xa8[\xc1\x8c]\x7f\xc3\x0fL\xdc\xb1\x87h\xbd\xc3RE\x19\x0cg\xef\x9e\x9b\x08\x84\x86p\x93\xeb&gt;\x02L'</t>
  </si>
  <si>
    <t>b'\x86y-\x8e[\x95\x12~\xae\x9c1h\xc9\x87\xb8\xab.\n\xdf\x8d\x8d\xe4\xd2[a\xdf\x87V\xef\xb4\xe7\x80'</t>
  </si>
  <si>
    <t>b'd\xf6K/\xb6\xeb\xe7\xecxHVi\x836Av\x04\xf9\x07&amp;\x94\xb8\x91"\xf2\xbc?\x0b\x1c]\xd4\xf5'</t>
  </si>
  <si>
    <t>b'}\xe3\xd9E7r\xf6\x10\xef\x08\x9f\xfb\xca\xe6\x82\xc4K\xdd"\xed\x9e\\\xae\xb4\xf4Y\x9d\xd1hVx\x05'</t>
  </si>
  <si>
    <t>b'\xdf\x81\xac\xa6\xcc\xafups\x04\x83\x82\xd2\x18;\xa9\x9e\xed\xa1"\x8f\x97\x82X\xb1\xcf\x1b\xef\x99\x94\xe5\x94'</t>
  </si>
  <si>
    <t>b"E&gt;\xb6\xe2H1\xf4s6\x84\x0f8f\xa4GR\x8d\x08\x80\xe1\xe5 [\x0b'`]\xe7\xc5z\xb8A"</t>
  </si>
  <si>
    <t>b's\x8cF\xf1\xe9\x96\x07\xc6E\x9e\xceJ\xa5\x9b\x87\xc7\xcd9c\xc9.\x16\xab}\x01\x83\xfd\xf7%\xa4\xe5\x08'</t>
  </si>
  <si>
    <t>b'!\xd1\xb9\xd78.y\xd2\xf8\xb8\xbdL\xdcz\x8d9l\xc1N8t\xd8\xa8\x14\xaes\x7ff\xcb\xbf\xad\x93'</t>
  </si>
  <si>
    <t>b'\x1c9\xfd\x95\xd2l\n\x01\x89\x7f)\xde&gt;}\xce\x9e\xfd3\xfb\xb0\xce\xe4f\xc9\xb9\xb2I\x14\x86X\xca\xe0'</t>
  </si>
  <si>
    <t>b'\xdc\xfd\xeb\x1a-n\x99\xc5\x15\r.\xac\x9f\xae\xc4o\xa0Rx\xfa\xcc\xa9QzV\xd89\x1f\x86\n&amp;\xad'</t>
  </si>
  <si>
    <t>b'\t\xda\x16&lt;&amp;\xf7\xe1X\xb1\x89g\xdb\xe5k\xdc-\xd7\x9a\xf8_\x9aH\xe0h\x9a\xa6\x8c\x1a\x95\x1c[\xdf'</t>
  </si>
  <si>
    <t>b'4\xecF\xbe\xca\x10\xc7\x03e\xf5u1W,p\xf6\xc7P\x9e\x80\x8c\xbc\xa7\xd2p\xe5A\xac\xd1n\t\x10'</t>
  </si>
  <si>
    <t>b'Fk\xef\xc9\x17\xc9\xce\x12\xf9\xe0\xc8\xb0\xb3\xd6c\xcf@@\\A\x98d\xe3\x03v\xfe\xedx\xc2\rB\xd1'</t>
  </si>
  <si>
    <t>b'nlx\x119s7~6\x8a\xd4k\xe1\xac)\x89\xd8\xf0\x13\xb6\xd0\xcb\xb2\xcct\x8b2\xc5w\xb3\x9fy'</t>
  </si>
  <si>
    <t>b"\xa2-\x81\x9b\xd4\x90\x90\x8bx\xca\x06U\xd5\x89Y\xc2\x10\xfc\x86)\x86\x91\xaae\xeb\xa7y'3\xd8c\xd0"</t>
  </si>
  <si>
    <t>b'\xeb\xd2\xe8;"\xf3\x08\x9e\x90\xc4\x88K\rrv\xd3\x07c\x14\xd2\xb4\xae\x87\x16\xadr\xce\x13\x12\x13\x94E'</t>
  </si>
  <si>
    <t>b'\x9e3"\xb7\xf1\x04\xd8\x02\xaa5\xce\xb6\xba\xb7\xaf&amp;\x05\xb3k\nE\xd5*\xc5-\xa3\xfcb\x9d\xa2\x15v'</t>
  </si>
  <si>
    <t>b'-\r"\xdc\x8a:\xcd\xf4w\xb1\x8f?p\xb4\xa8\xe6\x10\xec\x0e\xd6\xfc\x15%53(\xd9\x8ad\xbe\x90['</t>
  </si>
  <si>
    <t>b'\xfd63\xd7.\x1f\xf5z\xb6[\x9dJX\xe2\\&amp;\xd8\x1e\xa8\xc2\xe7v\xc3\xe6b\xfe\xda\x9f%O\xf6K'</t>
  </si>
  <si>
    <t>b'\xa1o\xd9\xf6%\x99\x17\x1bIu\xce\x83\x9aWg\xca\x08\xfa\x06\xed\xccB\xadD=\xd8m;\x9f\xe7\xd8\\'</t>
  </si>
  <si>
    <t>b'E\xe3\xc3\xa8\t\xabg\xe8\xcd\x95\r\xb8.\xd4\xbe6\xd4y\xebz\x1efcF\xeey\xb5\xa3Q=)\x0f'</t>
  </si>
  <si>
    <t>b"\xc7\xa9\xc6\xf3K\xca\x00\xc52 yO\xd7\x0bB\xc6\xf8\x8a\xd7'\xa0jM*T{\x15\xbd2\x12\xcf\xe6"</t>
  </si>
  <si>
    <t>b'\x880\x83\x81\x90\x16\x1e,\x9e\xd6;\xd4\xd4)\xf1\xa3d\x07\xbaaz\xa2}\x16\x81\xe8\xa3&lt;\xads\xe8\r'</t>
  </si>
  <si>
    <t>b'@;1\x11\x9e\x8b\xfa\x15\xaeH.\xa8\xb7\xa4\x85\xd6U\xe3\xfd\x0bV-\xaa\xe8\x12\xf5b]^#\xe3\xb3'</t>
  </si>
  <si>
    <t>b"D\xe0\xae\xfa)i\x98\\\xc4\xdc\xe7m.@\xd9\x8b\x04\xa4h'\x0c\xcb\x12L\xeb45\x85\xa9\xd4\xa9\xd0"</t>
  </si>
  <si>
    <t>b'\x808/\xa0\xe8\'j\xf4\xe1\xa6\t\xbd\xcd\xd1\xb4\n1\x13\xa01`\x15"\x998g-\xe9+\xffQ\xc3'</t>
  </si>
  <si>
    <t>b'h\xfe\xed\xd5\xab\xcftio\xe7\xcb\xc3\x02;\x9a\x12\x17\xa1\x82\xb9\x9a]\x0f\xbc\xbf\xe2h\xd5\xdcUt\x98'</t>
  </si>
  <si>
    <t>b"ri\x16\x07\x8bL\xcd'\xe0\xf7\x9b,\x0c\xaez\xdd\x83?*3\xc5\x80\xc4Wo|\x1c\xdf\xcd5\xf5\xd5"</t>
  </si>
  <si>
    <t>b'v\xed\x9f\xf2\x8d\xec\x156\xe2\x9e \xa3u\x83\xe3\xc2:\xb4\xad\xc1\x89\xb6S"\x1e\xe6E\xd5Z\x9f\xf63'</t>
  </si>
  <si>
    <t>b']\x8f6O)FhD\x10\x8a\xe8l\xb7l\xc9\x9a\xdf\x89u\xda\xd3B\x07k\x8d\x02\xdf\xb1\x96\xe5\xf5?'</t>
  </si>
  <si>
    <t>b'\x14d\xce\x8a\x9e\x8b\x05r\xef\x96\xaa\xdd\x15\xce\xdd\x02\xf1\x13\xeem\xfee\xcdO\xd5\xcb[\xe2\x04\x04\xe8\xb1'</t>
  </si>
  <si>
    <t>b'+\xce\x81\x16\xfd\xf9\x1b\xe9\xe3\xe1\x9b\xa6Y\xbb\x1d\xe7\x9d\xc9\xe1\xb0\xb7\xc8$\xbb\xc7\x83\x82j-o7\xc6'</t>
  </si>
  <si>
    <t>b'/!\x96]\x1c\xd6\xaf\xa2\x13G\\^\x97\x12\xcdb\xee6\x81\xa9\xc4\x87l\xa5\x00\n6^L\xa7LA'</t>
  </si>
  <si>
    <t>b'u\xde=\x01\xe5\xca\xa4J\x9b&gt;\x90\xa4\xdd\xa1\xc0\x0c\x0b\x15?j\x88\x0e\x1bT}R\xeb\x85\xae\xab\x1c\x04'</t>
  </si>
  <si>
    <t>b'8\xa3\r\xd5\x10\xe1G\xc4:W\xc6B\xfa\xe9 @\xaf\xa1\x9c\xdb\xc1\xbd\x81\xb8\xd7:q\xe5\xf4\xa2t\x05'</t>
  </si>
  <si>
    <t>b'\xe8\x9b\xad#q\xfdD\x1bX\x8d\xb8\x9b\x13@L\xfe\x05w\x00T\xf0\xaeM\xf55\xd2\x80/\xc8\xcc\xb2\xa0'</t>
  </si>
  <si>
    <t>b'\'7\xcf\xb5\x94\xdc\x85\x07T\xa4\xddyr\x0co[\x0cC|\xbf[\xf7U(j\xa1"\xb5\xaf}\xb51'</t>
  </si>
  <si>
    <t>b'\x14\xdb\xb0\x8c{m\x00T\xd0*\x8f\xec\x83\x9dc\xa7\x1cM\x19f\xa3\x0c\xbfPY\xb6\x18\x90\xdaR#\xc4'</t>
  </si>
  <si>
    <t>b'\xbb\xb5\x8a\x9a8\x16\xdb\x12\xeb\xb5\xbe\xf3\xc6D5-\xbc\xcerg\xd7\x9f\xfe\xe8\xc6a[\x13-\x88r&gt;'</t>
  </si>
  <si>
    <t>b'\x08\x0f\x98\x81\xe3r\x1f\xe1}\xa2x\xf9\xdbHS\xa7\xe5-\xa5\x92&lt;\xb1\xc89\x08\xc9\xa0\xf5\xe5\xaa\xc7l'</t>
  </si>
  <si>
    <t>b'TR\xa9oH\xad\xa9\xe2n\xca)$M\xf5\x02\xdc-\x0f\xcc\xf01\xfe&gt;*G\xbd\xc8\xceEV\xd9\x17'</t>
  </si>
  <si>
    <t>b'\\}\xaf\xf6\xf1\xc2\x89\x9c2#u\xf5yX\x96\x13\xd3\xe0\xa9\xf3\xb7\xa0\xcb\x04\xc8b\xa7a\xfc\x0cs\x06'</t>
  </si>
  <si>
    <t>b'{\x97\xe1C\x04Z5\x91\xfc\x00\x01cRWt\x9e\xfb \x95\xebN\xba\xef\x8b\xbaz\x15\xaca$%\xc0'</t>
  </si>
  <si>
    <t>b'\xa5\x1aA\x1b\xbf\xb5i\xb0\xa6VZ\x0e?n\xf2\x00\x11\xacmh\x9c\xd1\xaaL\x03\x8d\x05\xd9{\xadQ\xab'</t>
  </si>
  <si>
    <t>b'\x91\x0b\xbe\xfb\x0e\x81Q\xee=H\xc1\xe1\xf7\xe9\x99\x1ed\x90\xf9\x93\xca\xd3\xe4\xdcTO\xc5\xe3\xa6\xd4Wh'</t>
  </si>
  <si>
    <t>b'&gt;\x04\x83\xe6H\xb2\x95\xd2\x81A\x08[\x8c,}&lt;\x80\x95\xfes+\xe0\x1d\x9e\xf2\xf3\x82\xeeJ\x16\nB'</t>
  </si>
  <si>
    <t>b'A3\xfei\xf3\x16\x05\xb1\xa9?\xca\xa1=\x13\xab\xa8d\xd7\xccf\xc2\xaa\xf97O\x0c(x\x18\x1e\xf7\x99'</t>
  </si>
  <si>
    <t>b's\xa7]\xeb\x19\x02\x85$\xa3&amp;\x9a\xb5Z\xab\x14RUIk&lt;\xe0\xa2\x14;7\x98e\xb5\xb4\xa5\xa7r'</t>
  </si>
  <si>
    <t>b'\x1d`\xeb&lt;E\xa6M{\x01Hu\xef\xffk\x86T\xf1\xce\xc8\x00g\xd2\xa1\x05-\xa2(\xfa.\x07\xe7\x0b'</t>
  </si>
  <si>
    <t>b'\xda\xc6F\xdcM?1\x08\x1e\xedFX\x95\xe9B\xf2[g6\x9a\xe3,\x8c\xa5\xc5\x8a;\x1c@\x9blm'</t>
  </si>
  <si>
    <t>b'I\x01Qq\xca\x7f\x7f\xa5\xb1\xf6\xa3\xc8\x93\xd3\xfc\xa9\xa8\xd8&amp;\xcf\x0f0\xab\xc4nb\xf3\x94\xaf\xa75?'</t>
  </si>
  <si>
    <t>b'3\x86\x16\xbc\x17\x11do\xca\x17F\xf3\x07XF\x0cr\xf6[U\xcaz\xe5uh\x9c\xfc\xc31\xea\x9b\xb6'</t>
  </si>
  <si>
    <t>b'\x8b\xd9\x85\x0cMK5\xdam\x1b\xeb)\xf7\xab\xde\xea#k\xfb,E\xe0wt\x087;\x83\xdc\x1d\xd6\x8f'</t>
  </si>
  <si>
    <t>b'\x11T\x8a\xfc\x93Q\xe4\xc3\xf3\xaa/\x9a-K\xad\xdcG\xb7\xd3\x10\x88\xb8\x9e\xdb\xbe\x1a\xf9\xc2\x08\xa3\xb8\n'</t>
  </si>
  <si>
    <t>b'\xc5$&lt;\xf2\x1e\x14(\x94&gt;L\xf4,\x84 \xad\x95I&gt;\xd9.\xf3%\xe7\xeelp\x82)@a\x8d\x06'</t>
  </si>
  <si>
    <t>b'f\xf7\xf7\xf3\xfa\x13+\xbaIU\xc2/\xf3\xe0HM\xa0\xef\x90\x84C\xac\x04&lt;\x06\x15\xa2\x14\xf9\x88a\xc3'</t>
  </si>
  <si>
    <t>b'-\xe4&amp;(\xf9F+[\x89\x9a\xb7Le\xcfD\xba\xbfT\x1c2\x1aa\xfc)\xed;\xdb\xa1eZ&lt;Z'</t>
  </si>
  <si>
    <t>b'\x10\x08\x95\xbcI\xfd2\x8d\x89\xcbt3h\x0b`KY\\`\xa0\xc0ur\xcf\x85\xcb\x9b\xca\x83T\xda\xff'</t>
  </si>
  <si>
    <t>b'\x94\x9a\x8e7e\xeb\xae "2\x9f\xbc&gt;^\xa4&lt;\x86\xb1\xf9!!\xce\x18\x9c*\xdby\x94l\x8d0\x08'</t>
  </si>
  <si>
    <t>b'aQ6\x03\xef\x80~\xb5/&amp;M\x1c\x83\x97\x05\xb9\xc1M0\xc8\x1d\xe4\x14\xbe\xf8\xd2G\xa7\xf7\xa8\x82\x08'</t>
  </si>
  <si>
    <t>b'\xae\x0cm\xa9\xee\x02\x1ae\x12\x0c\xf0\xc2\xcc\xe5E\x85\x9e\xcd\xe2\n\x10k\x02\x83\x1a$\xa4K\xee\xba\x17$'</t>
  </si>
  <si>
    <t>b"\xe0\xc8\xf1b^}g'\xba\x8e\xf8\xb9@A5\x86\x95\xfd\xf9.|\xec\x1f\xa9\xa7\x1f 4&lt;s2\x0e"</t>
  </si>
  <si>
    <t>b'\xea\xf2XH\x89\xe5\xafk\x08:b\xca\xf5\xfe\x8d\xc0\xba/I\x0b`\xaaA\x85a\x18\xc4A|\x84\xfe@'</t>
  </si>
  <si>
    <t>b'\xb8q\x12\xc2\xba\x1a\x90\x1a&gt;*\x9a7\xab\x8eiE=sf\xbe&amp;\x85)\xcan&lt;^Z\x82\xc4d\xb1'</t>
  </si>
  <si>
    <t>b'j\xb4\x1e\x17\xefdD;\xe1\xec\xd2\xbd\xc7\xf3\x1dz\xfa\x97\x07\xae\xe7\x99j\xbaSq\x8ee\x80\xeda0'</t>
  </si>
  <si>
    <t>b'\xc9\x93\x8e;\xa8\xb9\xc03\xdf\xaa\\{\xb9\xbb\x1c;\xc5\xca56\xa8\xf6DJ\xadB\xc9\x90\x1f:\x81\xe6'</t>
  </si>
  <si>
    <t>b'\xcc\xe5E?\xb6j\xad\xa0\x97?\xad\xfe\xd0;\xee\xfa\xcb\x82\x9b{\tl{\x1a\xb8\xf0\xb8\xfcf\xa1\xb1p'</t>
  </si>
  <si>
    <t>b'u\x98Ql^R\n\x8aF&amp;\xf3\xb0jrC\x11H&lt;{\x08\xba^\xb8\xb5\x12\xec\x99\x84\x1a\xed\x17\x1c'</t>
  </si>
  <si>
    <t>b'c\xd3\xfe\x9d&gt;X\xaaZ\xc5-\xd1\xeee\x01\x8e\xab\xa8\xa6\x85.\x9c\x00Pf\x01FhU\xe09v\xcd'</t>
  </si>
  <si>
    <t>b"(\xe7i\xda\x9b\x06\xf7\x04\x0f\xbf\x9a\x8e\x18(\xe0\x96\xa7\xeeY~\xa0{\xe5\xfe?\xc2a\xcd\xfe\xc8'="</t>
  </si>
  <si>
    <t>b'\xba^\xf8\x8cr\xbc\xf4$\xcfd\xda\xf8\xc3\x81\x1a"`a&gt;\xb1\xe2\x02\x02s\xda\x85a}R\xb9FQ'</t>
  </si>
  <si>
    <t>b'tu[\xf5\x11O\x16HP\x07^f\xbf\x9c\xf9\xc5*\xf1f\x85\xa9l\xe8\xf8\x00\xb0\x15\xc1\xcd!\x05\xff'</t>
  </si>
  <si>
    <t>b'\xe7\x18\xa8\xa6\xc2\xd8\x90L\xc9k[\xd1(\xf1\xb7\xb8\xa8\xc0r8\xac\xe9\xa8\x0c\x16\x1d41\x11\xea$\x00'</t>
  </si>
  <si>
    <t>b'\xe1Ua94{\xe9\x9d\xcb\xce\x97&gt;\xd5\xd8?GnPz\xc4M(\x0e\xcd\xfb\xf1\xa5\xa2\x8f\xdfr='</t>
  </si>
  <si>
    <t>b'rRy\xf3\x04\x84\x91o\x06\xb3\xdd\x8a"4\x10 }c\xd7\x7fE\xc5\xe3*\x0c\xb9\xf0s\x1c\xe0CP'</t>
  </si>
  <si>
    <t>b"\n\xb1,S\xb2\xab\xa2s'\xefd9\xbc\x94/\xf0\xb0\x98\x1d\xcd\xfe\x93#\xb7v:\x08r\x10Vq\xae"</t>
  </si>
  <si>
    <t>b' \xb2&gt;\x19\x8f\xb8h\x80\xcaV\x06\xf9\xb5\x11\x9a]\xf1\xbc\x02\xea/\t\x8ak0eDA\xb2\xac\xc9\xac'</t>
  </si>
  <si>
    <t>311xx</t>
  </si>
  <si>
    <t>b"\x8b\xa3\x90\x05\xd3\xde\xc4Ow\xe2x\xe9]\xee\xcab\xb7\xe7\xa4\xc8\x05\xe7'R\xff\xb7\x8c\xa0\xf8\xe8\xf5j"</t>
  </si>
  <si>
    <t>b'@ \xc0\x8a\xe3\xa8\xe6\xf1\xc6\x12\xd9z\xd0\xbaC;\x9a\x0b\x88;\xf3%\x1a6\xf8\xed?x#\x84\x98\xf1'</t>
  </si>
  <si>
    <t>b'\x80\xc1\xb5\x17\x89\x0f\x19\xcb\xb5\x0b\x96\xf5\xc7e\xf0\x1a\xa7\x06\x92@u\x9b\xdd\x93\xf4\x02\xbfN\xa9\xdb\xe5t'</t>
  </si>
  <si>
    <t>b'\x89\xf3V\xd7I4\x17\xa8|E9\x89\x18\x1a\xda\xac\xa4e"Qkc\xaeE\xbft\xb6\x1e\xcf\xfaZ\xec'</t>
  </si>
  <si>
    <t>b'J\xe2\xb5\xbb\xd6\x06\x8d\xd5\x8a\xd1%\x1c\xb4\xe0\x01Q\x03I\xa4\xa8\xa9\x8a\xf2(@\xf9\xccl\x1e(A\xa7'</t>
  </si>
  <si>
    <t>b'\x9c\xa5\xdc\x10Sh\xcbL\x0f\xa5\\?\x08.?\t\x8cQ\xe0\xd6B\xa8\xe6\xe4\xa7G\xa7\xc4\xea\x91\xfaT'</t>
  </si>
  <si>
    <t>b'uk\xf0\xdf\x97\xf2\xf4\xa2\x90\xb7\xf1\xc59gF\xb1\x0c\xe4\x06\xbc\xd7O\x96\x0e\x0eE*\xae\xaeg\xdai'</t>
  </si>
  <si>
    <t>b'\xa0\x961\xa2&gt;\xbb\xe3k\xc8\x95\xf9\xa5\xa1N\xc5O\xb1\xe3\xce&amp;\xee\xefT_F\xea\x0b4\xf4v\x9b\x7f'</t>
  </si>
  <si>
    <t>b'\x07\xd5\xe9\x94$\x89\x85J_"\xabPZ\xf8\xdc\xa7\x91\xa3\xd1P\xdb\x1d\xd0!\x01\xb9\xeeW\xdegy\x9e'</t>
  </si>
  <si>
    <t>b'\xae\xb4\xd1\xda\xea\x02\x92\xd7b\x84$\x87\x1f\x1a\x0b2\xdbp\xdb\x1eU\x021o\x16s\\\xef\xb5v\xd6\x00'</t>
  </si>
  <si>
    <t>b'\xb7\xe0\xbd\xf8\x9f\xb8O\xb6E!hzA\r\xf1[ \xf9y0\xd0\xb0q\xd7\xfa@\xce\x17bG\xbaV'</t>
  </si>
  <si>
    <t>b'\xb8\x16L\xad\\\x15l\xcb\x8fV\xed!n\xf5sDk&amp;\xb3j\x1c\x00\x15\xa5b\x00\x19b_\xae\xa3)'</t>
  </si>
  <si>
    <t>b'\x05\xe2(\xc5\x9d\xd5_\xc9\x91\x19\xe33\xeb\xfb\xa0\x83w5\xd5\xae\xa8\xc6M\x11L\xbe-\x82\x93\xbc\n\x0c'</t>
  </si>
  <si>
    <t>b'\x93\xde\x8bE\x82\xdc\x06\x1a\xd9\xadOm\xc7J\x8btx\x88-\xb6\xf2~\xdb\xb6\x12\xc2\xea\x9e\x18C\xc51'</t>
  </si>
  <si>
    <t>b'\xbb\xac\xca\xe8-\xeae\x83\r\xf83k\xf7\xac\xbf\x95\x96\xfa^\x90\xc3%\xe4\xba\xc0\xa2\xeb\x0b\xff\x92O\x1d'</t>
  </si>
  <si>
    <t>b'\x1dgmJ\xc5#\xb7\x8b\xd9\x8c\x87+iX\x8d2BD\x8a$o\x9b\x82\xdb\xbc\xd8Kt\x8c\x91\xc3\xa8'</t>
  </si>
  <si>
    <t>b"\x84'\x95i-\xe5;\xe5 \xca_0g\xf4\xd7d\xdd\x08t\xdb\x85\xad8mC\xf95\x11\x88q\x02\xcc"</t>
  </si>
  <si>
    <t>b'\xc0\xc6r\xa5[#\xe54\x93~\xdf_\x08\x90eA\x08\xac%\x97\x075\x8a2\x92\xcd\x18\xe8\x8e1&lt;\xb5'</t>
  </si>
  <si>
    <t>b'\x0b\x17J\xe0\xec\xd4/j\xfe\xc5\x04\x0bS/\xa0\xb7\x8d\xee\xe2\xef\x05\xd1q\\I\x1eKc\xe6\xfc\xb3\xd0'</t>
  </si>
  <si>
    <t>b'G\xeaQ\xf6\xdd\xfd\xf3\xf9\xca\xb0\xb5\xdau@\xf0?\xf1\x08E\xe1.8\x81\x0c\x1d\x94+QNG\x14\xad'</t>
  </si>
  <si>
    <t>b'\xd4r\tjq\x13K^[OB\xf0Y\x8bpb\x9b\xc4\xb7K%8\x1f\xe2\x92\x8e\x1a\x0bn[\xad\x98'</t>
  </si>
  <si>
    <t>b"\n\x1a\x07\x18\ne'\xd0\x94.\xbc\xd8T\x05\x97el\x9euS\xb2}p\xe6\xe6!\xb9\xcb\xd7\x80\xdfz"</t>
  </si>
  <si>
    <t>b'\xfa\x93\xa4\x9c\xe1\xfbQ~\xcaq#Q\xf7\xdf\x15\xe5\xc5Q\x85\xb6\x9a%\xaa\xef\xe2vW\x82c\xeb\xee\xa2'</t>
  </si>
  <si>
    <t>b'g4\xd5\xc3\x98\x82\xc4~!?\xef \xa3=\x9bf\xa9N7a\x1aH5\xd7\xc9\x9bS\xf7m\xf0\xee\xcf'</t>
  </si>
  <si>
    <t>b'q\xfeE\xb1T,\x1a|6\xfc"\xad\'B\xf0\xb4n\xd8\xc8\xb9w\ti\x9dE@\xc4\x91k\xdb\xb7\x0b'</t>
  </si>
  <si>
    <t>b'\x88\x9c&lt;\xcb&gt;\xde\x11;\x9f\x94f\xe8\xfb@w\xa0\xc5\xc9\x9f\xdf0\xb9u\xfa\xbf\xfa5}qvp\xb0'</t>
  </si>
  <si>
    <t>b'\x81C\x92-\xcd\xc5\xf77\x8c\xa1\xa3\xe8\xbe\xbc\x96\xdd\xbb\x94\x03lxp\xc9]]$\x1c\xb2\xe5\x1e\x8a\n'</t>
  </si>
  <si>
    <t>b'\xb5\x8c^\xb5\xd4A\xd5[8Ju\x01\xc2\xf15\x87\x81]\xcc\xe5\xdc\xdaA\xf7\xa7\xd6\x08QY\x9cM&amp;'</t>
  </si>
  <si>
    <t>b'\xfb\xec\x96Y\xefK\xb8\xbc\x91\x11E\xd4\x89&amp;\xc5\xb6\xf3\xde1\xb32\x01\xefK7!\x08\\\x84}\xda\xb1'</t>
  </si>
  <si>
    <t>b'F)\xda%z\x8f\xfb\xa4\x15\xce\xd5!\xf7n\x05\xc7\x18\xcd\x906\xc2\xee\x97\xab\xb5u\xff\x8a\xb6Aa&lt;'</t>
  </si>
  <si>
    <t>b'\x1e\x00\rP\xd2\xbc\xf2\xbd\xb2\x92\x04M(\xcd\x0b\x16-B\x8e\xf5i\x0b\xa4_\xd5\t\xf1\xae\xe8\xf4\x0e\x80'</t>
  </si>
  <si>
    <t>b'\xaa\x1a\x08D*X(\x15PZ\xa8\x88\x1do\xef\x86b\xe5\xc7\xa4\xcb\xcb\xb9\xbf\x97]\x1b\x0e\xfe\xed\x18\xe2'</t>
  </si>
  <si>
    <t>b't:\xda\xe7\xbf\x00\xa0\\Y\xe0\x9e\xd2?\x86\xbd\xf2\xbf\x8b\x99\xae\x80\xf2\xbbT9d\xeef\xe0\x03\xba{'</t>
  </si>
  <si>
    <t>b"\xc0@\xd4TE\xd9\xa4\x14\xcc\x04\xcd\x88JccZ\xff\x8b.#\xc2\xfe\x05v'\x18\xf9\xc5a\rp\xfe"</t>
  </si>
  <si>
    <t>b'=~\xae\xb3\xe5&lt;K\xf3\x1d\x17KXbo\x03\xdf\xf5\xc3\x88\x1c\x9cy\xd9\xf7\x0f\x9cP$&gt;\xbb\x9f\xbb'</t>
  </si>
  <si>
    <t>b'\x08B\xb4cwIG\xd3\xf0\xc0\xd3\xda\x12:\xb7/|\x98e\xacx*cXAop\x12\xb6\xac\x94\xcd'</t>
  </si>
  <si>
    <t>b'\xac\xe9\x1fy\xab\x7f\x89P\x85\xe2\xb8\x9bL\xdcp*\xd4\x19\x03\xceb\xeb\xae\xf9\xfd~X\xbb\xf7\x19\xfaL'</t>
  </si>
  <si>
    <t>b'\xf2\x93k\x1e\x10\xd9\xe8}\xde\xf1t\x90{,\xae\xc6\x99\x8a0W\xfb\x9aRh\xa8\xb8\xc2C\x1d\xf8\xe6\xde'</t>
  </si>
  <si>
    <t>b'$\xe7N\xb8X\xae4\xaf!\xcf\xc7\xd5a\xc5\xe4\xb8}\x99\xf4TzADN_\xcaJA\xbeNZ\xfa'</t>
  </si>
  <si>
    <t>b'\xec\xe9s\x06\xc9\xd5\xfcq\\\xba\rQb*]\x91f\x84\xc6\xc9\x15\x01[\xff\x0c\xad0\xf3\xf3C\x1a\xdb'</t>
  </si>
  <si>
    <t>b'\xc2=\xcal\x1f\xbc\xef\x8e\xe3\x8d\x86rU\x97\xbd\x9b\xbfBn\xc9\\\xc1\x1b\x9aj\xf0E\xc9\xf7\xb5\xb0['</t>
  </si>
  <si>
    <t>b'\x91\x9c`\xac7\xbb\xd1_\xcf\xa1\xa0\xaeT\xc8\xb8\x950~*$@\xf6\x87\xb2\xdd\x98J\x0co\xbc9\x1b'</t>
  </si>
  <si>
    <t>b"\xac\xef\x8e\x11o\x16\x81\x9fnN\x99\x0c\xd5\xbe-\xd9'\xc0\x07\xdd\xf8\xe3\x8c\xba\xbfb\xc2\xcf\x8c\xd4\x1b\xf3"</t>
  </si>
  <si>
    <t>b',\x83\xca\x8f!\x99\xe6\xd86\xf9\x8b\n-)\xdb\xa1v\x97\xa2\xa8\xec\xee\xf3\x91\xc8\x0b]\x7f\x0e\xc8Q\xb9'</t>
  </si>
  <si>
    <t>b'\x90\xaa\xb3\xd0+\x04\x81\xfe\x874G\xecdAi\xc4\xfd\x14"\xc1\xbbb\xd7\xd36vAgn-\x18\xd3'</t>
  </si>
  <si>
    <t>b'J\xef\xeaH\xb8rU\x876k\x1dm$\xb3\x18\xd5\xcd\x88W\xb71$\xf1\xef\xae\xae\xb4[3U\xecv'</t>
  </si>
  <si>
    <t>b'\xbe{o,\xe0%9\x9e\xbc8\x96\x02\xad\x06\xea\xd8\xe8\xeb,j\xfe"&amp;R\xb1\xdf\xfe\xa8\xd0\x15\x0b\xea'</t>
  </si>
  <si>
    <t>b'\x06Z\xefJ\xee\x89\x1b\xd7\xdap&lt;1\xa5\x9d,\xfe\x8am\xec\xa2\x8eGqJ\x0f_\xbc/\xc2\x99P/'</t>
  </si>
  <si>
    <t>b'S\x90\xbe\xd2\xaf!\xc5\xa8\x13\xe7\x8b\xe8\x1dS6l\xd2]U\xe9\xc0\xaaGa\x1bN\x11\x04\x83{\x94Z'</t>
  </si>
  <si>
    <t>b"\x01\xae\xf2gL\rE\x9b\xc4\xc5\xa9\xc5\xa9o\x990\xe1\x17'\x92\xfe\xd5\x8bSu\xbc\x8b&lt;$\xea'\xcd"</t>
  </si>
  <si>
    <t>b'"\'ey\x1d\x1a\xbdt\xcc\xde\t)"\xd6\xf3+\xc9`zd\xb7\xa09\x88\x8a\xc0o\xf6\x082\x1fy'</t>
  </si>
  <si>
    <t>b'\xba\xb5\xf024\x90d\xdc\x92\xfc\xa8&lt;\x88\x90\x87\x8c\x11\xe9\x16\xbdZO\x1a9\xfb\xa7\n&lt;(\x97\x85\x9e'</t>
  </si>
  <si>
    <t>b"\xccd\x9a\xa2\xddZY\xc1\xbf~V9XM\x1d{@J\xd6c\xbdrY/'\xb2\x0fe\n\xf7^\x04"</t>
  </si>
  <si>
    <t>b'\x0b7\x8d?57\x1f\xad&amp;\x0b\xe3\rT\x8a\xd2EK\xef\x19\xa3\xbam\x1c{=\r\xd2\x01\xfcd\x92\xad'</t>
  </si>
  <si>
    <t>b"\xe4\xd5[\\L\xbf\x11\xe0r\xfak\xbb\xe1\x7f\xeb\xe1\xce\xd0o\xbea]\xfb\x94\x1c\xdf\x98\x1a)L\x88'"</t>
  </si>
  <si>
    <t>b'T\xfe\n\x07l\x1b\x8b\xb5\x14kbj0{~ \xec\x17\xc4v\x0c\tB\xa4\xde&gt;\x8d9/\xb0?\x8a'</t>
  </si>
  <si>
    <t>b'\x06\xd8\xf6FW\x89\xc1_;%{\xe3\xef\x9e\xfb\x07\xb75\x83z_P\xb5\x8bZ\x9f\x01\x0e\x02\xf8\xa9\xe2'</t>
  </si>
  <si>
    <t>b'?J\xae\x9b\x19W?gYX\xb9\xc9c\xe0}i\xb5\xf5\xe2\xd9w\x886\x7f\xab\xa6O\xaf\xef\xc2nt'</t>
  </si>
  <si>
    <t>b'5(\x97\xe1\x82-\xee\xf9y\xdc\x8c\n.\xce\xf8&amp;V\x86G7e\xdf@\xd6\x9b!\xef\xf6\xf8G\xdb\xc2'</t>
  </si>
  <si>
    <t>b'\xad\x19\x9c\x02\xfc&amp;\n\x1c\xc5\x1e\x0e$\r\xbe\xd1n=\x02\x82\xedz\x94\xfcT\xd0\x08\xa3\xe2])\xc7\t'</t>
  </si>
  <si>
    <t>b'[$"\xbc\x9ct\x93\xf2\xd6\xf8eU.B\xfc\x99\xc3\xe9\xb1\xa6$\xe8\x8a\t8\xe7\xbfM\n&lt;\xc8\xc0'</t>
  </si>
  <si>
    <t>b'9\xea[E\xb7:\x861\x10&gt;)\xb9A\x1c!O\xb8EKe\xfa\xa0\xdf\x9fSq\xc8\x91\x1f\ncJ'</t>
  </si>
  <si>
    <t>b'Cf\xba\xe2\xa7\n\x0c\xde\xb1N\xea\t\xf0\xb0\xf7\x16\x13\xfa\xc1\xa6E\x84[\x80\x19v`\xbb\xaf:K\xa3'</t>
  </si>
  <si>
    <t>b'\xbd\xa1H\xa3\xb7\xc0k\x15\xd9\x84=zL\x06\xd5\x98\xd3\xba\x8b\xff\xafL9D\x9c\x15\xea]`\x92z&lt;'</t>
  </si>
  <si>
    <t>b'\xeb\\\xde\xc7\x0c\x83S\x1a\xff\xe2\x95\xe8\xe2\x8a\x0f\xe56RM3\xca\x93=\x84\x95\xc0\xb6\x11\x8f\x94\x9cD'</t>
  </si>
  <si>
    <t>b'\x87\xb8xX\x9f\ny\xb2\xca$\xfd\xde\xa3\xe3\xcf\xc6l\xc7\xa2w\x8a{\x9e\xe6\\lz\xb2\x96\x81\xde#'</t>
  </si>
  <si>
    <t>b'J\xed\xb9\x10\\\x98\xaf\x8b\xac|\x8b\xe7\xee,w\xc4:\xa9\xdd=\xe1\xce4]\x9a\x12Pl\xdb\x8b0+'</t>
  </si>
  <si>
    <t>b"\x88\xcev&gt;v\x180\xaaN'\xad\x82;v\x03\xdd\xabO\xde\xab\xf8\xd7+\xa2\xa2\xa5\xa4\xfd|3*1"</t>
  </si>
  <si>
    <t>b"\x07\xc3\xd2b\x17\xd3&lt;\xa0'\xe5\xebO\x03\xfa1*\x1b\x82\xe8[\xd3k\xd5M\x85\xb0\r\xdd\xa9\xf2\xd1'"</t>
  </si>
  <si>
    <t>b'\x90\x99i\xcf\x17\xd9\x16I\x05\xa3eJ\x13#!\x15\xfb\xf76x\x1e*\x8f\xf5\x1d\x8c\xe7\xce\xaa\x179\\'</t>
  </si>
  <si>
    <t>b':\x9do\xdcz^d\x0f\xd4_X\x12\xbe\xa0Z\x84\xc2\xdb\xbe\xd0\\1\xeaTFxrY\xb6({_'</t>
  </si>
  <si>
    <t>b'\xc6\x0f\x01n3\xe6\x02\xf4\xfe\x07\x1e\x89x\xbc\xc7}y(\xe8L.E\xf8#\xa4\x85\xb2\x191\x06RX'</t>
  </si>
  <si>
    <t>b'\xae&amp;q\xd7\xa2\x18A\xeb\x8b\\y\xc7-\xae\x99Qn\xd2\xd3_\xe7%AHn\x8f\xf5\x0c\xea\xfb\x14\x18'</t>
  </si>
  <si>
    <t>b'Ki\x87\x8f\xb3\xdb\xf4\xd3\xdf\x92\xd3uES\xef\xbfz\xff\xb2\xd1\x11\xe0\x17H}o\x14&amp;\x9d\xf3\xf8\xac'</t>
  </si>
  <si>
    <t>b'\x89\xf8\xb4\xec\xcamjq\xd3\xc1\x19\xd4\x06s\x0e\x0f\x0eMU\x16\xc3\xc94&gt;\x16&lt;0j\xd4H\xf4b'</t>
  </si>
  <si>
    <t>b"M\xb1\x1dr\x14\xb7&amp;\xb1#\xd2\xbfX\xdb\x0f\xc1#\x1a\x18T\xdeQ#\xf3\xff\xa0\xef'\xa1L_\xf7q"</t>
  </si>
  <si>
    <t>b'\xc0\x89?:kN\xa7&gt;k%\xb8zt\xa2\x9d\nThLN\x1cP\xff(#\x89\xd7C0\xe7\xc9\xdd'</t>
  </si>
  <si>
    <t>b'\xba\x91\x87iz\x88\xe9\xd1\xb1\xd5\xc3\x8e,\x93\xecT&lt;\xe3h\xc2\xab\xcf\x87\x87\xef\xb6A1y\x9d\x05('</t>
  </si>
  <si>
    <t>b'T\xd9\xc1\x04y\x17\xc1xJ\xbc\x0fe\xcd\xd0\x8f\xfe\xab\xee\xac\x95\xf9\xd4\xb0\xc5u|\xe1\x17=\xceKZ'</t>
  </si>
  <si>
    <t>b'\xe13\xbe\x12\x9d\x17\x8fc;\x12(\xf9\xaa\x90|\xe9\x89\xa2\x8d=:\xd6%\x1c\x0fh\xa1\xb5t\xe0L\xce'</t>
  </si>
  <si>
    <t>b'\x8e\xb8sCxm\xfa\xfd\xee\x12&amp;+\xfd#C\x06\x9a3\x0cgi?\xd1\xeb.\x10\x9e\xcc\xd3\x92\x7fk'</t>
  </si>
  <si>
    <t>b'\xea\xf1\x17\xf76\xd7Wz\x9b{(\x12\x87\x19Y;\xa3\x87\xce\xbc}\x92\xb5\x82\xacG*\x87\xf3\xc8q\xe1'</t>
  </si>
  <si>
    <t>b'\x15\x8d\x17\x1ec^\x03p\x12\xb9\xa5:\xc8\xc2\xb2lFd\xeb\x1ew}\xf9\x83\x13\x8e\xa5&amp;F,#\x15'</t>
  </si>
  <si>
    <t>b'X\xae:z\x1cE5\x18\xa7\t\xa1*b\xb7\xf9~!\xed\xa4d\x7fg\xe0ZU\xb2RK\xd9\xb0\xd8\xe4'</t>
  </si>
  <si>
    <t>b'1\xfcN\xfd\x1df\xa2n\x14\xcd~\xbbl\xa2P\xa4\x12\xc3\\\x18\xad\xb2A\xaa\x1b\xc1!(\xf9\x83D5'</t>
  </si>
  <si>
    <t>b',\x95M&gt;\x9c5Y%\xacq\x17m\xa6\xdc\xe5]=b\xa5\xa5"(O\x04\x08\x85\xa9\x1d\x8bJ\x9b~'</t>
  </si>
  <si>
    <t>b"\xb9\xfek'\x9d \xc5\xe2\xd3`\xbf=\xc5iG+%\xf8\xd4Up\x7f\x94\xde%\x03\xd4Y\xd2\xfb\x9cD"</t>
  </si>
  <si>
    <t>b'\x19`=\xf0#\xe3q\x071\xeay.\xc8\x81\xd9\xa2K\xfb\xfc\x1e\xf24Z\x11\xda\r$\xa5:\x1eg\xac'</t>
  </si>
  <si>
    <t>b'\x86"\xd7\x98\xddFz\xc3\x158\x0c\xcfa\x9c\xa1\x026\n\xa6uK\xaa\xfe\xa0\xd9\x1d\xd9y\x0b\xf9Q\xd6'</t>
  </si>
  <si>
    <t>b'\xf9N\xaa\x9esVY\xb4!{\t\xaf&gt;\xcc\x96\x8d1f\x08_;\x88\xc9x/G.XI\xc6Y;'</t>
  </si>
  <si>
    <t>b'\xa7\x19O\x18\xcaa1F3\xe3\xbd`e\x9an\x0c\xd7\xf3\xce\xa4x\xaa\xf2{\xc6\x00\xe3AeR\xd8\xe7'</t>
  </si>
  <si>
    <t>b'X\xbf\x97\x93\xfaJ9\x85\xb3\xef}\xebL`\xa8|\x86\xe2\xf8*\xa5\xca\x02aT\xbe\x03\xe3S\x8f%;'</t>
  </si>
  <si>
    <t>b'\x18I\n\xa7\xc1\xba\x8ap\x89To\x8e\x94\xb6\x18\xe6\xb4\x82bK\xd0\xb6\x01\x87f\xce`\xa0\xdf~0r'</t>
  </si>
  <si>
    <t>b'\x18S\x82\x9ce\xa0\x9d\xfc"\xbf1\xa3\x11L\xde\xd6\x87\x1a\xee\x94\x88Jw\xf4\xf5ag\x15 \xcc\x16\xc5'</t>
  </si>
  <si>
    <t>b'\xb8V\x9d[\xab\xe83\xf8\xfeq\x89\x8c\xdd\xf1\x18\xc0\xc3\x99CC\x11\xebb\xea\xb1\xbe\x9b\xfa_(\x96\x95'</t>
  </si>
  <si>
    <t>b'\xe5\xfd\n\xd4\xa1\xe5r\xb9"O\x7f\x06xDP|\xcb`#\x05\x80\xdbp\x93\x1f\x98\x17\x98\xd2\xac\r\xd9'</t>
  </si>
  <si>
    <t>b"\xe9\x14\x0c\xe9\x9a\xeb\xbb\x9eb_g'\x9a]0\x0c:\xaf/\xfc\xe9\x02\xa8\x82\xda\xed\xc52R,}\x01"</t>
  </si>
  <si>
    <t>b'\x8dv\xed\xc8J)~\xbf=\xf5gz\x02G@\xbb\xb6\xb2z\xcb\xfeg7\xbf\xd1\xbb\xf9j\x01D\xdcn'</t>
  </si>
  <si>
    <t>b'\xb5\x01\xa11\xd2\xdbS$Y9\xdf(\x9c\x16\x13]\x88\xb5\xc3\xdd\x9c\xd4(-\xf4f\x02L\x16\xa7\x8fv'</t>
  </si>
  <si>
    <t>b"\xe8\xe5nF`\xe8\xe2L\x84\x8dw$\x1f\xcc'\x88&lt;g*8\x8d\xde\x19\\Y\x93Z#\xba\x02tD"</t>
  </si>
  <si>
    <t>b'\xee\xce\x92\x17P\xea\xd1\xaf\x96\xc4l%\xf7\x16D\x98\x81\xf2\xed\x82z\xdb\xc6\xf3ia\xdc\x9eU\xcb\x18\x95'</t>
  </si>
  <si>
    <t>b'V\x11\x80\xe0T\xf4\xb8\xc2\x9c!\xc8\xf3\xa0\x19@\x8e\x8a\xac^\x0b\x02Q\x85\xdcX\xefd5\xd3\xcfF#'</t>
  </si>
  <si>
    <t>b'&gt;\xe0\xedM)\xf5@\xce\x83t]\xa7\xb5\xf9\x94\xf2\xe8+\x8f\x1a=-\n\xd4\xean\x1e\xb4\x97\xee\x00\xba'</t>
  </si>
  <si>
    <t>b'{c\xdf\xc6\xed&gt;8\xe8\x9c5\x85\x05\xba\xb5\xdb]\x92f\xce\xeaU\x95\xa6E\xea\xa9B\x00\xe87|\x10'</t>
  </si>
  <si>
    <t>b'}T\xb6\xad\xb16\x0e\x9b\x07\xd5\n&lt; \x9f\xab\xd8UV\x9c"\xe6{\x9b,CN\x81\x9f\xcf\xd1:,'</t>
  </si>
  <si>
    <t>b'[\xd3\xbaHNR\xb7\x80VAAb\x113\xeevMKx\xcf\x18\x1d\xdf\xf7=\xbdL|\x1e\r\xc1\xa0'</t>
  </si>
  <si>
    <t>b"~\n\t\xf6$)\xbd\x1eu'\x06U=\xf0\xda\x98\xfa\xe2/UC\xf0O\xb4\x87\xabba\x1aO\xd8\xf8"</t>
  </si>
  <si>
    <t>b'R\x9b\x1e\x83\x99\x03\xc7T\xe6\xbcO\x88\x02WyS\xbab\xbf2\x99z\xf4\x9ern\x11\xb2\x15\xd2\xfe\x84'</t>
  </si>
  <si>
    <t>b'\x8fn\xc9M\xd9\x94t\x88\x8a\x01\xf6\xe0\x83\x8a\x99N\x1e\x83\x7f\xefth%xg\xb5c\x1b\x19\r\x15 '</t>
  </si>
  <si>
    <t>b's\x81u&gt;Kn\xba\xa15\xee\xf0\xa3\xa3\xca9\xc6\xdd\xd5\xe45\xe5]?2\xf1\xdf7A\x1c\xd8\xb3\x9d'</t>
  </si>
  <si>
    <t>b'\x15\xc5\xda;\x1fg\x7f\x1d5\xa2\xe5?\xb6\xc0g\xf7nk\xc8\x87\xedF1.\x17"w\x804\x84\x12\x0f'</t>
  </si>
  <si>
    <t>b'\xb5\xa4zA\xd7\x052hc\x13\xb0\xb9"\x9e\x94W\x89M\xdf \x1d\x12\xa68{]5\x14?\xf6Rb'</t>
  </si>
  <si>
    <t>b'Z3\xaf(\x83\xe4\xeb\xf2\xbb\x12\xc5\x15\xba\n0\x10\xd0q\x0e\xa7\x91(\xc8\xb8,|\xe6\x8f\xb7 \xe2\xd6'</t>
  </si>
  <si>
    <t>b'\x1b\xa21\x89\x10g\xa6\xf0FM\xf9n\xd0\xb10(\xaaFS\x85\xe1\xbe\xd4F&lt;\xb4\xb8J\x11\xc9\xe8F'</t>
  </si>
  <si>
    <t>b';\x96\x17\x07~x\xc6\xb5 &gt;\x97\xcaY!\x95\xe4\xc4\x9d\x9b\x13\xdd\xcf\xb8\x82\x91=B\x16c\xdeIA'</t>
  </si>
  <si>
    <t>b'\xf3\x90P\xf7Z\x19&amp;-_x}iQC\x06\xa87\x1fS\x99\x81\xcb\xa8^i\x81J\xae%\xe5y\x8f'</t>
  </si>
  <si>
    <t>b'\x1fA\xeeEt\x97\x0ee%m\x16z\xbf\xfe"\x03\x88\x96|\xa8\xad\xa3\x01\x9e\xb3+e\xc6z\xc3\xe8S'</t>
  </si>
  <si>
    <t>b'\xcc\x84\x16\xf4\xc76\x1f\x83F"\xf1\xbd\x02qh\xb0\x05\xa2\xb8\x93d\x97\xe6\xe2\xf7!9\xfa\xc7\xdd\x9c:'</t>
  </si>
  <si>
    <t>b"\xf6l\xebH\xech\xa4\xa21D\x18\x0ef\xe6\x17x\x18]\xa0\x14`nGtb\xd6\xef\x9ac\xa6\xae'"</t>
  </si>
  <si>
    <t>b'\x07\xa5\xf3\xf0\x1b!\xc9F\x8f2!G/\x18?\x89!\xfb\xc7\xfd\xac\xf5x\x92\xfa\xd1\xa3\x01\x14\x9f\xc0\xe5'</t>
  </si>
  <si>
    <t>b'\xc0\xa3\x95]|r\xd7`l\xe4X\xb0\x14\x9c.\xf4\xf7\xed\x83\x857H|\x1d\x1e\xcc)P\x02\xb6\xca5'</t>
  </si>
  <si>
    <t>b'\xeca\x05!\xc9\xde\xe0\x12\x95\xd5\x17\xad\xber\xc3H\xaeM\xf9\xed\xe8\x9dJ::\x86\x0e-\xe0p\x993'</t>
  </si>
  <si>
    <t>b";u\xa7'\xd3n\xbe:^:\xffxI\xa5_\x0b\xe6\xe7\xf8\x14(\xa7\x8d\xbaW\xb3\x1c\x1e\xac\xc4\t/"</t>
  </si>
  <si>
    <t>b'\xcc\xcaP\x1a\x1e\xf4)\xe4I\xec\x82\x87\xc6\xed;\x14\x81$z9\x07Qc\xf4\xddy2\xa8\x19\x02W\x17'</t>
  </si>
  <si>
    <t>b'\xe3\xa1?I\xc9\x8e\x82p\xe4l\xea[|\xfc\xdc\xa6\xba@\x0f6?\xf7\xc5)\xa0\xb9\x12\x87K*\xc33'</t>
  </si>
  <si>
    <t>b'\xba\r\xa6\xb6\xb4_9\xcd\xd1.\xf5\xdfsI\xebA\xea+&gt;\xben3#\x98p\x03\xac\xbd\xe4N\xb0\\'</t>
  </si>
  <si>
    <t>b':\x0fx\x88\xd2\xdf}\x81|ueKM\xb3G\xf8\xbf\x84wtr\x91\x8b\xb5\xa4\xed\xce\x8c\xcc*\xc8\x8b'</t>
  </si>
  <si>
    <t>b'/\xbd\x01\x83\xbbc\xc1((\\\xfd\r\x07D\x1d\xec\x8b\xaf3]\xe7\x06\x82\x16mB\xe5\x19~9\xceM'</t>
  </si>
  <si>
    <t>b'\xd5\x8d\xb4\x1b\xed\xc4\xf1\x81\xd4\x83\xbf\x9a\x9c\x9a\x7f\x03\x83\xdd\xa0\xf6\xa8n\x0fSo\x90\xcf\x13S\xe17\x83'</t>
  </si>
  <si>
    <t>b'X\x0c@Mv\xa8j\xc8_\x16&lt;\x83 \xaf\x91\xd9\x9f\xdf\xe9%\xb4b\xe3\xf8\xc0?#f\x94$\xd3-'</t>
  </si>
  <si>
    <t>b"\xd9'\xaf\x8a\x00\x00e@\xb0\x90\xb5\x08\xee\x9b\x0e\xd4y\xe2kw\x823\xb1\x10P\xaf\x08\xd2\x85\x19\x83\x8c"</t>
  </si>
  <si>
    <t>b'\xbe)\x1b\xb0\xb5\\\xdf\xa1Y\x8c\x99\x8a\xff\x84\x90\x17|\x9c\xecQ\xf5\xb4\xb4\x7fM\x1a\xd8J\xb3\xf8\xa5\xa6'</t>
  </si>
  <si>
    <t>b"'\xce\xa8S\xcclo\xbd\xf6\xb4\xaa\xa8#B)\xb4?\x94\xd4r\x10\x0f\xd9e\xce\x8f\xc4k\x8e\x1a\x9d\xb2"</t>
  </si>
  <si>
    <t>b'\xc1\xfd\x107\xc4\xf6\xb5\x97\x96\xc0\xc3Cj\xafvjD\xa7\xbfr\xb2\x94\xd8\x8a\xecOa\xbc\xfb4)e'</t>
  </si>
  <si>
    <t>b'\xc7\xea\x9c\x04\x1c\x1e\xa5\xbf\xd9"\xc3\xaac\xf3\x16qD$^\x81\xe0\xf7!z/\xf9R1dH\x86\x88'</t>
  </si>
  <si>
    <t>b"\x8f\xa1|\x8b'`\x98\xfeS=\xad\x93\x87\xb2B\xf7\xe1s\x1f\xbd\xb9@k\xa1\xd0Y\x9b\xdf\x96\xad\xa6H"</t>
  </si>
  <si>
    <t>b"\x11\xe2\xc2\xd5\r%\x9c\xeac.b&amp;e\x8a\xdeQ\xa1#\x8f\xd5\x8bU\xdeq\x83\xf1'Zp\xa93\xdf"</t>
  </si>
  <si>
    <t>b'\x19p6\xe7\xca\xcf,\x129\xd0\xff\x16\xc8@\x9es\xf4\x93\xca\r6tF\xe1l\x0b\x9c\xf1\x16*\xad\xdf'</t>
  </si>
  <si>
    <t>b'&lt;\x18\xcb\x06\xed&amp;5  \x82X\xde\xae\x95&lt;@Sv\xc4\x04\xd5\x1d\x1c\r\xae\xe2J\xb5\xd9\x07\xf5\x89'</t>
  </si>
  <si>
    <t>b'\xee\x86\xf0K\xe7\xc4\xa2\xeb\xe1\xfcK`q\xec\xc6\x1b\xc1\xe5cm\x05\x04\xa6:\xa3\xc3\xd7U\xcc\xa5\xf5\xb1'</t>
  </si>
  <si>
    <t>b"\xd7\xa5-?\xe9`R\x15\xb9G&lt;\n\x8c: \r+\xb2\x06\x85\xe7\xb4\xde\xf7n\xea\x06\x88\xed\xac'6"</t>
  </si>
  <si>
    <t>b'qFS\x10\xd2\x92UHG+\xc1\xc2\xbe\xcd\xeb+\xf7:R\x99\xf6px4?\xc3\xc3\x89\xa9\t\xe5\xd4'</t>
  </si>
  <si>
    <t>b't\xde\xd6\xbc\xdcv\x98\x86\xdd\xde\xc6\x96\x0e`L\x17\xbe\xe4\xc6g\xd4\x00\xf1\xf5\x18\xa3JHo5\xc4c'</t>
  </si>
  <si>
    <t>b'\xd1\xf66B\x94\xd1k"\xf0?\x04\x11\xdc\xf6\x8e&lt;42K]*.\xee\x0cIW6\x1f\xb9r!\xdf'</t>
  </si>
  <si>
    <t>b'^W\x1f\x12^\x98\x14\x8b\xc5,\xf5\xd79\x13\xc9z\xe1\x19~\xc8\xeb~y\xbb\xff;\xcb\xa1\x92e\x11C'</t>
  </si>
  <si>
    <t>b'\xc9\x08\x01\x06h\x8e\x08\xeb\xb6\xda\x97b\xd4b\xea\x89e\xd6J\x1e[(\xedLa\x18\x03\xc7\x9dhfc'</t>
  </si>
  <si>
    <t>b'\xc1^\xb7\xf1\xed5c5\x1d\x923\x8dgY\xf2;D\x00\xa7\x1e\x1bi\x0ccw\xac\x0c\r\x0e\x07\x89\x05'</t>
  </si>
  <si>
    <t>b'=H\xa8\xc6\x80\x9f\x89\xb9R\x12c&amp;Ad\xb9\xe5\xea:\x9f1\xad\xf4\xf5\xedt\x7f\xd3\xad\xc0s\xe1)'</t>
  </si>
  <si>
    <t>b'R\xb1\xcaH\x1c\x8bF\n\xad\x1f\xbe\xa5A\xae\xf9\x8c\xf5\x82E\xc1\xb6\x93\x17/\x1a\x9cC7\xf1\xc42H'</t>
  </si>
  <si>
    <t>b'\x88\xea\x97\x0e\xdfk\xc3{U\xe5l\xb0\xec\xc2\xa5\xf2\x8dG&lt;\xc0^\x91\xfd\x150\xc0A\x08@2\x96}'</t>
  </si>
  <si>
    <t>b'\x90\xc1\xff\r\x89\x12yA\xd9\x9f\xc7\xc8`i\x0f\x8f\xbf\xef\x98\xa5\xd5\x80p\x1da\xd4\xb2\x04x\x04aN'</t>
  </si>
  <si>
    <t>b'/k\xcd\xc3\xf5\xb4\x8d\x0bl\xa2\xcd\xce\x97u\x96d)\xb9O)\xcb\x84b\x83B\x06G\xc3\xd0\x97\xf1\x1c'</t>
  </si>
  <si>
    <t>b'\xbc_]2%L\xc2\xdf1x\x92\xcevi\xab\x10\xa3\x95\x9e\xaf\x8d\xdaw\xaf\x1d0k9\xaeE\xc7z'</t>
  </si>
  <si>
    <t>b'\x9a\xe9\xa7)],\xa8\xa8\x1e\xf8\xb2h!|\x1f\xfe\xe2\xe8\x85Iq\xe0\xa5\x94=xo\x88\x9f[\xfbd'</t>
  </si>
  <si>
    <t>b'\x1b;\x13/\x03R\xfc\xe2Qs\x181Ay\xe7]\xcb\x08\xea\xcbpJi\x1bl\x0b\xc3\x97$\x12\xd6\n'</t>
  </si>
  <si>
    <t>b'\x9dp\xcb[\x07\xc76\x83S]a\xd1\x14\x03r7\xc1\xb4\xb8\xe2:\xdf\xfc\xf4\xe30\xadQ(\x14\xbe\xc7'</t>
  </si>
  <si>
    <t>b'\xd6\xed\xb4\xb9\x89A\x02Y\xc4\x86\xdd`\xe1\x0c\x83GR\x94\xe1\xc5?\xc2\xa4\xd4z-\x06\xb4&lt;\x9dW\xc2'</t>
  </si>
  <si>
    <t>b'\xe4\x8b\x84\r~p2\x87\xe3\xe3\x8e[\xefL\xfb]u\xbc\x87E%\xdd7\x14\xd4t\x92q\x1b\xd5\x16\x9c'</t>
  </si>
  <si>
    <t>b'\x13\xb0\x14\xc0\xb1\xda\xc0\x86\\q\x1d\x8c\n\x9e\x84\x0b\xc4\x97\xf0\t/c\xac\xe8\xee\x86\x13 \xff\xd9\xcc\x99'</t>
  </si>
  <si>
    <t>b'\x8c\xf3\xa4\x9e\x1b\xfe\x9adI\x19\x90\x0c\xfe\xb8\xf2\xdc\xa2\xd3K\x00\x197\x89\xbf\xe2\xa2\x95\x91X~H\xfa'</t>
  </si>
  <si>
    <t>b'\xe8%+\x03P\xf8}\x00\xaa\xe7\x0b|\x84$a\xf8\xa5`\xd9\xa4\xc9#2\xb9\xbf \xf7L0\x08\xab\x1d'</t>
  </si>
  <si>
    <t>b'\x03F2\xd9\xbbA\xc7\xc5\xe4\xa9\xf8&amp;s\\\x01/p\xc9\xf8\x1b8\xcbw\xec\xc6\x83\x98\xd9\x18\x94\xa6\x05'</t>
  </si>
  <si>
    <t>b"NR\xe3\xe9\x84\x1a\x1b\xca\xe29\xac(\xc1\xf6\x1aO\x8cnz{\r\x9a\x0fM\xdc \x98'\xe67\xd7\x19"</t>
  </si>
  <si>
    <t>b'\x19b\xf7\xd7lr\x91x"\x8b\xa0n\xfb\x994W#\x0c\x05@E\x95\xa3&lt;Iw\x8fLr\x0b\xdcu'</t>
  </si>
  <si>
    <t>b'T[\x88\xa2\xaf\xb0\xe7\x94\xe2\xad\xbe\xdb\x1e\x9b\xe5h@\xc4T\xc4\xaa\x83\xf66!0X\x18\xcf/\xd0\xd3'</t>
  </si>
  <si>
    <t>b'H\x9aS\xfa@\xea\xdd\x01\xa5\x1f\x017\x19\xb4\xdb\x81\xb7\x8d\x89\xe0SC&gt;\x1e\xf3$\x14\x9fv\x8b"\xca'</t>
  </si>
  <si>
    <t>b'\x0c\x05\xb9\xf9H)\xf3\xcaE\xa26\xc8\x92\xe8\xcc\x83\xd1\x9b\xb5\x12Ao\xc9\xe6%\x87\xa1\xd2Tl7\x8e'</t>
  </si>
  <si>
    <t>b'y\x8f\xf9\x8ac\x80\x81]\xbb\xce\xd6FE*\xd3\xb3\x00w\xb4\xbc\xc5\x8cQ\x12ceI|S\xb89\x01'</t>
  </si>
  <si>
    <t>b'\xbe`\xe0\x96\xb7\n\xd9\n\x81\x98 \xaf\x98\xab\xa6\xb9\xd6/\xf6\x18&lt;I\x9b\x0fe9\xfd\xc3\x80\x93\x97\xba'</t>
  </si>
  <si>
    <t>b'*\x8aU2(7?@H\xdb\x91\xa9/\x8a\x80\xe9\xecD\xd8\x18\xaf\xbd\xe9\xf5&lt;G.wj\x1az\xd6'</t>
  </si>
  <si>
    <t>b'\xac\xdbB\xdc\xd2\\\x198\xb2zJ\x9b\xee|\x03\xfc\x07\x04Y\xfcC\x01\x8b!HVv;\xb0\xc0\x0b\x9a'</t>
  </si>
  <si>
    <t>b'o\x85A"+\xb02\xb6\x0e\xa3\x0e\x1c\x99\x05DO\xe2/\x14Z\xe9\x9b8\xde\xce\xcb\xe5\x8b\x8e\x9a\xd7\xf1'</t>
  </si>
  <si>
    <t>b'\xed\xe6#\xc7\xa5\xa1~8\xd9\x86\xc3\x8b\x8dg\x8c\x14r\xd0)w\xb3\xd5]\x12\x94\x02\xc4\x8fVjlj'</t>
  </si>
  <si>
    <t>b'\x98\xa4\xd6`\x0bb,\r\x96=\x0c\xb4d3\xe4\n\xb2\xf6ET3\xad|\xed\xef\x10\xab\xbcb\xfbq\x9d'</t>
  </si>
  <si>
    <t>b'S\xc0\x19\xd1\x12\x9f0\xef\x8e\xf6\x84\xe2\xa5$\xf9\xe18\x90}l\x1d\xa1BZ\x10\x9b\xd5r#\xa2[\x8a'</t>
  </si>
  <si>
    <t>b'\xadr\xcd\xb5\xfe\xfa\x92.\xf7\x18U\x0cp0K\x1aV;5\xd3\xfc\xf2Y\x169PA\xa5_uGH'</t>
  </si>
  <si>
    <t>b']\x14rr\xa6\xa2I\x93\x1e\xe2\x1e\x89\x96v\xd7H\xb5C\x8a\x8cGN\x85\xd5\xc6\xf3\xa1\x95\xc9R\x8bc'</t>
  </si>
  <si>
    <t>b'\xc4\xab\xfdm\x00/w\xc3V\xd4\xdf\xd3\xa6;\x9b.*\x81I\x92\xb7\xf1\xc6\r\xa7\xd45\xd8\xe8\x06G\xf8'</t>
  </si>
  <si>
    <t>b'K\xf8\x83\xcd#\x8d\xab\x84\xf0[\xbej\\t\x8cO\xe2Y\n\x9b(=\xa5k[\x12\xd2\xed5f.E'</t>
  </si>
  <si>
    <t>b'g\xf6\xa2\xb2\xf0\x11o\xc2\xc8\xd2\x02\xb6\xda\xf3I\xb8\x10\x037\x91\xae;t\xba}\x7f+\xd3\xce\x89\xce\xd4'</t>
  </si>
  <si>
    <t>b'\r/O\xd3\xb4\xd1\xb4\x06\xad&lt;k\xd2\x12\xf0.\xcej\t\t@\x87\x19\x9e\xaa\xb4\xe4\xc6\xce\xca\x11\xc29'</t>
  </si>
  <si>
    <t>b'^\x8b\x1daO\x7f\xb0\xa6OW\xbb\xc0\x95\x8b\xce\x9bg\x8b/\xf7\x88_\x1f.nD\xc2\xb4\x0c\xca@\xb1'</t>
  </si>
  <si>
    <t>b'\x0b\x19\x96X\xbc;L\xaf\x93\xfeL\xbe~}\xc5\xcb\xe4\xf4\xcf\xfd\xab\x9a\xc1q[#\x9c\xef\xa4]\xd5`'</t>
  </si>
  <si>
    <t>b':q\xbd\xd4~h@\xb4\x02Z5A\xc6\xbf\x05\xd8\xd8\xed\xb5\xf8\xb6\xf9Q\xe9\xc9\xacb[\xac\x9c\x0b\xbb'</t>
  </si>
  <si>
    <t>b'p\xa1j\xd0\xdf\x1b8_\x93\x0c\x9f~\xc5\xad\xa2\xa6\xf3\x0cB\x87\x0fg\xee\xe6=SI\xf3\xea%\x8a}'</t>
  </si>
  <si>
    <t>b'oES\xdb}&lt;\xec\x92&lt;\r\x0fX\x0c~9\xc68T\x19%\x89\x81P+\xd3\xa6\x02\x85\xabF\xaaQ'</t>
  </si>
  <si>
    <t>b'\xb1\xe8\xeaK4Yk\x05\x06J&gt;K"\x8f\x0by\xf9\x1f\xf8\x97S\x0e\x0f\x1f\x9f\x99\x98u%t\xcdC'</t>
  </si>
  <si>
    <t>b"\xd2\xff\xc1\xae\xf6v\xd4\xfc\x8b\xe1\x07\xf20\xb6\xfc/\xf3z\xae\x12\x0c\xa1\xe1\xc42'\xb9 &lt;^\xba\x81"</t>
  </si>
  <si>
    <t>b'\xd63V\xe8I\x95{\\(\xea\x90\xd3\xfbC\x1dL\xb0\xe8e\xeaO\xd3\x98\xd6\x8b\xdb\xacB\xec\x9d\x00B'</t>
  </si>
  <si>
    <t>b'\xe8\x9c\xf8@\xb1\x7f8\x1f\x87\xf9\xf2\xec\x83x\xd0\n\x82\xbdb\x9c\xac/\xde\xe1X\xe3~Y\xb2\x0c2U'</t>
  </si>
  <si>
    <t>b'\xd6\xe7\x86+\rV\x19\xf2\x0e\x9f\x98Y1\xf4;\xd6\xf9\x94\x1bT\xa0\xe2\xaai\x07\xac\xcd\xa2\xde\x96\x8a\x1f'</t>
  </si>
  <si>
    <t>b'Z\x01\xa3\x82\xd3&lt;^\x13\xa2T\xdf\x86\xd2\x9a\xf3\x88\xb9\xad\x12\x079\xc76\x8a\x7f\xf7\x82&gt;\x03\x9d\xe6\xec'</t>
  </si>
  <si>
    <t>b'j\n\x02(}&gt; \xaf9\x84\x05\xe3~\x0c\x8d6\x94\xd01\xe1\x13o\xb9\xf0\x86\xff1R\x81\xcf\x97\xe3'</t>
  </si>
  <si>
    <t>b'z\xa7\xbd\xa7\x9d:\x80sC9\xe9\xf7\x93\xc7\x11\xca\x08%\xa5\x88\xcfN\xe3\xab\xbd\xf4\x0fm\x05\n\x08]'</t>
  </si>
  <si>
    <t>b'\x16\xc2\x8dr;Uu\x07\x0b\xe2\x1d\xb3\xbf$\x02\x990\xcb\xf5g\xbfN\xd6\xecZ\x08\x8b9\x10\xda\xe6\xf2'</t>
  </si>
  <si>
    <t>b'\xbcel\xbd\xff"Q%\x01\xb5\xdev\xc7\xfc\xe7\x12ZK\xfb\xb0\x85\xf6:\x1dt\x0eOJ\xa0j\xdf\xf5'</t>
  </si>
  <si>
    <t>b'K\x81\x91\xb9\x9a\x8b\xd8\xf6\x10\xf3\xcd\x036\\;\x07Zsz\x0ft\x18O!\x07\xb0\x8al\x8c[\xa0\xcb'</t>
  </si>
  <si>
    <t>b'\xc1\xbab\xf0\xb9P\x17\xf9x\x006\x1d&lt;\xf9\x19\x8ce\x99\x18\x0f~\x8f\x0f\xc0\xdf\xac\xfff\xd6\xe1\xc2\xab'</t>
  </si>
  <si>
    <t>b'bZ\xda\x14^\xa6\xfb\x1b\x94K\t\xe9\x96\x1b\xdd$\x81\x14\x13\xbb\xea\x87Y2SG\xb5[\xbe\xd2\x0e\x9c'</t>
  </si>
  <si>
    <t>b'\x1e\xd9\xf04\xb3\xaeo&gt;D\xe4\x08\xdc\xbf.\xccg\x91\xb4\x81MR\xd2CV\xbct\xe2\xad[\xa3\xd9\x1c'</t>
  </si>
  <si>
    <t>b']\xc2R\xff\xa8\xc1I\xd6O\xa2\xd3\xfd\x1fR\x8a\xe2\x88\xc0\xb0\xcfq\xf67B\xed\xfb\x04\xad\x81C\x02W'</t>
  </si>
  <si>
    <t>b'\xab@R\xb1\xef\xc5\x88\x8b\x13[,\xc2\x88\xb6\x85\xe2"\xc8&gt;8J\x91\x19\xd2\xad\x92\xc30$\xf3\xbef'</t>
  </si>
  <si>
    <t>b'\xe5\xc7\xbc\xe8[)\xc8\xe0\x87\x05\xedj\x08\xfdB\x01\x97\xb7\xc1\xdf+[\xafU\x9b\x82\xa1\x9aP\xb3\xca\x08'</t>
  </si>
  <si>
    <t>b'3\x86Q.\x0bl\x97\t\x9a(\xe9\x00\xf7!r\xe0y~$\x99\xca\xec\x93\xe5w\xab\x91\x81\xfd/(\x85'</t>
  </si>
  <si>
    <t>b'\r6\x12\xbe\xe02E\xfb\xf5\xfd\x0c\xef\xf2b\x8d\x1a\xa3bPcD\x9a\x87g\xe1rRw{M\x11I'</t>
  </si>
  <si>
    <t>b'|;\xa0\xd2&lt;\x1b\xaff6V\x13\xba\xf2r\xe8w\x07s\x9bT\xcf\xdd\x0c\xef\xf7u\xca\xce\xfa\xa4\xc3\x10'</t>
  </si>
  <si>
    <t>b"\x97K\x97\x9ad\xec\xa0\xbc%.\xa3x\x17\x1c7'h\x84\xf9\x99vC\x07$W\x1cDIe\x7f\xf7~"</t>
  </si>
  <si>
    <t>b'T\xfeP\xcc\xfa\x90\xbd\xb5\x87\xad\xe9\xeb\x06\xba\xb0\x8d#2\x11\xd3[\xd1\xdb\xd3_\xd0+\xb7S$LV'</t>
  </si>
  <si>
    <t>b'\xc7:\xa2E\xab\x999\xfch\x9bG\xe7\xe8\xeb\xcc\xf6x7\xe2\xf9h=\xd9\xe0\xe4e\x1bI\xb81c\x1e'</t>
  </si>
  <si>
    <t>b"V\x95\xd4]\x9eGA\xb77J\x9d&lt;\x0f6\xe6\xb7\x9f\x93\xbds\xef\xc4\x1f\x80G\x98`\x0b\x9b\x01l'"</t>
  </si>
  <si>
    <t>b'=~\x923s\xf1\xeb|\xbf\xc6\x8a\x0c-&lt;\x05\x90\x94\x96d&lt;\x02?\xe3\x13\xea\x02\x1e[2\x17\xa9\xc1'</t>
  </si>
  <si>
    <t>b'M\xd07\xe9\n\xf7\x0b\xfc\n\xb1O\xa58\xb9\x1f\x1e\xff\x85V\x05S\xfe1\xe2\xe0\xb2Ob9\xd8+\x94'</t>
  </si>
  <si>
    <t>b"\xbf\xcfL\x80Dz-\x89B\x10\xb9\x9f,d\xc9K\x89E\xb6&gt;\x95\xdc9\xed'\xe6\xa4\xee\xbe\xf1\xa9\xb3"</t>
  </si>
  <si>
    <t>b'F\xbe\xfe\xce@\xfa\xd7\xe9D\xe3\xa8\x93l;C\xce\xb6%\xab\x8a!\x97\xb0\xc5\xddB\xb1.A0|\xd7'</t>
  </si>
  <si>
    <t>b"\t\xd1\xe9\xec\xf2':\r\x0c\xc0\x89\xdcD\xb5\x12\x06@\xa5\xaeQ\xcd\x90\x06\x11d\x95*\xb0\x9c\xa4\x08\xbf"</t>
  </si>
  <si>
    <t>b'\x8e\xd3\x8d\x04x\x90\xc1\x92\x08\x0f:k}\xd4\xc7\xc2!\x85\x0b\xdb\xce\x7f\x1f\x8a:&gt;\x13\xd2\xf2\x93\xb0C'</t>
  </si>
  <si>
    <t>b'\xf73\x82\xd2\x1b6\xfa\x12*+\x88OO\xaf\xbc\xfc\xb51h\xc4F\xaa\x8fS\x1e\xa1.\xae\xa5*x\x92'</t>
  </si>
  <si>
    <t>b'lt\x9a\xe7\xb1\xe1|\xc8{\xd3]\xd0A\xe2\xe8\x13\xb1\x18+G=W\x1e\xe5hR;h\x8a;4\xc0'</t>
  </si>
  <si>
    <t>b'\xfe\xf9\xb1\x14\xcd\x1c\x02q\xd7\x18\xdc\xb6N\xdf\xe4-\xe1HM\x0c\xd4\xfd\xe5\xfd\x94\xf3\x83\x80oU\x0e\x12'</t>
  </si>
  <si>
    <t>b'\xdf\xefsX\x1d\x87\xd5\xf5\x1d\x8b\x8b\xb6\xae\x14\xf1k\x8c\xf4M\xa9\xee\xe7\xe1!\xf8\x1e\xad\xd0~M\x1e\xe3'</t>
  </si>
  <si>
    <t>b'\xd8\xd7\\_\xaag\xf0v\x8dFs\x18&gt;\x13/\xd8-\x96\x7f\x12\xebZ\xde[/\x906\x19\xa2\xf3o\xd1'</t>
  </si>
  <si>
    <t>b'\xfaMw!\xf1x\x01\x12\x15\x86\xeb~ \n3\x07\xb0`9\x96o[\x11\xc48\xb6Q\n\x96:\xfa\x86'</t>
  </si>
  <si>
    <t>b'\x12\x1an\xf7O\xb0vp\xdct=\x90\xeb626*\xc8\xa6\x93b9\xe8\xb5,x^-\xa6\xc0:\xd4'</t>
  </si>
  <si>
    <t>b'\xa1\xe2\x02R_\xace_\x15^=\xc6\xd00\xfb\xb1A%\xd8\xcb\xc2h\xf6GV`\xeb\xb4\x84\\y\x80'</t>
  </si>
  <si>
    <t>b'\xaf\xea\r`\x94\xb7\xf6\x9e\n\x9d\xc9-;\x84\xb3i\x81#L\xc8\xff\x9e9\xea(\x1d\xb2t\x1dR\xd06'</t>
  </si>
  <si>
    <t>b'}\x9e\xc2\xee\\\xab\xca\xcdU\x98-\xa1\xcd\x8c\xeet?B\rK\x13\xa3wA\x9a\x9bX\xb5Q\x83F\xfe'</t>
  </si>
  <si>
    <t>b'\x0e\x07\x19\xa5\x06\xc9\xe1\xe0\x8b\r\x91M\xf0\x91\xa37F4\x0fZ+)\x8c\xffO\x1a\xd1Q9\xd9\xdf+'</t>
  </si>
  <si>
    <t>b'\xf6\xa5~+\xd2R\x17\xba\xbe\xa3\x0f!\xe6\xc9\xc0\xf4{\x1c\xf5\xf3\x9f\xf7*Ag\x80\x8f\x9ah\xb2\tP'</t>
  </si>
  <si>
    <t>b'C\x9a\x97\xd9O\xb3=\x13\x0cN\x10d\x89\xd3\xe4!=\x10RfT|\x1fQ\x0b\x0f\xfc\xc5\xa3)\xa3\xac'</t>
  </si>
  <si>
    <t>b'\xb6\xc6\x928\xeb\xf5\x87W\xc9\xe5\x05\xd2G\xf6\xa7\xe6ck\x80\x84\x11\x8c\xf8\xc5\x9b\x00%\xae\xe6\xa8\xd2\x1c'</t>
  </si>
  <si>
    <t>b'\xfaY\xf2\xc5\xf3\xf1\xcc\xbb\xbb\x8bnr)O(\r\x973\xa1\x07\xa3\xd8\xb4\x0bl\xcc\t9\xcd\x1d\xec\x8a'</t>
  </si>
  <si>
    <t>b'\x06\x8cs\xca\x7f=.\xa9\xb8?\xe6\x96\x1d\xb6i\xcfL\x89L\xfd\xd1"\xa7\xf7\xa4\xa8\xd1\x93\xa2S\xb44'</t>
  </si>
  <si>
    <t>b"\x0bU\x17\xbcb\x9f\xc2@\xc4\x98'\xc8\xe3I\xcc\xd38\xad\xbf\xbcVK_\t\x82@\t\x91\xe4\x9fi\xb9"</t>
  </si>
  <si>
    <t>b'7\xfd\xf2\x81.\xc3\xd3\x14\xba\xb3x4U\x89d?\x913\xc7\xa4\xba *\x07o\x97\x0f\xb8\x8f\xc3\x0e\x05'</t>
  </si>
  <si>
    <t>b'\x1aF_W2\xd2\x90&gt;\xa7\xad\xe5&lt;\xff\xe0\xfc\xfb\xf8\xf3j\x16+\xcc"w\xde8\'*\x1e\xea\xc0@'</t>
  </si>
  <si>
    <t>b"\xf8\x93Kc,\xa9\x7f\xcaB\x0b'N\xae\xbf\x04\xb2px\x08\xec\x1a(\x91\x9f}\xbcA\xf8\x16EzV"</t>
  </si>
  <si>
    <t>b'\xf4\x0f|\xc3&gt;v\x1e\xe7\x0f\xa6s,\x0c\x0f\xd3\xda\xec\xe9\xc9\xacmTN\xfb\xc8n\x08\xaf\x0c\xc0\xa1a'</t>
  </si>
  <si>
    <t>b'\x9c\x0c\xefm\xcb~F\xec\x06PZ5j\x96\xa7!\x95E\x9b@\xa1\xaaUZ\xeejL\x93\xa9w\x84\xe9'</t>
  </si>
  <si>
    <t>b'VUgY\xf5n\x98J\xa2\x85\x7fw6W}+\xc0:\x1eN\xab\x1c\xe4_\x1cY\xab^\x8c\x03\xcdZ'</t>
  </si>
  <si>
    <t>b'c\xe0\xa7\xf0ku\x1f\xe8\x04\xd7l5\xe9\x8a\xaa\xe5\xfc}\xb5,\xc8\xcd2w5o\xc0T\xe9\xb8\xf7\xf7'</t>
  </si>
  <si>
    <t>b'\xeb\xedqv]y#\x06/\xd8\xdb^%\t\x0cK\xfd}\x93\xd7\xc10\xcd\xe9\n\xe9\xcd\xb8\x8f\xf4\xc7/'</t>
  </si>
  <si>
    <t>b'9B\xd5\xf5P\xcb\xa8\xd6zF0\xeb\x82E+\x88\xad\x91\xd2j\x17\xbd\xcc\xf7\x10m\t\x8c\x08\xf9\x1c\x87'</t>
  </si>
  <si>
    <t>b'\xcd\xfb\xe0\xddG43\xe8{\xab\x91\xb2\xe0pJ&amp;L\x11\xdfF6Eo\x08\xd7\xaa\nl\xbc\x0b\xb5O'</t>
  </si>
  <si>
    <t>b'\x00\xc3\xd8\xc2\x82\x0c6\x17q\xfb\xd7\x856\xe4&gt;\xd4u!\x13\x02\x1f\xa0\xbdU|\xb9\x99\xdb\xc3,1\x02'</t>
  </si>
  <si>
    <t>b'\x07\x8d,\xeb\xba\xf1\x13\xc4\x98\\\x1e\x97\x1b\xf8M\x9c"\x86\xf6\x1c\x0c\xd0\x8d3\xb9M\x9b=\xc6\xcc\x04\x98'</t>
  </si>
  <si>
    <t>b'\xe3\x00\x95T!\xed1e\x07\xc0\xc41\xdaq;\xf1\xc9\x8b\xa4P\xc6\x1c\x03\x9fz~/\x08\xe6/\xe1\x82'</t>
  </si>
  <si>
    <t>b'\xbf\xb2\xe7\x9a\xae\xc0\x91&lt;!h\xaaX#2\xbca\x17\xb2\xbdP\xc7\x1a\xd3e0\xbd{.\xda\xb4\xc9\x15'</t>
  </si>
  <si>
    <t>b'k^*\xd4 \xe0\x8d\xe5\xf8\xbf\xdbg\x9ft\x9a8\x8bu\xae\xf5\x8d\x0cT\xdd\xe5\x12\x8d\xfc\x1c\xed\no'</t>
  </si>
  <si>
    <t>b'\xab\xce\x95F\x1fZG0\xc8\xc6\x9d"\'\x0ca\x1b\x02\x10\xa3\x84\x18\xa8?\x8c\x95e\xb2\xec\xe6\xc1\x8a\x83'</t>
  </si>
  <si>
    <t>b'\xf1\xe6D\x89$g\xbbm\xd4\xdd\xfb\xc6\xf5\xd4\xf1B\x11\n\xae0\xf1\xfe\xba\xf2W\xe9&gt;Vl\xb0t\xdb'</t>
  </si>
  <si>
    <t>b"\x1c\x03&lt;\xb3\x9ewa\xac\xb2\r\xe2+\x82\xb9\x85\x8a\x048(D#\xde\xec5\xdf'\xad\xcarN\xadk"</t>
  </si>
  <si>
    <t>b'B\xfck\xb1\x02++R\x81 \xad\xcd2A\xbdp\x03\xbd\xbb\x9d\x85H\x86\xd0\x9a\xea4i \xf8\x93?'</t>
  </si>
  <si>
    <t>b'W\xd4\xc7a\xddc\x93\x95\x02\x943m\xc8\xdc\x88nKij\x80\x94b\xb4f\xd45uQ\xb7\xfd\x85\xf0'</t>
  </si>
  <si>
    <t>b'j/A\xfe\xcef\xbc\x9a\x00C\xdbkP,\xe2&amp;\x0e\x1d\x97i3\x9e\x80\x0bZ\xc3\xdf\xa0\xd0W\xa6\xc2'</t>
  </si>
  <si>
    <t>b'1 \x1c)\xcb\xc9vu\x9b\x02\xfc\xc8ZX\xfb[\x83\x0e\x9b\x98P"(ix\xf1\x19\xc5\x801%\x84'</t>
  </si>
  <si>
    <t>b'nG\x14b\x14\xd3&gt;\xcfi\x85hn\xbd\x03\xc1\xb0)z\xe1\x84LR\x88\xfa\xbf\x96\xefju\\\xb0-'</t>
  </si>
  <si>
    <t>b'16Z\rC\xc2\x95!\x04\xa1\x7f3\xe7\xf9\xa3\x8av~xc(b\xb3\xce\xe4\x8fa\xd5\x9d_\xabu'</t>
  </si>
  <si>
    <t>b'\xb4\xd2$\xf5\x01ML\x98p\xb3\x8d\xd5"O\xcb\xf0\xdfa&amp;\xed\x1d6}\xabT\xc5\x03\xad\xe2\xe8+\xdf'</t>
  </si>
  <si>
    <t>b'\xf0jCN\x9b\xe0\xa0\xd0\xe5\xf2\xc08\x1fY:\xf2@\xccG\xc4[\xf4q\x06\x1eTf\xb0\xe2%:\xd9'</t>
  </si>
  <si>
    <t>b'\x8ey\xe1\xa4\xf7\x85\xb7A\xab\x80\xd0"\x01{\x05\x0bs\x8f\x91\nE\xbfgW5\x05\xae&lt;\xb2~?\x06'</t>
  </si>
  <si>
    <t>b'gz\x18\xaf\xebc\x85k\xac- \xbdE\xc4[\xd1\xccZ-Z\x1b\xf4\x81v\xfeGqi\x01[\x98\xc1'</t>
  </si>
  <si>
    <t>b'k%\x17\xf2k\xa2\xcc\xab\xa9\xe4\xbe\x07\x84*\xcb\x8e8\x9f\xbcst&amp;?o\x966\ni!/`\xd6'</t>
  </si>
  <si>
    <t>b'\xe5\x07d\xab\x02\x92W\x85\x84:\x89\x9dI\xf9j\xdd\x7f?\xef\x83\xd4\xe3\xc0\x98(\xb7\xad\x8c\x98N\xa3\x84'</t>
  </si>
  <si>
    <t>b"\x8d#\xd6\x9e\xb8\x7fn'\x12)\x08|d\xb9\xb4mdP\x12\x924\xbf}\xba\x82D\x01\xaa\xfb&amp;\xd1\x83"</t>
  </si>
  <si>
    <t>b'SJ\x18\x04y\\\xe2\x05\xce\xa0\x9c\x8b;\x87bc\xc0\x89_\xb4+\x17$\x8e\xcc\x1c\xe7]\xa9}s\x88'</t>
  </si>
  <si>
    <t>b'\x05\x13J\xc9\xf3!\xeat\x9c\xfa\xa0\xe5\x1b\xb7v\x831\xa4H8\x9e\x87\xa9C\x13k\x16\x11\x89\xdf^\x13'</t>
  </si>
  <si>
    <t>b'\xb4\x8cH6\xafZb\xb8U3\x0f~H\x96\x11\x89\xda\xfe\xd8!\xf3\x7f&gt;\xc0\x92\xeb\xdf\x9cm\xa5a\xf7'</t>
  </si>
  <si>
    <t>b'\xc7\xdc[\x9c\xc4\xc2\xd2x\x9f\xe2Ng9  \x88\xbf\xdd\x81\x90?\xaa\x02\xdc\x94\x00\xc6\x8cH\x0bXq'</t>
  </si>
  <si>
    <t>b'\xf6\xf9\xfe\xfco(\xacFN\xc4~\xec\xf0/\xd72l\x97\x00\x91+\xbf\x1c\xbb\xb4\xac\xd2\xdf\x8e\xd9\xca\xda'</t>
  </si>
  <si>
    <t>b"\x12\xc3\xd0{l\x94\xaf\x0e\xf4\x19\xde\xc5\x1c\x17\x19\xbe\x1d'\x9fu\xc1R=\x08\xd1m\xb1\xdb\x8bF\xbc\x16"</t>
  </si>
  <si>
    <t>b"\xa2_j6l\xf1\xc9\x9e\x9b\xc4\xb01u'pw\xe0\xd0b\xf6\xf8Y\x0b\xf9\xfb5g\x10b?\x91\xca"</t>
  </si>
  <si>
    <t>b'(\x89\x82\xc9\xd2\xba\r\xc8\xec\xfa\x9c\xff|Q\xe6\x94\x95\x0e&gt;\x0b\x8c\x0e\xc8\x88\x134R\x8c\x1ac\x04\x0b'</t>
  </si>
  <si>
    <t>b'u \xd9E|N\xf0\xfb\xdeN\xdf H\xdd\x80\xfa=\x9a\x86M\xa0\x80RZ-\xfe\x11\xc2\xa9\xecBt'</t>
  </si>
  <si>
    <t>b'v4\xf5J\xb52\xce\x85\xd1om\xc3~\xc1\x950Y\x17"\x86\xe5k\x13V\x0c\x9f\x1fDR\xc2k\xeb'</t>
  </si>
  <si>
    <t>b'\x7f\x8a\x1c\xfaO\xed39\xf5\xf7\xc9\x10\xc9\xf1\x8e\xceQ\xb3j\xeb8-\xdcn!Z\xec\xfc\x9c\n\x8b\xaa'</t>
  </si>
  <si>
    <t>b'\x95\xc4\na\x82a\x84\xfe\x85\x1b#\xcf\xe4$\x8brj\xfe\nOT\x80h[\xda\x90\x9d\xe8\xa9-\xb7\xe7'</t>
  </si>
  <si>
    <t>b'B\n*U\xf2|\x02 \x03\xd3;\x96U.\xf2\xdd\xff\xd0\x85)\xcd\xb4\x9459\x92\x0b}\x91\xab\x8ft'</t>
  </si>
  <si>
    <t>b'D!\x0b\x95\xbb]\xdfH\x06q\x8f5\xe8\x1c\x02\\Y\x10N\xe1\x14u(?\x16\x0c\xf0P\x1f2\xa5\xe8'</t>
  </si>
  <si>
    <t>b'4\x13\xdd\xe9\xc9\xe7\xbd\xb4\x8e\rJ\x0e\x9b\xf0\x08\xa2\x83\x87\xbfN\x83\x19\xdd\xb1\xb2\xf9?~\xd9{\xf0['</t>
  </si>
  <si>
    <t>b'\xd4,/K^\xbf\xc1\xe0\x9d2\x07\xf9I\xcb\xcc\xe4u\xdc\x89\x10\xa8?\xf4~\xe1\r\xe8rG\xb1\xf8\x1d'</t>
  </si>
  <si>
    <t>b'M\x82r)~\xff4\x17\xa0\x9d\x90\xfdu\x1f\xdf\xfb\x96&gt;R$\xce\x97\xb7b\x01\x8e5\xbdY\x92\xc5\xfb'</t>
  </si>
  <si>
    <t>b'\xc0\xedq\xde\xdb&lt;2\xea\xab\xfd\x0bX\x02\xc5w\xea\x1d\x18IP7L\xd6\x95\x96\x81\xcb\x0f\x88\xa7{\xf1'</t>
  </si>
  <si>
    <t>b's\x913\x06S\xc3\x8d^\xc6\x9e\x16\xeb:oM\x1f\x95\x9e\xcboti\xd6\x1b\x03c\x03{vj\x82\xcf'</t>
  </si>
  <si>
    <t>b'\xebD\xe4\x18\xc3\xa8\xb5j\xd3\x9a\xef\xb9\x18\xdf\xa0\xeb\xf9\xad\xd4\xbe\xa21b\x9fd\xdd*E\x18\xe5Jo'</t>
  </si>
  <si>
    <t>b'%|lX%\x7f8\x86\x1f4\xde\x04\xcd{\x1f\x0f\xaf\xa7u\xf4\xe7|\x8e\x9f[\x189\\%;_t'</t>
  </si>
  <si>
    <t>b'\xed17G\x87\x11\x06\x86c\xf4\xd0f\xd9%\xeeOw\x9ev\x88w\\Q\xb3d\xc3A\x0b~\x9d#\x1e'</t>
  </si>
  <si>
    <t>b' \xc29\xea\xd3,x\x99\xe5zJ\xd4\xfd\xf9\xc2USe\xbc0\x95#\xee\xf8\xc3\xbe)R\xa4G\xd9Z'</t>
  </si>
  <si>
    <t>b'\xfdf\x0b\x8e\x89\x87\xa3\xf3\xf8\xfb\x0fY7\xf3\xd4\xec5dO\xf0\x96\xba\xcd.P\x94\xe0{\xdc\xcfy\x85'</t>
  </si>
  <si>
    <t>b'\xa9&amp;7\x98\xfbc+Y\x99\xd1j@\x80\xac\xf4\xb8\x15]E\x08\xed\xdc\xf2\xe5y$}\t\xe5\x88\xc0\x94'</t>
  </si>
  <si>
    <t>b'\xd9\xc0\x89\xb8\x1b\xd4\x19\xc8\x96\x0eQX\xa4y\xfc\xbft\xe7\x0b\xb7\x93d\xe1t\x07\x03\x18bHQ\x0c\xb7'</t>
  </si>
  <si>
    <t>b'9\x0e7+\xa5\x03\xf9C\xa3sI+\xe4\xb9\xd3\x0eP\x12zS\xcb\t-\x1b:}\xc6\x94\xc1\xe0\x126'</t>
  </si>
  <si>
    <t>b'\xda\xe3^\xa1\xe6\x8ctm\x07%\xe3X0\x02\xda\x84A\xab\x12\xa5\xdc|\x87NP\x96\x92\xff\x8b(k\x8f'</t>
  </si>
  <si>
    <t>b'\xb4\x8b\xde\xc3x\xc9?\xb52\xdc.\xedH\x0fC\xd2[\x95\xd4\x1aJ\xd5Vs\x11\x86\xf1\x18\x88@\x18\x9b'</t>
  </si>
  <si>
    <t>b'_\x9dD\xf2\xab\xd3\xdb\x82\x0epD\x05\xfa\x9b0\xfdx\x00\x99\xae\x9e\xcfd3%\\\x08\x9f)l\xe3\xe5'</t>
  </si>
  <si>
    <t>b"D\x0bktV\xda'\x852K\xf7\xc8&gt;\xb4\xa8AGj\x80\x1b\\\xa7u\xbf\x19\xcb\x17\x9f\xa2\xbc\xd7\x80"</t>
  </si>
  <si>
    <t>b'\xbb\xa6\xe2x\xac\xd6e\xc0"w\xaf\x99[\xca\xd4\xa4qP\xff\xb6\x83\xdc\xc3;\xf8\xf5\xe9\xa6\xc1\x1d\xb3!'</t>
  </si>
  <si>
    <t>b"&amp;\xa5\xa2\xd7\x1a\xe8Cd\x00\xec\xae\xc9|^K\xe4\xb5F\xbd\x8a'(\x02\xd8\xa5\x90\xe8\x1a@D\xc9F"</t>
  </si>
  <si>
    <t>b"'t@\xad\x02W{\xfb?\xe78@\x13\x03\xbd\x1dz\xc1R\x8d*\xa7\xa9\xfc\xe9\x9dri\x81\x19U\x95"</t>
  </si>
  <si>
    <t>b'\x95\xf2]\x98m\xe7W\xecE=\xeb\xed}\xcc\xfc\xc4\x82\xf1\x90\x84 \xacU\xbfC\x8f\x03U-\x18\x11/'</t>
  </si>
  <si>
    <t>b'\xe5\xf9L\xdd\x158\x94`\xc0\x89\x1b\x11\x12 \x087\x17\x15qI\xd85\x98\xf6\xd3\xab\x9eU\xbdF\x99\x16'</t>
  </si>
  <si>
    <t>b'\xb0\x1c\x08\xf4\x8fk\xd7\xc9\xbb\xeb\xb6\x0f\xd0\x9b\xf17\xeb\xd4{?\x02zJ\x16\x06\xde\xcafC\xd5)\x0f'</t>
  </si>
  <si>
    <t>b' \xed\x1b\xcf\xf2\xd6\x99f\xa1\xa1\xb3{\xf1\xb0\x94\x19\x03\xe9\xeb;\xf5G!\x93\x85\xc0,E\xc8\x9c\x0b\r'</t>
  </si>
  <si>
    <t>b'&amp;\x0cZt\xa6i\xb9\xb5\xc5&gt;s\xddK\xb9\r\xca\xa9\xc3\x9d\xee\xe24\xa3\x12\xa6\xc1\x0b\xf8{\x11w\xf0'</t>
  </si>
  <si>
    <t>b'\xe1\xecAf%\xb2\xae\xf6\xe69\xafP3\xb5n+T\xa6\x19K\xcf\x12\x89\x1a\x1b\xd4\x9b\xd2\x1c\x020U'</t>
  </si>
  <si>
    <t>b"\xc9\x11\xb7\xfa\xd5\xa4S'\xe1c-\xf4\x93\xe0\xf5\xe4\xa1\xf6$\xf7\xa4[\x90\xc0\xb9\xfa`}\xb0\xf0\xbaN"</t>
  </si>
  <si>
    <t>b'k\xf3\xe8\xa9dY\xde\x00\xf6]C\x89+q\xf4\xa3\x14\xa3\x9b\xcdQ\x82\xcb\x86\xc0\x13\xbf\xf0\xd1H\x1f\xd1'</t>
  </si>
  <si>
    <t>b'\x8d\x94\xda\xf4h\x9e*\xafS\xa3\xf0\xb1Qg\xf7\xfd~\xca\xcbF\r\xacd"x\xd1\xcbmIQ\x9f\xcb'</t>
  </si>
  <si>
    <t>b'\xff\\=\x9cz,O&lt;\xbf\xad\xc7bK\x7f\x1c\xb7\xc0\x18\xc6\xc4\x86\xc7)[d\x14"\x8c\x84;Q\x84'</t>
  </si>
  <si>
    <t>b'\x0e\xa2\xc3\xb1D\xc4N&gt;\xde\x18i\x9e\x97&amp;U\xeb\xcc\x1a\xcfqF\x8f\xe7\xa6\x98\xdc\x1b&amp;\x81l\x9d\x9f'</t>
  </si>
  <si>
    <t>b'\xbd\xe9\x03\xd7\t\xb7\xe3d&amp;_9H0\r\x0c\x92\xc0\xb8\x9d\xc2,\xa1\x95!?w\xe3\xf9\x03%\xf7n'</t>
  </si>
  <si>
    <t>b'I\xec$j\xcc\xc2\x1aS\x18\x07\xe7\x92W\xe9\xc8]\xf2\x8eV\x8fG\xfaG\x02\\\xeb\xdfh\x82\x1f\xe3}'</t>
  </si>
  <si>
    <t>b'\xe7\x1e\x9d\x0e\xa0\xae\x81\x82\xc27\x99\x14{,\x0fB\x01\xc4\x9d\xda\xc6B\x0e\xb8\xd7\x02\xcd\xec\xda\xea\xb7\xe3'</t>
  </si>
  <si>
    <t>b'\x1d\xd1S\xae\xde\x1a\x8e\x15\x12W\x91+\xaa%\\\xcd\x9c\x9f\xe2\xa1\x0e\xec\x91\x12\xf5\t"\xae\xa1\x8a\x81*'</t>
  </si>
  <si>
    <t>b'\xcd=&gt;\x82@}:\xfd}\x1dI\xa2"\x96\x18\x0fc\xe7\xbbg\xd5\x1e\xc3\x93\x0b@9\xbc\xa2\xc6\xc1m'</t>
  </si>
  <si>
    <t>b'\xc5%\x8e\x9a\xe5q&amp;J\x8e,d \xcf\xb0%\x81\xc2\xaf\x9b|\xea\xbb7\x94\xb3\xf7\xdc\x9d\xe9\x18}1'</t>
  </si>
  <si>
    <t>b'B=wM\x00X\xdd\xde\x88\x98&lt;\xba~m\xcb\xb6\x0eB\xcfdV\x8eVm:!\xb2Fdp\xa1\xb2'</t>
  </si>
  <si>
    <t>b"i\x1c57\x17\xb3\x1c\xe5\xb4\xeb:\xf2\x1f,\xfbd\x14\xd9'\xb1\x99U9\x88^\xe7j\x8a\xc1\xdd4\xc4"</t>
  </si>
  <si>
    <t>b'[_F\xcb8\x8f\x1cG\xf7\x95&lt;\xfc\x05x\x8aU\x1b#\xdc\xdcG\x047\xc3\x8f\xe2\x89\rQ\xb3\x82V'</t>
  </si>
  <si>
    <t>b'\xc3\xcc\xfe\xb2\x85*c\x13\x9393~\x1a\x15#-\x8c\x85\xa8t5\x1f\x92\xdae\xb7\xb0\xbb\x96\x9b\x86`'</t>
  </si>
  <si>
    <t>b'\x10X\xb5)o\x9fbG-\xce\xf0\xfe]\xd0Sg\xf1\xbcW\x9e\x877\xee\xf2Y\x1df\xe7\x97=\xe6\x02'</t>
  </si>
  <si>
    <t>b'\xe2\xb18[\xc9}z\x90\x16&lt;^\xe8P\xde\xe5\x8b\x9cn#8}\x9c\xd8\x00\xe6u\x13#\x14\xd7y\x04'</t>
  </si>
  <si>
    <t>b"\xd3\xbcU_\xfe\x84\xffh\xa2\x01\xbd\x16e\x13\t\xa3\x9eo8\xeb=\x0f2'\xa8\xb1\nm\x19\xbf\xfb\xf2"</t>
  </si>
  <si>
    <t>b'_\xbfL\xda\xbc0p=rj\x1c\xf4\xea\x06\xa9\xe4\x924\x10C0\x0bC\x1b\x7f\x12\x82\x87\x93\x14\x18\xd5'</t>
  </si>
  <si>
    <t>b'$i0l\x9aR`H\xe4:\\\xbf\xfel\xfe\x83$/\x7f\xc9\xcfz\xc5\xffx\x98a?P\x91\xdd\x9b'</t>
  </si>
  <si>
    <t>b'\x10\x16\xf7\xb5\xbaY\xaa7\xae\xb8\xff\xc7\x7f\xce\x06\x18\xe5\\\x0c\x15\xa3]\xf8HG\x90~\xbf(p\xb4n'</t>
  </si>
  <si>
    <t>b'\x82\xcb\x13b/\xc3\xee)d`.\xc6 (\x98\xed\x84\x1c\xc9a\x11\xa4on\xd6\x92\x9ba\xaduW7'</t>
  </si>
  <si>
    <t>b'\xef\x1a\x89\xcd\x1d"\xd8\x87\xff\x0f\xe8z\xd7\xfc\x17\xd20\xf0\xfd\xfd\xd2\xa4\x16h\x05/\x8d\xfd\x98K&gt;\xfd'</t>
  </si>
  <si>
    <t>b'd\xac|h\x17$Y\x10\x92\x90\x89`\xce\xa1\x1ew\x9c\xcfrB\xcc\xd0\xefP\xb6_e.\xb6\x9eZG'</t>
  </si>
  <si>
    <t>b'\xa6\xe2nc\xcd\xa0\xc7r`s(\xaf\x19:/\xe3\xbf9\x1b\xdc\xf99)\x14\xbf\x8f.\x80\xf5\x92\xf1\x96'</t>
  </si>
  <si>
    <t>b'|~\xbf9J\x90n\xaf$|D\xd4\x06\x7f]\xd8\xad\xcf8L\xbb%\xdfW\xc72\x06y@gb\xc1'</t>
  </si>
  <si>
    <t>b'V]O%0\x8e|\x98a\xe9\xb0\xac^\xbaf\xe5\xc7\xfe\xd8\xa0\xaf\xd2\x04\x96\x8b||\x95\xc6\x08\xd7\x1b'</t>
  </si>
  <si>
    <t>b'\xd2\x87\x9cN\xad)+\n\xa7\x8fC\xf1\x0f\x8e\xdd{7H&amp;\xb9,\xd2\x08\x02\x91N\xb2:\xd1\xb5?\xab'</t>
  </si>
  <si>
    <t>b'sP:$;6\x18\xfbw\x97\x93O\xdf5P[\xcd\xc9"\xcdV\x03\xeb;\x15\xca_\r\x1ad\x03\xca'</t>
  </si>
  <si>
    <t>b'[O\x1d\xf4\xaf\xd36\xd1\x10};\xfe\x8f\xb0p\xbfxb\xbdy\x1e\x11\x8c\xdd\xe8\xe4D\xda+A\xa3\xe6'</t>
  </si>
  <si>
    <t>b'\xfe\x9dl\xb7\xcd\xc5j\x8eL@\x15rw9~\xc1B\xf6\xb27\x80mQ\xac\x1b\x99\xa3\xcd\xf0\xd5\x14\xde'</t>
  </si>
  <si>
    <t>b'\xef\xd0\xb5\xa5m|\x9f[\x10\n\xacU\x11\x90s\x89\x9b\x7f\xbc\xb1\x89jd\xfdQL\xbc~,\xee\x90p'</t>
  </si>
  <si>
    <t>b'?\xa8\xa9\xcb\xc6I\xd1\xc7,\x16#dW\x11\xf7\xa8\xe0x\xd1\xad\xa1\xe9&amp;D\xd8q\xbe\x06\xd6o\x1fj'</t>
  </si>
  <si>
    <t>b'\\\xb3\xcf_\xcf\x9b\x7f\xc2\xa0\x1a\t\x9d\x1f\xcd\x97[\x9cx\x16\xd3u\x90\x88f\xd4\x03\xcd\x99\xca(\xa8\x87'</t>
  </si>
  <si>
    <t>b'\xa2\xe1\xbf\x89\x1d\xc1k\xfe\x9a,+\x9e\xa1\x11\x11)e\x9f\x10\x17[H"F\xfb\x11"\xaav\xb2\xae\t'</t>
  </si>
  <si>
    <t>b'\xdaU\x0b\x03%\xa5\x99t\x17\xeb\xbc5\xd6\x84\xb3"\xfd\xf6\x08\xf9\x85]\'G:\x94\x07\xd0P\x9c\xaa\x8c'</t>
  </si>
  <si>
    <t>b"\x8d\xae\xd2^z$A\x90n\xdb'\x0c2u\x9d\x975\x02-r\xfb0\x13&gt;\xbd\xa5\xc7\x93C\xa9\x02\x19"</t>
  </si>
  <si>
    <t>b'\n\x01\xe7B\x0b\x95Q\xf3]ze\xdf\xa549`n\x83\x8b\xc0\x90Sl[\x9a4t\n.A\xe7\xcf'</t>
  </si>
  <si>
    <t>b'%\x06\xcad\xd3\xa9\x1f\xb8\x1a\xf0\x0eA\x12f\xf5\r\xff8\xac\xb8\x98\xd6\tzL\xcaH\xc9\x8a\xaf\xd3u'</t>
  </si>
  <si>
    <t>b'\x8e\x1b\x0cL\x97\xd1~a\x1bM#\xde\x8d\xa0$M\x96R\xceb\tpZ!\xafB\xac\xfd\xc9w\xa8\xfd'</t>
  </si>
  <si>
    <t>b'0\x00\x9b\x1b\x1c+2"\x19\xbf\xee\x8a\x1e\xae\xc6U\x13\xcc\t\xd6\xfcA-9s\x8e\x8f9\xfd\x9d\x81\xa8'</t>
  </si>
  <si>
    <t>b'\x0e)\xa6m\xfb\x12m1:P\x17F/\xb0R\xd1E\xcb\xdc\xee\xd0.\xdbr";hf\x98\x9a\xce\x15'</t>
  </si>
  <si>
    <t>b'\x89uQ\x91\x0e\x84+0\x90\xa1\xb0!\x8aI\xd3\xd4\x1bw1\x83~\xecc\xd0H\x05"\x8eE\xcb\x13d'</t>
  </si>
  <si>
    <t>b'ru\x9a,\xf9\x8ezs\xb3D\xc9"\xac\xcc\xfd\xdf\xc2\x98\xd6\t\xb6\xfc\x08\xd9\x1c\xe2\xc2\x9f\t\x8a\n|'</t>
  </si>
  <si>
    <t>b"W\x1cjO4\x15c6\xda\x05\xab\xf6k\xa9\xe9!,\x10\xa4\xa2\xbe\x86\xa8\x9cMV\x8e\x0c'\r5\xc1"</t>
  </si>
  <si>
    <t>b'\xa3\x1f.\x96\xcaY\xc0\xb3`\xacvX\xdd\x86\xd06\xf1\x10C\x86\x9em\xd5\x0f\x8f*\xb1d\xd0P0\xd5'</t>
  </si>
  <si>
    <t>b'DqV\xce\xd0\xa5\xf1\xeb2\x1f\xedV\x11\x8cw\x11\xbe\xe8\x8dA%{\xb7si\xb9\x0b\xee1\x82\x92-'</t>
  </si>
  <si>
    <t>b'\x95\xc7&gt;\ns3HX&lt;\xc4;Hp\x83\x8c\x83\xfe9\\3\x94\x07\x9c\xc0\xb7R\x9e\x82\xa0\x06z\xd5'</t>
  </si>
  <si>
    <t>b'G\x13=\xcf\x05\xe5\xf7\xaa\x0e\xe7I\x05M\x85\x17\xc1&gt;\xeb\x86\x1eg\xb0\x0ck\x80\xc2\xc0\xf1nJq='</t>
  </si>
  <si>
    <t>b'\x1dh\x08\x94\xca%\xe8`}~\xdc\x80\xadg\x80\x14\xf3\xa7\xf1\x1b\x83E\x9e\x0b\x8aX\xa2=\xf3\xdae\xe7'</t>
  </si>
  <si>
    <t>b'6F- &gt;\xddR\xb4\xcdieE\xd5\x07\x8d@!\x9b_\x07\x9c\x83;\xba\xf5\x14-|\xda24\t'</t>
  </si>
  <si>
    <t>b'\xe9\xd5\xa4T\x9e\\\x9b\xb4{\xb0\x15P\xcc\x85j#\x93\xa2\xfcy\xb0QW\xea\xef9ndk\xaf\xb6\xa0'</t>
  </si>
  <si>
    <t>b'\\\x17`\x91\x18\xe0\x95\xd2\xbc\xd3\xb0\x07jL\xa1]~9x\x86fI\xedg\xe2\x1e\xb0\x1e=\xcb3\t'</t>
  </si>
  <si>
    <t>b'&amp;k\t\x1b\xabRT\xa3\nRxW\x1b\xf1\xf1W^\x87\x00x\xd3xP\xe3Y\x94\xe8\xaf\x07\xca\xc0\xa7'</t>
  </si>
  <si>
    <t>b'\x94\x88EV/P\x88\x95}\xe44A\x83\xcb\xb9\x1a\xc1.\x0f|~\x95#\x02~S\xcb\xdb\x94~\x99\x9e'</t>
  </si>
  <si>
    <t>b'\x13dm\xd5\xb2\xb5\xcb\n^\xf3\xf5s\x91\xfd\xeb\x88\x963?}\x9a\x80%[\x01\xd9\xbc\x92\xadU\xde\x9e'</t>
  </si>
  <si>
    <t>b'51\xc3p\x14.1\xccL\xe0\xcd\xfab\xd1\x06\xf6\x15\xc3\xf6\x92\xcc\xca\xc5OoV\xc4r5a\tM'</t>
  </si>
  <si>
    <t>b'\x0b6\x8c\xba\x8f\xb0\xa2\x81F\xbf\x08\r\r\xbc\x0b^\xd8\xd5\x8c \x1c%\x82(\xcd\xa0\x9b)D\x95\xa3\xac'</t>
  </si>
  <si>
    <t>b"\x9b\xcbEx\xc8\xd5'\x97w\\\x0f\xb6z\x9eKoEs3\xc7f\x0bB\xf1\xe1\xd78\xa3\xc4+\xcd\x08"</t>
  </si>
  <si>
    <t>b'\x10R\xc5\x16\xe87\x0c\xddc\xdc\x9a\x8b"\xa8\xd9s\x19T\xf4\'\xb6\x1eM\x1e\r\xa2J\xba\x8e@\xc0x'</t>
  </si>
  <si>
    <t>b'C\xbf9\xdf\x80&lt;.\x0eWE\x19\xad\xdc)\xf4\x88\x91rQ\xdeA@\xd5\x1am\x8bF\xad\xb45tD'</t>
  </si>
  <si>
    <t>b'\x828\xc9\xaf2\xa3*\xd9\xa3O\xb2v#D\\\x04\xf6\xa9\x1aK\xf6\xe5W\x04\xf6\n\xa4\x90\xc7\xe8&amp;\x89'</t>
  </si>
  <si>
    <t>b'\xc3jF(\x87\xec2\x83\xab\xda\x1a\xc4$\x85x\xaa\x82\xd6\x1dp\x9eC\xc3Y\xc4\xe7-\xb1\x13{\x9f\x03'</t>
  </si>
  <si>
    <t>b'wT\xef\xb7\x7f\xce\xea%\x7f\xd40\xd8\x1fY~!\xbe\xcd\xc3\xd1\xfb\xdaF\xad\x08\x95\x9c\xc0\n\x9cC\x87'</t>
  </si>
  <si>
    <t>b'\xb40\xb6\x0c\x8aE\xf5\xdd\r\x9e\x90\xc5V\xe9EjW\xf6D\x07\xf2\xee\xd4\x93\xbf\xe2\xcf?|\xd5y&amp;'</t>
  </si>
  <si>
    <t>b'\xfd\xea\xb4q\xa5,\x95q\x8cx&gt;Z&gt;\x93\x96\x86\x85\x01syu\xcc\xaa\x82\xf6 \xa8z\xf96p\xfa'</t>
  </si>
  <si>
    <t>b'9%\xae\x9e \x9f\xe7\xe9\xd97\x02\xda\xdc\xb1\x82^\xb4\x8czzz\x05\xb7E\xb9|\x8f0+\xe2\xf0\x8c'</t>
  </si>
  <si>
    <t>b'o[)\xb4\xc3k}\xbc\xf1\x1b\xe5\xdb\x08\x11\t\xeaX\xfe\xae\xad{\xa9tw\x18w\xcab\xf5\xd0\xabR'</t>
  </si>
  <si>
    <t>b'\xee\xfa\xcay\x00\xb8p\xe8p\x02\xa9&gt;\xb6\xcb\xa0F\xc2\x85\xab\x90 O?\xa6a\x97\xa7S\xb4\x1f\xae\xb4'</t>
  </si>
  <si>
    <t>b'\x10\xf2\x9a\xa7Q=wl\xcc\xa9\xdc\xfe\xfb\xcb\xac\x94fc\xa7\x94\xf6\xaf\xe2#{\xdbr\xd9\xed$\x86&gt;'</t>
  </si>
  <si>
    <t>b'7{A\x96\xd4\x1c)\xcd\xfb\xb9\xd3d\r\xa9\x87G~&gt;S\x8d\xb6\xb9\xaf\x96g\x1b0(\x19jX\x84'</t>
  </si>
  <si>
    <t>b'\xe6\xd4z\x0cAU\x94\xc6f\xb5\\\xa1\x19\tz?\xd3\n\xb7\x8a&gt;\x1a\xc8M\xd9\x1f\xa7"\xfew\xc8\x0b'</t>
  </si>
  <si>
    <t>b'\x94\x18k\x16VA18\x01\xbem\xafv\x92+6\xb4Wy\xe0\x9b\x91L.\xc1\x04\x15f\xcb\xd5t\xce'</t>
  </si>
  <si>
    <t>b"0\xdc~\x16w-w\x08\xfdx\xde:'\xa8\x9e\xce\x94\xe9L\xd8\x00l'\xde-\xdea\t0h\x9a|"</t>
  </si>
  <si>
    <t>b"\xa7^\x08(J\xd6\xde\xdb\x1d\xf94\x8a\x8f\x12\xc1\x11\x8e\xc9\xc9\x07N&amp;\xd1\x81l\x81'\x18S\x86\xecQ"</t>
  </si>
  <si>
    <t>b'$BZz;\x01\x8e\xfb\xd6[\x03k\\&lt;\xe2\x82\xf5c/e\xd59\xa8\xc0\x03\x0c\x9e\x87;\x9b?\xa6'</t>
  </si>
  <si>
    <t>b'\x17\xda\xdb\x9bX#\x80\x9d;%\xf5\xd3\xc9\xb1\xeb^"\x94\xc3MD\t\x7f\x1f\xe9\xaa\x88\xc7&amp;!7w'</t>
  </si>
  <si>
    <t>b'\xcb\xdd\x14|_\x89\xf4\xb3$\xe2U($\x8a\xc3"6W\xb4QFMp\x86\x18w:\xea\x7fy\xdac'</t>
  </si>
  <si>
    <t>b'i\xb9F\x84\x1d%\x0c\x19b|tSS\x07gv|\xe7g\xf7k"\x91\x8e9h\xdf_\xeb\xdf\xb9\xb4'</t>
  </si>
  <si>
    <t>b"z\xa4x\xb8\xe8\xf7\xd6\x9c-\xc3'\xa6\r\xde4v\xf2\x13p\xa5v\xc7\xba,\xa7L\xef\x89\xb6\x8c\xaa\xa2"</t>
  </si>
  <si>
    <t>b'\xf6\x0bd\xf45\x06H\xf4K\x9c\x98$\x1a\xb9\x03\x80\xae\xf5\xb7\xbc\x02\x83\x82vrB\x1a4\x08\xb4\xb7\xb4'</t>
  </si>
  <si>
    <t>b'\xd4q\xf4\xaa\x08+\xcd#Z\xfe\x0f\x87\x8a\xa7\x10\xdf\xb1\xb2\xe3\x8f\xae\xaec\x91rV\xd5\xce^\x98_\xa4'</t>
  </si>
  <si>
    <t>b'\xa9%\xa5\xa3lz\xb0vtM\x89c&gt;k\xd1\x8b\x00&gt;j\xa6\xec\xef\x02\x9b\x08\xb3I\xb5\xff\xa2H\xd8'</t>
  </si>
  <si>
    <t>b'v\x93\xac.;i\x1a\x92\x96\xa8\xc1\xffm\xdc\xeb\\E\x8e\xb7\xf3F\xbf\xee\xf8+b\x1c\xdbt\x06K\x81'</t>
  </si>
  <si>
    <t>b'\x17Nh\xfd\xfb\x9a\x85\xa9\xc4!\xc0\xc2\x89C\x890\xc8w?\xfam\xed\x95\x85\xf5Jz\xec\x93\xc2\xd6.'</t>
  </si>
  <si>
    <t>b'\xd9\xc4=\x81F=\xba\xd0i\xca\x19%\xc8c\x15b\xe0\x14\xc2x\xa5e\xd6,\xef\x88\xc6\xfc\xd25\xfb\x02'</t>
  </si>
  <si>
    <t>b'H\xdeM9W\xf9\x81\xd0\xfc":\xcd\xcdOP\xce\x8c\xaduc\xf3\x1e\x03\x01g\xa0\x9d\xda[\xafl\xef'</t>
  </si>
  <si>
    <t>b't\xf7\xd1K?\xeb\xd5\xae\x1cB\x99\x07w\xc1\x85\x9ds\xf7%j+\x05\xd6\x9a\xb6\x86\xc3\x91\x82\xbe+\xc4'</t>
  </si>
  <si>
    <t>b'\xb8a\x05)N\x9e\xc7\xce\x0b~\xe2\xfe\xae0\xf5\xbbR\xb7_9\xb0\x9c\x01\xa1\xc789\x96\xd1\xfcv\x83'</t>
  </si>
  <si>
    <t>b"\xfd\xdf\xf1\xf0p\xd4\x02\x9d\xda\x8bt\xd8S\x89\xad\xa6\x98\xdf\xae\xbb\xd5\xd0\x8dtK\xfag}'b\xba\xac"</t>
  </si>
  <si>
    <t>b'\xdcr_\xe0\\\x08\xa7\xeb#\xc9\x0f\x8d\xf5\xae\xa3\x89\xa6\x96j\x9a\x85\xb2\xc6\x9c\xa9\x0bi\x94\xbdP^o'</t>
  </si>
  <si>
    <t>b'1\xf7Rj\x87mCbAk\xf8\x8c\xd3\xce \xd2!An&gt;])Q\x93Z(8\x84\no\xb3\x8b'</t>
  </si>
  <si>
    <t>b'\xc0unj\x92\x02:\xcf\xb4\xa0\xe4\x02\xae\xa5K\xe2\xb8\xdc@\x10\x82T\xf7\xb7\xa3\xc9|\xc1\xae\xa6\xc6\xdc'</t>
  </si>
  <si>
    <t>b'\x7f\xf6\xb5CO6\xcdB\x92\xef\xc8\xb7\x00P\x0b\x9c\xf9\xe5\xaf\x8b\x89\xb0+$\xb3\x1a\x95E\x1e\xe5_w'</t>
  </si>
  <si>
    <t>b'ZP\x0cz\xa0\x9a\xd7Rw\xab\xa0\xe2\x13/\xd5\xf4=\xcdU\x92\xaaV\x07\x8a\xe3a\x98b\xc7 \x97`'</t>
  </si>
  <si>
    <t>b'\x9f}\xbeqk\xbf\x8aP&gt;.3@\xba\xf3N\x90/\x03\x0e%G\xd1aAI\x11\xcaP\x14\xd8Z\x0b'</t>
  </si>
  <si>
    <t>b'\xc3\xe7nf\xa2\xbep\xd8\xedL\xcb\xa2O\xdf\xc5&gt;zQ\x99{\xbf\xc0\x84er\x9a\xa2\\`\x12\xa0\x0c'</t>
  </si>
  <si>
    <t>b'\xf1\xc6\xc6\xa9\xaaj,\xb9Z\xe2bU%\xe7\x94fv\x7f\xf1\xe0\xf4V\xf18\x91v[\xf5C(\xa8\xd2'</t>
  </si>
  <si>
    <t>b'N\xa9z{\xa1\xb2%\xbc\xdbEy\xbc\x8b\xea\xdd\xa1\x1f\xd1\x14\xe1\xcc\r\xc1\xc8\\\x8b\xe1]\xc2;\x00\x8a'</t>
  </si>
  <si>
    <t>b'\xe548\x81\x865\xd4\xe7H\xd7\xdfAd\x1f\x0b\x96Hs\x11\x96\xda\xeb$\xc4\x05\xa2\x81\xa9\xb7\xb8\xfa]'</t>
  </si>
  <si>
    <t>b'}\xe3\x87\x14\xb3ZW\xa3z\xe2\xef\x84\xfb\xf2\xfc\xa3\xbc\xa8&lt;\x8a\xb31\x1f\xb9\xd2\x04z\xf0\xd5\xfc&amp;9'</t>
  </si>
  <si>
    <t>b'\xe99\xd7\xa0@\xa3e\x82P\xb5\xf2\x168\xddw\x03\xd8\xfe(\xbf{\x97\x17\xf1\xb83\xa1\xad\x19\x89m\xe0'</t>
  </si>
  <si>
    <t>b'\xe4\x07\t\t\xc6\xe53N\xe8\xa1?\xf4M\xbd\xec\xff\xe5\xfa,H\xcaO\x1dt\xe1\xd1\x06\xe7?\xd4Z\x8b'</t>
  </si>
  <si>
    <t>b'\xe1\xee\xa2\xa7\xb4\xa0\xe8w\x08R\x8e\x01\x0c\xd1Y\xd62G\xb0\x105\x056\x1eM\x9e\xfa:\xc4\xc1\x9b9'</t>
  </si>
  <si>
    <t>b'\xdbS\xb0\xd9\x884o\x8c\xf1\xc9\x12\x8d6 \xa0\x92\xcfn\xcf\xbc\x13\xfdo\xb9\xa7"\xe7\xdb\xa7\x9c\xbb\x05'</t>
  </si>
  <si>
    <t>b"i\xe7\xfe[T{\xd8}'\x8e!\xdd\x8a\xd7\xcd\xd3\x1c\x1b\x96M\x03\xbc\xe6\xf8\x08V\xd2\x9f,)\xb2t"</t>
  </si>
  <si>
    <t>b'\xd5\x03g\x7f\xd1\xe1\xa1\xe4&amp;N}\xa5t\x1e\xcf\xcc/\xa9\xcd-;F\xf5\xa7\x08\xef=X3R\x1eb'</t>
  </si>
  <si>
    <t>b'\xc8\x1f\xbb\xbf\x1d\xef\x08Z\xd0%\xb1X\x92\xe3#\xac\xd3\x11P+d\xe6i#\x1a9\x7f\x19\xdf\x169K'</t>
  </si>
  <si>
    <t>b'\xa7\x97\xa76\x01\x9a\x82i\x81\xe4du\x89T\t;&lt;\x03\xab\x0fsjO\xb7\xb3At[\xe9H\x1f\xcd'</t>
  </si>
  <si>
    <t>b'\xf4;T=P=&lt;Yu:\xd2cT\xf2\x96}\xa9\x80\xdcT\xbe\x80\x7f}\xb4_\x95\x1d\x880\x03\x8b'</t>
  </si>
  <si>
    <t>b'\x9ft1A/\xef\xf4$Ci\xf9\xd90a\xc5\xfe\xea\xe1\t\x05\xca\xbb]\x91\x93\xf2\xec\xaaN\x185\x87'</t>
  </si>
  <si>
    <t>b'\x19Xb\xd2${\xfe\x85jr4\xb0\x0b\xa6\x88\xaf$\x0e\x97\xddZ\x95\x07\xeak?L\xe5\x94\xc3;a'</t>
  </si>
  <si>
    <t>b'5\xe4\xadE\xc53/\xf5\xb3\x8c\x13\xe9S\x9aK\x85\xdc\xaf\xb8\xa8\xec\xae\xee\x048#\xe9F\xcb\x11bL'</t>
  </si>
  <si>
    <t>b'\xa5\xc5\xe3\xaf\x1f\\\xe7\xeb@\x18\xf7+\xf9*\x98\xffR\x15Q\x14\xf7\x89M\xbe\x8d\x90\x1f\x1b\rF\xce\xd3'</t>
  </si>
  <si>
    <t>b"\x80e\xa8`Ft\x80\x9cH\xbb\xe1\xc02\xb4\xb57\xd2&gt;}\xcd\x07\xd5\x8ad\x02'8\xb59W\xf2:"</t>
  </si>
  <si>
    <t>b'\xfd\xe8\x87wM\xf7\xd4\xd2G9\x1f\xbdK\xe9\x99\xa4\x05h$\xc3\xe1\xdc\x12=\xcf\x94^\xbb\x15q\x1e\xec'</t>
  </si>
  <si>
    <t>b'\xe3\xb4\x02%Ke\x96F\xe1\xac\x8a%\xa5\x80\x028p\xeb\x89$\xeaU:\xc80\xd0\xb2$\x8d\rY@'</t>
  </si>
  <si>
    <t>b'\xd9xU,^b6w\xbd5&amp;\xd8DC\x85$\xd9\x83\x90Z\x05[\x18\x0020\r\x03\x11\x04\xf8F'</t>
  </si>
  <si>
    <t>b"\xa1\xfdow\xbeY!\x8e7H-\xd0b\xff\xb7'&amp;\xd8\xd9@\xddh\xe9\x9f\xb7\xfb,\xe2\xfeAw\xdf"</t>
  </si>
  <si>
    <t>b'\xeb$-\xdc\xa5"C\x13Z+T)\xdaP\xd1\xef\x90J\xedI\x1a\xe4\x83x "\tg\xe6F\x17\xc6'</t>
  </si>
  <si>
    <t>b'\x87\x0c\xd6&amp;t~\xb3\xdd\x0b\xe6J\xed\xc3\xf6\x8f\x1d\x18=hx]\xd8\x94\xacU\x07{o\t\xa8`\xff'</t>
  </si>
  <si>
    <t>b'C\xcaDCK\xc1\x99E\xa1y@e\xde\xd5\x02\xc6\xb5\xf8\xe5\x9a\x86D\x8c\xd3\x0b7\xe5\x00Vq_\x1a'</t>
  </si>
  <si>
    <t>b'\x85S\xf7I\x05,\x87\xef}&gt;\xe70Y\xfdN\x9a\xf7N#\x0fG\xbbwVd6\xb6V\xb4!!\x98'</t>
  </si>
  <si>
    <t>b'k&amp;\xf9\xab\xd2\xee\xab\xdch\xc8^W8\xb9\xc8B\xd9\xbd\xb9\xc4\xb6\xe2Zb\x06X\xe5\xf9\xa77;\xac'</t>
  </si>
  <si>
    <t>b'%I\xfd,3\xa6\x15(b\xf5\xe0_\xecF\xef\xfe\xed\xd9Y\x8cA\x99\xf2\xf0\xde\ro\xc8z7\x03\x04'</t>
  </si>
  <si>
    <t>b'2R3\xca\x1f\xdd"/t{R\xe2rh\x1f=\xf6\xb7Ox"gL\xa7\xef\x81\xfd\x97@v\x9c\xd2'</t>
  </si>
  <si>
    <t>b"\x00\xd1\xd5T\xac\xde\xefU\xc7\xf0\xca(\x9e\xb54'\x078\xd7\x92G6\x9c\x9c\xafN\xd8\xa4+\xf5\x85u"</t>
  </si>
  <si>
    <t>b'\x1aa\x08\xc4\rQ/\xc8\x01\xcd-\x9c\xcc\n\xb6\xb5;\xf1\xc1\xc8F\xdb\x0b\xef\xae\xdb\xc4\x7f\xfb\x93\xf9\x1c'</t>
  </si>
  <si>
    <t>b'C0\xd4\xe5\xbe\xac\xc5V\xdf\xab\xd0\xd0\x0c\xfa&lt;\xcc\xe1D\x13\xad\xb5-\xf6\x16\xc8\xde\x19:&amp;\xc9\x0f\x8a'</t>
  </si>
  <si>
    <t>b'\x1c\x8c\xf92\xd2\x7f\x85\x11A\xfdVb\xd2Z\xea~G$H\x8f\x89\xd9h)\xc2~\xbcc\x05{"U'</t>
  </si>
  <si>
    <t>b'\x94\xfb\x97\xc3\xa48M\xa0by\xf1q\x8ef\xc5\x00\xf7\x03\xf6\x84*Qq\x99\xe2O\x15\x84\xd0\xec\x8f\xac'</t>
  </si>
  <si>
    <t>b'\xd2\x87\x84\n7R+\x00\x94b6\xd2jHkGh\xa7\x94Z\xdbwI \xcc8\x1b\x0coA6\x86'</t>
  </si>
  <si>
    <t>b'V$*\xff\xda\xc4\xaa\x83_\x87\xe3\xc6\xe7\xc6\xff\xec\xd4\x05\xb0\x1a\xbc\x90k\x1d\xfd:;\xe8y@1G'</t>
  </si>
  <si>
    <t>b'\x16\xa32\xc3o\xf1e\xed\x18\xa95=\x7f\xc2\x1b@r\xcfXx\xed\x189\x00\x0c\xa4\x9d\xe5Q\x16\xfdF'</t>
  </si>
  <si>
    <t>b"\x9c\x87f\x9cS\x00\xa4k\xcd6'\x1f\xac:\x0cV\xc6\x97\xf3 X\x89\xf4\xe2nU\xb9\xb9\x8b\xc1\xbfA"</t>
  </si>
  <si>
    <t>b'_\xdc\x9c\xb9b\x13u\x8f^\x11\x94\xef\x89\x90\x1f\xfer\x9c\xbf\xbb\xa5\xf65\xf9\x9b\xb1\x00\xf3d#\x91\x8f'</t>
  </si>
  <si>
    <t>b'\x06\x83\x17\x19 \xa6\x94\xbeS\xa6\xc0p\xe2s\x8a\xb0\xf0\xa0\x13J\xf2\xed\xdc\xc5\xa9\xca\x8d\xbcz\x06\x9e\xcc'</t>
  </si>
  <si>
    <t>b"\xa8\xd1\xfc\x8b\xa2L'g}\xe9\xef\xbf\xa3\xfe\x03\x98\xb4\x1eb\xde\xa0\x96by`\xfa\r.\xd9\xac-\xdb"</t>
  </si>
  <si>
    <t>b'Q\x91\xa9\xd8\x8a\x8d[f?\xa4\xc0\x80\xb6\x83\x8fQ+\xa3\x92\xa9\x91\x14ci\xfcH\xc8H^\xa3\xb9\xb4'</t>
  </si>
  <si>
    <t>b'\xa2G\xfe\x11\x9bA\r\xd3y\xcd.\xdd\xbe\xc0\xa7\xc9\x0c\x8cd\x19\xbe\xf6\x11\xaa\xcf6\xf36\xdc{U\x07'</t>
  </si>
  <si>
    <t>b'\xfey\\\x91\xd4(\x85\x17\xd9X\xbbM\xe4p6j\xce\xcc\xdcGB\xfc\xab9\xa5\xf2\xba\xa6\xbd&amp;\xcb\x0e'</t>
  </si>
  <si>
    <t>b'\x9b\x12\xc3k\x9d\xffxV+\xd3Jr\x06\xe3H\xda\xe3\x817\x1fV\x93\xe9\x93*[\xc5\x8e\xe3\xfd\x1b/'</t>
  </si>
  <si>
    <t>b'\xd7D\x90\x031\x8a\x96\xf6\xed\x06\x8cs\xd4\xb3o\x07\xc3\x11\xfe\xc1\x9d6\xe1\x0by!\xbf{\xd3\xe6\x1a"'</t>
  </si>
  <si>
    <t>b'\xd4\x01\x9d\xfc\xa5\x07|\xe3\x90\xcd\x89\x8fz%|\xea]Q\xb0\x04PI\xe6}=\xb5L\xe9\xdcv\xe1V'</t>
  </si>
  <si>
    <t>b'\x00\xa9*\x80\x178\xaf\x1dg\xd5A\xe7~Q\xe8\x03\x0e?\xddfN6&gt;\xef\xe4\x89\xc64\xc6O\x80\xb7'</t>
  </si>
  <si>
    <t>b'\xe2\xe0\xd7\xb6\x87,\xc0}\xf8\xb8\xceI\xe6\xbfW\xe2\xfd&gt;\x99\xcc\xad\xa7\x18K\xb8:e\xb0#\xf2]\xa9'</t>
  </si>
  <si>
    <t>b'\xe51_N\x8b&gt;\x83&lt;{\xb9\x9aP\x02\x17\x16i\x027\x98y\x82\x99(\xe8,-y$\xf6\x15O\xed'</t>
  </si>
  <si>
    <t>b'~\x07\xc1HA\xd2}(]\xff\xbc\x00\t\xce\x141\x981\xcf\xc8}\x82\x9c\x19\x1b\xfc\xea\x07\x16\x93q&lt;'</t>
  </si>
  <si>
    <t>b'\x97Z\xe98\x1a\x17\xd3_M\x1d\x06\x96F\x9f\xe3#\x8f&amp;r\x05\xb2\xecd\\5\xe6&gt;\xe0Wu\x88\xa8'</t>
  </si>
  <si>
    <t>b'\x19n\xfcE#%!!\xd7d\xf5hh\x0f\x87t\xe5~\xee\xb5\xbeJ\x9c\xf1\xabYO\xd2r\xe9\xb6\xba'</t>
  </si>
  <si>
    <t>b'\xdbf{\xdd\xfe\x94j\xb8\x8e\xeb\xf8\xf1\xff\xb6\x83\x17\x99d\x88d\x86\x08\xb6T \xd4\x85\xcc\x8d"\\D'</t>
  </si>
  <si>
    <t>b'r\x03#\x08\x1c\xc2\xc3\xc8\x05q\x06|\xe7\xdb\xe1\x18\x87bB\xac\x89%zh\xe6|\xf8\xf42\xf3\xeab'</t>
  </si>
  <si>
    <t>b'\x98\xfc\xa9\xc6\x8fe\xe8\x8es\x91\xfd\x7f\xd1n\xdf\xa6\xc9c\xf6\xc2\xbdH\x8c\xf1\x84U\x0fFV\x1eq='</t>
  </si>
  <si>
    <t>b'l\xd1`\x95\xad\x13R\x98\xd6R\xfeMk\x88\x92\x12\xe4}-\x81u\xa2&gt;\xfd=\xe54-\x83\x8e\x80I'</t>
  </si>
  <si>
    <t>b'\x08%\xe5\x8e\xf5\x83Gc\xaa\xa2\x17\xb4\x1a&lt;\xc7\x03\xc7[!\x95M\xe3[8\x8d\xeb\x98\xd8\xb1\xe8Z['</t>
  </si>
  <si>
    <t>b'\xc3iL\xc6R\x8a/y\xd4\xaa\x89\xe2\x82"\x93q\xf6S{\xc0/\xfc\xaa\xbb\xcf\xf2(Z\xec\xf8\xeb\xba'</t>
  </si>
  <si>
    <t>b"\x1f\x0e{\x94\x8e\x91b\x80\x0f\xe9\x05\xd8\x9f('&gt;\xa042|\xfa*\x03\xf9\xd3\xd13\x1f\x12\\\xc4\x14"</t>
  </si>
  <si>
    <t>b'\x1daJ\xf0!\xa8\xe1V\xf2,v\x8e\x8e\xd8\xde\x0c\xa4\xe8\xf7\x80\xa3\xd9x\x0cw\xe7\xe34K+MV'</t>
  </si>
  <si>
    <t>b'\x9c\xa5\x8a\x01\xd972\x83\xbaN\xce6\x9b\x96$\x9f\xe7\xc4\x13\xc9\xbb\x16\x02-\xf7\xa2X \x0b\xb1\xe9\x8d'</t>
  </si>
  <si>
    <t>b'\xe7\xa6\x83/\x18wb\x00=Qh9*YG\xec\x17\xda\xd5\xb1\xfe\xb4\xa2\x93\xc1\xec\x1c8\xb8\xa8\xd6\x18'</t>
  </si>
  <si>
    <t>b'\xa9\xb5;\xed\x83\x06@\xa47\x9a\xceq\x97\x1d\xcbR\x91\xf9\x17\x06\xb3\x9e!\xc34}k\xc0\xa9\xe2\xd0\x8c'</t>
  </si>
  <si>
    <t>b'\xa6\xf9Vher\x82(1\x98\xc5\x14y_c\xd8\x9dc\x86o\xaa,\xd4\x07\xdb\x80L!\xe8\x05@\xf4'</t>
  </si>
  <si>
    <t>b'\x0eJ-q\xd2\x80Q\x8a,\x92\xb7&amp;%\x83\x80\xcd\xec+$\xb7\xb4|\x90\xcb\xb3\xeb\xd5U\xfb\xbf\xe0]'</t>
  </si>
  <si>
    <t>b'\x8em/\xb8\xe9\x9byrO\x96\x1c\xa7\xc9\x85A\x88]3\xb3x\x95\x81\xf3\xfc\xf5_K\x81\x1e\xb8i\xaf'</t>
  </si>
  <si>
    <t>b'\xd6a\x8a\x01\xc3\xec\xc5\xe5\x85\x1fyo}\xfa\x0e\x06\x89\xae\x7f\xef`M\x19\xff\xa6@H\x83`\xa5?\x04'</t>
  </si>
  <si>
    <t>b'\x87\x11\xe5\xf1\xa8\xd4y\xd8&gt;#XW\xef(\xd3+p\xd77\x9d8\xef-\x16\x8348\xec\xc3]\xc4\x18'</t>
  </si>
  <si>
    <t>b'\x9f;\xfda\xdcJ\x84i\xf6q/\xe8d\xaf\x91\x0b\xa7\x1c\n\x86\x92\xc8!\x80\xc41\x91\x91+\x97\xa9\r'</t>
  </si>
  <si>
    <t>b'2\xcb13`\x17\x84D\x1d\xf8=\xe65L\x90?\xd1\xc6D\x93\xca\xdePl(\xf6\x8d\xb3\x10\x99\xaa\x13'</t>
  </si>
  <si>
    <t>b'\x87S\xb7\xbe\xd0*\xc0F\x9dX\xaeU\x0c\xe8A\x04~v\xbf\x10\x10,\xb3=\xfb\x90\x0eM\x08\xa1w\xdd'</t>
  </si>
  <si>
    <t>b'\xd5Uu\x0c\x19\xf8O\x88\r\xc3\x00\xa2\xc9\xb4&lt;\xf9N\x18\xdf\xe2\x8a\xf5\xb2\xaa2\xb2O\xdd?6\xe0U'</t>
  </si>
  <si>
    <t>b'\x85v"\xfa8\xea\xa2\xfa\xe0W\xbf\xec\xb4\x01\xf3C\xbdx\xcd\x06\x91\xd4\xa7\xd3\xe0\xfaP\xc3]n\x1e\x12'</t>
  </si>
  <si>
    <t>b'\xc0-]\x1b\xbe5\x11\xed\xc1S\xbf\xd4\xb2\xad,\xe2\xa3H\x84\x16R~2u\xb0\xd1\x9b-\x82\x18\xe6\xaf'</t>
  </si>
  <si>
    <t>b'm\x99N\xbc\x94\x03\x05\x94\xc4\xd7\x8a\xeb\xcd\x90n\x06Ix\xd9\xf0y\xd1\xb9\xb7dK@\xcdgP\xff@'</t>
  </si>
  <si>
    <t>b'2\xdcX\xe8\xb0$\xddp=\x11WlB\x9a\xe3S2=uS\xc8\x15\xb42M`:St\x94 |'</t>
  </si>
  <si>
    <t>b'G\xb70\x08C\x8c\x9c\xc9\xbe\xf9\xa6\x1f\xaaw\x92R&gt;\xb0\xe6\xce]X\xd4\x95m\xb6\xa9\xfa\x0e\xc1\x98&lt;'</t>
  </si>
  <si>
    <t>b',&gt;\xc2\x90\xc0\x87\xd7\xdb;\x06\xccw\x1bP\xb8\r\xc1\x84\xa6\xcf\x04\xd7"\x0e\xe4\xba#\xba\r\xfbW\xe2'</t>
  </si>
  <si>
    <t>b'T\x9c;O\xad=\xd0#\xc9\xca\x80%\x9f\xb0\x15~#\xc7\x7f2\x145\xfa\x96T"xn\xd2\xf4\x19\xba'</t>
  </si>
  <si>
    <t>b'\x99rU\xad\xe8b\x93^!\xfdQ\xb6\xc9h\xa8O\xd0\xecu\x13\x06\xd3\xc2@\xe3Cr\\\xf3\x87\xf0P'</t>
  </si>
  <si>
    <t>b'|\xc9\xa2\xdf64\x83\x12\xad,\xe8\xd6V\xc1&gt;_\xc8{\x90\x1ff~\xac\xfc\xa1\xa3k\x96"\x8a\\b'</t>
  </si>
  <si>
    <t>b'\x88^uj\xfbg)!\xf8P\xe4\xd6\xe2\r\x07\xa9\x01\xf6\xba\x88\x80c\xa8\xb79\x06A\n\xb7\xc3"\x83'</t>
  </si>
  <si>
    <t>b'\xeeT_\x01f\xf2\x04\xde~\xd3A+\xaej\x95\x89\xc6\x8di\xc2\xce\xe3]7\xfeJsTZ&lt;\xba\xaa'</t>
  </si>
  <si>
    <t>b'?\x99PI\xcaF\xfe\xbes\xba\x0e\x85t\xe1\xce\xd1\x07\xb90\xc3\x0f\xce\x8e\xcb\xd8``\x0bw\xa7E\xaf'</t>
  </si>
  <si>
    <t>b'^C\xd4N\x01\xaf\xdc\xffh\xf5\xf7\xe7Sd5e\xe6\xf21Jc\xd0\xd8\xa7\xb6\xd3\x987\xb3\xd6\x81\xfa'</t>
  </si>
  <si>
    <t>b'\xce\xdf\x13\xd1\xb8k\xa5%\xc0\x1a;![*\xd0h_\x0f;=&amp;Q\xf66$\xa4\xd3D\xb4\x9f\xbb\x99'</t>
  </si>
  <si>
    <t>b'm\x96\x00\xe9u\xbe\xa6Nx\xac\n\x93\xce\x17+\xee\\\xa3U-\xfe3\x1a\x19"\xffX\xaePL\xaaR'</t>
  </si>
  <si>
    <t>b'\xb6\xa7\x90\xc8;\x8b\x9e\xe7\x8e\xecb\x1c\xa7\x136!|\x9f\xec\x8a\xbd\xf4a\xc2A\xf6(\xff\xd9\xf8[l'</t>
  </si>
  <si>
    <t>b'\x9fT\x19\x0c\xe1\xa0\xad\x97"n\x11Q@G\x95\x8e\x8c!\xa72\x82\xf9\x14\xfbL\xf9@\x89:\xcb\xf7s'</t>
  </si>
  <si>
    <t>b'\x1e\x12B\xb3\xa8\xab\x1c\xfa\x16#td\x1d\xec\xd8d\xcc\x89\xe8x0\xa5\x7f\xe3\xf38\x92\r5\xbd\x8b\x81'</t>
  </si>
  <si>
    <t>b'\xc1\x05G*wV\x8f\xafP\xef\xf92\xfb\xc1\x06\x9b\xef\xf1H\xc2\x8d\xa1T&gt;\xd7\xd8\x0c\x9c\xdb-z\xa6'</t>
  </si>
  <si>
    <t>b'\x18\xe7^\\\x814\x039\xd9\xb6\xe3\xbf_`\xae\xbe\x1e\xf6\xce\x85%J\xcc\x83\xf3\x03;\xc2\xe9\xcf\xd7\xa1'</t>
  </si>
  <si>
    <t>b'\xfc\xa8\x9d\x11\xea\x9d\xfb\xc2u+\xd7R\x89\xcf\xcf\xd2\xd0\xfd\xf1\xd8e\x88z\x8d\xe1x?\xe3N\xd2\xe8Z'</t>
  </si>
  <si>
    <t>b'\xac\xf1\x9clVd\x84\x96\xf0ar&lt;\x03\xddW\xe6\xd0*\xbaw\x10\xcb\x87m@\xc9\x88b\xfcU\x08x'</t>
  </si>
  <si>
    <t>b'vI[\x18\xdf~\x801\xdc\xb6gz\xe1_u\x0e^\xc6H\x11\x00UO\xe8 z\n~\xe0\xad\xc8\x9e'</t>
  </si>
  <si>
    <t>b'\xae\xba\xceP\xe34B\x9cW\x9d9\x019\xc7\xe6\x88\xd2"\x1e\x7fu\xedL\xac\xea\xc7\xde\xad\xe4\x1c\x08\x8c'</t>
  </si>
  <si>
    <t>b'\x83\xdf\xde\x96Q@0\x04^\xc7$\xf8u5\xc4\xc0\xbf\x03;\xe4\x15\xfe\xf6\xe5;\x0c+`\x86*Q\x9d'</t>
  </si>
  <si>
    <t>b"'L5\xd9\xa6s\xb8\x892\xb3x.\x1f\xb7\x94\x0e\xb2\x8c;W\xc6\xd9\xb8$\x9a\xf2\xedC\xbc\x0bo\xff"</t>
  </si>
  <si>
    <t>b'\xb3\n"\x05x\xf8\x83\x16\x98\x8c\x82~h1\xb1G\x17\xa1D\x0f\x85\x8d\xc3\xbf&gt;\xdb}nPI\xe1W'</t>
  </si>
  <si>
    <t>b"'uQ\x94Ct\x95\x92\xd0\xe6\xe6\xd2yrV\xec|\xdc\x99\xc5`\x05\xc8\x1eo\x94\xcc\x1cs\xe7+\xd2"</t>
  </si>
  <si>
    <t>b'\x15*\x11\x99\x9f4\xd5\x00\xbb\xc5\xb96\xc1\x14\x8a\x13\xc0L\xb19=$\x9f )\x1c_\xca\x1dcQ\xc7'</t>
  </si>
  <si>
    <t>b'\xee)\x81\xbdw\xa1\xb3\xc0T}zX\x1d\xbb)\xd9\xe0\n\xb8\xc4\x12\xfd1sX\x9fn\xb5\x83\xd4\x14\x88'</t>
  </si>
  <si>
    <t>b'\xd3r\x91\xd4\x83\xcf\xe8B\xd7\xc9\xca\x92\x81\xc3\xb2\xf2\x17\x02K\xd7\xc0G\x9ce\xf4s\x97\x8e\x077\x1cR'</t>
  </si>
  <si>
    <t>b'\xd2\xc4\xa7s\xaf%\x86\xa0\x1d\x1c\x14\xac6\xfd&lt;\x8cbtU\xbb\xa1=f\x14\xec\xdc}Y\xb5\xd3\xac\x95'</t>
  </si>
  <si>
    <t>b'V\xde\xdb`\xd3\xad\xba\xf3\xab\xad9\xcb4o\xa3\r$\x95\x11\x9b\xa2\xd8\xb7\xd0\r\xb9+J\xecA&gt;\xcc'</t>
  </si>
  <si>
    <t>b'\xfb=\xa3\x7fkS]\xbbtVLn\x82T$\x7f\xb0\x93\xbe\xbd\xda\x02\xfd\x1dY\xa1\x13\xd0\xcc\x89\xach'</t>
  </si>
  <si>
    <t>b'\xe2\x15\x97\xdfI\xb0\xb3z\x08dh\x13{W)\x8dbP\x1d\t\xdf\x07\x8a\xad\xb8QPe\xc3\xab1&lt;'</t>
  </si>
  <si>
    <t>b'\x98\xda\xa6)u3\x03\x11\xa0|N\x9e\xd9\xc6\x95\x10{?\xe8\xfc{T\x7fP-\xc3\x86$q\xc9B\x14'</t>
  </si>
  <si>
    <t>b'\xdc\xca\x8d\x0bV8\xca~\x9do\x8d\xa2A%\xec\x98nv\xeb\x92\x9cX\n\x86uEF\xde\xa5\xb3\xada'</t>
  </si>
  <si>
    <t>b"\xc6jA\x9fR\xc9\xe8aun5\xd5\x85\xb0 \xbb\x1f\x81\xf6\xb8\x1e'M\xfa\xaa\xc0\x95Y\x86\xc1:\xd6"</t>
  </si>
  <si>
    <t>b'=\x83\xbf\xcb\x0f\xf1\x8c\xa7\xa4\xfb\\#AS:\xd2\xe4\x14d-\xb9R\xa2\r\xfbPs\xa0u\xf4\x8dU'</t>
  </si>
  <si>
    <t>b'e\x844E\x87\xef\xc1\x04\x17\xc8\x8d\xf4\xa7\x1e,\xbf\x07R\xb89\x81r\xa3zf\x84\x01\xd7Z\x9d\x9aB'</t>
  </si>
  <si>
    <t>b'Cv\xa1\x9a`@!\x7f\x7f\x91?\xfb\x13\xd7^q\xd3&amp;\xa2f(\t\xb6\xc2\xbc\x02\xed\x14\xd2\xdf\x0e\xcc'</t>
  </si>
  <si>
    <t>b':N\x0fV\xdc\xd1\xd4B}\xdcI\x96M2\x93\xcd\x92\xa2\x8b\xb8\x89I/\xe0\x8e\xd4\xc8K\xfc0`\xb0'</t>
  </si>
  <si>
    <t>b'\x18\x1d\x88\xb6\xbe|\xec\xc6d\xa7\xf3rX2\xe2\x9b\xd5{p4\xe0\xa5P\x87F\xe0\x9d\xe9W\xcb\xecr'</t>
  </si>
  <si>
    <t>b'\xd5\xc1\x08\xef\xa1@\x87i\xffC\x1cZy\xf5\xc2+_\x9eJ7P)\xf7U?&lt;\xebG\x05\x10\xfdW'</t>
  </si>
  <si>
    <t>b'b\xc8^\xdf\xccHu\x124\x86V\x03\x19\x08\xf7\xe2T\x88\xbb\xfc\xdff\x17V\xe8\xc9P\xbb]^I\x83'</t>
  </si>
  <si>
    <t>b'%\x07\x17\xd7\x02\xda\xcaI\xb2\x9e{\xd6V\xab\xb1P\xc2\xee\x06k\x82\x10\xb9\x1cq\xe4\xbc\xd0\xc1\xf8zv'</t>
  </si>
  <si>
    <t>b'\xa2\xda\xc4`R\xba"q\xaf,l6x\x1fl\x024\xa4o\xa3&gt;\xb1\x83\xcaDr4\xfb\xa6\x0b\x88\x14'</t>
  </si>
  <si>
    <t>b'&gt;\xd4d\x8c3}#\xbb\x10\xd6\xa6\xea\xf6\x99mZ\xc1\x1c\xac\xdd\xd7\x1b\x89\xea\xd5\n\xb9o\x1c\xb8\x13\xbf'</t>
  </si>
  <si>
    <t>b'J\x9c\xec\xf0t\xab\xcdmt.@\xfe\xb1\x1e\xf9[r\x8a\x84!\xe5A\xc4P\t\xa8),{\xa7\xa9\x8c'</t>
  </si>
  <si>
    <t>b'\xa5\x00\x83\x1c\n\xednZ2\xcb\xf6\xc0\xf7\xd2t\xe0\x8b(\xac\xe9\xc2\x95\xd0\xc9*\x10\x91J\xeby6\x88'</t>
  </si>
  <si>
    <t>b'6\t\xba\x01\xa8!w\xb0[\xae\xaf\x819-&gt;j\x15_k\xa3\x86\x7fjb\xe8\x0f\xa5;|\x825#'</t>
  </si>
  <si>
    <t>b"\xd0\xd9\x01\xd3\x8c\xae\xe4@*\x0bZAc3'KV\x8c\xc9BC\xb7\x8c\x15\x8a\xa9\xd0\xe8\xe9kHT"</t>
  </si>
  <si>
    <t>b'\xe4WD\xef_\x1d\xf7\xbb\xf0\x15\xa2@#[\xcd\xe2\xb6\xb9\x8d\xfb\xfa\x14v\x8a\x94\x90\xb0\xa2\xb1\x92|X'</t>
  </si>
  <si>
    <t>b'\x8a\xdfU\xcc\x0f\x18+\n\x12\xbfY\xf3\xfbE\xa6\xfa\x9a\xf2\xab\x05}\xe1N\x0b\xd2~\x83\xf9CF\xde\t'</t>
  </si>
  <si>
    <t>b'\x90t\xee\xf7\xb5\x01\xba\xb0\x82Uo\xda\x95\xe8\xe2\xf8\xb7y\x90$n\xe4\x03\xb4\x9d\xe2\xc4)E\x97\x95z'</t>
  </si>
  <si>
    <t>b'\xd5\xe7JG\xe8l,\xbe\xe1\xe2\xe73\xcd\x98OMi\x8a\xf4\xa0\xf9\xe9\xe7..\xcf\xba\x16\r\x01 \x92'</t>
  </si>
  <si>
    <t>b'\xdfS\xc3\xbc\x89\x94\x8d#\xa7@\xfb\t\xe0\xd2\x046\xac\xdf\x044X9\xd4\x9a\xea&amp;\xbe\x84i\xb1]D'</t>
  </si>
  <si>
    <t>b'O\xbe*\xf8R\xdbC}t\xad\xfc\xaa\xa0YC\x9f\xdc\xbc\x11\x936\x04\xac\xc1No\xa4\x8cQ@wu'</t>
  </si>
  <si>
    <t>b'aa_;\xed\xbd\x014\xa1\xdd\xa3\xb4\x00&lt;:\xc0\x1d[Y\x01@\x86)\x8d\xc5\x8bm\xd7v\xa0A\xee'</t>
  </si>
  <si>
    <t>b'\x95e\t4\xa3C`\xa6\x03i\xd3\xf1\xb0\xa2\x91\xc8\xd4\xae\x15~=&lt;\x1b\xc9!\x93\xe4rV\xe2b|'</t>
  </si>
  <si>
    <t>b'\xa2\x05\xc7*\x1fBC\xb9F\x9c\x84\x0f\x0e) J\x85$\x12WD\x93\xdd\xf8R\xb5\x10F2\xdd\x05r'</t>
  </si>
  <si>
    <t>b'\t\xee\xca\x9a\xe6n\xce\x1cs1\xa2\x00F\x92\xeb\xee\x8b\xc8\x1a\xf3\xc9\xaft\xf355\xf7\x11\x0e\xcd\x8b\xc6'</t>
  </si>
  <si>
    <t>b'v\x8b\x86|a\xe8X\x0f\x04\xaf\xa0rZ{6\xc4\x97\xb1\xdbk\x00\xbb\xf7Z\x08\r\xf2\x83@\xe9\xb6P'</t>
  </si>
  <si>
    <t>b'\x07\x86\xff\x98\xb3\xeb0\x16\xc9\xa9\xb5\xc2KV^g\xbdd\x87\xc6\xee;e\x95\xa1l\x8e\xba\x9de\xa39'</t>
  </si>
  <si>
    <t>b'\xac/)\x1f\x1b\x055\xb6\x97`\xbd\xde\xb9\xdeD@\x84\xf3\xbd\x80\xff\xcf\xff\xf5\xe5\x06\xe8\xd5\xb3w,.'</t>
  </si>
  <si>
    <t>b'\xbb\xa3L\x152\xebV=\xabO?\xcdJ`\xa8\xa9\x13\xf62\xf5\xe4uN\xc6\xb1\xff\xec\xf6\xac\xb1}Y'</t>
  </si>
  <si>
    <t>b'(\xf8\xb4\xe2A\xa6\xc3\xc5\xc2\x80T\x1ft/\xd8\xe5$\xfd\x0c\x12\xadd!\xbfP\x82\xacP\x0fX\x05\xbc'</t>
  </si>
  <si>
    <t>b'\x9f\xf0x\x96\x95Q\x0c\x96\xff`6\xf4\x82\x9e\x00\x15\x8f&amp;nJ\xd4\x95\xed\xef^\x08\xe1\xec "\xbb&amp;'</t>
  </si>
  <si>
    <t>b'w\xa3\x8d\xbd\x97\xa7zhl\xdbs\x11\xf2DP\x8c\xa47\xc2\x84\x87\x94\xf7\x03M\xc0\xd0\xa8\xe1\xf0\xb7\xd2'</t>
  </si>
  <si>
    <t>b'z\x85\xa0\xfes\x80\x98\xa1a\x05\x8f\xc6\xabs\xc2\xc8\xbb\x9a/\xbf@&lt;#\x96c}6q\xdbo.{'</t>
  </si>
  <si>
    <t>b'\xd5\xfd\x89:;\x9a\xcb=u5\xc2\x0bBz\x12\xf8\x1f\xdb\xc5\xc5\x81\xd4\x8f\xb2/Wir^\x1ag\xc5'</t>
  </si>
  <si>
    <t>b'\xdduG\xc3\\\xe3\xe5\xb4\xd3k$~9\xf6(\xac\xcb\x9a8\n\xccX\x87\x0er%\xd6 \xd7=\xff\xb8'</t>
  </si>
  <si>
    <t>b'\x1en\xdd\xea\xfeCHUp&gt;X\xe5g\xca\xd0\x98\x8e\xcc\x9f\xa4\xa0\xcd1\xe5hQI\x88\xe4n\x91.'</t>
  </si>
  <si>
    <t>b'\xf2\xedvb\xd1\x8c`\xeb|\xde\xe7\x9cC\x1e\xd5\xc4YP&lt;\x8a\x7f\xe5\x82T\xe1\xac\xc77\xf8\xf8{g'</t>
  </si>
  <si>
    <t>b') 7Ww\x97\xc0\n\xfa\r\x08\xb9;\xcazI5\x88\xa0\xb2\xd7\xe2\xf7\x95{\x88\xe0\x85\xb8\x1a\r`'</t>
  </si>
  <si>
    <t>b"\xe8\xf84\xbdp7\xe4\xd7\x87&amp;/'\xec\xb6\x84\x8c:\x10\x81j^l\xa0\x88/\x96RR\x8b\x97\x9b\x19"</t>
  </si>
  <si>
    <t>b'\xf8.\x81\xf8\x1d\x0e\xc4\x95\xf7`\xc9/\xd0&amp;9G\xb3t\x17\x96\xe2\x89\x19\xe1ip\xc2\x1e\xe5\xef\xb0|'</t>
  </si>
  <si>
    <t>b'eO5\xfc\xee\xb8D\x97\xc6_P\x98\x19\xbc\x05\x1c\xf1\x80\x16\xe8B0\xec&amp;\xb3+\x83|\x97\xd5\x81d'</t>
  </si>
  <si>
    <t>b"\x06T$\x85y\xd72~\xcd\x86\xbc\xe6\x11\xa6\x1b]jr\x86C\xaab\xfb\xbaHB`'\x81\xbc\xdf\xf7"</t>
  </si>
  <si>
    <t>b'\x85&lt;\xe3\xb2\xd7H\xe8\x10\t?\x12X`\xd5\xbc\x8aG\xbb\xd0T\xe3\xf6\xb4Y\x1c\xb4s\xd6&lt;R2 '</t>
  </si>
  <si>
    <t>b'\xccCw\x9f\xa0\xf3\x9f[\xbf\x16\xa0\x0cA B}\xc3\xa4\xec\xdc\xae\xac\x11\xd0\x81\x91\xed\xaa\xf7D\xad\x97'</t>
  </si>
  <si>
    <t>b'J\x0cm\xae4,X\xd9\x1dgn7^l1\x01\x83\x7f\x17\xf0\xa8\x9bK\x02%\xf0\xc06\xae\x83\xd2\xcd'</t>
  </si>
  <si>
    <t>b'\x06\x14\x89!\x91\xefN\xfb^\xc3b\xed\xc6\xe5+\xb7\x9a\xd4\x11\xa5\xb0c` \x87S\xd2:\xb9\xd7\xca\xc0'</t>
  </si>
  <si>
    <t>b'o\x88D\x9d\x1dP\xc4e\xf7\xa5\xa7\xcc}u\xd3\x06\x03Z\x1c\\C\xc3\xa4[\xdb\xe2\xd6a\xa8\xb9\x1a\x80'</t>
  </si>
  <si>
    <t>b"\xd8\xf85\xe8\xff\x1d\xd7\xd9\x9e9'\xea\xfdO\x8c\xc3@\xf7\xcc\xfd\xac\xfb-\xa4)K\xb4\xaau\x1a\xd2W"</t>
  </si>
  <si>
    <t>b'~\x0f[\x93e\x0c&lt;T\xf4\x8f\x98\xfa\x98t\x01\xa4\x03\xaf\xf2p\x936\x19\n\x899Y,\xf2v\xd21'</t>
  </si>
  <si>
    <t>b'\xbd1\xa4\xbd&lt;\xdb\xca\xda\xd4\x11D\xa3\x1el\xd5&gt;\xe0\xe6\xa7\x8c\x8e&lt;_){\xc2\xc2\xf5\xab4$\xb6'</t>
  </si>
  <si>
    <t>b'\xc0g\xc6\xed+\xad\xb4\xb7\n\xfa\xbcQ\nQpT\x05\xcdR\xed\xcf\x86\x16\x1fC\x81\xed\x07\x10\xaa\xf6\xca'</t>
  </si>
  <si>
    <t>b'\xbb\x91\xc4\xe2\xb1G\xbaY\xb4\xcb\xd4\x9b\x05\xf3\x8b[\xf8+p\xe4\xf8\xd6\x89\xa2\x8c\x99\xe0\x0fn\xc5J\xfa'</t>
  </si>
  <si>
    <t>b'\x8e@!\xef\xd4\xa4\xfb\x93\x07\xf1#\xf6\x93\x8e\xa8x\xafR?&lt;nr\xe6\xa6\xe7\xbbu\xc4\xc9d4\xc4'</t>
  </si>
  <si>
    <t>b'\xa2\xfd"&lt;\xb0&lt;/\xcd\xd1Gq\x06\x998%A\xe9\x06\x0e\x89\x92_\xc8Y\xd1\x96\xd4\xc8\xdbp/f'</t>
  </si>
  <si>
    <t>b'X\x1e\x18\xcf\xad\xc0\x15\xfcR\x82m\xdd\xd5\xe3\x0e1\xc8L\x12Du\x11\x03%\xf6k\x9e\x13\xb9\x9aj\x9c'</t>
  </si>
  <si>
    <t>b'P\xbd#4f&amp;3Kh\xf2\xbd\xc5T%\x92@3H\xbei \xa5DD\xf0\xc1\xa6\xd8\xa7\x1c\xef\x05'</t>
  </si>
  <si>
    <t>b'6QY\xbd\xdf\xb1\x9eM\xecd\xdc)\x01\x17&amp;\x9e@\x16\xaa\x166\x1b\x02\xd8hsn\x8a\x89\xbfGV'</t>
  </si>
  <si>
    <t>b'\xbbKXr\xb9\xcf\x04\xd6\xf9\x85\x92v\x829\xd9\xf7T\x11\xf9e^G-Z+O\x8e\x92\xcbB[\x9b'</t>
  </si>
  <si>
    <t>b'\xc4\xba\xe5O\x1d&amp;\xe4\x95$2\xa5F\xe5\x1dEC%\xe4\xa3\x0cI\xfcu\xd5\x14O\xce\xe2\xd3\xaa\xb4A'</t>
  </si>
  <si>
    <t>b'o\xdfjJ|\xfe\x04e\xfbol \x93}{\xee\xe3lP\x9bC\xcf\x176\xb2\x0e\x19\xf0\xc1b\x9dC'</t>
  </si>
  <si>
    <t>b'Rtg\xf5\x97,2\xbf|\xbb\xe7\xa4K|&lt;\x90\xbah\x8b\x12\x1b\xa2\xc1`B\xdc\xa1\xe9\xde~0\x8e'</t>
  </si>
  <si>
    <t>b'\x87.\xa33&gt;\x9c\xe1;\xe0/h\xfdo\x15\x1e\xb9\xd3\xc6s4\x85u\xfc\xf9F\x19\x91\xa4\xef$\x80C'</t>
  </si>
  <si>
    <t>b'3\xf2\xd0\x1f\xcdB\xb9\xf6\x1c$\x1fn\xb7Ll\x94=K\xe7\x0e\xea\x07\x92B\x86R2\xcc\xcc\xb6OS'</t>
  </si>
  <si>
    <t>b'`\xa9S\xc0\x94_\x03Ts\xd1w\x18T\xa6J\x19\nc\x97S\x9d6\xc7\x91\x9f\xf7\xde\xff\xb6=\x11b'</t>
  </si>
  <si>
    <t>b'el\xb4\xd3\x95\\`754\x91o\xce\x01\t*\xe9\xec\xbd\xf0$\xcf\xe9\xe2\xe83\xb1\xad\x9dA\x11E'</t>
  </si>
  <si>
    <t>b'*\xf4\x02|\xf4\xe4\xe3@,q\x08\x1c\xbb\x13\xb1O\x1f\xf5\x81g\t\t\x15^\xe9\xdd\x91\\\xdb\x01[\xf8'</t>
  </si>
  <si>
    <t>b'\xb7\xab*EC\x18\xd5L\xc91\x91\xce\x8b\xfa\xcaT\x81;\r|A\x86\xb4Q\xe3\xc8\xdb\x9c\xd2\x0c\x05\xfd'</t>
  </si>
  <si>
    <t>b'Z-\xb5\x88\xeb\xd5\x1e\x809\xcf\x95\x03\xaa\xa5\x94Y?\xc8j\xe4\xd7\n\xda\x9btF\xef\xf6\x18\x99!p'</t>
  </si>
  <si>
    <t>b'\xef%\xaf\xb0\xe0\xcf\x17\xa6\xd3\x86\xde\xe1NQ\xf5 \x1e\xf1Q?\xfe\x12gx\xbaM1@d\x1bvZ'</t>
  </si>
  <si>
    <t>b'\xe7\xe2\xd1O{\x1blW\xfd\x15\xae\xc01\xbc\x83O\xe5d\xee\x01L\x99*\xed\xc8#r,0X\xc0"'</t>
  </si>
  <si>
    <t>b'8c\x9d6\xb3\x08\xe5\xfd\xf8\xfcO$\x06i;\x1c\xb8\xcd\x7f\xdff\x0f\xbda\xef=~\xa0\xfc\xfa\xbc\x07'</t>
  </si>
  <si>
    <t>b"\xa9\x89~\xf2O{$'^\x16L}\xdd\xa31t\x82\xe5S\x1f\xd32#\x99h\x05\x03u\x81\xf6\x9b\xb9"</t>
  </si>
  <si>
    <t>b"\x0b\xfa\xeb!'(^9\xd9|S`\x18 \xe1`0`\x8d\x7f\xa5\xaa\xc0\x0f\xfd\xb9\x95\x10),qG"</t>
  </si>
  <si>
    <t>b'\xcd\xa7\x88R#q\xf4u\xee\xdcX\x90}9I\x1b\x0f\xa4\x83\x82\x12\xc4n\x176\xf7^P&lt;\x02,\x93'</t>
  </si>
  <si>
    <t>b'?L\xddri\x99c\x01\xf9\x07\x9c\xea\xca\t\xe4\xab\xd7\x98\x06\xcdu O\xb0I\xcf\x9d\x81\xd6\xf0\r\xd6'</t>
  </si>
  <si>
    <t>b"\x89\x0c\x9a\xae\x19\xce'\xb2\x87\xbe9c\xe3\xd8\xa6\xe1ZX\xcc7F\xe5\n\x90\x1f\xb4\x90\xa5\xbeRrD"</t>
  </si>
  <si>
    <t>b'n\x0f!\xd67\x19\x9b\xcb\x9b\xe3\xdb\x1b\xa2\x07\xded\xa8\x11\x01\x90n\x87\xa6-b2E\xdb9\xda\x01\x87'</t>
  </si>
  <si>
    <t>b'F\xb5\x05\xc9\x97\xa5\xe12#\x8f^\xb2y-%_\x9a\x98\x06\x90h\xd2z\xea\x06\x9d\xbcAt\x8eKe'</t>
  </si>
  <si>
    <t>b'72\xdc:\xc6Ws\\\xa4\x93\xcc\x90+\xe2M\x8a\xa8\x8f\xc8\\\xa9f\x0e\xbc\xb0\xe6\x7fB\xe6\xfe\xc7-'</t>
  </si>
  <si>
    <t>b'`\xefq\x10Q%\xff\xa5\x0fWb["^x^\xcf\x8b\xae7y\xdb\x9d\x84P\x8e\xfb\xa9z\x8b\xf1\xa1'</t>
  </si>
  <si>
    <t>b'x\x19\xc4\xfc\x0f\xc8\x8bxS\x86\x8cM\xa0\xb4s\x869\xc3\xa6\x1f\xa9\xf0m\x8f\xdf\x85L\x8e\xd0\xfaV&amp;'</t>
  </si>
  <si>
    <t>b'\x16\xe8lK\xbb\x94\x96@\xf7\xd9\x07\xc9?%\x11\\|\xf2%u6t\x01\xa3\x89\x03^:}r\xd3\x81'</t>
  </si>
  <si>
    <t>b'\x14K\xa5\xabgI\xbf\x9er\xfe\r\xe4(\xcf\xda\xa7&lt;\xa2+\x81D\xb00\x047\xd5\x97\xdbH_\x9d+'</t>
  </si>
  <si>
    <t>b"\xfd\xa9\xac\x1a\xb8\xe72\x98\xb7\x8d\xf0'F&lt;\xa3\x1e\x84w\x87\xbb\xb3\x87J\xfa\xdd6\xd0\x1a\xafL+\x10"</t>
  </si>
  <si>
    <t>b'Z\xcc\x05\xf1\x97\xb9\x85R/\xf3\xecy\xb3\x95\x824;\xd0\x96{\xc7\xac\x97\xbb\xc3:\x9eo\xd5\\\xd6\xb9'</t>
  </si>
  <si>
    <t>b'\xc7\xbc\x03\xbf\xf7\xb7\t\xfa/1\xbb\xf5\xff+\x00\x19\xb8)&amp;:7\x92\x16V\xb3\x06\x04\x144\x06\xc8\xef'</t>
  </si>
  <si>
    <t>b'|\xbe\xf1\x87\xc57\xd7\x15\x95\x93-\xa0\xe8\xcb\xc6&lt;8SM\xec?\xbb\n\n\xa9\x13O\x1e\x944\xa2p'</t>
  </si>
  <si>
    <t>b'\x02\xc5\xc6&gt;\xca?\xb0\x99\xa2=\xd5\xab\xc9\xd3\x83\xf2lCb\xf80Zuk\xe9\x1b\xb7\x7f\x88*@\xff'</t>
  </si>
  <si>
    <t>b'+\xb5\x8c;\xc1\x8c\x8eE\xf4H\x95\xf6d\xac\xf4\xf9\x8e2@}\xfa\xb0wL\xc8\x9f\\\x89\x03sv\xd9'</t>
  </si>
  <si>
    <t>b'\xa2\xe4)W\x11\xac\xe6\xc6J\x80*5-Mr\x08\x89\xc7\xf7\xcb\xf7bSst\xb6\x17\x87~.$+'</t>
  </si>
  <si>
    <t>b'\x02\x93b\x00\x89R\xa3\x05/\x9b\x95\xa6\xda\xc9\x19\xd7\xc9\xdf\x8c\x19d\x97\x0e-v\x96\x8d\xed\x1b\xe5\xba\xd6'</t>
  </si>
  <si>
    <t>b"U\xe6\xa0\x00\xd4\xfd\x1f\x14\xbf8\x9a\xc7Hi|\xe3\xaa\x9cL\x87\x9b\x13\xb0\x1bC\xb2\x14'\xdf\xee\xa0\x11"</t>
  </si>
  <si>
    <t>b'\xf1\xd8\xcc\xd3\xdf\x08\x9e\ro 3\xa5v\xf9\xeb\x9c\xaf\x8d\xcb)\xa4*&lt;\x1a\r\xe4/\x1a\xfd\xa12\xd8'</t>
  </si>
  <si>
    <t>b'\x9dN\xd3\xc2\xdc\xd2Wr\xd0\xad\xe8\xe8V\xd7y\xc7\xa0\xe4\x02\xc8\xee\x95\x18\xf2\x06\xed\xc9\x92r\xe4\x9c3'</t>
  </si>
  <si>
    <t>b'?\xc1\x824m+Qk\x8f\x97\xbf6\xd50n\x11x\x9b\x83E\xc8\xe6\x0e\x18\x16\xee\xcd\xa9N\x9b\xe4\xf6'</t>
  </si>
  <si>
    <t>b'\xab"{\x94\x01\xe5\x0b\x85\xf0H`\xbeM*~\xe8sED\x16R\xd2\xf25a\xb7k\xda\xe1L\xbe\x94'</t>
  </si>
  <si>
    <t>b'\x98\xa0oW\x8e\xca\xe8\xb8\n\x11\x1a5\xada\xe0\xc9\x14\xaer\xbc\x8c&gt;\x95t\xd5T\xe1c\x8aaSa'</t>
  </si>
  <si>
    <t>b'\xcb\xec\xb8\xed\xce\x10,\x14ry\xbdL\xdf\xe7\x1f\xb1\xa99c/C\xec7-\xb2\\\xb1\xb5\xfa\x8f\xcfK'</t>
  </si>
  <si>
    <t>b']\x83\xcdd\xa4D\xa3\x1bI\xd7\xc5RW\xbcT\x9d\xa5\xa1\xbf~\xe9\xe2/4\x1d\x97\x93N\x85\xe60C'</t>
  </si>
  <si>
    <t>b't\xd8\xb4\x15\x9az\xd0^\xebl\xb4\xad"\xa3\x9a\xe0GKNt\xc3\xc00\x0b\xb1?!\xee|\xca\xf8\''</t>
  </si>
  <si>
    <t>b'\xe4\x84\x98\xde\xa4q[\\\xc6\xfc\x97\x1a\x9dU}5\x7f\x02&amp;\xea\xb0\x99\xdf\x80w&amp;\xa09\xe3\xa8\xd5\\'</t>
  </si>
  <si>
    <t>b'wc\xc0\x98O\x04\xaa\xb0\xa8$m)_\xe0\xf7\xc8\xde\xa8\n\xcbE\x1a\xd6\t\x90\x91\xbf\xc2|r\xfa]'</t>
  </si>
  <si>
    <t>b'z\x87\xd7\xb0\x1b\x87\xd8J\xde\xf9,\x1a\x9d\x05p\x9b\x8a\x9dw%\xb0\x85\xad\x87oB\x7fE\xc51\\\xce'</t>
  </si>
  <si>
    <t>b'\xa3\xf6Q)\xb0%7\x87\xa2\x9fG\xb6oA\x9f\xb3\x02\xa5\xcc\x86\xa5\\\xa5[\x9e\xa0p\x8ce\xfb\xee\x9e'</t>
  </si>
  <si>
    <t>b'_\x17\x83t\xdf\r\xb4\x84\xda\x05\x11g\xc7&amp;@\x04\xd8\xd6\xeb\x08H\xe5\xbf\x89N\xb1\x8d\xb5z\xc4\xd8\xf7'</t>
  </si>
  <si>
    <t>b"u\xe0\xf0'F,\xe7\xbb\xbb\xc3?)0M\xfb9x\xcb\xe8|\x08s\x1dT?+\xc4I(cP\xdd"</t>
  </si>
  <si>
    <t>b'\xfc\xc6]\xc8_\xe2\xa4gx\x85\xe9\xd6\x8e\xb4\x87.&amp;}\x81\xc2\xe0B\xdd\x8a,\x13\xfb\x8a$\xb8\x10\xc9'</t>
  </si>
  <si>
    <t>b'\x8c^| \x08\xd6\xee\x0ckq\xd7a\xea\xaeyI\xe1\x0bK\xd2\x82\xa36iNDF\x96\x03\xb9`~'</t>
  </si>
  <si>
    <t>b"\xc4b!\x1a,\x82\x9ea\xc6R'\xe3\xf0\x04 \xa6\xb1\x0e|\x19n\xbf\n|:+\x8e\xa35\xd0]\xd0"</t>
  </si>
  <si>
    <t>b'-@\xc5\xfc\x1bm\xef\x7f\xf7\xac\x02|\xb62h\x1b\xad\x9d\xa6\x02\xbeq\xc0\x11\x98x\xb9\x90\x06\x9a\xe3\x91'</t>
  </si>
  <si>
    <t>b'\x96h,*\xf4at\x83R\x89\x95\xad|CI\x17H\x835\xfa\xd4pN\xc9(\x00\x8cIe.\x16\xa3'</t>
  </si>
  <si>
    <t>b"\x03\x9c\xee\xa5]+\x85d\xfd\t_\xf5\x0f!-\xaf\xa3\xbd\xfa\x97'\rp\x92\xe0\x1a?\xa7\xa4\xff^+"</t>
  </si>
  <si>
    <t>b'\x06w\xac\xcd\xf4\x05\x91\xee\x99Y\xd5K\xa5\x01\xae9\x1f1\x1eS\x87&gt;(\x8e\xd9\xef&gt;\x19^y\xa0\x9b'</t>
  </si>
  <si>
    <t>b'\x9e\xf0R\xe5\x8f\xa2\xe4\xbfgV\x00\xd5\x89%\x14\xb4!\x0e9IkS\xbc\x7f\xed\xc3F\x18\xc71\xd2\xd6'</t>
  </si>
  <si>
    <t>b'\xfeC\xd6(\x7f\x8e\x01\x1au\xb1\xc7UR\xd1R\xef+\x87\t\xaa)\xae\x1b\x16\xd6\x8ah{\xe8k\x98\x8b'</t>
  </si>
  <si>
    <t>b'\xf3\xb2r\xcc\xe7\xdd\xc0\t\x05&lt;7QF\x9a\x90\x0b\x81"G%+\x11*\xd0\xed+\xa1\xa5\x15\xe4\x11\xc6'</t>
  </si>
  <si>
    <t>b'B*V.*\xeb\xc7\x89\xf4\xf1\x8e\xbem\x04m\xdc\xa0u\xb8G,\xbd\xc3\xf6\xcc\xe7\xe8{\xae]^\x18'</t>
  </si>
  <si>
    <t>b'\x0f\x053}H\xd8\x98\xaa\xca\x80\xfcR\x8fCy\x9a\x14/}d\xb7\xdc\xd6nn\xfc\xa9\xb2P0\x96\x80'</t>
  </si>
  <si>
    <t>b"=vZ\xc6y\x15\x16=rO\xcfG\xfdk'&gt;\xd5\xef\xc3\x1f\x03\xb4S\xf4\x18\xb5m[\xc9q\x8c\x10"</t>
  </si>
  <si>
    <t>b'\x8b\xa1\xad\xf3\xc0\x9dz)\xcb\x80S\x85\x0f\xdb\xab\x14]\xaa\xa8Fn\xca62KM\x83\xfb\x12\x8b\x9c\xa4'</t>
  </si>
  <si>
    <t>b'-\xfe\xfc\x8c\xb4\xc1\x9d;\xec\x9c(\xd9\x08\x92{_\xac\xe9\x84\xa6\x05&lt;\xa8\x97\xb06\x87\xef\xf6\x1e`\xd2'</t>
  </si>
  <si>
    <t>b'\xc6\xba&lt;\x8cb(*\xd2\xf0\xeeW]\xca\x9a\x07b\x8c\x81\x82\x8a\xb4\x03\x83\x88\x1c\x04d\xc2M,\x04\x96'</t>
  </si>
  <si>
    <t>b'&amp;\xf3\x13V\x92\xa9+\xcd\x95\xda\xc9\xf8\x08\xcd\x8b\xe0\x89\x15b\xd5\xc1\xed\xf3\xb7\x88\xf5Zx\x87&lt;\x8a\xfb'</t>
  </si>
  <si>
    <t>b'GE3\x1b\x0f\xa4[e\xc7n\x93y\x84\xadHd\x83&gt;Z\xd3\x05\x97\xb6\x1f^Y\xef\t\xb7\x1f\x89!'</t>
  </si>
  <si>
    <t>b'\xd7\x04\xe6{\x1aI\xaf\x7f/\\\r\x99"\x18\x0c\xc8 ObA\x85\xfc{\x9e\x9e\xf7\\O\x11V\xb7\xd0'</t>
  </si>
  <si>
    <t>b'\xe7Y\x15\xc67\xf7\x99\x89\x9d\x07n\x07\xda\xec\xbcp2\x1d%\xcc\xa8\xbb\xbe\x0f\x95raS}{\xc0\x88'</t>
  </si>
  <si>
    <t>b'\xc2\x9aK\xee\xb9h\x7f\xf0d\xab\xe9\xb86\x14\xf9\xee\xe5\x06\xb9\x9e\xd6\xda\xdc\xd6\xcf\x14{&gt;\xfcs3\x1d'</t>
  </si>
  <si>
    <t>b'CT\xf1\x08\xa2) `\xae\xa8|?\xc0\xba\xdc\xde\x96\xa3\xe2,\xd1e\xd1\x82\x00\xa6\x83\x0b\xfc\xf5\xe4\x83'</t>
  </si>
  <si>
    <t>b'(\x1b\x1f@6\x83\x9a\x1b\xcb\x8e\xe1/\xc5m\x1e\x9a\xa1m`9\xdcR\xf7.\x9d\x0c\x9b{\x8dE\xf8\xda'</t>
  </si>
  <si>
    <t>b'#\x08\xe8\xeb\xe0\xe8\x96\x81\xd1\x0b\xd1L\x92\xa9\x027\xe0:\xf8\x85/\xdcm;M\xc9\xc7\x8e\xbe\x83\xba\xe5'</t>
  </si>
  <si>
    <t>b'!M\x86[\x18i\xd5\xd1\xd3v\x8c\xc3T\xbb\xc9_\xc3\x1f[\x14\xde\x862l\xb3\xf8\x85\x1a.Q\xcc\x15'</t>
  </si>
  <si>
    <t>b'\xf2\x0eX2\xf0\x81\x93\xc3\xaa\x19\x80\xadu\x8b\xd1\xd80\x1e\x16\xe5\xd6\x03o@\x807\xf3\xbd\xa7\xc6\xe5O'</t>
  </si>
  <si>
    <t>b'\xd1\xe6\x99\xa0M*\xf0\xd1_\x86;\xa7\xe8\x15&lt;+\x95\xeb\x7f\r\xfdxs^G\x87\xa4\xe3\x81\x07\xd7\x1e'</t>
  </si>
  <si>
    <t>b'\x1a\x99R\x16O\x9b\xad\x14=Hv/\xfd\xf1&gt;\xdd\x8a\x08v\xfb\xfd\x00\xd1\xe3\xa0\xc1 \xe2\x10\xd3\xabj'</t>
  </si>
  <si>
    <t>b'\x9e*\x98#\xdcu\x1bV\xca:\xa1,\xc6\xc0\x08R\x91\xc8La\xfeg\xdcl\xbe\x07\xd4\xb6\xdf\xa5R\x88'</t>
  </si>
  <si>
    <t>b'\xec\xf6\x19\x04\x05\xf9\xf5(\x80\x1d\x11\x1f\x0f%\x12aw7\x17}mD\xa2 \xf6\xef\xf0\xbby\xba\xbc\x90'</t>
  </si>
  <si>
    <t>b'\xc6\x1e\x90wYq\x0e\xdb\xea\x9f$\xa8\xc4\xb7j\x88n\x12\x11\xa7[V)\x84\xdd\xfd|\xbd\x0c]2\xeb'</t>
  </si>
  <si>
    <t>b'|D\x86\xab\xe7\x1b9P\x8fp\xb1\x83hT\x04\x81\xd6\x10\x85\x8b\x96\xc4\xcc_\xfd\xfepmN\xa2\xc9\xa6'</t>
  </si>
  <si>
    <t>b'\x05F-\xd4\xc9\xcd \xc2\x8bN\x90\x94\xa8\xbd=\xd4B$\xbf\x89}e?+W\xb6h\\\x03I\x0c\xe5'</t>
  </si>
  <si>
    <t>b'pT7\x0b|\xd5\xab\x0e\tl\xf9\xacM\x93\x1c3/\xc1\xdb\x14f\xc6\xce \xe4s\xd2(\x13\xf5\x99\xb5'</t>
  </si>
  <si>
    <t>b':\xd4\xb4\xec5\xe5\n~\xb5\xb8\x97\xb6p\x1a\xb67d\x13A\xe3\xd8C\xcb\xf3\xb1\xe6`\x8a\xbe\x19*\x95'</t>
  </si>
  <si>
    <t>b'\xea\x1dZ\xc9R\xc0?x\xc3\xe6\x8eV\\[1H~\xc8~!\xb9\xe8,\xbc\xa9\xb5Q\xdd\xd9\xdd\xa7\xce'</t>
  </si>
  <si>
    <t>b'"g\xb8\xaf9\xaf\x1d\x1cNYz\xeb\x05\xd3#9\r\xe6!A\xf5\x8c\xd2\x0c=I\x1fVr\xe2n)'</t>
  </si>
  <si>
    <t>b'W\x1a)6\x90\xb8\xba\x1d#.\xa3{\xc7\xd3\xb5\x9a\x81\xf5\xf8NX\x03!\x87\x95+\xd5\xef\xb8.\xff}'</t>
  </si>
  <si>
    <t>b'[\xcbp7\x92\xac\r\x83\x7f%\xa1\xd0J\x06\x11\x93\xa52\xc55\xac\x83\xb1\x1c\x8b2\xefWg\xa5^\xf8'</t>
  </si>
  <si>
    <t>b'\x85\xaaqm\x08\x12\xda\x1b\x13\xd4\xce\xe89\xb6zW\x99\xdc\x0bB\xc8\x14\xb1\xe1\xa2/\xdf\xa5\x98.\xa4^'</t>
  </si>
  <si>
    <t>b'f]\x19\xf1L\x9d\xba\xce\n\x92\xd0\xb0-h^\xa7|\x15\x86k@\x0c9\x98\x08a\xcf[j\x9e\x04\xa7'</t>
  </si>
  <si>
    <t>b'\x03\xe8e\x80r\xa0\\TU4%\xc8\xdb-A\xd0\xe42\xdc\r8\x03\x8c\x13\xf7\xf4i\xdbl\xe5r\xce'</t>
  </si>
  <si>
    <t>b'\x8f\x1f\xf7\x8f\x10\xed\xb9\x12\xa3 D\x9d\xd8\xfew\xebW\xbd\x8c\xbbJ_b!jF\xd0f\ts\xbe\x03'</t>
  </si>
  <si>
    <t>b"\x90\xef`j+n:\xfer\xb4\xa7\x95\xb8b'73 \x89\xb52\x88\xec&amp;\xaf q\xbd\x8fk\xcbg"</t>
  </si>
  <si>
    <t>b'\xd8\xe9b\x1dSOu\xa7vKC4\xa9N\xb1g?\xf2\xc6V\xdf\x9b\x04L\xf4\x04\xdc\xdc\xfb\xc4Y\xcf'</t>
  </si>
  <si>
    <t>b'\xe3\x12\\\x1c=\x00\x86gSj\xcdH\xa1\xd5A\xd0\x8f65\x87\x17\x824.\x0b\x08\x03(\xb1"\x98X'</t>
  </si>
  <si>
    <t>b'&gt;\xabO\x08$\xa5\x17\x83\x0f?\xffa)\x17\x8a\xd7\x9d\xce\xe6\x0e^\xe9\xba7\xba\xbe\xda6\x01\xd5\x05E'</t>
  </si>
  <si>
    <t>b'K/q~\xaf\x88\xfc\xe0\x1clx\xb3u.{R\x13\x82\x1f\xd6\xfd\xeaW\xda\xa3(ud\x12\x8dj\x86'</t>
  </si>
  <si>
    <t>b'\xca\t\xc9-?O\xa2\\\xa2o\x06\xd2l1\xc4\x97\xcf\xc9+\x9f\xbf\x19"\xc1\x0b??\xbeF\xff;&amp;'</t>
  </si>
  <si>
    <t>b'\xebx\xcao&lt;\x80\xbf}5\xcbb\x0bR3\xfd\x1e\xe0\xda\xea\xbf\xae\x16vG\xd6\xa4\xf9,\xdf\xbb=\xe9'</t>
  </si>
  <si>
    <t>b'\xe3nO\x11\xf5\xb9\xdf\xfa^\xc4|\xaea0\x07\x8d\xb1*1\x89\x1b\n\xfe\x8f\x90\x0f+\x84\xb6%\x1b\x1e'</t>
  </si>
  <si>
    <t>b'z\xeeg\x0f+\x10\x04\xa0\x1f\x0c\x07N\x16Bx\x0e\x13\x01B\xe0k\xa4\xf8\x04e:\x9ewt\xaa\x99\x96'</t>
  </si>
  <si>
    <t>b'\xab\xe4lE\xdcu\xe9\x14\x10P\xe8\xa8\xea\xbb\xe9Z\x8eJ&lt;\xee\xc8#Y\x97T\x08\xf4C\x95\xedI\x87'</t>
  </si>
  <si>
    <t>b'\x15\x8d\x8aWF\xa9\x9d\xbc;\xd2\x0c\xddN\x95\xb4\xc0=4\xe4\x11\xcb\xc4\xb1yO\xc9YB\x16\xd0A\xb6'</t>
  </si>
  <si>
    <t>b'?x\xb1V\xa7\xa3\x95\xbc\xa3\xd8\xa8\xfc\x15]C\xda\\\x0e\xef\xed\x86\xdc\xf2`\xa1\xfb\xb7\x01\xbc/\xc7\xd4'</t>
  </si>
  <si>
    <t>b'\x01Y7%]\x10(\xa1q\xa2\x05x\xdf&gt;q\xfb\xc9zwJ\x8f\x99\xef &gt;\xf9\xe3\xad\xb6\x10\xd3\xa0'</t>
  </si>
  <si>
    <t>b'p\x84\x98\x02\xca\x17\xf0\x9e\xc1\xb3\x9c\x81\x8a\x99\xe6\x85\xe5\xbe\xd1zNw|\x17:D\xc1nm y\xa0'</t>
  </si>
  <si>
    <t>b'\xc6\xeda\xc9e"\xe5\xd0-\xd0\xec\xb2\xa0\xaeH\xfb\x82\xe5\xcf\x916\x1e\xd3\xcfxH\xd0\x04\xc2\xb2\xf8]'</t>
  </si>
  <si>
    <t>b"\xc1\x89\x1c\xa4\r&gt;\x96D\xdc\xc0\xdf\xb1'I\xf6m\xbd\x84\xf9J'\xf9}xe\xcb\xabl\xf7v\x13;"</t>
  </si>
  <si>
    <t>b'\xfd\x85f0kS\xeb^48^\x92od\xad\xbfb\xf7\xf1\x96J\x96 \x07\x0e\xc2\xd6{m \xb83'</t>
  </si>
  <si>
    <t>b'\x92\xad\x8c\xa6\t\x162\xeb\xb9\xcc=rFC\xf5\xa3_\xa7\xc3Q\x80\x8e\x00-nJ\x96U\x95\xf0\xa0\x82'</t>
  </si>
  <si>
    <t>b"\xc6\xb9\xbbCK34'\xacTz\xb6`\xf3U\xd5\xd6D\x03EU\xd0\x9a3\x94\x9bpB\x8f\x85\x12\xe6"</t>
  </si>
  <si>
    <t>b'\xc1f\xf3\x81 \x0fU\xcet\x12\x08\x93|\xf7\x9cT\xe7\x89\x91\x7f3\x1a9\x16\x1f\xa5\x92m\xc3\xdf6D'</t>
  </si>
  <si>
    <t>b"\x1e\x97:\xa0\xc9\x9b\xb4\xa0\xdf\xca\x85A\xba6\xa7'n\x8d\x15\xff\xc5\xf9;\xf5\n\xec&lt;\x02h\x94RQ"</t>
  </si>
  <si>
    <t>b'3#\xd9\x9a\x9d|6x\xa4\xc1\xe4\xda\x95\\\xf2\xa2[\xd6X\xbc\x91\xff\rI8\xecL\xa2\xb2\xf4\x8e\xa9'</t>
  </si>
  <si>
    <t>b'\xae"\xf1\x96\x02\xfb\xc2\xcb\xaf8]\xb4\xea\x1eq\xfa]\xc2\x15/\x8d1\r\x98t\xbc\xca\x86KB\x1b\x04'</t>
  </si>
  <si>
    <t>b'\xb6\x9dI\xc8\xea\x02\xf0\x08\x1a\xd0{{\x1aT\xafL\x08kj\xc3AyUOo\x19\x96\r\x85.P\xab'</t>
  </si>
  <si>
    <t>b'\x86\x9a{\x0f\x0e\xaaN\x95Ox\xd4\x7f\xcc,$\x19\xb5\xe7CK\x11\xc9eH\xd7\xf3\x0fJ\x95\xa65\xef'</t>
  </si>
  <si>
    <t>b'\x94\n\x1b8\xdd\x9f\xbb\xb2R;\xac\xac\x8c\xc8I\x9a\xd4`AWFL\x9c\x08\xf2\xf8\t\xa8\x91\xc6R\x14'</t>
  </si>
  <si>
    <t>b'\xb6\x1f\xc9X_\x15\xed\x84a`(\xb9NI80\xd7\xc2%\x99V\xcc\x18\x9a\x95\x0f\x16\xfc\x8b\xe5\xba\xae'</t>
  </si>
  <si>
    <t>b'\xbbfL\x14kGp\x8e\xd2\x16h\xe16\xc7\xa9d\xc2/]\x19\x15W\xcd\xd4\x8e\xb3u7%|I_'</t>
  </si>
  <si>
    <t>b'O\xb5\x8a\x92\x01\x95\x05\x84\xc9\xd2u&lt;\x0b\xb9\xf1\x9c\xb2\xb9\xf3\\\x9c\xe7w\x937\x14\x0c\r\xc49?\x03'</t>
  </si>
  <si>
    <t>b'\xe7Q\xbd\xc7\xbb\xbeF\x07\xc1\xb3\xd0\x1e\xecX:\xce\x0br~Iy\xefU\xac\xea\xfa\r;\xeb\x0b\x15\xa2'</t>
  </si>
  <si>
    <t>b's"[\xfe#\x9e\xab*j\x81\xc9K*\xbf\xe6\x1f]=5TF\xb7\x0e0\xa0\xc4\xf9\xc3l\xc1\x94\xd2'</t>
  </si>
  <si>
    <t>b'w\xf05\xf3!\x0b4Z\xfc(\xd1\x10\xcc\xa8i\xfd\xee\xe9) cm\x853\x96bn\xe3\xf4\x01I\xcb'</t>
  </si>
  <si>
    <t>b'\xa4VD\xad\xb5\x0e\xf6\xcd\x90\x89\xb4\xff\xaa\x88\xcb\x04\xbc\xdc\x14\x06[\xd7\xf1\xcf"\xde\xbc\x93\x14\xef\xcd\x85'</t>
  </si>
  <si>
    <t>b"}\xda\x93\x0c(\xef\x9fu\xb5ai'\xb9\xa8\x9ef\x82\x0cn\x1b\xef\xe1ux\xa6&gt;E\x88$\xe2\x13\xcb"</t>
  </si>
  <si>
    <t>b'\xda^\x1aQn~C &gt;\xb4+\x18J=\x12Y\x88\x1aT$1\xeb\x8d\xd1\xc6:\xc4\x888\x8b\xec\xf9'</t>
  </si>
  <si>
    <t>b'\xef\x9f\xe4\xc4\xf23\x95\xf3\xae\x06\xd6sy\x7f\xb3\xac\x8f58S\x14\x7f5%kE\xdc\x90a\xdf\xab\xba'</t>
  </si>
  <si>
    <t>b'4\xe8\xb1\xbd\xd4z^\xc6\x1f\xe9.\x87\x9a\xe0\xf1l\x16(\xf4\xfe\xd08\x9ez\n\xab(\xdb\x90\x8f\xa5@'</t>
  </si>
  <si>
    <t>b'\xb3\xa9\x00}\x8e&lt;\x1a$ko\x97\xc0\xb9\x94\x96\x9c\x9eUK*\xb6\xceZ\xa0r\xe2J\xf5$@\x89\xe9'</t>
  </si>
  <si>
    <t>b"Bb\x9e4\xa8\xc4\xaa[\xc2\x0b\xc6\xb1K\xe3\x80/\x8c'\xef\x05v$N5pfS\xa9\xb7\x0b\xbc\x85"</t>
  </si>
  <si>
    <t>b"\x0e\xf5\x7f'\xb4\x0ea\x8a\xc0n\xfc\x14\x9b\x87\xbd\xe1\\\xdcYn=+\xc6\xbf0&lt;o;\x11Frd"</t>
  </si>
  <si>
    <t>b'V\xbc\x8b|\xbb\xb1h2\xa6\x0e\x1d\xea\xa1_\xaf\x1e\xae\x92\xe0\xc41k]\xb3\xb9\n\xf8\xb1\xc9\x19\xf36'</t>
  </si>
  <si>
    <t>b'\x91gWH&amp;\xd3\xa0\xea\x17\x0c\x7fS\xc1\xe2\xd6\x108F\xe0\x0f\xdf)\xd3\x94\x7f\xea%I\x1d\xf3+%'</t>
  </si>
  <si>
    <t>b'\xa9\tn@{\x04\x1d\x82\x0f\x1e\xd0\xd7\xe8\x8f\x8e(\x12\xe3b\xd0\x9c\xec5^\x9b\xe5\x10\xd5pw1b'</t>
  </si>
  <si>
    <t>b'&lt;\xcb\x1a"\xd8v\x07\x02)\xad\xaa\xef\xe5\x8a\xa5l\xe4Fwh\n \xd1\r\x10\xfeL\xf7\x81+v\x9a'</t>
  </si>
  <si>
    <t>b"b'\xfau\xb2K\n2&lt;Q(\x98\x1c\x86\xd9nN\xa2\xde\x9c\xa0\xd1\x02\xf6p\x9b\xef_\xcc\x9b\xd4J"</t>
  </si>
  <si>
    <t>b'\xea=\x01\xaf;L|\xf7J\xef\xb3P\x93\x00\x84H\x19\xd2_{V\x0b\xbf D\x91&gt;i \xack\xc7'</t>
  </si>
  <si>
    <t>b'-?Cc?\xb3\xf5oH\x87\x0foK*\xdf[&lt;f\xce\x97Sr\x82BF\xf3\xc2\n\x17\xfa\xb3T'</t>
  </si>
  <si>
    <t>b'\xad\xff\xda&lt;P=\x9b\xc7\xe5\xbd\xa4\x83\x87xP\x9a\x913\xfe\xf7\x0c+\x18E\xb8\x9a\xf6\xc5\xd0&gt;J\xe0'</t>
  </si>
  <si>
    <t>b'\x147uB;=\xd0\xbb7\xa4}&lt;\x0f\xaf\x1d\xbd\xces\xdd"\xffxf\x11\x8e\xc2\xa4\x05~6\xbc.'</t>
  </si>
  <si>
    <t>b'\x97\xed\x9c2f\x1a\x05\xb8d\xf46\xbe\xbdB%\xae\x1f\xcc\x03\x18W\xaaEpu\x7f(c\x9a\xfe\xac\x88'</t>
  </si>
  <si>
    <t>b'\r}\x80}\t\xfc\x0b\x9e\xf8\x8cB\xb0\xf6\x87\xa1I\xf0\xaa)\xa6\x94QWe\xf5\xc9\xd7~\xc9\xa1\x92\xa7'</t>
  </si>
  <si>
    <t>b'\xc3O\xa1\xc0\x94#\xe2\xf1\x90\xe2\x91l\xa3\xdf\xef;X_\x14\x08bG[-\xd0\xccL\x0f\x8dz\xeb\xe9'</t>
  </si>
  <si>
    <t>b'\x95\xf9\x0b\xf3Z+d\xce\x0c\x085\x9e\x92\xcec\xd6q\xa3\x8c\xdb1Z\xab\xbf\x18&amp;\xae\xdc\xb9\xe08\x80'</t>
  </si>
  <si>
    <t>b'\xebf\x1d\x9e\x7f\xb5\x18?\tZnH@4\x97\x8a\x17_\xea\x8bh;&lt;\xf3\xe0*\x1e\xf8,B\xe23'</t>
  </si>
  <si>
    <t>b'\x06\xcdev\x98#Z\xda\x9bXj\xcdI\xed\xf1\xda\x89\x98\xad\xb7\x8e\x86\x90h\xf2\xfb\x1f\xe7A\xb9cj'</t>
  </si>
  <si>
    <t>b'6\xf2\x15_,:\x8a\xb3\x03\xd0pb?3\x92\xbb\x12\xd3`\xd8Px\xe0\x98\xed\xab\xc6\x07\xafUd\xe3'</t>
  </si>
  <si>
    <t>b'JV-\xd2\x1a\x8e\xcfli\x14\x90\xe4\xe8jQY\xa9$_\xce_F\xec\x85\xe1\xa9{A=\x95\x88\x89'</t>
  </si>
  <si>
    <t>b'~\t\x1d\x9f!;\x87\x04\x1f5r6\xda\xa7\x04\xad\xb58,q\x96\xe5\x9eZ(\xe9v2f\xb4\x1f\xbd'</t>
  </si>
  <si>
    <t>b'\xaaI*a\x8d*\xa7\xad\x83A\x82z\x02cK\x0bAP\xc6\xd3\x1a\x87Z\x87\xc1\xd8\xc5\x90\xe5\xf3\x05k'</t>
  </si>
  <si>
    <t>b'\xff![\xbc\xab\xf7\xda\xccTl9\xe0\x87\n\xe9p\x0cj\xf4\xc0\xdd_\x141f\xb0\xd8\xd7\xd56\x1d\xd5'</t>
  </si>
  <si>
    <t>b'\x83d\r\x17kl\x9f\x93S\t\x97\xdc\x08B\x10\xca\x87\xa2\x0c\xe7\xe6\x1e\xe4\xc4\xfa8\xbe\xd4a\xba\x18K'</t>
  </si>
  <si>
    <t>b'c\xeaH4\xdf\x81\x14\x95\x8e\xb3\x11Y\x94\xe6\xba.\x18\xe30\x0e\xad5_\xad\xa7\xed\xe8N\xc8v\xa2\x8d'</t>
  </si>
  <si>
    <t>b'\x98\xa8/\xa7\xa3\x0em\x7fx\x9fy|\\\x94:`\\\x88\xf7\xcan\x14\xec\x1a\xb5\xa7\xa8\x17G\xf4\xc9\xe6'</t>
  </si>
  <si>
    <t>b'\x06;\x04\xa9\x1a\xbf\xcc\xc3DY\x80\xe9G\xac\xda\x8e\x8a\xf5\xb1O\xee\xa5\xabIH\xa3\x8f\xf4!\xb1F\x1c'</t>
  </si>
  <si>
    <t>b'O\x03Do\xa5\x94\x83\xe2\xe4\xbc\xc8\x0c\x1e\xf2\x9f\xd9\xfcIy\xc2\x1c[\xdag\xb8\xc0C\xe7\xf3L\xae\xf7'</t>
  </si>
  <si>
    <t>b'\xa22\xc1\x14e\xa06\xa76\xf7\xa5\x9akF\xd3\xe0\xed\xf6\xbdp\x16\x03\xa0\x1c\xc6\xa2\x1dZ\x86Z\x0f@'</t>
  </si>
  <si>
    <t>b'a\x91\xd2e\xbewnX\x87\xed\'\xc9\xa1]t\x84B"[\xc8{vU\x95B\x07\xaf\xfbvV\x8d\x06'</t>
  </si>
  <si>
    <t>b'\xc1\xb8b\x85&gt;\x16/\xe2q\x96\xfb\xde\xfd\xe8\x9a\x027)\xc6\x9c\xbb\x8a\xf0a)P\x11`3\x1f\ny'</t>
  </si>
  <si>
    <t>b'\xa2W\xb7\xf1\xbc\x80l\x81\x92l\xc4\x19\x9e\xa6\xa7\x9d\x7fs\ri\xf7\x06#@\x15=\x07\xda\xfc\xa2\xdd\xdb'</t>
  </si>
  <si>
    <t>b"v%\xce\x16\x82\xaeF\xd9\x121\x9f\xac,\xb0dwB\xd4\x19\xdb`'\x94^+\xdeI2\x9cw3\xc7"</t>
  </si>
  <si>
    <t>b'\\\x8b\x17\x1e\x99\x91\xa0\xba\x91\x0f;\x0b&gt;\xe1\xcb\x9f\x9e/w\xb2\x04\x1f\xa6?\x9b\xe2\xfa\xbdx\x1eh\xb1'</t>
  </si>
  <si>
    <t>b'\x8b\xa0\x0b6\x8c\x8a\x9d\xe69\x17\xc2n\x0ft\x13^o\\V"}\xba\x10 \xb6\x91UG\xad5kg'</t>
  </si>
  <si>
    <t>b'\xfc\x9e\x0f$\xbd\x97\xac=\x8e\r\x98"\x0f\xf6\x10\xdf7\x82\xfdl\x9c\x93sq,\x86$\xfe{\x80\xc4%'</t>
  </si>
  <si>
    <t>b'\x97\xe5\xc3B\xf5f\xb2\xfd\x0eqqE%?\xc9\x0e\xaf0\xe3\xe9\xc9Y\x14\xf2\xff\x15\x82N\xdc#t]'</t>
  </si>
  <si>
    <t>b'\x91\x85\\RgLu\xf0\x8a\x89*x\\\xfe&amp;\xef\xe5\x81\x90\xc2\xb8ST\xd7\x10\x91\x90N\x9a\xc4*1'</t>
  </si>
  <si>
    <t>b'\xc2\xea\x1a\xa4\xf3\x19^\xdc\xd2\xaaDh\x11\x94\x96\x12\x859\xe6\x0e\xd1\xbdx1\xe6,j\xd0l\x10\x8e\xca'</t>
  </si>
  <si>
    <t>b"\xef\xec\xcf'\xd22*\x02A*&gt;8\xb0\xd3PK%\xedq\xd7S\x8cm\xc5`\xbey\xc3\xd6R+\xc5"</t>
  </si>
  <si>
    <t>b'O-\xe0\xbbq\xf4](R=i-\x89_\xf4\xc0\xaa\xbb\xf7;\x11\xe9t\x1e\xe9\xa8)\xf0s"1\x80'</t>
  </si>
  <si>
    <t>b'w1f\xa6w@#c\xc4\xb0]@\xea\x83\xdd\x1f^:\x9f\xe4\xa8\x1d\xe5\x1f/\xef+\x1e\xd0\xb4\xd4\xcb'</t>
  </si>
  <si>
    <t>b'\x8b\x91\x13j.\xdb\xc5o}4\xea\xcb{w\x15@\xdbV*\xe6\xc9\xfal#p\x97s\xee\xce\x93I\x1f'</t>
  </si>
  <si>
    <t>b'\xe1|4\x9cz?\x01\x7f\xd6[\xb1\xc7\xd9\xe8\xd7\xb7\x13\xa141\xa4G$\xa6\x91\x1e_\xbcZB@%'</t>
  </si>
  <si>
    <t>b':\xb6\xabk\xfe1\xc6\x0fy\x8e{^\x7f:HO\xbar\xac-\xdb\x97\x05\xf2\xca\x82\n\n\xa6K\xf2]'</t>
  </si>
  <si>
    <t>b'\xfd\x93\xb8^\xea\x8a\x0e\xe7\x0e\xde\x02\x8c\xac\xb4_Qqm\x0c\xce\x19\x14\x06BBb\xa7\xf5W\xc3\xc2]'</t>
  </si>
  <si>
    <t>b'\x01\xf0f\xa7\xb3\xd3\x16\x08\x06l\xc1qX\x9fbd\xde}\x17G5\xbf\tR\xdde\x93\xe6e\xaf\x80"'</t>
  </si>
  <si>
    <t>b'\xa9\xf9b\xde\xa0\xacM\x7f\xc8\x16\xdep;\x1b\xcd\r\x9e{\xcbfJX\x9b\x8b\xb8\xdf\xa3\xfa\x05R\xca\xe1'</t>
  </si>
  <si>
    <t>b'15\x89\xc5\x15\xdd\x9ej\xadk\xd5\x12\xf9\x00\x18Q=#~\xbc-\x8e"\x8c\x96V\x9dM-U\x1f$'</t>
  </si>
  <si>
    <t>b'%\xab\x08D\x862zy4~\xde\x00\x9df\x1e\xe5\x8c;\xcf\xeaW\x9b\xb6\x94R/\xc6\xacS\x08|#'</t>
  </si>
  <si>
    <t>b'\x1f\xdfzBq\xf95$\x06\xff\xc4\x11\x8ezD#x\xaaw\xa0`\x1e\x9baB\x1fxl\x1b\xfeMR'</t>
  </si>
  <si>
    <t>b'Z\x7f`\xef\xbb\x95\x98\xd8\xe4\x1f\x98\xbd\x99\x90(\x1a\x9e\x89\xc0\xa1\xee\x16\t\xafZ^\x9a\xb4\xc2\x96H\x88'</t>
  </si>
  <si>
    <t>b'%C\x91G3\x0e\xb3\xc2\xf2\xca\x1deU\xcb\xcd\xa1l\xe4\x86\xbe\x8f\xc7Y\x1b\xf4\xac\xe7l\x10E\xc5\xd6'</t>
  </si>
  <si>
    <t>b'\x99\xf5\xc2\x93\xea\x9bH\xe3\xa3\xa9"e\xa7S\x11]e\x16\xa4"\xc6G\x10n\xca\xc3\xe3\x1e!j\xc2\xca'</t>
  </si>
  <si>
    <t>b'\xe6\x05\x8fR]\x17\xda\xb9\x0c)@\x01\x1a@\x0c/^b\xcd\xfe\xfe\x98\xe6)Ft\xad\xea\x91\xb6!\x08'</t>
  </si>
  <si>
    <t>b'\x81mj\xa1T^\xd4\x99E&lt;I\xa7$,[S\x0f\xf1\xa2S\xc9Y\xa8\xab\x7f\x8e\x13O\xbf\x02\x05\xe3'</t>
  </si>
  <si>
    <t>b'\xbe\xfb\xa3=a\x93}\x08\xfe\xb0^\x8a\xd1\x90h\x8e\xbda\x88\x12\x13\n\x17&gt;2\xcd\xaa\x12\x07\x1c+\xc2'</t>
  </si>
  <si>
    <t>b'\x12\xf3\xb6\'@J\xf8\x92\xcf\xc7w\xc49\x084i\xf4"i\xc3n\xd42\xf0\xd6G2RC\x9b\xfa\x8e'</t>
  </si>
  <si>
    <t>b'\x81l&amp;}\t?P=]qI\xc5\x92@\xfa\x98\xaf\x9a\x95\xdf,W\xdd\xb3r\xc2\xa2;O\xa7\x89p'</t>
  </si>
  <si>
    <t>b'\x1d9b\x07L\xd3R\x17\x80r\x11\xfbm\xd4\x0e\x8dJH\xc0R9|\xc6\x95\\\x99n\xa4\x9a\x9c\x7f\xc3'</t>
  </si>
  <si>
    <t>b'\xfa\xc5\x02\x15\x022\xa1\x1f\xc7\x9f\x12%\xe9\xdf\x852L\xd7\xac\xf9\xdf\xbd\xbaH\xbf-u\xaf|\x9cP\x9b'</t>
  </si>
  <si>
    <t>b'\x13\x9c\x17II\x9d\xdad\xd0\xbcBp\x85\xa0N\x07\xb4\xf0%\xfd\xd4\xae\x1fN\t9\xad^/`\x03\x7f'</t>
  </si>
  <si>
    <t>b'\xac\xb1\xf9\x08{\xb6\xc8\x19l\xa1\x0c\x90\xdb\xd8\x8c\xd6\xf9\xdb\x94\xb1q6\x04]%\x17\xd5j\xbb\\\x81\xb6'</t>
  </si>
  <si>
    <t>b'\x8b\xe5\xd1\x92l\x9ceb\xe8*\x7f\x82\xd4\xc0\xdcI\xecxI\x7fU\x8d\x99?\xc5\xbait\x7f}\xd37'</t>
  </si>
  <si>
    <t>b'\xdd\xde\x84\x07\thq&gt;\x18\xa4\x85I,\xbe\x7f\xda\xa3/]\x7f\x1f\x16\xf83\xc9\xd1\xd1\x18V\xa9\x98$'</t>
  </si>
  <si>
    <t>b"\xac\xcf8B) \x08B\xc4a\x9b'\xfen\xe5\x1c\x00)\xb2g\xea\x1a\x93_2\xa2F\xe4[SVm"</t>
  </si>
  <si>
    <t>b'{\xf6G\xdb\xcb&lt;7\x0b\xc2\xc3\xc5\t\xb8\x80\xa9\xb3&lt;G\xa8\xe3\xfb\xe1P\x99\x7f\xc1\xea\xff\x94\x9d\xdd\x8f'</t>
  </si>
  <si>
    <t>b']\xa3\x98\xc0\x00\xbfyb\xb7\xc7\x8e;a\xb4\xcf\xba\x8aN\xdb\x81\xb1\x0c}\x05{E\xf5\x83\xbc\xc3\xd0@'</t>
  </si>
  <si>
    <t>b'\x13\xdb\x02\x033\xcf5\x1c\xc2\xaa\x07Z\x13\x02\x14\x1a\xd4L\xacH\xa6\x1f\xec\x8b\xdbC^\x05\xbe"\xdfl'</t>
  </si>
  <si>
    <t>b'\xcb\xcbo4\x97\xbd\n\x89\xaa\x81\xdb\x88\xbb\x95\x8b}\xad\xa2;\xdd7\xad\xa1\xebV\xb3\xd3~\xc5Z&lt;r'</t>
  </si>
  <si>
    <t>b'\xf3\xc9\xc3\xe7\x02P\x87\xc4\x89\x0e\xf8W\xf7\x97\xcd\xab\xe6\xd1\x7fKb\x9f?\xa4Z\xdb\xd3\x94\x8d?\xa5\x82'</t>
  </si>
  <si>
    <t>b'\x1f\xd9\xf2~w\xe0\xb6H\xa9\xbbYy \xdf&gt;\xa1\x87T\xa4\xe2\xae\xfb\x04\x12\xcd\xd7\xbaft\xb33\xda'</t>
  </si>
  <si>
    <t>b'\xcdP\xbb\xeeE\xc74\x8b\xd6V(\x8b\xab\xad5\x1a\x81g\xfcj*\x94\x1a7\x044EB\xa8\xad\x90\x03'</t>
  </si>
  <si>
    <t>b'\xd2%\x19\x0b)\x1b\xb94\xe8}\x0f]i}$v.\xf3\x9c\x84^\xc9\xc8\xd3\xa4\xa7\x1d\x14\xf4]@\xbe'</t>
  </si>
  <si>
    <t>b'\x0b\xd9\xaa\x1c~\x86\xee-\xffVl\xe0jA\xaa\xc6\x88f\x8d\xab\x19E\xbe\xea\xbe\x7f\xe8*\x19\xcbt\r'</t>
  </si>
  <si>
    <t>b'1)\x9e!d\xe7\x16y\xec\x9b\xa2\xce\xd1&gt;\x99\x8c\xa3S!\xee\xf3\xe0\xa4i\xf2\x8fuZ\xde\x15Bg'</t>
  </si>
  <si>
    <t>b"U9`\xab\xfa\xbaM\xfe?\xe5[\x97\x89{\xe8*\xd7\xec\xa6\x01C\xa3\xfa\x104'\x02u\xb5/qG"</t>
  </si>
  <si>
    <t>b'\xaf_\xe0\xf1\xa2\xbd=\xd2&lt;\nJ\xb1\x96\xc1\xb8g\xf1\xef\x01\xc6Q\t\xd1\xa3\xd5\xea1\xdc\xa1\xa0\xf1]'</t>
  </si>
  <si>
    <t>b'\x92\xd55\x0f?4\xb8\x0f\xae\xe8\x01\xfcK\xea\x99\xb4C\x1a\xa3]Y\xdb8\x0f\x99\x92\x94\xf1\x94\r9\xc8'</t>
  </si>
  <si>
    <t>b'{pr\x04B\x84\xf6e\xc1b\x03\x81\xfe\x81\xfc\x94\xf7=\x0e\x1c\x1eBMH\x92x\x86!\xe5\xf3[9'</t>
  </si>
  <si>
    <t>b'\xc8\x92}\xd6\x18\xab\x8f\xc9\x0f\x06\x1c\xa7y\x90O5\x9fj\x1d\x96\xc7\xe4\xe1\xd0\xe9I\xc5\xd5\xcd\xb5*,'</t>
  </si>
  <si>
    <t>b'\x8dd\x8b\xe4\xc8hD\x8c\xdf\xee\xbd%\x94\x97\x8bx\xeb)\x92\x8bC\xc2S\xc0\xd5G\xa4 \x1d\x93K\xee'</t>
  </si>
  <si>
    <t>b'&amp;)!\r\xc6L\xe9a\x89\xff\xb0c\xcb\xa8O7\xca\x01\xcf\x92\xd3T^\x07%t\xb1\xa7\x0b\xbc\x0b\xe4'</t>
  </si>
  <si>
    <t>b'\x16\xe3,\x0f\xb7\x17\x83*\x0bC\xea\xca\x00\xc2\xbf\x00\x12\xda\xd7\xa7\xec\x8d\xc5\xd32\xa0\xa3.w\xfe\xee\xed'</t>
  </si>
  <si>
    <t>b':|\x83\x0f* ~\xeb\xb8\xa1W:\xca\xab\x81W\xb4\x84\xd1\xa4\xf8&lt;\x04&gt;k\x19\xdeZ\x03\x88]}'</t>
  </si>
  <si>
    <t>b'\xbd\xaf\xf3\\\x16\x14\xe8)\x16\n)\x13\x0f\x1fYU\xac-\xff\x13\xb5R\x99\xf7|\xe9\x877{\x10\x01\xaa'</t>
  </si>
  <si>
    <t>b'\n0p\xae\xff\xa3\xd0\xc4\xa6\xday\x82\xfe\x0c;\x18\xa1\x9d\xb8\xf8\xc5\x91\xc5\xa74J&amp;f\xaaz|\xfe'</t>
  </si>
  <si>
    <t>b'\x19L?$\x9fu\x90^|=Pi\x84\x8a\xb9\x91\t\x10g\xb6L\xf4\xcek\x04t\xe5\xbfWz\xa3\x84'</t>
  </si>
  <si>
    <t>b'\xa2k\xba~&amp;\xe1\xdd\xed\xb7\xc2\t\xbe\xedg\xfb\xfdV\x86\x1b\xcfK\xc3\x9eJ\xba\x880\x9c\xd49\xefJ'</t>
  </si>
  <si>
    <t>b'\xd3x\xf6\xed\x90\x18\x1b\xb7\xcaE\xf4\xd1a\xa3\x1c|\xf4\xca\xc6\xe6\x0c\xfc\x01\x9a\xe2\xa0Q\xc0Q\xf2\xf4&lt;'</t>
  </si>
  <si>
    <t>b'\xd0W\xf1N\x84\x1b\t{\xca\xffJ_\xdf\xc5D\xb6\xe7\xf3\x03\xfd\xcd\x95\xcaH\x9e3LZ\x99\xae\x19\n'</t>
  </si>
  <si>
    <t>b'*Z\x07yE\xc2H\x88"\x92\xcc\\\x945U\xf6/Z\x95\xf3@\xa3!e\xf1\xceI\xfa\xe1&amp;u\x99'</t>
  </si>
  <si>
    <t>b'v\xdb\xcb\xden\x18\xaeL\xf2\x8f\xc7\x10\xd8\xd3\x0b\x94b\x16\xe6\x86I\xdd\xad4/&lt;=C\x14~\xef\x01'</t>
  </si>
  <si>
    <t>b"`/9c\x07V'\xc6\xb1\xd3\xd03\xeeNC\x007\xbb\xf1J\x14\xc3\x83LM\x0e\xf1\x01\xbb\x9c\x08\x0c"</t>
  </si>
  <si>
    <t>b'\x8a\x8d\x8er\xff\xf0\xa6qp\tv\xb6W\x8a\xbe\x9d\x02\x8a1y\x19\xac\xe8\xd8\x05&gt;\x0e\xec\xf2\xb6\x8c\x0c'</t>
  </si>
  <si>
    <t>b'\xd0\xd4[\x85\xeb#\xaa\x0ejX\xa9\x89H\xd7P\x91U:\x8a\xc4\x11\xba\xc4\xf99\x1dM\x15\xa7\x0fDm'</t>
  </si>
  <si>
    <t>b'\x890"\x93\xbef*d\x1c\xa1\x9e\xd9\x99wH\xa4Lv\xaf\xcf\x00G\x06 K\xdd\xad\x0cF~\x9b\xc9'</t>
  </si>
  <si>
    <t>b'\xb9:\xbeH\xd6\xb8\xe9\xf5\xa8x\xd3X\x15\xc6\xc0\xf5l\xb2\xb6\xc8\xa1\x1d\xc7i\xeeS\xefK\xe9A\xfb\x17'</t>
  </si>
  <si>
    <t>b'i\xce\xff\xbd\xb6\x9e3\xfbQ\x9b\xa0\xcbn\xf0\x00\xb04\xe6\x90\xbd^\x0bp\xe6\xec\xba_\xca\x03\xf8\x1b\x0e'</t>
  </si>
  <si>
    <t>b'\xb2\xb5Y*,\x14B\xe7\x93\xe0U4\x0e\x90\xa3\xf4\x83!\xea\x0b\xf6\xc8\xe3\xd2\xb4_\xe7\x0f\xf6:\xb6('</t>
  </si>
  <si>
    <t>b"\xa3\xc8\xd1\xa2\xae)\xad\xf2\x86\x0f?E(\x9f\x7f\xc4\x88kg\xa79W']L\x85\xe4\xc7\xc0\xa1_\x8b"</t>
  </si>
  <si>
    <t>b'\xd4\x1b\x99\xef\xc9\xc3\xbf\xc7\x1d$n\xcbd\x98\xb2\xde/\x88\x14m\xe0w8\xf5\xf9\xcd\xb6oc}\x02\xae'</t>
  </si>
  <si>
    <t>b'#\x89\xc1C\x15\xc8\x17\x0f\xa4\xd6MY~\xb2Cs-\xd44\xb0\xbc\xef\xd59,D\x81%b\x0b\xa1E'</t>
  </si>
  <si>
    <t>b'\xe6\xd2\x90\xd5\x7f\xbe\xe4\x9eqX\x93-Z\xbb\x13A\xaa~\x83\xc3F\x80\xe5r/\ncp\xc0\x97\x1d8'</t>
  </si>
  <si>
    <t>b"Pftd\xb1\x91\xaa\xf1\xb9\xbcW\xf5\xd5d\xf4\xa3-\x13\xa0]'\x1d\x89\xb2ai\xbe\xf4\xdfU\x17C"</t>
  </si>
  <si>
    <t>b'\xef\x000\xf7d\xa6\x87\xd6\x8b\x0e\xbb\xab&amp;@Z\xa3JN8\x19C\x98=\xcbJ+\xb3\x93G\xb4^\x93'</t>
  </si>
  <si>
    <t>b'\xf6+^\xa8\xa2\x88\x8f\xfc\xdb.5\xcf\xf7\x99\xa0\x0b\xc6\xf4\x97@\x1d,\x1e1\x83A\x9e\xb3\xa1\x91t*'</t>
  </si>
  <si>
    <t>b"\xad\xea\x1f\x94:V\xe8\x10_vL\xb8\xd8wYt\x9e\xab8'\xf9e\xba\x18t\xec\xa3B\xea\x15\xcb^"</t>
  </si>
  <si>
    <t>b"\xb5'\xdf\xba-z\x13\x14\x11;U1\x96\x83\xd6\xf6ZRu~\xb4\xc3\xbd\xc9\xe89Yr\x0067\xa8"</t>
  </si>
  <si>
    <t>b'\xb2/a\xd0C\x88\x87\xb93\xcc&lt;\xb1\xd2\x89\xe1\x16\xfa\xb8m\x93w\xfa\x16\x7f\xfa\xf1\xf7\x85g\x03\xeew'</t>
  </si>
  <si>
    <t>b'jWq\xc2\xd4\xc4\xd2\x81%\xec\x1c=\xf5g\x8dbf\x00\xfa$\x08\xe3\xa7ow\x93.\x0b\xc6\x14p8'</t>
  </si>
  <si>
    <t>b'y\xa8\x17\xc8\xcd`\xc4|\xf1\xf2\xd1\xc2Ex\xbb\x80\x1bC\xb4\x13\xb7\x94\xa9\xaf\x13\xd7\xa57\xb4,\xd5\xde'</t>
  </si>
  <si>
    <t>b"(`\xfe\x04\x1an\xe4\x98;\xb1J\xed1\xea\r\xb2)$\n'\xba\xb3\x02\xc0MX\xe4\no1\n\x83"</t>
  </si>
  <si>
    <t>b'\xbe{U\x96c4\xb1[\xc9\x08yw\x8d!qI\xc8N-\xb8\x14/\x1f\xb1\x7f\xa0\xe3K\xe1\xe49b'</t>
  </si>
  <si>
    <t>b'\x04f\xca9\x1c\xaf9\xcdl\xae\xc1Jd\xfdf\x06/\x9c\xc1\xab\n\x80\x9a\xf2\xf6\xfdmAs7W\x94'</t>
  </si>
  <si>
    <t>b'\xba\x8e2n\xca\xe9\xac\x9d\xe8x\x19Lg\xd5\x1ao\xd1!\xd1,:\xcf\xf7l\xf1\xb5\x07\xb4\x824\xea\xc8'</t>
  </si>
  <si>
    <t>b'b\x88\x89\xe0,\xe1\xed3I\xb4\xae\xc6\x8c\xbdg\xf0\xcc\xa1dIZ\xc6\xbf~\xa3]\xcb\x17\x94\r\x83\x8c'</t>
  </si>
  <si>
    <t>b'C\xb5\x85(\xb1\xe6\xccY\x03\xad\xbf\xc3\xaa\xfc\xcc\xadOY\x17d\xcd\x0b4T\x13\x9b\xc0\x824\xca\xd1Y'</t>
  </si>
  <si>
    <t>b'\xd0\xa95\xe3s\x8d\x94=6\xe4s\x15\xc1\x08\xe5\x1f}\xddl\x82\xf9\x83O\xbb?\x80vd\x0b\xbfA\xce'</t>
  </si>
  <si>
    <t>b'\xcd~Hn\xb1t\xd2\xd5\x10\x81\xbd\xa77\x92jP\x1b\xc9s\x81\x0b\xc6\x94|8\xa8($\x12\xcc&amp;\xbd'</t>
  </si>
  <si>
    <t>b"$h2\xa9\xffY\xd1\x92\t\xa9&amp;\xa0\xd9\xcc\x874\xe4A\xebP~U\xbf'\x1a\t\x88 -\xb9x\x02"</t>
  </si>
  <si>
    <t>b'}\x82\x15o\xcb\t\xe5\xcb9\x8eE\xe9\xc4+\x81N\xd1\x9e(Q5\xa2l\x06\xeb\xac\xf4\x17\x10\x9e\xc3\xef'</t>
  </si>
  <si>
    <t>b'\xdfZ\x9a\x82\x7fz\xc2\x8b\xac\xb3\x00\xc9\x0f\x9c:\xf4\xf4\x08\xfc\xf3Y\nn#i\xc0@\x1atK\xe9I'</t>
  </si>
  <si>
    <t>b'\xfb\x86t\x9c(\xbao|\x94\x94~\x1dP^\x1b\xbd|\x14\n\xed!\xb9\x98\xeaF\xe3\xa0\xae\x98\x82\x81\x1b'</t>
  </si>
  <si>
    <t>b'\x14\xbfX\xb37\xda\x1d\xe1\x98=\xd4\x0f\xcdM\xab7UrF%\xb5\x82uc]\rx\x87UL\xbaQ'</t>
  </si>
  <si>
    <t>b'\xc1\x85(\xfd\x00f\x9aA\xdc\xd3d\x9d\xa4\xb6\xce\x8b\xae\xe5T\x9f\xf6kp\x81\x81[\x13!\x1fV\x036'</t>
  </si>
  <si>
    <t>b";\xe0\xae4\\\x11\x07'&lt;\x85.\x16\xbc\xb1\x0c_ry/\t4\xb41\r\xb4\xb2\xd6\x81\xd5V\xdat"</t>
  </si>
  <si>
    <t>b'4\x92\xdc\xac\x831\x8bT\x1cB\x8ewa\x16f\xa2\xce\x87\xefbGs\xb8\x8e\x00M\x8d.j\xf7V*'</t>
  </si>
  <si>
    <t>b'\xddt\xe0,6cp\x16\x8b1\x13\x0e\xad&lt;n&gt;\x14\xe1\x1e\xfa\x9dR\x9f\xb7\x08\xbblO\t2O\xcb'</t>
  </si>
  <si>
    <t>b'\x04a&gt;\r\xe4\xfbM\xa6C\xf2\xb8\xcf\x1cC8\xacZvd\xa0\x87\xb9Z\rf\xd1\xc8\x1e\x1e\x8e\x9d\xe3'</t>
  </si>
  <si>
    <t>b'\x8b\xd0J\xfa\xe9#/\x1e\x8f\x16[k\xca{\x12\xea*\x1e\xcf\x97\xb3\x8e\xb3;\xe5\xd9\xe1`\xdb\x12j"'</t>
  </si>
  <si>
    <t>b'}\x82\x84\x8f\xd2q?./{\x1d\x88\xc4\xd7!;\xa1\x99 \x12\xa6\xeeEH\xe2\xf2\xda\xd3\xb9\t\xd9\xff'</t>
  </si>
  <si>
    <t>b'H$\xb3\x91\x89\x8e\x18\xc8\xbd&gt;\xa4\x16\x88\xbc\xe4\xdeG\xaaA\xab\x03\xf6\xfbb\x89\x13i\x9aC\x87\x9f\xea'</t>
  </si>
  <si>
    <t>b'\xb9\xce&gt;1\x85\xd5\xcd:c\xd6c\xec\xb0|\x9b9\x00\xde\xf9zt,P\x85\x0c\xa8\xa0\x97\x17\x9a\xb9\xba'</t>
  </si>
  <si>
    <t>b'2\xf5\xa9\xda\xab&amp; \xa0R/o\xcd\xbe4\x9d\xf0\x9b\x06\x18?v&gt;\xf4\x02\x90\xe4\x8bw\xee\xc2\xfd\xea'</t>
  </si>
  <si>
    <t>b'*\xab\x97M\xf5\n\xac\xf8\x91\x80\xb1\xf4jj\xc5\x1b\xc3\xcb\xc7\x90Idts\x98\xe0)\x19 gq\xb8'</t>
  </si>
  <si>
    <t>b'\xce\xee\xda~&amp;\xa5"\n\xd2\x0e\xf4\x01K\xa6*\xa4J\x05\xdb&amp;\'yZ\xa0&amp;\xee\x93\xce\x0f\x81\xff\x07'</t>
  </si>
  <si>
    <t>b'\x9c\xc6N\x96(\x12L\x8c\x90\x1b\x18"a\xff&lt;\x96\xe6\xfaM\x9a\x1f\xaeJ\x80\xcfK#\xec;\xffE\xb5'</t>
  </si>
  <si>
    <t>b'\xbd!d\\\xe9\xd9M\x17\xd7:\xce\xca\x034\x0e\x91\t\xac$\x8b\x8a\x08\xb3F\x84\x1b\x18d\xf9\xed\xa0\x0c'</t>
  </si>
  <si>
    <t>b'\xf2V0[\x01\n\n:C\xe08\xff\xce97\xf12\x9bp\xf2\x15\xd2\x87\xd6/d\xaf\xdf\xd7\xae\x0cK'</t>
  </si>
  <si>
    <t>b'\x10[\xd6a[gE\xbb\xf2M\xaei\xfc\x15]\x0f\x08\x0e\xca\xb2\x1c\xbdN,\xa7d\xfa\x1d\xe3\xd8+L'</t>
  </si>
  <si>
    <t>b'\xc5\xf1\x8d\xa6uL\xe8\x9c\xbc\x8f\xa3N\xb2h\xa8\x03?\x1f\xe5\xbe\xbc?)\xd4]K4\xecS\x8c9\x92'</t>
  </si>
  <si>
    <t>b'\x1c\xfb~^}\xe3\xa2\xd2\xff62\x19&amp;\x13\xe7\xed\xc4\xc6B\xf7\x95t)\x85&amp;\xb5Lb\xcb\xf7\x89\x17'</t>
  </si>
  <si>
    <t>b'bw\xf2\x11\xab\xf8\xbb5b;\xbc\x19i\xc6\x99\xde&amp;*Y0\xc3\xca\xaa\x81\xd7]\x1b\x841\xe8\x85\x91'</t>
  </si>
  <si>
    <t>b'\x94\xfc\xb0\xea\x1fE\x88#\x1f[\xbdu\xb9\\qM\xf18|\x8c\xae\xd1/^\xbb\xaa\xdes\xc1\x01)\xa5'</t>
  </si>
  <si>
    <t>b'\xb4\xeb\x14\xc2\\&amp;\xceAt\x02\x0b^\x80eU\xb8B\x80\x85\x8d\x8f,\x189\xe4P\x81\x9e\xb8,\xd7\xe9'</t>
  </si>
  <si>
    <t>b'\x84s\x9e\xc0/\xc6\x82\x11\xab\x9a\x05\xbe\xbb\xba.Y\xc7\xb5P\x8a\x0b\xaeo\xf2@\xe0\xaa\xd2D\xe2\xfe\n'</t>
  </si>
  <si>
    <t>b'\\&lt;\x14\x90jt\x9fe=\xa2]\x90\xa5\x85\x13+G\x81\x0f\x878\x06\x14\x80YR\x18\xcb,R\xdc\xf6'</t>
  </si>
  <si>
    <t>b'\xa9\xb1\x9b,\xd00\x90\xe3;\xe5\xcd\xfd`C\xa0\xeb\xe2&lt;7\x86\xea&gt;\x9c\xd4\xc5\x16\x06\xedzv1\x01'</t>
  </si>
  <si>
    <t>b'\x14{Be\xa10\xc0[\x83)\xfe~3\xf7d$\xcc[=\xb9U\xca\xee\x80*\xd7\xba\x14ZSV\x0e'</t>
  </si>
  <si>
    <t>b"L'\xe9|\xd6\x06T\xcaE\x80\x91\xd9v\xe4\xf1\n\x16\x88?\xff\xe2\xad\xee\\\xe4\xfd\xa4M\xae\xa9\x943"</t>
  </si>
  <si>
    <t>b'\xb1T\xdev\x99Oc\xb1\xb7=b:\x007X*\xfc\xc9\xd4\x0fo\x89q\xd0d#\x1d\xd8\x9dn\xf7i'</t>
  </si>
  <si>
    <t>b'U\xa6z\xda@\xadjD\xc5%\xa7SH\xa2\x0e\x0c\'M\xc0C=\xbbW)dB^6C\x89"\x8a'</t>
  </si>
  <si>
    <t>b'\x19\xff\xfb\x14\xb8\xb4=/\x06Z&gt;z5\x10\x13\xf2\x1ba\xce6&amp;d;l\xe1FI\x85\xfb\x91\x00\xc5'</t>
  </si>
  <si>
    <t>b'\x7f_U\xaf-\xea&gt;=M\x8e\xa3ow\\\x0b\x18:\xaa\xf5\xbe\x93b\x8eQ\x0c\xff\xbf\xec\xbd\x19\x8f\xd2'</t>
  </si>
  <si>
    <t>b'c\x0f\xe2/\xbd\xb6q\xcfG\xabp\x00\xa1;`\xdcg|\xc5\xea\xae\xdbRkJ\xbc\xb7coSOj'</t>
  </si>
  <si>
    <t>b'\xcbSa\x97\x8c\xf30\xdf\x14\xa1\x15\x8c\x12,|{\x90\xd4\xf6\xbc%\xcb\xc0}\x98\xffx_\xc5\x14\x8dn'</t>
  </si>
  <si>
    <t>b'\x10\\&lt;\xbf&amp;\xc2)bA\xf6\xc5C\xf1\x99_1\xb0\x9c\xebB3U\xf9d\xff\xf9\xfe\xcb&lt;\x94s0'</t>
  </si>
  <si>
    <t>b'\xc6\x1e[\xf4\xf5fe\xef\x17\xa2J+\xb72&gt;\x18\xa8I\xe7\x80|\xf6\xa2\xe9\xfa\xf1L\xe6\x03\x852\xf1'</t>
  </si>
  <si>
    <t>b'\xb4P"\xf6n\xd3\x10\xbe\xb0\xa5\xb0\x94\xe2\xc8\xba\\\x941T}\xb4U\x0b\x9f\xbe~\xbf\xd6G\xf3p\x1e'</t>
  </si>
  <si>
    <t>b"\x97u\xf2\xb5\x93\xcbF\xaf\x8aU+Y\xee\xd9\x87\xbb\x17\xac\xdc\xba\xc5\x05\x15\x98'W\xa2fFM\x0c\xec"</t>
  </si>
  <si>
    <t>b'h\x01\x07\xe1%\xfa\xf0v\x85\x86_\xcc~\xe0i\xc9T\xb8\x96D\xf9J+\x8b\xbb\xb1\xa1\xd0\xb6\xfd\xba\xfa'</t>
  </si>
  <si>
    <t>b'\x81\xfb\xb0\x0bl0:zJ(\x01c\x83tsR=\x8d\xcc\x82[[\x96\x88C]\x8c\xc1\x1bV4\\'</t>
  </si>
  <si>
    <t>b'\xd7\xbd8&lt; v\x9aJ\xa1K\x02\xc0\x0b;\xa3\x80%\xc0\xa2\xa2&gt;0\xd3\x0e/\x9b\x1f\rWcFF'</t>
  </si>
  <si>
    <t>b'\xc28\xad\xf6\x9f%w\xc6t\xccJ\xe3\xcb\xfc\xfa$\x87;\xa3\x13\x11\xd9\t6\x8dW]U\xdd\xdeP\x88'</t>
  </si>
  <si>
    <t>b'\x8e\x8a\x1c\xe5arF\xa7\xe0\x91\xf6\xa8c\xe8%\xa0"\xec\xc8=z\xdf\xef\xc0v\xa0_S\xb4\x8a\xac\x96'</t>
  </si>
  <si>
    <t>b'\xe6\xcf\xea3\x19\xe3Z\x99\x82\x91\xa9F\xa1\xd8\xe1\xe4\x80\x18\xee\xb5f\x01!\xf5~\xff\x8e\xa5\xba\xa8\x17\xa5'</t>
  </si>
  <si>
    <t>b'{\r=\xf7\xe4\xc5Y0a\xc5\xa1\xfe\xa3ei\xd7/\xbb@{\xa3\xf49h\x03R^\xa3\x15 \xe2\x8e'</t>
  </si>
  <si>
    <t>b'\xcf\xd4\x80\x8f\x1c\x89\xdd\xd5\xe2{H)\xd2\xc5\x88\x94\xcaX\xc4Vy\xe69\xad\x85Bz\x91aV_\x0c'</t>
  </si>
  <si>
    <t>b'\x81"\x9d\'M\xbd5Rx(\x80\x1aM\x8f\x1d\xe5?\xa6!\xd3\x9cp\x80kk\x9d_\x01\x9c\xd5\xf0\''</t>
  </si>
  <si>
    <t>b'\xebj`\x07\x80\x8f\xccU\xc3iQ~\xb2\xa8\xce_\xc8\xa0x\x1eg\xdb\xb3\x1cK"_\x80\xe7\xee\xec\xfa'</t>
  </si>
  <si>
    <t>b'\xc8\xe7\xa5#\xfd\x91@\xedV\x1e\x01D4\x84|\x03V\xd5\xa2V\x03?\xa8\x1f\xab}c\xfc\x0b##B'</t>
  </si>
  <si>
    <t>b'\rv\xeb,F\xf6\xd4\xee\x84\xaaW\x97\xa63Z\xf3)r\x96s\xca\xe1\x9d\xf5\x07l\xcb\xff\xae&amp;\xd2\xfa'</t>
  </si>
  <si>
    <t>b'\x17\xa77\'3"\x95w\xc5\xd1\xa0\xa9\x1a\x01\xb44C\xaf\xc5\xf4\x15q\\\xcez\xd2\xfe\xbcG\xbb\x97g'</t>
  </si>
  <si>
    <t>b'\xa3"U\x1f}\xb7\xc6\x1den\xeb\x81w?\xb8\xc3+\x89\x1c=n\x89P\xd0\xd8\x90\r\xfa\xeb\x13X='</t>
  </si>
  <si>
    <t>b'\xc9\xce\xd8W\xd7\x0b~\x7fL1\xc3\xeb\x87\xc7c\xe5\xe3gv\x8c\x91\x92+\x16\x05\xf0:\xcfx\x10\r\xf9'</t>
  </si>
  <si>
    <t>b'-\x0b\xe4\xf5k@\x1d\xccn\xe9\x07UH\x8ar\xde\xac\xd7{\xe8\xf98\xa1\x05H\x81\x96Bb\xbf\xb77'</t>
  </si>
  <si>
    <t>b'D\x96\xa6\xae\x03_\xaf\xc86%\nI\x101\xaa\t\xd66\xb6\xce\xafe\x00\x1e\x81@\x11\x1d\xe3Z\xfbs'</t>
  </si>
  <si>
    <t>b'L\xb7\\TQ\x88m\x93\xa2(\xac{X?\x00\x9b,\xcc23\xcdj\xca:\xca\xfbHTI\x087\x19'</t>
  </si>
  <si>
    <t>b'\x83H\x92\xcd\x91\xe8\xcb\xb8\xcb\xac[\xd9u30!\x88\xcb:\xd5W%\xa6S\xa7!k\xc2\x11\x13\x05\xa6'</t>
  </si>
  <si>
    <t>b'\t\x8c\nO\xf0\x10\xbd\xf2b\x14I\x96\x06\x85\x85\x8f\xb5V&gt;\x85mw\xec\x83\xff\x1e\xd5v\x96\xfa\xdd\x91'</t>
  </si>
  <si>
    <t>b'\x8fj6\xff\xa37\xd0\xd4\xfdu\xb2\x07\x95P\xe7\x9e\ty;j\xd6\x8d\x89n\xbb\xd3K\xfe\t\xe6\x82\xdb'</t>
  </si>
  <si>
    <t>b'\x9d\xa3\xe6\xaf)C\xaa\x88\xdfq\xe6s7:s\x8f\xf3\x96\x0b!\xf0G\xb1W\x18\xafxm{\xbd\xec\xa3'</t>
  </si>
  <si>
    <t>b'o\xdb\x16\x90\x87\xf5\xe1\xd8\x83\xber\xb1\xfa\xe5\xa3\x9aS\xb9\xf1B\x10\x86J\x98\xe7\x8b\xa2\xf3\x93\x12L9'</t>
  </si>
  <si>
    <t>b'$=18\xb2\x7f\x19\xf0V\xa3%\xbd\xbb_\x86\x97\n\x9c4\xc4y\x96\xc4\xd3\xca\xd0n\xdd\x95\xa2\xce\x1f'</t>
  </si>
  <si>
    <t>b'\x15\xba\x9dM\xde\xa6\xa6\xc8IoZ\x8a\x95f\x8c\x06\xdb;\xd8\xed\xc9\x8a\xde\x8e\xc2\x08\xc4\xc5\x9a\xa1\xce\t'</t>
  </si>
  <si>
    <t>b'\xddx\n!\x04sc\x1b\xc4,\x86\x90\x0eo\x15\x10\xe1\xf9\xf0\xe9\xed\x1c\xf6\x10\xc1\xcd\xea\x9d\x02\xf1\xa9\xa4'</t>
  </si>
  <si>
    <t>b'&gt;:\x91n\x8f\t\xa7\xc0;\xc5\xe9Q\x8d\x87\\\x0c\xbc\x96\xa1\xa3\xa7\xf9\xa7\xef%X\x07\xb0\x9e[\x01\x14'</t>
  </si>
  <si>
    <t>b'\x02:"(\xc5\x97\x95\x8c!\xcf1\xa0\xe5\x01b\xa9\xf1\xcd\x13P\xdb3\x1e\xee\xdc\x1d\x17\xa6\r\x1cz\x86'</t>
  </si>
  <si>
    <t>b'ZGo\x0c\xa3\xc2\xc3\xec\x8d;\xfa_\x96uG=\xa60\tJ\xc7\x96h\x1e,R3\x8f\xf1\xf1\xcd\xf4'</t>
  </si>
  <si>
    <t>b'"\x15z\xa4\xac\xdcc\x8b\xfc\xf0\x10\x03\xf7\xd5\xea\xc3\x0f\x03e\x8a87l\x95\xd4\xfb/[\x10m\xc2\xf4'</t>
  </si>
  <si>
    <t>b'\xd9\x00K\x1c\x1c\xeb\xa2}R\xbb\x1b\xef\xda\xb2]s\xfe\xa5\x1e1\xa4Q:\xc4\x86\xa3\xdf\xf3\xeeg\xfas'</t>
  </si>
  <si>
    <t>b'\xcfu\xabzI&amp;Kq\xbd\xaf5\x03E\x98c\xf4\xc5\xba?\xb3\x84\x98\x94\x89\x17a\xd9Xc\xe4\xfe\xe3'</t>
  </si>
  <si>
    <t>b'\x81\x99\x86\xe7/S=9G\xca\xaa(\xe3e\x8a\xed|$\xdaC2$o\x8b\xec\x93\xe8{x\xbe&amp;4'</t>
  </si>
  <si>
    <t>b'\x1dr\x93\x8f\xa6\x1a\x10\x8d\xe6\x03\x95\x03LB\x06\xfb#%\xad\xb9\x84\x052\xf1\x011\xcez\xd5`\xe98'</t>
  </si>
  <si>
    <t>b'\x1a\xca\x01R9\xfdS\xeeA6\xc6[}"\xae\xa3c\xff\xd5\xa5Y\xc6\xff\x87W\xf0m\x8ceZ\xfcn'</t>
  </si>
  <si>
    <t>b'\x12\xb1\xb6\x1e\x95\x1c\xa6\xa77\x94Ez\x19\xe7Y\xd1\xb0\t\xdb\xa2\x9a:\x9b\xf6\xd8\x90Ao\xc0w\xf1\x8f'</t>
  </si>
  <si>
    <t>b'X\x13\xfd\x94!e\x10\xca\xb6S\x14\x1c[\x0f\x99@\xea\x8d\xac`q\xe3\x18\x91/J\xab\xc1\xe5\xdd\xe2P'</t>
  </si>
  <si>
    <t>b'\xa4\x84(\xb5G\xfd\xb8\xfc\xd7w%Ru)p?\x1b\xd6\xd8\x9c\xf0\x9a\xa87\xb9\x87\xf2\x7f\xbc\rD\xf9'</t>
  </si>
  <si>
    <t>b'\xda\xbc\xceg\x92S\xad\xc0PQ\xed\x81\x17T\xef\x0b\xf4~Q\xbb\xf5\xff_\xba\x18S\x93\x15n\x16 \x0c'</t>
  </si>
  <si>
    <t>b'\x8c\xf6#g\xf9\x99\x1cqyw\xe9\xd5\xdd\xaeWF\x93\xb8\xb7\x03\x95\xe8X$"p\x7f\xfb%\x14\xee\x94'</t>
  </si>
  <si>
    <t>b"j\xf6\x07\x94\x83\xb5\xd0,BeVI\xa0\xf6\x10\x0b\xe8Qv\x9f\xfct?\xbd\xa2\xb0\xceK'R\x14L"</t>
  </si>
  <si>
    <t>b'\xc1\x9cw!\x1e\xc9\x8f\x8eQ\t\x1e\x9e=\xa6\x1fM&lt;\xcbq\xef &lt;dY\xc4\xdc\x15\xd1R\x1c\x9f\x02'</t>
  </si>
  <si>
    <t>b'\xba\xd3\x93B%Y9\xfa}.\x9f7T\xc83\x02\xb2\x81\xdf\xc3\xd4A\xda\xe6"U\xc1\x03\xb2[\x18F'</t>
  </si>
  <si>
    <t>b'\xfa\xc1\x01\xe4%\xf7\xbc\x1c\x0b\x98ia\x8d\xe5iC\x1d{\x95\x99JY(QWY\xc3:\xc8\xb9\x1f\n'</t>
  </si>
  <si>
    <t>b'\x98\x1e7\xca\xba\x1c\x1d\x9c\xaaD\xd8QH\xf8\x89.|,\t\xdag\xe2!\x9e\xf5\xdb\x93\xe6\x18\x1b\xdaL'</t>
  </si>
  <si>
    <t>b"\x91r\xd9=\xe9\x18\x92y\xc9r)\xea\xd2\xd6\xec\xfb]\x8d\x91\xfa\x81\xd3E\xc5\x7fpC'\tyw`"</t>
  </si>
  <si>
    <t>b'2&lt;[I\x8d\xd5\xd6\x0e\xc7\xfe\x088!\xa8\xc0\xc45\x90\xddm\xec\xcd\xf5\xeal\r\xf5aN\xd6\xc9\xad'</t>
  </si>
  <si>
    <t>b'\xe4\x0cM\n\xc8P\x17\xecf+T\xe0\xde\xd5\xad&lt;\x95\xde\x10\x84\x90&amp;\xadK\xa6\x83\xbar\xe2O\x94\xc7'</t>
  </si>
  <si>
    <t>b'\xf17\xf1\xf8Gh\xd8\x0f^\x9cq\x01\x97\xfe\x96r\x03&amp;}\x12A\x1f\xa7&gt;m\x07-tL\xf2d\x9b'</t>
  </si>
  <si>
    <t>b'\x14\x98q\xec\xce\xa7C\x04Yj\x8c\xc9\x9aW\xaa5\xc4i\xaa\xf5\xb2t\x88\x9c\xb4\x05p&amp;&gt;3L\xd0'</t>
  </si>
  <si>
    <t>b'\xeet\xc7&lt;&gt;\xae5\xb4*\x0b\xdf\x17O4\xc7\xc4\x1c\xa2\x7f\xca\xc3\xeeB@\xc3\x15d\xc9\xa1\x13B\xd9'</t>
  </si>
  <si>
    <t>b'\xed\xa1\xd4\xc3\xe3R70:\xa0\x8bg\x07\x054\xb8f\x91\xb1\xf3\x16\x02\xb2#\xb0*\x99\xe3q\x7f\xd0\xd6'</t>
  </si>
  <si>
    <t>b'%\xb5s\xb25\x8e\x92B\xe8WQ\x8d,\x1f\xcf;\xccdS\r\xff\x93\x82\xa4\x98T/=\xba}\xff\x19'</t>
  </si>
  <si>
    <t>b'(Z)O\xd8\xa2\tv\x1dW\xd6\x8c\xd3\xa1\x13\xc2s\xa0w\xbec\xcd\x14\xfa\nPO\x97\xdf\xa3\x14\xab'</t>
  </si>
  <si>
    <t>b'\x04t\x90~YH\x8d\x9dFd\x11\xf68Yo0\xc4\x1bC\xb1c\x81\xb5\x95\x9a\xb4\xab\xc4\x00rr\xdc'</t>
  </si>
  <si>
    <t>b':\xa0\x8d\x8a\r\x91cE\x9d"\x16\x81\xbe\x05\x13\x9c\xf3\xf5\xf8\x05;Gm\x9b.\x81\x0e\xe3k\xd5\xa2\xfc'</t>
  </si>
  <si>
    <t>b"\xd1'hfm%\xd2\xd3P\xa1P\xcf B\xee\xd3\xf7\x18\x1ee\x81\x08\xa8\x19\xcf\xc1\xae(\x936\xdc\x9f"</t>
  </si>
  <si>
    <t>b'uv\xb9\x02:/\x189\xe5Nz\xb5\xd60\x0b\x84m\xfd\x8e \xb1\x87T\x05\x06}\x87\xfb\xfd\\\xc9z'</t>
  </si>
  <si>
    <t>b'\x91\xc9-\x1c\x0e\x8a\x99%CmY\x10\x99\x87m\xd6T\x91\xef\xc4\xdfA\xd8\xdbH\x16\x9e0*\xa1M\x82'</t>
  </si>
  <si>
    <t>b"\xc4\xa8\xb0#4\xa5\xc5\x11\x90\x9aXN\xd2\xaa\xc9\x00\xd3\x02\xefq/l\xb3\xc3\xc2\x02#=\x9cP'="</t>
  </si>
  <si>
    <t>b'\x15\xf5\xcda\x88\x83\x1b\x8b}\xef\x86\xd2\xa0\xad\x98-\x81\x86\x06\xfd\x0e\xd2K\x06\x94\x8fq\x8a\xd8\\\xf0\xdf'</t>
  </si>
  <si>
    <t>b'\x1c\xd3\x10hh&gt;\x0f-\xa5\x8b\x95j\xb4\x1a\xcf\x7fnN\x9d\xb4\xa38\xd7\xb5\xa8| ]9$p\x19'</t>
  </si>
  <si>
    <t>b'\x8fN\xce\xc4\xb3\x94\x93\xceE\x12Be\x9b\x06\xd4\xe2\x865\xb1\x8f\xe3\xe4\x93qJpl\xd8|]\xd4\xd3'</t>
  </si>
  <si>
    <t>b'\x82\x14\x11\xd7\x19a\xb7\xa9\x0b~\x14\x91\xdc\xa4\xa67\x1fH\x96\x08\x94B\xb9/e\x17X\xcf\x8d\xeb\xbd\x00'</t>
  </si>
  <si>
    <t>b'|\x9a\xef\xcdl\xd3H\x19SGt\xcb\x1ff\xcarW9\xe1\x97A\xf9\xb3\x94\x8d\xd9"\x89\xcc%\x9c\x90'</t>
  </si>
  <si>
    <t>b'#Z\x87y$"\x07\xd2\xf3\x1b}T\xea%eg\xfb\x91d@\xf0/\x94"T\xf8\x81\x13\xe6\x9f\xe1Z'</t>
  </si>
  <si>
    <t>b'9\x04cYq\xa3o\x19\xf8\x0ex\x8e\xa7\xcc,.\xf5\xf5\xb3v\x97i\xf3\xb9NRF\xec\xdaf01'</t>
  </si>
  <si>
    <t>b'\xbdnh,\xeb\xa61\x85\xd3\x97:\x9e\xb7\xd4\xcb\x9c\xfe\xb8\xba\xa8\xc5 \x97\xa6\xad\xaeg\x00\xaf\x9e\x02\xd4'</t>
  </si>
  <si>
    <t>b'k\x11\xf1\xe6\x858\x17\xf8\xab\xd5\x9b\xc4\xe3\xa6\x01\xa8\xf3sV\x9d\xd6\x1d\xdb\xa6#\x85\xeb\xdb\x85\xe3\xab\xa5'</t>
  </si>
  <si>
    <t>b'\xcaF\x95\xc4\xe3\x80\xc6Cs\xda\xa9\xaay\xf8\t\xaea\xed\xf87\xb3b\xa5\x0fp\x1b\xf0A\xf2\x18\xd6%'</t>
  </si>
  <si>
    <t>b'D*\xca\xd2\xfaJ\xc8v\xf2\xd8\x83i\x99d4\x1c\x7f\xd5\xa7\x80\x8d\x0f\xbfX\t\x039ET\xfd\xa8\x1f'</t>
  </si>
  <si>
    <t>b'\xba\x17\xfa\xb3v\xe6\x92)\x05\x8br^\xc8\x9etA\x85\n9\xf6\xd4\xb0\x9e\xc0bm\xed\xbd\xb9\xe2r\x9f'</t>
  </si>
  <si>
    <t>b'\xb5\xd7\x99\xba\x89=\xe0\x98Zg\x8d\x98\xb6\xb8\x976\x01\x00\x9b\x9b=\x94ppI\xf0J\xd14\xb6H8'</t>
  </si>
  <si>
    <t>b'J"\x92|\x8c"\x8c\x00\xa3\x96+\x8e\xe2;\x8d~i;Y\xa9\x03\xd6\xc6\xb5s\xae\xea\x96\x1fc\x06['</t>
  </si>
  <si>
    <t>b'\x06\x0bQ\xe4j\xa5H4\xfe\x18\xe3\xf4\xbf\xc4(c\xeeC\xb1\x88\xe1\xae\xb7LL\x17\xcftT\xcc\x00\xbe'</t>
  </si>
  <si>
    <t>b'3S\xcca\x0bf\x8b\xa5\x85\xe75\xf9X\x9a[\xb8\x15L5T\x92!\xf6\xc0Q\xd2\xdb\x0f4s\x95Y'</t>
  </si>
  <si>
    <t>b'\x95\xa7\xb1#\xfdn\x87\xcaC\xd8\x8d\xecE2Y\xd0\x98;\xc5\x8a\xae\x02\x1b3\x99\xa3\t\xd8s\xcb\xae\x1e'</t>
  </si>
  <si>
    <t>b'&lt;7V\xc3\x94\x0e,,\xa4)FJ\xb9\x02\x03P\x99];,\x8a%\x86\xaf\xa5\x13\xca9H\x93\x1as'</t>
  </si>
  <si>
    <t>b'\x99&lt;\xb5\x90qZ\xc3\xc5\xe5\xf0\xc3\x0b\xe4\xf1\x1a\xe3_s\xbb3\x01V-eC\x87&amp;y\x92\xd8\xa4\xe7'</t>
  </si>
  <si>
    <t>b'\x10CU\x15\xf2\r\xa1\xbd\x8aS\x13og\xa3B^P\xc1\xcek\x13\x01\xf17\xfd\xf3\x18\x802t\x88P'</t>
  </si>
  <si>
    <t>b"\xf5'\x86\xcf\xc8s\x05\x8fv\xe8\x8e\x05\x1b\x1f\xec\x14o\x06\x9f\xe1\xf1% \xc6\xb1M\xa6X\xd6%\x1e\xee"</t>
  </si>
  <si>
    <t>b'2\xd3\x1a\xe8\\\x8d\x8c"\x1a\xee\xff\x8e\xdb\xaa\xd9\x91=}~\xbfx7\xa8I|\xe9iT\x18,\xbb\x84'</t>
  </si>
  <si>
    <t>b'\xc1\xb3\x07\xf6\xeb\xd5\xe5+\\\xaeA*\x12\xbd\xfb\x16a\xae\xa3\x01\x7f\x92\xeb\xba\xf1v\xaa\xc7\xdb\xed&lt;\xeb'</t>
  </si>
  <si>
    <t>b'\x8a\xef\x18\xc0\xd7\\f)C\xcam\x82\xf3\xa8/8T\xcb*]\xa3mMU\x9d%\x80\x06\xc2|o\x86'</t>
  </si>
  <si>
    <t>b'a\xff\xea\x0ch\x80\xf7\xd8,\x7f;\x82\xa0\x03Y\xc0_\n\xdc%\xaa\xe1\xe59\xa9\xa2\x07\xe6\x86\x15\xe7\x8c'</t>
  </si>
  <si>
    <t>b'\r3a\x1a\xc5Q/\x16\x88w\x1aW\xa3\xc2\xa6L\x07\xc8\x0b\xcd\xa27\xc2\xfbm^\x7f\xc3F?e\x7f'</t>
  </si>
  <si>
    <t>b'K)z\xff\x90\xd4\x07\xab\x03X\x8b\x8aT8\xe6\xeaB\x97j\xd3\xc0\x01\x12\xfb\x86@\x0c\x1c!\xf2\xf7Q'</t>
  </si>
  <si>
    <t>b'iO\x19vW\x96\xd3\x99\x14\xe2\x1f`\xc0Es\xd5\xd1\xcf\xd8Q\xe4\xe9\x17\nW(r\xdf\xd65^\xb7'</t>
  </si>
  <si>
    <t>b'\xb1\xa3\x81\xc4S\x05\n\xf6\xddD\xdf2hG\xce\xbfuGd"\n\x95f6\xcd\xfe\x9cx\xf3\xbfX\xde'</t>
  </si>
  <si>
    <t>b'\xb4\xcf\xc8Jg\xee\xc2\xc3\x8b\xb1m\xad\x1a\x99mM\xf9)\xb2\xf2\xd2\xdd\xf9~u\xc8\xdc\xd9\x98\xbc\xea\xa9'</t>
  </si>
  <si>
    <t>b'g\xe2\x03\xdb\xe7\x94q\x92\x865f\xa2\x0b\xf7\xca\xad\xa6\x1c\x17\x0f\x19V\x1fl\x8c\x81\xc4\xcb\xe1W\xddd'</t>
  </si>
  <si>
    <t>b'\xb27\xdfI\x9a\xbe\xd2A\x98\xfa("#\x8c/C\xaa*i\r\x04\xb7\x8f\xff\x9b#\xc6\xb7.l):'</t>
  </si>
  <si>
    <t>b'9\xb1D\xc0\xa0\x96\xda-\xba\xb1\x85Rj\xd3V\xba\xe2R\xfdv\x14\x0c\xc6X\xf0\xd6r\x15.\xb2F\xa0'</t>
  </si>
  <si>
    <t>b'v\xe3\xcf\x15\x83%\xe9\xd4\xf8\x18y\xf6\xfa\x9b\xd8\xfa\x90Q\xc8%TAe\xbf|Q\xd3V\x1d/\xa3\xa7'</t>
  </si>
  <si>
    <t>b'\x8dW)\x18\xfd\xa98\x98&amp;J\x8d\xcd\xaeh\xd2W\xfe\xd0Y\xcd\xd0I\x8e\x1d^\x13u\xc6\xe7\xcax\xac'</t>
  </si>
  <si>
    <t>b'\xde\xf6k\x0c T\x8a(\xb2]v\xd0?O4fa\xcd\r\x94\x1a\\4\xcc\x81\xed\xdc-\x01\x8b{~'</t>
  </si>
  <si>
    <t>b'\x96\xc71m\xb0\xe66p%\x1cY\xeecR\x86\xc9\x06t\xf5P\xd5:,S\x9a\x9eP\xe0\x05q\x05h'</t>
  </si>
  <si>
    <t>b'\x13\xd0XO\xdf\xa7\xd9\n\x14\xdaD\x15\x89KN8\xc7c\xf0\x8f\x897\x8b=\x85#\xc6\xa0\x04I\x0fp'</t>
  </si>
  <si>
    <t>b"\xbb:B\xd1\xab(o\x94\x19c\x8bip\x1d\xfc\xf2\xc9\xfe\x1ek!@1\x15v\xf0%'\xa2oa\x19"</t>
  </si>
  <si>
    <t>b'\xf6fuZ&gt;\nk\xe7fL\xe2F\xb6 \xc9\\\xd8\x11\x13\x95-\xee\x13\xcdOL\xaeE\xef\xf7L\xef'</t>
  </si>
  <si>
    <t>b'\x9b@\xb6\xb7l\x02EE\xee\xa47\xdc\xd2\xa9\xe2YSm\xda\x02\xac\x11)*Ya\x8d\x0b\x0f\xbd@\x8f'</t>
  </si>
  <si>
    <t>b'd\xb7&gt;\xd5_\x9c\x12-\xcdY\x0b\t\x9c\x8a\xd8\xdbe\xde6\xcf\xe1\xdd\x88\xcb\xad\x0c\xc7\xe1H\xd4\xd4\xd0'</t>
  </si>
  <si>
    <t>b'\x8f\xe7g\xb6\xf2\xb3\x8f\xa9\xea\xce|x8V\x11\x8ff0S|LB\xa6\xb831\xe9B\x072\xe9\xb7'</t>
  </si>
  <si>
    <t>b'\xf8\x10\x8a\xdd\x0b\xfa\xfe\x91\x13\x0fK\xf41B\xb7\xa4\xbd\xf8\xe1\xf6\x00-\xa1\xd9\x15\xf8\x82=\x84\x989j'</t>
  </si>
  <si>
    <t>b'\xbd\x9d\xe3N!+K\xb5\x1f\xa6a\xf5\xea\xe81\nM\xda\xed\xdb&amp;\xdc\xde\xa1\xf0.\x0e\x07\xb9 10'</t>
  </si>
  <si>
    <t>b'a\xb5%\xab\x88\xda\xec&lt;\x117\xac\x1a\xf6e\x95\xb6\xda\xc9\x19\xef\x99h^b~\x90\x8f\x0b\xed\xf4\xba\xac'</t>
  </si>
  <si>
    <t>b"%\x86d#^0\t\xc3]\xfb\x03n\x96\x1b\x89z#\x1cU\xd0\xfe\x84='\xe5\x85\xa11\xb2\xc3\xcdm"</t>
  </si>
  <si>
    <t>b']*\xedf\x89\xb9\n\xe0Awe!\x1c\xb2\xaaq&amp;\x1f1\xb4\x93\x81^\xe4\xb3\xfcc\x0fA\x16j;'</t>
  </si>
  <si>
    <t>b'\xba\xc4\xfb\xfe\x1b\x95\xb5\xae\xaa3\xdcy\x92\x10\x92\xf9\xad\xe5\xf4h\x03\xaf\xb3\xf6\xa2\xdari\x83\x13\xfe\xc3'</t>
  </si>
  <si>
    <t>b'\x16\x90d\xa8\xae\n\xdc\xf0\x1dT=\x9e~\x92q\xe3\xb8\x1a\xcd\x7fq\x9a\xeb\xc3\xd2\xaa\xc8\x18|w\xe2\xf8'</t>
  </si>
  <si>
    <t>b"\xf8\x8fx\x90\xf2'\xf8e\xa7\x17L\x99=\xa1g]\x97\x9d\x1d\xb9\x1c]\xf6vn\xc3\xac\x16F\x8b\xf6\x1c"</t>
  </si>
  <si>
    <t>b'W\xf9T;\x8d&gt;\xde\xfe\xca\xc4\xdc\xd8U\x93k#\xd9d\xa0\x9e\x1e\x1fo\xee\xc4\x85\x97;\xc6\x9e\x95O'</t>
  </si>
  <si>
    <t>b'\x9cz\xebi*\x0b\x19\xe0&gt;=-\xcf\xe6\xbf!\x94DriAL\xf8B\xcb\xc3\xb4\xed\xf0\xc2\x84\x16\xd1'</t>
  </si>
  <si>
    <t>b'G\xef\xa7\\\xb46\xa5\xf9\xc2w\x90\xf4Z\x1e\x9e=q\x91L\x16t\xea\xd9\xebsk1\xd6\xe45*&gt;'</t>
  </si>
  <si>
    <t>b'y(,&gt;l\xe1"\\R\xb7\x0e\xb4\x8b;\x82&gt;U\xb8\n\x8a!\xa8\xee\x9e\x9b\xf4\xab3\x99\xd5\x8c\xd6'</t>
  </si>
  <si>
    <t>b'9\xee\x14=\xc7\xa7\x92\xdb\xf1B\x808\xf5,\x99\x0c\xceg\xca\x1du \xfd\xde\xd6#\xdf\x8b\xa4\xdbd$'</t>
  </si>
  <si>
    <t>b'\xe0M;1\xd4E\xbe\x16\xc2\x81\x89e1\xc32_\x1d\x86\xf5\x8f\xd4\xa5L\xbb\xd4\xb8(\x03\x116#\xba'</t>
  </si>
  <si>
    <t>b'e\x97\xb7\xf2\x10Q\xab\xd4\xcf\x0f\x07\xaee\x18\xec\xd1\x05:\x83\x1d@\xad_\xa7&gt;\xea\xdfog\xfa\x894'</t>
  </si>
  <si>
    <t>b"\xdbA\xc5(xQ\xe5\xf5\xd1\x19\xa5\x1b\xef\x1eh2G'w\xae\x83\xf2\xd2My\xf6\xbf0\xd2oy\x1d"</t>
  </si>
  <si>
    <t>b'\xf8\xf04s!\x81\x9d\x1f\xb7I\x8d\xb5\x13lg\x89\xd3J\x80:m\x98\x7f"\xaef\x9e|K\xdf\x12&gt;'</t>
  </si>
  <si>
    <t>b'\x7f\x9f&lt;\xe9\xc9\xa9\xf0\xa2[I\x1d\xa4\xfc\xdd\x02\x84m\x9a%\x9c?\xc9\xd6rIR\xbfGR\xf3e\xe2'</t>
  </si>
  <si>
    <t>b'\x1e\xca\xc1\x9b):\x14\x12d\x82\xb0\xe1\xaa@s\xc3\xcf\xa4^v\r\xed\xc5F(\xb8\xf8\x0eG\xc1\xc8\x95'</t>
  </si>
  <si>
    <t>b'W\xfas.a\x83QZim\xf6\xde\xf9W\xc8\xf3\x9e\xfeOw\xe9\xc9L\x06\x0f\xbc\xa20z\xc7\x83\xf0'</t>
  </si>
  <si>
    <t>b'\xb0\xbb\x95X\x9do\xc1\xaf\xafGV\x9f;0\x11\xecEP\xb0\xd0\r\xa1Ii&gt;\x80\xde,s\x13\xad6'</t>
  </si>
  <si>
    <t>b'N;\xde\xb2\xca\xfck\x00\xdd\xfbZ\xf4\xeb\xc4@\x1c\xb0\x92h\xf4\x839\xf1\xdd\xaf\x03\xb58\x0c\xb92\xbd'</t>
  </si>
  <si>
    <t>b'-C1\\\x9fB\xd4\x06\x98\xd36\x11\xfeC\x92F\x10hf\x0f\xc4\x15*\x1c\x8bo\xc6\xb6\x06\xf4r\x86'</t>
  </si>
  <si>
    <t>b"\x95'E0}\x8f\xa7\x91\x1e:\xc8\xa3\xcd)\x9ai%\xb0\r\xed\x87O\x83xh\xf1\x82\x86tcD\xf0"</t>
  </si>
  <si>
    <t>b'\x8e.aT\xfd\x9cx((\xbe\xdb\xb6\xe5\x1dd\xf7\xb4\x18\xdbhi\xe6\xf1\x15\xa2\xf2.Tt\xe8\xf3\xd6'</t>
  </si>
  <si>
    <t>b"MG3\x06\xc1\x17\xe6\xe2\xb1}\xe8\x1a\x1b'\x0e\xf2e\xbe\x97\xc8\xc9\xc8\x8a@\xa0\x17\xbd9\xc1,\x1dp"</t>
  </si>
  <si>
    <t>b'\xb5\xa3;\x15\xce\xb7\xc0\x9bL\xfb\x8d\x9e+\xa5N\xec\xb0&gt;X/\x8b\x06\x8f\x8c\n\x04=_0maK'</t>
  </si>
  <si>
    <t>b']\x86i\xb0Z\x9d2\x962\x98PZJ\x04\x8f\x08"y6\x87\x00\ti\xfe\x02\x01\xb9\xedn\xca6\xc3'</t>
  </si>
  <si>
    <t>b'\x9cXG\x0e\x1b\x93C7\x8e\x9e\x93S\xeb\xc4\xd4}\x83\xfaB\x98n\x1f\xd4s3ET\xb2E\x07\xe0\xbe'</t>
  </si>
  <si>
    <t>b'\xe3\xc9\xa1D^\x10\x84+\xd5\xf4\xd0\xc8\xc1\x0b\xaa~I\x9b~\xb9m\x086\x17\xf3\x94\x88l\xf4\x02\xda"'</t>
  </si>
  <si>
    <t>b'\x1c\x0c\x96\x1a\x98\xc8cJ(i\xf9\xbe\xa7[X\xd8\xf9\xa1$IL\xc6\xf4f\xcf\x05\xa8\xdd\xeb\xb2\xa10'</t>
  </si>
  <si>
    <t>b"q\x81H\x9f\x8b\x99yV\x10-\xfa$\x01'\r\x00\x92j\xda\xc4\x01^m\xc473\xa0\xd2#\x99\xf1\xbb"</t>
  </si>
  <si>
    <t>b'\xe0e\xf9g\xb8\x94QRt=B\x1b\xd3\x17\x99\xb7\xdb\xf7 C\x94fN\xc4\x83o\xfd\xef\xdf\xfa\xb4P'</t>
  </si>
  <si>
    <t>b'\xd8Rd*\xe4\xa2\x87\x95.\x94\x825\xb2m\x14|D\xe6*\x19{\xbd@\xa5\x8f\xd6\xdc\x9c\x03X74'</t>
  </si>
  <si>
    <t>b'\x99&gt;K\x9c\xdc\xd8\x86Xi\xb2\xed\xae-C\xef@}\xa3\xean\xb7\x83}\xf8\xa1\xb5\xc4\xc6\xe4\nw\xf7'</t>
  </si>
  <si>
    <t>b'\xef\xd0pD\xcc\xab\x15#\xed\x19&amp;\xef\xc1\x0b\xc7\xaeo\x01g :z\xcbrm\xcdN\xb4\xa1+I\x82'</t>
  </si>
  <si>
    <t>b'\xfc\xd9\x1d=BbQ\xb8|\xdb\xac6\xbf\x1a\xf4\x89O\xbe\xfaa\x00\x93\r\xe1\x86\x97+O\x8a\xb4ci'</t>
  </si>
  <si>
    <t>b'A&lt;+e\x15V\x02\x96\xf7p\x94\xf3\xa9\xf2$GB\x9eI;\xa6M\xf2\xa3\xe7_W\x07o\x909\xa8'</t>
  </si>
  <si>
    <t>b'\xc2\xf0\xfbyX\x82\x0e\x1d,A\xd1c\xea\xcaM\xc2\xec\xbf\x0b\x16\x03\xbaE\xe1\x11!\xee\x19\xfel\xac\x9f'</t>
  </si>
  <si>
    <t>b'^7G\x98;\xd6\x98v\xb5#\x1fE\xa7)\xcb\xfck\xe5\xbd\xad\xe0uu\xd9\x03w\xef*\x82h\x04\xa8'</t>
  </si>
  <si>
    <t>b'j\xee\x13y\xf4\x00\rP\x04S\xc1\xf2\\"\x16+\x1b\x12n\xd8\n\x1dfG\x83\xe7\xec\xa5\xb4?\x1d\x14'</t>
  </si>
  <si>
    <t>b'\xc7\xc4\x1e\x92v\xdc?\x11\x1aU\x97P\x9a\xd8$\xead\x99P\x95 \x80\x1f\x11s\xb9\xf6\x10\x1c\xc4\xff\xa7'</t>
  </si>
  <si>
    <t>b'\x1c\xd1\xa2\x11 \x01\xfer\xe1,Gw\xd4T;.\xe8\x18\tX\xbe\x1d\xf1\x15\xf0\xb0\xf6\'"/\xb9\xf9'</t>
  </si>
  <si>
    <t>b"\x94b\x00\xd5\xa0Z\x07U\x0f\xac\xe0@\xa4\xc3\x95\x0b\xfa'\xc6\x1c\xe0\xd2\x9e\xe5'a\xde\xa6|\xc1\x04\x1d"</t>
  </si>
  <si>
    <t>b'\x9d/7\x93\xe3\xf8\xcf\x16A\xef\x0e\x9b&lt;\x1b\xce\xec\x02\x13s\x1f\xfd\n7v7\xe8\xaaV_\xc2t\xcc'</t>
  </si>
  <si>
    <t>b'\xd3@H\xc0\xbdJv_\x04\xf0\xae!z\x88\xe1\xd8\xc2\xb36gY\xaf\xf8V\xcbAr\xf6y?f\xe8'</t>
  </si>
  <si>
    <t>b'\xfew\xc3\x04\xd7\x84;R\xe3\xcae\xf5\xee\x0ed\xcf\xfa+\x11"X\x97C7\x88X\xc5h\xcc\xb8n\x19'</t>
  </si>
  <si>
    <t>b'\xc1\xe2\xd4a\xb4(k\xc1\xc5\xab6\xb0\xd8\x1d\x0e\x8fR\xc5m\xb4\x93m,\xabJ\xe2\x93\x01\xbe\xdb\xa5('</t>
  </si>
  <si>
    <t>b"\xc1\x90,\xa7\xca\x03\xc3&amp;\xed2\xc6Z'\x01\xf9\x92\xc94\xaa\xa5T\xba\xa99s\xe9bS\x12\xa0\xc0\x80"</t>
  </si>
  <si>
    <t>b'\xe1\xa6\xda\xc1M/\xb2\x9d\x7f^@\xe1\x1a\xd0\xfb\rd\xba\xdd]\x98%\xb1\xed\xb6}\xad\xc1\x0e*\xec\x1f'</t>
  </si>
  <si>
    <t>b'\x85\xa0M\xeby2\x8e\xe9n2\xe5l\x15\x85\x85F\xd4m\xfe\x00\x11\x01.\xf1\x08\x94\t \xf2\xf4\x7f\xa6'</t>
  </si>
  <si>
    <t>b'\xcd\x97\x94\x04\xe6\x91\x8b\xaf\xd9U\x12\xc4\xf4\xa5\x9f\xe3\x92T&amp;\xa4\xaaU_\x8f\x078#\x1e\xba\xc8Z['</t>
  </si>
  <si>
    <t>b'\xb4\x9er\xf4\xbe\xaeE\xab\xf3\x01\xa7\x1f\xd32\xc4x\x11\xcb8\xa4F\x88\x96-\xba\xb6\x11A\xf1q\x18\x1b'</t>
  </si>
  <si>
    <t>b'\x8b\xaba\xebSM\xc01\'$\x92H\xaf\xba\xdfq\xca\xaa\xfdt\xedO]#\xf3\xech"\x90\x13ny'</t>
  </si>
  <si>
    <t>b'\x9d\x0b4\x89\x1dfi\x0f\xf5\xdam\x88\xa2\xb9\xffj\xe2`\xffQ\xcfU\xdbX\xbbLGE\xdf\x9d\xffV'</t>
  </si>
  <si>
    <t>b'\xacg\xc6\xa5\x1b~&amp;\xc2\x91]v+\xb0\xe38#\xe8c2\xaf~\xeds)\xe1\xed]\xb9\xadsy8'</t>
  </si>
  <si>
    <t>b'(\xf7H\x84\xc3W\x9a\x0c\xa2?\x04\xd7(E\x82f(\xdb\x12\x1a\xf9\xe8\x99v\xb5\xe5A\xee\xcc\xef\x92@'</t>
  </si>
  <si>
    <t>b'\x11\xa6`\x92\xcf\x93\xcfJu\x91\x17\xf4\x8f\xff\x8d\xdf\x1ay4\xa5G\x18\xfcA\x99z\x14`\xac\xea\xc0\xaa'</t>
  </si>
  <si>
    <t>b'lD\x97\x17\x88\x9d\x12\xb8\x96\x94\xafK\x1fp\xfae^\xabD\xf0\x843\x0f2pH\xb7\xec\xfb\x9eL\xba'</t>
  </si>
  <si>
    <t>b"\xb1p\xd0\xc84\xfd\xcfY\xb3'G\xb1\xab\xb0\xc8\x08];\x0b9\xabz\x91z\x84\x0b\xd6BrI!\xfc"</t>
  </si>
  <si>
    <t>b'\xd8\x1b\xef\x8d\xf8\x10\x18"}\x1b\xf3\xe1\xdd\x19\x0bt\xed\xc53D\x1d\xd2+\xeb\xda\xe6c\x18\x82\x14\xa5J'</t>
  </si>
  <si>
    <t>b'\xb7\xe1\xad\xde\xb5\xfa\\\x1f\xe1h\xa7\xec1&amp;\x969Y\xd7\xef\x10\xf8Uh^%\x0f\xad\xf3@\x1b\x03\xa2'</t>
  </si>
  <si>
    <t>b'ApN\xbf\x04 \xaa-\n\xcd\x04\xac\xb3!\xae!r\xe1\xd08\xeeF:\xf6\xf3\xf4\xfa2_G\xaf\xca'</t>
  </si>
  <si>
    <t>b"\xeff\x14\xf57'A\x8a\x87\xbe\x96\x0e\xcdp\x01\xb7\xa4\xf6\xa4\xef\x076M\xaa\xa2\xc6\xc4#US\xb0\xac"</t>
  </si>
  <si>
    <t>b"\x1a\xaax\xf0E\xd6\x9cm\xcf\xa4A\xe5'k\xb0\xbb \xe1\xca{\xf1\xa9\x9e\x1f\xc9\x91\xb9\x90\x16~\xcf\xc2"</t>
  </si>
  <si>
    <t>b'h&lt;+-0\x903\x00\xff\x9e\x13\x16"\xba\xfc\xe2Kn\xa1=[\xb5\x15\x1db\x9eH\xf5\xe2\xa0\xc5\xc9'</t>
  </si>
  <si>
    <t>b'\xe7S\xf5\x92y\x02\xd0hy\xb5Gw\x83o\x03\xc4v\xc7DC\xe9\x11_d\xed\xa0\xca\x1d\x05\x18\xa8\x07'</t>
  </si>
  <si>
    <t>b'%\xd8z\xb4\x01\x96\xbc\xfez\x8c\xbeS|m&lt;\xc4\xd0\xe2\xc0C*\xa3\x8f\xf7\xb1X\x91\x8e\xe9\xcbZ\\'</t>
  </si>
  <si>
    <t>b'\n\xde\xcb\xddJ\xdc"\x12d\x10~D)\x8a\x88N1\x12^(\xd2\x80\x11\x9eN\xa8f\x82\x06\xc9\'\xc0'</t>
  </si>
  <si>
    <t>b"\xa1\x0b&amp;'\x16\xf3N\x8c\x07\x1f`}\xbd\xed\x17\xc9\xc3F\x8aY%\x88UN\xff\xd4TG\x17\x08\x178"</t>
  </si>
  <si>
    <t>b'.\xebA\x84\x1d\xddV\xf5\xfcH\xe7k\xe6,\xbaJ\xb5sc\xabW\x8f?\x17\xb1\x92\xef\xb2R\xed\x9d\xba'</t>
  </si>
  <si>
    <t>b'g\xa1\x9d\xe8\x03\x0b?\xd2\x9d7\xee"R\x124\xe3C\x1b\x9f}\x11Gy\xcd\xe8\x9fV/\x1b\xeb|W'</t>
  </si>
  <si>
    <t>b'\xc9\x88\x06@\xaf,\x0b\x17G\xc2\xeaTY*\xf0\xd8\xcf\x83\xcaZ@\xd4I\xe7\x18\x8f\xc4\xe5\xe2\x0e+\x04'</t>
  </si>
  <si>
    <t>b'\xcb7\xedu\xfe?\x0c\xdd\x11%uc\xf7\x12\xe36|\x137A\xec\x9b\xa3\x99\x13U\xb1KI\xdc\x86w'</t>
  </si>
  <si>
    <t>b'K\x19^\xf6!\xe2\x00\x95\xa3\x01\nS\nU\xaf1\xce\xd5;\xe8_\x9c\x1e\xe4\xaftD\x83J\xf19\xf4'</t>
  </si>
  <si>
    <t>b"|\x0c\xab\x91\xa5a\xdb\x8a\x8a\x10\xc9\x15\xc0\xaa\xd9'\xb6\xe6\x0f\xad&amp;\x88BE\x9e:\xf2\x1e\x94\x9e\x97\x19"</t>
  </si>
  <si>
    <t>b'\\\x91Ij\xdcq\xf5\x02\xed\xc0\xfa\xbf\xc0\x8b\r4]\xbcu\x10\x9d\xc2\xf2\xe9\xcd(\x9d6S\\y\\'</t>
  </si>
  <si>
    <t>b'\xaf\xa3eX\x13\xa0U\xa5?P\x87A\xf1\xee\xed\xff4\x85o\x9b\xd5\xbf\x81\x050\xab\xa8\x80\\\xe7\xf0\x1d'</t>
  </si>
  <si>
    <t>b'\x95X]Z\xfaJ\xe7\xe6\xac\xfb\x8f\xaa\xe8?w$\x02A\xb0x\x8f\xa6$\x83gw0\xc6~~\xc0&amp;'</t>
  </si>
  <si>
    <t>b'\xa3G\x83\x9b\x8fv\x15\xb5\x95\n"N\x1ba\xcbRr*O\xe0dpJN\xd2\x1e\x10`\x95* _'</t>
  </si>
  <si>
    <t>b'i\xfb\x94\r \xbe\xc4Vm\xef_\x8aM&amp;\xabt\xca%lS$\x85\x98\x14\xb3P\x82Qr\xa3\xaa\x80'</t>
  </si>
  <si>
    <t>b'x\xa4\xab\x1d\xc4\xa1\xf9\xae4\xeb1\xc5ZUZ\x8fz\xaa1\xfc\xb8\xc5}\xd6G\xd3\xb4\x8e_\x99\xe9"'</t>
  </si>
  <si>
    <t>b'L\tTw_v\xa2\xd3\x14\x1b.\xf6aZ*4H\xc6\x81&amp;\xebr\x88c\xdc\x87\xac\x1dd\x83^\x85'</t>
  </si>
  <si>
    <t>b"|\xe3\x14\xec2\xc6\xabK\x10\xbbT\xcb|\xbc\xb0Fj\x10g(\xff]\r\xb3\xf9_\xe9L\xba\x87'\xd6"</t>
  </si>
  <si>
    <t>b'\x9a\xbfz\xa1\x878\xe1\xc7\x04^f\x08\x8cp\xaa\x0e\xdd);\x8a\xf7%,uW\xf7:pD\x80ad'</t>
  </si>
  <si>
    <t>b'0\xfe0\xdf\xd2\xf7\xd5\xd9\x1e\x01\xa9\x1c\xf8\x9b\xd9\xc5nSZ\xce\xa0\x07y\x88e\xc74\xc68D\xafl'</t>
  </si>
  <si>
    <t>b'\x0ca\xcf\xe9Dvs\x96\xf1.c\r\x81\x10R\xcb\x94\xc4\x02\xdf\x12\xe0\x85\x1b1\xe9\x826\xc5\xf29a'</t>
  </si>
  <si>
    <t>b'\x05#\x118\xd8\xa2\xf5\x13\xffM\xcb\x00\xe7\x89\xec\xc6Wy-({_\xcfw\x99\xa1\xe6\x7f;\xb0\xed\xdb'</t>
  </si>
  <si>
    <t>b'\xd2\xfa\xf3\xe3\x04\xa4\xdf\xab\xe5\xbf\xd5\xa9\x94%\x0fV\x1c&lt;\xc1\x19\xd0s\x16\xb1w:\xca=\xf2\x1d}\x02'</t>
  </si>
  <si>
    <t>b'\xb5Lq\xfe\xfa\xc1c\x04\xea\x07\xaf\xe61F\x9c\xc7\x13\x0b\xba\xe9\xc0\x1b\xcfK#4\xf1\xae\xd5Lh]'</t>
  </si>
  <si>
    <t>b'd\xab\xd4\xfc\x1c\xa6\x96\x8c\xef\xec\xdb\xcc/\x9f\xac3\xed\xbb\x81\x1f&gt;\xfb\x80\xc2\x00\xf2z\xb1c\xf3\x9e\x16'</t>
  </si>
  <si>
    <t>b'g\x80\xb0\xb0\xf4\xdd\x05P\xf8gX\xb3\x9e\x8d\xa0\xe6~\x05\x9f\xe9\xcdl\xd8{$%\xb2N!A\x15\xe8'</t>
  </si>
  <si>
    <t>b' \xd9\xbb\xff!t\xa2\xe3\xe8\x1d\xc4\x96\xfb\x06\x0b\xd0\x9fn\xa9\xb3\x99a\n\x0b\x05I\x8c\xe1\x99\x03\xb6`'</t>
  </si>
  <si>
    <t>b'\x8b(RM\xb9\xa2\xac+\xce\xa8u\xc1\xcbuW"G\xc7\xbcq|\xd7&gt;y\xaf\x11\x13\xa6\xb8\x1b\xb6\xe4'</t>
  </si>
  <si>
    <t>b"\x9b\x89T=\xa4\x85TK\xbfo\xea'@\x10\xb0\xd9g\xdfXx\xc9\x9c\xbc\xbb\xa4#\x8db\xc0Fn\x84"</t>
  </si>
  <si>
    <t>b'\x02 R\x0c\x9a\x96\x1a\xe3F?\x84\x0f\xcbu6|\xc4\x9f\x018S,\xc5a\xc4}\xb0e.}\x19e'</t>
  </si>
  <si>
    <t>b"\xb1\x9cM\x94\xb0\xf0s\xab\x1b'Z'#K\x81!\xe2l\xeds\t1\x1d\x0e-L\x7f\x94\xc0\xa4\xee&lt;"</t>
  </si>
  <si>
    <t>b'(\xd9\xf6\x15rJ\x90\x9f\x824_\xb6\xc2\x99\x9e;\x96_\xf3\xed\xc3\xce\xbf\x8a\xc0\xb6\x1f&gt;\xd2\xd0z['</t>
  </si>
  <si>
    <t>b'\xc25\xe8\xa4O=t\xcb\x16\xc2\xe2]\xba\r]pVVY\x95 6\x8b\x1b/\xd7\x14\x10\x12\xdd\xf3]'</t>
  </si>
  <si>
    <t>b'G=\x9c\xf3\x99\xad\xef\xe5c\xcb6\x00*\xe2\x80\x06\xab\xd6\xc4a)\x95\x92\x1f\x05\xe2Y\xa1\nJ,\xd7'</t>
  </si>
  <si>
    <t>b'^?\x86&lt;t\xf2\x14\xc1M\xb22\xe3\x9a\xad\x9d\xf4\xde*\x83\x97/\xb1\xa7j\x8f\x9af\xa6\x92L\xf1\x84'</t>
  </si>
  <si>
    <t>b'\xc2r\xecK\xa5^\x9b&gt;i\xe3\xb2\xea\xa2\x8d\xca-\xe5B\xfb\xceJL\xbf\x8d\xbbW\xa8\xc5\x1b\xf0\xea&amp;'</t>
  </si>
  <si>
    <t>b"D\xde\xd30[\xbd\xb2b\xc8&lt;9l0\xd1\x9dm\xc3\x00\x05\xb4\x89\xcf\xe2\xdcf\x91\xa7'V\xcaU_"</t>
  </si>
  <si>
    <t>b'g\xb0\xcc\x13\x12\xfe.\x83\xc8\xce\xd2G{\x94\xc6,\x02E\x85\xdbG\xf4\x95\xa6\xfa^QUB\xdfq\xf6'</t>
  </si>
  <si>
    <t>b'^\xf542\xb3\x08\x08\xc9\x1eE\x00\xad\xc5\x18\xde\xa3\xc9Iv6T\x1c\x92\x13\x1b\xfe\x9cl\xe7\x80\x7fQ'</t>
  </si>
  <si>
    <t>b'\xfa\x8a\xf6\r\x9a\x10\x86\x8c\xa7u\xc5\xda!T5b\xb9\xf8\x83\xb1\xa2\xe2m\xb0\x10\x1e\x8fd\x05\x9a~\xec'</t>
  </si>
  <si>
    <t>b'\xf0\xd3V\xdf\xe9\xf6\xedb\x8f\xb9\xf4\x88\xa2\x86\xe8\xb9\xa9Em\xa8j\xb3v\xbd\xdb\xa5\xe2\xdc\xf6?\x1dV'</t>
  </si>
  <si>
    <t>b'\x9b)\x00\xed\xa0:\x04Ol\xe8U[F\xfa\xbbA\xbd\xe6\x13\xae\xb4\xd0\x97zTz\xe1\x08\xbf\xe2\xf8T'</t>
  </si>
  <si>
    <t>b'7\x0f\x8c?&lt;\xe2\xabr\xd7\\\xb15?\xd3\xd4\xf5^\xf8&amp;\xfd\x86Y\xab\r\xf8\x13\xcad\xa0#\xb8['</t>
  </si>
  <si>
    <t>b'*q%\xa2\x84*\xdf\xf58\xb5*\x96\xfa\xbd\xf6GB\xd5\xf6k\x05\xc9\x87\xf4\rj\x81.\x02\xd8\xdc='</t>
  </si>
  <si>
    <t>b'n\xa6*\xa9k_\xa5\xef\xe0\x91\xc8v^\x89[\x963\xfc\x12=\xeb\xcc/b\xcf.\xf2\xc6\xacy\xa7\xeb'</t>
  </si>
  <si>
    <t>b'y\xa3\x0b"\x90\x8ft\x11\x92Vr\x7fMk\x9e?\xfc\xf4\xfd\x8b\xb6\x8a\xbfZ\xa8\xbdp\x0e.\xf4("'</t>
  </si>
  <si>
    <t>b'u\x11\xcc\xc1\xb5P.9{\x0e\x91\x11\xb3\x16R\x84\x0f\xd7\xbd\xe5\xb0\xb5]y\xb5\x86\xf0\x08rn \x96'</t>
  </si>
  <si>
    <t>b'\xe5,\xd0\x82`^\xba[z\xbe?\xcd\x18\xd1\xb76\x9b&amp;\xc5c\x08:\x14\xd9\x04\xa4\xd5\xafB\x07\x18\xd9'</t>
  </si>
  <si>
    <t>b"\x91\xab\xdc\xa2\xbd'\xa4\x95\xc9\x92\xa2\x1c\xabwy\xccm\x13\x13\x11p\xa9\x11_\xf6f\x9a\xdc\xc8\x12l\x92"</t>
  </si>
  <si>
    <t>b'\xc9\x99@\x9f\x03\xc0\xd9\x9ao~\xd1\x95\x0e40;\x94\xb8\x19\x95\xa4\x01O_\x84\xe61\xa2O\xd4\xd4\xd2'</t>
  </si>
  <si>
    <t>b'\x91%\n\x9bj\xec\xae\x08\xebyg\xad\xcc\x1dsJ\xe3\xcd\xba\x07\xf8\x7f\xef4TS\xdcTHhw\x14'</t>
  </si>
  <si>
    <t>b'\xc1aL\xf3p\x9a"[|\xbf\xdf%\xc9xLB,\xd9\xa7&gt;7\xfd0\xc4\xfa\xf8\xe7\xe1\x942n\x8e'</t>
  </si>
  <si>
    <t>b'1l@M\xb4{w\x17,\xeb\xf5\xec\xf5\x8ar\x9d]\xe3\x82\x11\xb7\x1d\x1ch9\xdf\xaf%\xc0\x93\x16\x8a'</t>
  </si>
  <si>
    <t>b"WB\x83\xcc\xc8Z\x14\xe4\xec\x82\xdf\xbbv\x00\x0f{\x84\xe9\xf4\x8d\x82\xe0\xdc\x1c\xc8\xa1\x1c'n\x0e\xa4\xa3"</t>
  </si>
  <si>
    <t>b'\x0b\xde\x07\xd4\xf7\x92\x98\xe8\x7f\xeb\xe7\xec)\x91\xe5G\xc8,!\x8dX\x15\x9e8\xa0\xd9:\x83m\xb7f\xe6'</t>
  </si>
  <si>
    <t>b"_e\xb8\xc5\x07\xa0\x8b\x82r\x81'\xaaS\xb5\x1a\xc6\x11\x9d\x9e\xc7\xb1\xc8\xe6C\xbaE\xde\x80A\x91.\x92"</t>
  </si>
  <si>
    <t>b'j\x98\xc42\xdcR\x11\x97)\xfd\xe8@E\xb3\x8dp2\x8c{\x81\x9a\xa9\xadF\x04\xf3\xf1\x15\xfcS\xcc\\'</t>
  </si>
  <si>
    <t>b'#^\x0e"|M\xb0\x9c\xb28\xb1n\xbc2\xeb\x89\x8a\\ax\x9e\x88\x1b]}e\xdf\x00k\x7f\xe5;'</t>
  </si>
  <si>
    <t>b'[\x91\x9b\rIR\\&gt;\x08\xeb\xffdL7\xed^\x94h&amp;?\xa2\n\xd8\xe3\xcen\xec?\x15G\xf9\xd5'</t>
  </si>
  <si>
    <t>b"w\x19n\x8b7\xc0\xa3\xd1\xcb\xf5Ed/\xbe'eq`L1),CJ(\xe4R\x9f\xce/\xa6f"</t>
  </si>
  <si>
    <t>b'J\xb1\x9b1]8hD\xe9\xf0C5\xf2`\x16w\xa5\xbf|\x11\x9018\x9eY\x83\xc3G*\xb8k\xb3'</t>
  </si>
  <si>
    <t>b'iz&gt;u.\xa1\x07\x1eH\xa86\t\x88)\x7f]\xc2d\xbc\xfc]|\xf3\xf2-\xdcb\x04{\xed\x9eU'</t>
  </si>
  <si>
    <t>b'~\x01\xce\xaa\x80\xba(\x80\xe0&lt;\x9f\xed\xa6\x931\xa8\x9d\x07\xcbl\xb6\xdc\xb1\xe7\xa7\xf0\xe4\xb6\xb3\xa4\xbcg'</t>
  </si>
  <si>
    <t>b'\x0e\xe6\xf67\xadt"\xf6\x87\x0f\t`\xb2\xdd\xc0|\x8d\x962\x0e\x81\xba\x88\x04\xb7y#\x0b1K\xdb\x1f'</t>
  </si>
  <si>
    <t>b"Ro\x1e\x0e\xbc,\xbc\r\x04\x16~\xe7\x92\x96\x0f\xa2\xed\xd8\xb6'L0\xaa\xd1\xcb\xeeh\xa8\xd5\x85_\x99"</t>
  </si>
  <si>
    <t>b'\x10\x0f\x8ehw1\xec[2\xcf\x9ev\x11\r\xe1\xc6\x18\xe1\xe8\x0f=D$b\xa1\xbf\xf5Y+\xb0\xcf\xe4'</t>
  </si>
  <si>
    <t>b'\xe0\xb9d\xeb\xeeG\x9d^\xd6\xa3\xcdK\x8d7\x1f\xc9+\x86#\xcd\xfdp\xdd;f\xec&lt;\x122AIl'</t>
  </si>
  <si>
    <t>b'A\xf5+G\xd9?s\x99\x9e\x17\xdeR\x00\xb1\xd1:\x1ad(w\x93\xf5\x88j#\xd4z]\x07\xa6]\xb2'</t>
  </si>
  <si>
    <t>b'\xb7\xe8\xd5d\xd7\'-\xed\x9c\x90\x95\xa6\xd3\xb2#(D\xc3\x9a\xa1\xca"\xc0\xe0\x0c\x8a\xb3\xe7D\x90\x0c\xa5'</t>
  </si>
  <si>
    <t>b'\x14\xb2\xd8\xb9y\xb7W:\xcc\x8f\xe2\x908\xf3T\xeb\xc4:k\xc9\x82\xf5O\xa8\xa2l,:\x1c&amp;\xba!'</t>
  </si>
  <si>
    <t>b'\x8d\x8f\xe5g\xde;\xdd\xeb\x19\x17E\xc5\xf5n*\x08\x82/\x0e\xfb\x04\r\xffIv\xc6\xba\xd9f\xeb\xc7\xbd'</t>
  </si>
  <si>
    <t>b'\x81\x1c\x14^p\xf4\x10\x1f2\xd9\x1d\xdeP\r`\xb9Q\x80&gt;\x89B\xe1+!\xa9\xe9a\xc9n\x82\xbc\xdc'</t>
  </si>
  <si>
    <t>b'v\x90\x96T\x95\xb6\x82Z\xdfw\x9c\xfd\x10O\xfc[we\x830r\xc7\xad\x81\x8d2KB\xe4e\x1a\xbd'</t>
  </si>
  <si>
    <t>b'\xe8Rt\xd8#z\xd1\xbb\xf2\xfe\xac\x99\xf2DG\xe2\x89w#\x93U\x95\x14\xc78\\Q\xe5\xe2G\xe8+'</t>
  </si>
  <si>
    <t>b'pj\xb1\xba\xc5p\x0eW\xdc cc\r\x9e\x9d`r\x1a\x8a\xb63}\xc1\xc40:\xfe\xdc\x1b\xac\x13;'</t>
  </si>
  <si>
    <t>b'\xbc3\xc6\x18c\x93\xda\x9b\xe8\xfc&gt;q\xbaq\x16\xa8|\xd6\xfcO\xaf\xee\x91\x18#x\x1f(\xc2di\\'</t>
  </si>
  <si>
    <t>b'6\xd0\x9a\x17\xf2\x1a\x14\x85\x92:\x9f\xba\x18\xf0\x90\ro\x8c\x0c\xb0\x8a\x08\xc6\x7f\x8b\x99\xb8\x90\x12\x00\x9cT'</t>
  </si>
  <si>
    <t>b'P\xa8\xb6\xd1\xe7*\xb7\xdf&lt;\x04@&amp;\x01\xb4Kq\x98\xf0wbY\xb5\xfa\xf3G\x97T\x86\xb9\x9f\x0b6'</t>
  </si>
  <si>
    <t>b'\xbbi\xc6Y\r\xec\x83G\xdeTv\xd4p\xe9*\xf2\xd4\x84\xccV\tZ\xc8!Q\xfd\x83\xfdp\x93\xde\x97'</t>
  </si>
  <si>
    <t>b'\xa6\xff\xa2\x98\x99\xe9\x82%\x04\x9f\x1c\xa5\x0c\xa2\xfc%\xf5\xcf\xcb&lt;\xc1\x805\xa7\xac3Ez\xf3{\xf8\xb2'</t>
  </si>
  <si>
    <t>b'$\x13\x07\xdd|\xc2\x85\x97\xda\x887\x16\xf4\xacQl\x8bl&amp;\xce\xcc\x9f\xc70\x92\x8f(-\xcc\xa5\xeb '</t>
  </si>
  <si>
    <t>b'5y\xfbW\xf5$=g\xbe\xd3o\x08\xc8\x05\xc9\xfd\x1fr\xaf\\\xb5l\x9b)\xb6?\xc2\x91\x11\xa1\xa1/'</t>
  </si>
  <si>
    <t>b'?8\xee\xbfUR(\x12Z\xa9o\x85\xe6\x16\x9e\x17D\x8btx\xcd\x7fHt\xd6\xb7&amp;\x11\nO\xaa\x86'</t>
  </si>
  <si>
    <t>b'\xf9\x80b\xf5\xeegk\x89}\x03\xb5\x9fF\xa2\x9e\x11\x8c\xe2\x1d\xac\xb0\xae\x8c\x04\x89\xf9te\xe9+\x8e\xf8'</t>
  </si>
  <si>
    <t>b"\xf6\xc8\xf7'_\xd1&gt;\xf0I\xc2\xee\xdcR\xcf$\x1b\x072\xab\r\xa2\xbb\xd2\xb8J\xd2\xd1\x0bB\xd5\xcdR"</t>
  </si>
  <si>
    <t>b'\x9cZ\xe0\xc7\x1c\x18}\xed\x1f\xec\xbf*\xf3j\x87W\x1f\x91v\xc1\xbe\x1f\x8d2\xd2\xf1\xfeD\x9a\x85|\x1d'</t>
  </si>
  <si>
    <t>b'\x16@\x01|\x9f\x06a\x01\x13\xff\xb7%c\xf5\xb6\x9f_\xe2`\xd3\xfd:X\xf9k\xc9\xc3`\xf8\xa30p'</t>
  </si>
  <si>
    <t>b'*\x88\xac\x16\x11\x94\x02\x80\x1dT}\xcc\x8c\xde\x84\xed\x11J\xb4\xb2\x8c\xd6\xa3\r\xce\xa8\x10\r\x01\xbe=\xc7'</t>
  </si>
  <si>
    <t>b'\xc4eh\xd3]\x08:\xc8\x1dU\x89{]k\xbd\xa4\x85\xd0z\xd6T\x98W4d\xca\xc7\x92\xd0\x87\x0b\xcf'</t>
  </si>
  <si>
    <t>b'E\xff$\xe6\xdb\xeb\xbb\x0f\xa6\x9e\xbd\xd0\xbe\nvfp\x1f\x1b\xdc\xf5\xd4\\#\x9a4g\x84\xeaHM\xdc'</t>
  </si>
  <si>
    <t>b'!\xe7\x062DcF\xc30\x1b\xb6\x92\xa6\xd3\xd6b\x85\xeb\xb5T\x0cr\x12\xacS!\x06\x07\xab\x97IF'</t>
  </si>
  <si>
    <t>b'\xec\xcb\xfa\x10+&amp;T\x87\xba\xc2\xd6\x88\xb73bk]}\xae\xf8\x98\x13J\xfa\xf6/\xb1\xf3\x9b\x80\xa3\x1f'</t>
  </si>
  <si>
    <t>b'wu\xedm\xe1\xfc\xecT"x$\xe7l\xdc\tA\xcfnu\x0e\xb3\x90\xd7\xaa\x0b\xfa\xff\xfb\xe0\xb5\x9e\xf3'</t>
  </si>
  <si>
    <t>b'\xbc)\x82\\=h\xf9"\x04\xc6\x07lo\xf3x\x01\x10l|\xa6\x17;`\x91\xd1\x05f\x11\nt\xd2\xcd'</t>
  </si>
  <si>
    <t>b'\xfb\xa4\x02\x1d\xb0T\xa5\xe8\xa0~\x0c\x8a\xaeq\xb4GW)\x1f\xaf\xeaL\xa2\x92\xe9\nIp\xd4bC\xff'</t>
  </si>
  <si>
    <t>b'\x08\xf6n\xba\xe6\x90\x88\xea\xcf2\xe1\xb1\x83J\xc3\xd5X\x8fA0\xd1\xcc\x17C\x98-\x91\xfd`\x96\xe0\x02'</t>
  </si>
  <si>
    <t>b'\x185i}?\x00]%\xa1\xea|\x03%l)\xf4\x08C^6-]CZ%\x16\xd3\xbbe\xd2\xfe;'</t>
  </si>
  <si>
    <t>b'"\xca\x1f\xde\x83r\xd5`\xc4\x0e\xe7`\xad\xad\xea\xfb\x87\x0e\xcf8H\xc2@\xdc"6\x899\xed\x0c8\x1a'</t>
  </si>
  <si>
    <t>b'0\x19\x07\xed\xe8\xd2\xde2\xd6/#\x9aHV\xe0\xebG\x02\xac\xdd\xcf\x02\x93\xe8|6G\xab"\xc4x\xd7'</t>
  </si>
  <si>
    <t>b'\xe7\xfc\xee\xca\xe3\xa0uac\x1d\x9d\x8e\xb55!\xfa!\x0f\xb0\x8e\xe0]3\xab\xb7r\x8bI\x9c\xc3\x8eG'</t>
  </si>
  <si>
    <t>b'v\x89\x14D[\x08\x19\xd94\xfd\x8b&amp;\x9b\x1f\x95\x94\xd0\tx\xeaY\xda(\xbb\xa0\xfa\xfb\x17\x84\x91\xf5\x9c'</t>
  </si>
  <si>
    <t>b'\xa7\xa8\x9fo\xabz\x99v\x8e&lt;f%N\x92\x8e\x91J\x98\x0e\xa7G\xc3\x8d{\xa3\x0b\x9a\xe1c\x8c\xcb\xc7'</t>
  </si>
  <si>
    <t>b'\x11j\xa2\x942gi&amp;\x05\xe2\x96\xbdO\xe3\x1b\xf9&gt;*\x9c\xd5\x1d\xbbhK\xbct\xf8\xfd\x8e\xf2\xb1\x06'</t>
  </si>
  <si>
    <t>b'\xb1\xd91\xbf\xd4\xd8\xb20Ek\xed\xf0\x17\x80\x92\xe8J\x9f\x00\xc5\r\x96s~\xd3\xf7\x8dF\x98D\xf9\xa3'</t>
  </si>
  <si>
    <t>b'\xfb\xf1\x17\xc5\xab\x8b\x07\x11\x96\x17\xc7[\xfa\x8fZb\x80!h\xa1\xd5\x04\xba\xcc\x1d\xd9\xde\x04\xc6M\x0f\xb1'</t>
  </si>
  <si>
    <t>b's\xc4\x90\xe6r\x1f+k&lt;\x08\x04z\xa6\x89\xf1a\xf3\xcc\xaa\x82\xc5\xf8\x96\xeb\x1a\xee\xa2\xa7\xdfu\xb5\xe0'</t>
  </si>
  <si>
    <t>b'\xb0\xf1\xbb\x0b\xef\x19\xd4l=\x18*q\xedt\xacl\x89\x1f3y\xefU]@\x81\xfdb\xd7\xf5y\x97\xc6'</t>
  </si>
  <si>
    <t>b'I8\x9c;\xeb\xfdHCMg\x97\x1d\xac4Gb\x00\x11\xd7\x0b\xbc\xc4\x91B\xfbz\n\x03\xc6\xfa\x8eN'</t>
  </si>
  <si>
    <t>b'(\xbf \xb6\x9d\xad\xf3\t\xb6\xf0\x0cK2\xe9\x8c\xe0gYl~F\xf6\xcc\xee\x85,\x92\x05\xe1\x99\x956'</t>
  </si>
  <si>
    <t>b'|\x01\xf8a\x0e[\x8d-\x9b\xef(@\xc1.hq\xdd\xff\xbec\n\xc2\t\xe7y5\xb6\xd7\xe6\xd4jP'</t>
  </si>
  <si>
    <t>b'T\xd2\xc6\xf5a\xea\xe0\xce\xed\xb7\x81G\xb2\xdf\xad,p|\xf0\x9d\x86b\x1eQ\x00%\x1809BJj'</t>
  </si>
  <si>
    <t>b'\x0b\xb7\xcd\xe7\xf4\xb1\xd8o\xc7)0\xf6.[\x92\xad\xff\x16\xd8)\x9f\xb6{\xb4\x14\xf3E\xbe2=&amp;m'</t>
  </si>
  <si>
    <t>b'\xebp\xeb*\xab[\xde\xb7!\xfb\xaf\x18\xb1/\x8aN*\x0cZ\x8f\xf9\xab\xab\x0f\xb5\x96\x0eCw\xa12\xa4'</t>
  </si>
  <si>
    <t>b'z\xc2P\x9b\x84\xc0\x80\x8bW[D@~\xc2\x97Z\xab\x05\x13\xc4\x8f\x06=\r73\x8f\x8dq\xf6|\x9a'</t>
  </si>
  <si>
    <t>b'\xefx9\t\xfa\x148\xa9\x06\xb5\xc1\x13?\x90;-\xf2l\x06\xc0OO\xcba\xa1hL\x9c_\xf6\xfc\xfb'</t>
  </si>
  <si>
    <t>b'+]y\x96E\x99;C`\x8f\x97\xf1Qx\xcd\xeaO?\xe9\xc0O\x0f\x8d;\xa8\xda;\xc5\x1bZ\xe4o'</t>
  </si>
  <si>
    <t>b'^"\xc8e\xce\xdc\xe2j\xe7&amp;\xdb\xc9\x12J\xc7\xbe\xab\xa3@]*\x86\xd5!\xa7&amp;\xdd\xb4\x98&gt;\x91\x17'</t>
  </si>
  <si>
    <t>b'I\xec\xe9\x1b(\xb1\x8f^\x81\x84\x86\xa4\xa7F\xdc\xa2;\x0f\xbe\xb0\x82\xa7\x80E\x0e\xd7\x9c\x94\x82\x08\x0e\xd5'</t>
  </si>
  <si>
    <t>b'V\xc0\xa6h\xbdT-\xb0\x0f\x0e\xf4\xcb\x13s\x84u\x18\xdf\x99K\x98wO\xcf\x83D$\x17c\x15\xdf{'</t>
  </si>
  <si>
    <t>b'\xa1\x9c}%\xf5*\xb2\xeb\xc1&lt;kj=\x91\xcc\xa7\xc3Oc\x89YM\xd0\xe0\xd9\xb8\x88uY#S*'</t>
  </si>
  <si>
    <t>b'@\xca\xcf\x121/1\xee\x84\xcc\x93\xa7\xbf\x16\xec\x1btw\xcd\xae%\x01t\xe4y\xc8\xda\x04a\xcc\x93\xc0'</t>
  </si>
  <si>
    <t>b',\x04\xe9\'\x96\xfeb\x85\xac\xdb\xa2"n\xd1\xbd\x82an\x15E_\xd1\xc3X\xe8[.\x1a\xc7N\xc1v'</t>
  </si>
  <si>
    <t>b'C\x8e\xfc6\xc84\\\xb2\xfe\xdd\x0f\xfa\xd3\xb4\xd8\xdbZ\xb6\x15\xfdu\x95q\xc7\x89\x84H1\xe0\x17*\\'</t>
  </si>
  <si>
    <t>b'\xc7,n\xebJ`v{\xfc\xe4\xe3\xe8\xa2\xf4\x9c\\\x06:(\xd6\x10\xb2\xe3Y|\xb8#H\xe9&gt;\x9a\x87'</t>
  </si>
  <si>
    <t>b'\x8ae0:"\xb2L\x18&lt;\xc12\x94crn\xe2v\x95\x1b\xed\xa3W\x17`\xea\xde\xf8_\xb4A\xf0\xe2'</t>
  </si>
  <si>
    <t>b".\x06\xe3\xdco\x19\xff/'\xeb?\xc1\xd5ATF\xb0\x85\xbc\xcb@\xa0\xd2\x0c\xef\xd2&amp;C\xb81\xb7\x1a"</t>
  </si>
  <si>
    <t>b'u\xf9\xcd\xec\x00\x07\xc6\xa0\xa4\x96\x1b\xaajq\x81\xef\xd37\x00\x8ee\xa5\xcehL\x9e\xbf^\xe7Z\xa0\x80'</t>
  </si>
  <si>
    <t>b'\'~m\xbd\x08]\xcf\xf9\x9cY\xf1\xd7\xa7\xe5\xb9vd\xf0\x1b\xb9\xec\xb0\xb0NM\xb7\x03\t"\xf8\xbd\xe0'</t>
  </si>
  <si>
    <t>b'\x00\xd4\xed\x92\xe6\x93\x94I|\x81\x85h*\x08+\xfb"f\x15\xa60B\xe87\xbf\xdb\xc0\xfe\x1a\'T\x8a'</t>
  </si>
  <si>
    <t>b']\x03C\x87\x11O\x99\xc7\xfc50\x86\x1d\xe4\x9c\x0c\x83\xacX\xd6\xfe\xf0\xa8Ox:\x1e-\x0b\xe9\x93\xfe'</t>
  </si>
  <si>
    <t>b'R\xbb\xeb\xcd\xc4xR/c+\x15[\xed\xa2\x93\x1be\xdc~;\x9b\xb1SHc\xddL\xaf\xfb\x03Px'</t>
  </si>
  <si>
    <t>b'\x11\xe3g\xe2\x06\xfb\x03y\x81w\xe5\x0f\xa9\xeb\xd8\xc2z\xca\xbc\x95c\xc9\x9c\xffmfH\xee\xd1\x03R '</t>
  </si>
  <si>
    <t>b'\xc0c\xc2\xc1\xc9\x94\xe7d\xae\xf6V]1\xd5\xc3;{9\x13\xcb\x93\x95\xc0\x83\x94~WO\x8e\x87\xa0\x97'</t>
  </si>
  <si>
    <t>b'\x95\x9ct\xb8,\xc2Jj\xca\x87\xb4\x98\xd7q9\xac\xcf\xf8\xae\x00J \xc7\xa3\x88\xb1x8O\xf8\xba\xc0'</t>
  </si>
  <si>
    <t>b'\x88A\x991n\x05tH\x02\xd7\xf3)\xe7\xc9f\x1e\xa6\xe7\x19\x87\xb2\xc8\xb6\x88\xca\xe9PN\x80a\x0f\x8b'</t>
  </si>
  <si>
    <t>b'/\xbe\x93\xb8B+@\x99x\xe2\x8b\x84\xdbc\x1c[\xd1|\xd2\x16\xf9\x86I\x8eH\xcf\xa4\x17&amp;\xdb.\xcf'</t>
  </si>
  <si>
    <t>b'\xdf*cA\x00\x1d$0&amp;K\\=\xbd$\xdb\xf9\xd3\xf9\x90\x16\x84\n-\x94\xb3\xdbE\x17\xd5\x0c\x88v'</t>
  </si>
  <si>
    <t>b"\xf1iN5 \x11y\x96\xe3\x81\xe4\xfb\xd8\t\x02gR\xc8'\xfb\x0e\xb2\x15\xa1e\x84\xf1{x\xf2\x8fg"</t>
  </si>
  <si>
    <t>b'\x9a`O\x92\xa5A\xaa\x02\xe0Dz\x8b\xd4\xa6\xb4:\xf3_Z\xa1\x17\xb5\xab~\xf3\x14\x165P\xb9\x02\xb9'</t>
  </si>
  <si>
    <t>b'\x8d\x86g#\x82\x1aU\x1b0\xa1|\xb8\x91k3\x99\x13\xf0\xc5\xe5{C~s\xa6tT9R\xa6\x08A'</t>
  </si>
  <si>
    <t>b'\xca\x1f\xa3\xec\xbf_&amp;6\x82^\xc2\xd4\x0f\x15\xc6D\xf8#\xaa\x88649v\xe4\x11\x84\x00\x8c\x8ed\x18'</t>
  </si>
  <si>
    <t>b'\xe8\xa3k\x121\xbe\xd0\xac~5\xa9x\x083m1\x07\xc6j~&amp;\xf2_O\xe6\x99\x1d7\xc1AN{'</t>
  </si>
  <si>
    <t>b'\xc7@\x1e\x99\x00*H\xc4;\xa6\xb5\xae\xb04\xe0y\xf7\xcd\xa9\xab=\xfe\xf0lj\x87\xae\x8f(\xff \xd4'</t>
  </si>
  <si>
    <t>b'T\xee\xed\x88A\x15&lt;\xdc\xcb\x9cC\x9eU\x87Zg\x08\x08$\xb08L\x03~\x92\xbf4+ &amp;\x16\xe8'</t>
  </si>
  <si>
    <t>b'\xe0\\\xd7\x8d\xaaTH3\xa8\\\xc3K|Vk\x91\xabF\x08\x8a\xe3\\\xd5!g3Pk\xe4E\xbaA'</t>
  </si>
  <si>
    <t>b"`\xcb\x06a\x00\x80\xad\xc8\xfbWf'C\x8c4\xe3\x86\x0e\xdb\xd9\xe6S\x8cI1\xb6\xd0&gt;\xcc\xda\xef1"</t>
  </si>
  <si>
    <t>b'R\xce\x1e\x8b\xa8/\x8f\xec\xfe\x9ed&amp;G\xd4T\xf8\xf3\xf0\xc5\xec\xc4_t\x02X\xce\xba\xc9\xe4`\x00L'</t>
  </si>
  <si>
    <t>b'\x8d\xb9\x8fQ\xe51\x1c\xf3\xef\xdbl\xf0\x08\x121\x92(34{t\x12\x9d\xc6\xea\x1aW\x1e\xf6\xd6\xab\xf1'</t>
  </si>
  <si>
    <t>b'W\x10C\x01\x14\x04v\xe3)UA0\x05\x18\x0buT\xd6\xdd1\x89\xeb\xe0Y\xa4p\x86\x1b\xfe5eG'</t>
  </si>
  <si>
    <t>b"s\xa5\xfcW\x91\xa6V\x90\xcf\xe6\xf70'\x05!}\x0f\x96\xba?\x89\rZ|\xbfIY*\xf1\xf8\xa2\xd8"</t>
  </si>
  <si>
    <t>b'\xed\x05\xf4\x16\x0f$z\x8f\x0b"\xa4Q\x02c\xde\xa1{nn\xd2\xb2em\xc5\xd8\xf1\xd2\x01\xc5\xe7Z{'</t>
  </si>
  <si>
    <t>b'3\x0er\xe7\xdc\xb3\xc9\xb8 \xa9\xd1\xea\xa3\xba\xa1&lt;\xc2\xa5\xbeh\xcdVc\x98#\xd55sQ\x80\x91\x10'</t>
  </si>
  <si>
    <t>b"e'Z\xd9\x90\x19\x7fHT\x15\xcdG\xc5\xc5\x82\xf5\xaf\n\xde\xda\xa3%C\xda\xb5\xc2\xa6\xc56\x8a\xba6"</t>
  </si>
  <si>
    <t>b'\xd8\x03\xd1\xbfi-\xa6\xd7U#\xd3(\x81\x1e\xc9]\x08F\x82\x14\xd0\x1a\xfex\xd9\x14\xb1\xeaE\x86\xca\xa5'</t>
  </si>
  <si>
    <t>b'\x1d\xa1\xb1\xd6*o\x1f\xe3\xec\xf6\x8e\xf0\xb1\xb0\x9d\xfed\xeep3\xd9n\x03oD\xdd8\x95\r\xe1\xb7\x1a'</t>
  </si>
  <si>
    <t>b"\xd7\xc5\xdeb\x8e\xe4\x06D\xe1\x07'\xdd1\xffq\xe5q\xa5\xde\x06\xcc\x95V\xb3\x9dv\xa6\xa2P\xad\xd5."</t>
  </si>
  <si>
    <t>b'\x1c\x02?1c\x8f\xe4jN\xa5\x0f\xb2u\x857\xf2\xcc\xcf8\x96\x02\xcc\xbe\x83\xb2\x14\x91SZ\x17\x19\x15'</t>
  </si>
  <si>
    <t>b'\xb8\x16s\xdc\xff\xa6-\x9b\x13\x8e\x81\xbf\x016\xb7l\xa4\x87\xdeTF\xb7\xed\x00\xb1\x8f\xf7\x86]e\x1aW'</t>
  </si>
  <si>
    <t>b"'\xfe\xf5s4\xe3Q\xb4DWT\xd1F\xae\x8f\xf2\xab$r\x13\x1c\x05\xec\xce\x82\xd3?o\xf8\x13\xc9}"</t>
  </si>
  <si>
    <t>b'\x86\xfat6\xd9\xa7+\x88\x05S\xe3\xc8\xd0\xbd\xf2\xd8\xff\xd5\xaf\xc4G\xc1J\xf9@W\xb6:H\x9d\x87\xa3'</t>
  </si>
  <si>
    <t>b'\x14\x10i\x8b\x8f\xb2\\\xf5Cyh\x84\xdb\x91 \x0bg\xbd\x9aIMO\xa5l\xa1j\xae\x8d\xf8\x8a\x90\x1f'</t>
  </si>
  <si>
    <t>b'U\xfa\x1f\xf6\x12\xd8\xef^*\xdf\x8aN\x92\x1c=\x1b\xb6\xa0i\x19\xa6\xdb\xebeS.#q_\xf1\x8a\xc6'</t>
  </si>
  <si>
    <t>b'y\xc3\x17\xd5\x01\x02\xe3\xd6\x1a\xd6\xfe\xb3+4\xfa\xf0\xff\xcdN\x8d\x87&gt;\x8c\xed\xae\xd2\xdb\xe8\xd8u\xe6\xa4'</t>
  </si>
  <si>
    <t>b"Q\x10=Y\xa5\xf0\xfd5\xed'?\xefc\x1dN\x926\xc27\xc4\x0c\xc9\xb1F\x9a=\xf0\xe0\xc3i9h"</t>
  </si>
  <si>
    <t>b"B]!8i\x1c\xd8ZK|C\xee\x91\xfa8\xa4\xf5\x0c\x0e\xf9\x84N)0\x00'\xf8\xdf\xcb\x06\x82\x00"</t>
  </si>
  <si>
    <t>b"8\x13\x81\x16\xa9\xd9%=\xf2h\xa8#\x95\x81\x12O\xa40\x1dm\xbb\xbeX\x1d'U\xe5\x88&amp;\x95%\xf8"</t>
  </si>
  <si>
    <t>b'\x9ad\xcc{\xab\xe9x&lt;O\x08\xd8\xa2b\x93-_\xc9\xfb5\xe0\x15\\$k\x04J\x9b\x00\x17I\x9fY'</t>
  </si>
  <si>
    <t>b'\xfeK\xfd\xc7\xcb&gt;\xecJ\xb1k\xa2\x03]!\x11`\xa6nZ\x03\xdf{+\x00&gt;s(\xbb5\xe3\xd6\x8a'</t>
  </si>
  <si>
    <t>b"\xf38'\x1b\xf2\n&gt;+\xc3YY\xf9\xa42x\xafn\xe0y3\xebB,\xeb\xfc\x8d\xcb.K\xcb\xf2R"</t>
  </si>
  <si>
    <t>b'\x05\xf2\x9f0cP\xac\x07Q\x8c8+\x82\xc0\xc1\x1a)\x0c\xe5\x1d\xc8\xa1:\xc3\xe81\xc2mz\x0b\x92\xa6'</t>
  </si>
  <si>
    <t>b'\xbcD\x11\x84\x8cj\xdfM\x9e\x15A\xedWoo\xaak\xc3\n\x95\x16v\x8f\xd4\x10\x05M\xa8\x04c\xc4z'</t>
  </si>
  <si>
    <t>b'_\x82ay\x06\xa5/\xf2h93\xb5\x8c\x1a\xca4O:\xac\xcd\xe35\x87\xd0\xa1\xdd\xd3\xfd\xd5\x87\xa6\xb0'</t>
  </si>
  <si>
    <t>b'\x11d\xa1t\x02\xaf\xba\x83m\x86@m\x1d\xd8%)\xf8d\xef\x02\x97-\xbf\x07+\x93)\x11\xd2\xf6\xd6\xb7'</t>
  </si>
  <si>
    <t>b'\xc8DAb\xed\x87\xe7\x9a\x1d\x82lE\xaf\x01\xf5\xe2\xc3\xbb[\xad\x1d\xdd4X\xd34\x1eG\x0e\xcd\x85\xad'</t>
  </si>
  <si>
    <t>b'\x057\x97\t\xe6\x05Q~\xa1\x12\xe8wvG\xb0\xfc\x9c\xc8$m\xe2\xb6\xdbU\xda%\xed\x9d\xdd\n\nQ'</t>
  </si>
  <si>
    <t>b'\xee\xe7\xdb\xf6\n$\x05%\x1e\xcdG\xe2\xa5\xd7`\r\xabf\xf3\x84\x9f\xb9\x00`\x8e\xb1\xa5\xf1\xcf$\xfe\x02'</t>
  </si>
  <si>
    <t>b'\x1a\xe6&gt;_\t\xadUG\xb6\xf1\x98~0\xa7\x93^\x7fz\xe2;\r\x19\xae\x95\xca\x7f+\x95\x0b=\x960'</t>
  </si>
  <si>
    <t>b'\xc0H\x94\xeb\xa1\xb5\x16&lt;QY\xa1\xce;\x19Y\xaf|\xcabH\xb7"\xc2\xd4\xefP3\xbd\xd5\x1e\xa0\xc6'</t>
  </si>
  <si>
    <t>b'\xdf\t\x02G\x95\xf0\xabYD\x10\xec\xf1\xaaJ\xeeB\xaef\xc8\xfcq\x90e\xf12;\xf0&amp;\x89P\x97\xc0'</t>
  </si>
  <si>
    <t>b"\xf8\r\x03y\x01J\x8dLv\xb8\x1eZ\x18\xb0I\x86\xa9\x94 \xdf\x1d\x0f\xa8=\xd3'h\xaf\x89\xc6\x7f\xc7"</t>
  </si>
  <si>
    <t>b'\t\x12\x99\x087\xeeYa@P\x05\x99A9\xab|\x80\xa9\x12.\xf3\x84\x10\x8d"2\x8a\x82\xf4hU\x92'</t>
  </si>
  <si>
    <t>b'\xa4\x9f+q\x08\xa4\x8c^\xa7\x85|\x17\xb2Y\xb3\x02\x97\x9e\xc8\x89\xd5\xfb\x0e\x7f\xac\xa1\xb7\xdcr\x8a\xb0|'</t>
  </si>
  <si>
    <t>b'\xa1\x96F\xdf\xbf4\xaf\nN\x9f\xcbG\x86p.\x9d2j9t\xa0"\xe3\x9d\x10\xb8\xc5\x04r\xed\x00T'</t>
  </si>
  <si>
    <t>b'a\x11\xadk\xbd&amp;\x85\x8d\x8c\xcfd\x03\xe4p&lt;,\x93\xb5\x9f\x08\x9a\xcc\x1eSEG\x1d\xd1\x8d\xe3\x08x'</t>
  </si>
  <si>
    <t>b'_r\t\xb1\xddM#\xba&amp;\xe2k57\x9a1\xc0\x8b\xb3@d\xa0\xe5\xa2\xc2L\xe6s\x8a\x9a4$\xa2'</t>
  </si>
  <si>
    <t>b'&lt;\x12wX\xc1V\x9fC\xfbi\xcc\xddco2\xa9\x04\xea\xee5.|\x12\xf6\xec\n\x136&gt;\x9aa,'</t>
  </si>
  <si>
    <t>b'm\xf3\xa8\x95O(YX[w\x14W\xc9F\x16\xddu\x1el\x14\x17\xe2_\xa9|^\xc3\xbe.\x1e\xda\xf1'</t>
  </si>
  <si>
    <t>b"EB\x94\xb6\xef\x1b\xc8\x04Y\xd8&lt;`\x03\x8d3\xe4df\x11j8\x01OH,\xceO'j\xf0\x9d\xd7"</t>
  </si>
  <si>
    <t>b'\x7f$U\x17\xdd\xa4{\xa2K,\x82\x9e\x1fl\xb2\xa9\xc8-\x0c\xb5_\x8f\xc1\x9b\xd8s\xd7\xcbv,1\xc9'</t>
  </si>
  <si>
    <t>b'\xd27\x85|\x1bM)\xbc4\xa3\xec7(\xcb\xaf\x18\xed\xc9?=8Qw!q\xabV\x98\xdc\x11S\x9e'</t>
  </si>
  <si>
    <t>b'\xd1\x14W\x83&lt;+_\x05AhU33lQ&gt;U\xcd51t\xc4\xe85(F\xd9o\xbc\xbd\xdf\xf0'</t>
  </si>
  <si>
    <t>b'\x04 \xb5\xea\x97\x1fR\xd1\x1c\xdd2-\xfa\x008\x97\xa2\x1f*Cm\x0c\x02\x8dzY&amp;U2\xdd*\xee'</t>
  </si>
  <si>
    <t>b'_\xff\x91\xc8\xcf\xcbU\x07*f\x90\xa1\xbb\x18\x18\x14?\x84w\xb3\x85\xa2H\xa4=(F\xa3\x10\xd9\xd8\xa5'</t>
  </si>
  <si>
    <t>b'\x18\x0c\x9d\x1bUBmjT\x17\xaaC\x10=;\x16\x94T\xea\x9dS\xe0P})\x94\tK\xbc\xf4\xce\xfb'</t>
  </si>
  <si>
    <t>b']\x9c%gl\xf2\x1ee\xff\x9a\x88\xb5\xe1\xe3\x1c\x05\xb8\x87\xd7\xd4\n\xd5\x83\xb1U\xf8\x94\xber\xbf\x1c\xdd'</t>
  </si>
  <si>
    <t>b'\xb9\x1d\x8f\x9aq)\x1e\x96U\xfe:P\xb2F\xe4\x05\xabP\x9e\x16"S!Q\xb6\xad\xe6\xea\x06\xdc3$'</t>
  </si>
  <si>
    <t>b'\xaaVa\xb3\x0f?\xab}\xce-\xa0^\xfc\xb8\x86\x8c\x8b\x8f"U!6\xf7\x02\xa2\xf8?\xd0\xb1\x08\xa7\xe9'</t>
  </si>
  <si>
    <t>b'\x03\xd9-\xcbgV\x192\xde\xe1\x9a4\xe9}\xe4\x066\xd7\x1a\x90\xe9\x06#\x07q\xf7\xc0v\xb3t\xb3t'</t>
  </si>
  <si>
    <t>b'U\xd6+\xb6a\x1d\x92\xbb.jS\xc6\xa6\xe0\x1cD\x9eBU\xe6e\x16\xde\x1c\x86\x98^\x13\x16,\xc8\xf2'</t>
  </si>
  <si>
    <t>b'\xe1l\xbdh^;}\x88\xcaN]\xa0\xbc\xcfX\x0c\xd2\xbdD\xc2u\xbfA\xee\xe2\xceTu\x98RE\xfe'</t>
  </si>
  <si>
    <t>b'\xe9t\x86,\\_\x9b\xba\xd6\x1b\xafo^\xf2\xec\xc5\xd2\xaa-\xe4\x9d\x97F\xdc\x91\x1a0;\xebAi\x9d'</t>
  </si>
  <si>
    <t>b'Fy4U\xfa*.\xceMG\x8b\xfa^3\xd7\xe1\xa5\x1d\x9c\x1b\x02\xbe&lt;5\x82\x97lLss\xb0\x04'</t>
  </si>
  <si>
    <t>b'F\xc7Z(\xf6\xbc\xf7\xa6,\x92\x83\xb6\x88?u\xbc\x8b\x1cnz\xdd\xfa\xe5x\xf5\xab\xdd\xf4\xc2\x1b0|'</t>
  </si>
  <si>
    <t>b'R&lt;\xa9(\xc5\xac\x95\x13\x16\x12\xa3\xca\xe3$\xd6tr\xbe\x99;M\xf0@U\\?k\xf7\xff^\xfb\xa6'</t>
  </si>
  <si>
    <t>b'\x81\xfa\xc5Vv\xcc^\xb1\xf6\x80Yp\xfcti\xba&lt;\xcd\x81\x87\x83\x0b\xf0\xd2=f\x87\x94\x96\xde\x99G'</t>
  </si>
  <si>
    <t>b'\x15\x10L\xbb\x86s\x0c;\xeaD\x9c\x1d\x18n\xb5\xa3g-\xd4G\xe1\x91~\xb5S\xcdG\x828sl\x90'</t>
  </si>
  <si>
    <t>b'\x80-\xd1\x1e\xa5\xbf\xda\xed\x87\xe6\xdf\x8b\xe0\x12\xc7\xe3\xb9\xe8\xb0\x0c\x9cUr?\x18\xb0#\x97\xf7lhc'</t>
  </si>
  <si>
    <t>b'\x8c\xaa\xee\x9b\xfc\x88\x86\x01s7\xffa\xef\x86\x8e\x08\xe9\x82\x8a\x7f(\xe3\xa5H\x1bcY\r\xba\x85}\xe2'</t>
  </si>
  <si>
    <t>b'\x10\x83\xcd\xb2@\xa2\x82H\x14\xb0h\xafy8d[\x9f\xa8h)\x8e\xb6\xf8T\xef\t\xa9\xe6\xed\xf6\xf9x'</t>
  </si>
  <si>
    <t>b'\xc7\xd1\x97\x1a\xa0\xad\xf27\x9bCe\xac&amp;Dxg W&gt;6\x02\xaf\x1d\xbai\xa2L\xdf\x0e\xfb=\xed'</t>
  </si>
  <si>
    <t>b'\xd7{\xf3Q\x82mm\x1e.\x14\x8d\xe1\xfa\xd8L\x96\xca\xe15\xb0&gt;\xef\x87\xca\xec\x8eYC\xa3N\xed\x8d'</t>
  </si>
  <si>
    <t>b'\x17\xf4&gt;i/\xdb\xe3\x8f(\xc9\x16\xff4\xc0\xd5\x97A\xb8\x9en\x7f\xd4\x9d\xaa\x13\xcec7\xed\xed\x89\xc9'</t>
  </si>
  <si>
    <t>b'P\xecZc\x92\xe6[\x97o\xf9\xcf%\x91M\xe9\xfe\xf0L\x89D\x97\x81\x95&gt;2.\x1b*\xb1\x1cA\xbe'</t>
  </si>
  <si>
    <t>b'\xe1\xaa\xa0 \x1dC\xf0\xff\xfdY\xd8\xb7\xbd\xe5\x1b"\xb3K=w\xcf\xa89\xe5\xd4\xda\n_/A^7'</t>
  </si>
  <si>
    <t>b'_\xc4\x9dM\x93\xf2\xe8\xe0z\x8e\x81u\x17R\x12\x94\x803\x84\x13\x03A\x96)\xa7&gt;\xcd\xf8,={\xc5'</t>
  </si>
  <si>
    <t>b'\x0c"s\x01\x01\xe7\x99\xc5\xa2\xcfC\xda\xc7a1\xf7A\xcc*\x88\x9f\x89\xcc\x18\x83\xfc\xba\xff\x08^]8'</t>
  </si>
  <si>
    <t>b'\x13\x97\xf4\x80oz\xd3\xbc\xe9E{\x98\x14\xf3O\x81}\x9eRs\xc6~\x84\x9aO\xfe\x92f\xe7\x81%e'</t>
  </si>
  <si>
    <t>b'\x16\xbc\xd2\xaa)\x19bx\xfc\xaa\x9c@\xb8\xd6\xb7\xfc\x80\x9d,\xca\xfd\xf3\xe8\x0e\xdeW\x87\xcfZ\xb0\xc3/'</t>
  </si>
  <si>
    <t>b"'\xd8\xfe\xa6\xf8\x9d0c\x01n\xe9\x1c(#l\x19\xb8tC\x05VmKs%\x92Z\xbdZV\xd2{"</t>
  </si>
  <si>
    <t>b'z+\xd8\xb1E\xc0\xd2\xcf\xf91,\xe3oY\x0cf\xe1CI\x91Z\xb0\x94\x95\xe8l\x998\x15\x008\xa5'</t>
  </si>
  <si>
    <t>b' \xdc\x0c6Q/\xf4\xb2\xc5\xc2t\xd7-\xaa3\x83w\xa3K\x1f\xe7X\xe6\x8d8:\xab\xf2\x82\xc0\xa0}'</t>
  </si>
  <si>
    <t>b'!\xdb\xaf\xc5\r\x14\xbdh\xe1\xfa\xb5\xca\x89z^\xaa\xbf~\xce\xa28\x96bKy\xc4\xd7+\xfa?wb'</t>
  </si>
  <si>
    <t>b'\x9aWz\xae\xce\xf3`\xfc#\x17\x10P\x9a\xc2\x8e\xac\xf8B\x9d\x83\xf7\xb1\xed\x0f\xf6\n\xfe\xc6\xccd\xf0\xe5'</t>
  </si>
  <si>
    <t>b'T\xfe^\xfd\x1e\xdaH\xfd\xda`\x9d?\x0e\rX\x86E\xd5\x19\x04\xbf\xdb\xdcUf\xb5\x05\xbf\x85\xf1\xc5\xa0'</t>
  </si>
  <si>
    <t>b']\xfa\x99|p\x88\xa5\r\x99\xa0\xdc\x90\n\x8e\xf7\x9e\x1e\xed\xc2(978\xda{Y\x13z_\xe8\xf6\x07'</t>
  </si>
  <si>
    <t>b'\x07\x15\x95\xe5Z\x12\xba(\xb11\xd8\xe3Z\x8er\xeb\x9d+\x15E\xb0\xbc\x9f\x1b\xfbpJ+\x1c\xc7\xbf\xb2'</t>
  </si>
  <si>
    <t>b'\xa8+\x94\xba\x05RP\xeb^l\xf5*\xa1\xdc\x9a\x05\xf5x\xf6x\xf1\xfe\x1bf\xf0|\xb9\x17c\xcc\xfc\xd1'</t>
  </si>
  <si>
    <t>b'\xaa7\xd7\xddwwt\xd2\xb7\xe2\xb37H\xf2M0\xf1\xf4%F(!\xd1;\xa4Mn\xa5\xe2\xe2R\x88'</t>
  </si>
  <si>
    <t>b'g\xcd\xed\x120\xae\x02(\x1f\xf3\xe9 K\xcc\xbc\x85\x0ez.\xab\xec@\x8a\xfeC\xbf}\xe6y\xb6\x0b\r'</t>
  </si>
  <si>
    <t>b"\xae\x11\xaf5\xa6\xed\x1dx\x9d\x96\xba\xb8Go/\xca\x18\x93P\x19\x9a\xb1yK\x92Y\x1b\x90\x0e\xf0\x0b'"</t>
  </si>
  <si>
    <t>b'$!\xd7)n\xaaj\xc1\xf5\x8e\xfb\x9c\x90\xaf\x19d\xa3\x0fd\x12&amp;\xc0\x9c\xa5\x91&lt;\xbe\xd6\x14\xa95N'</t>
  </si>
  <si>
    <t>b'\x14]\x14_\x08a\x9a\xa7\xdf\xedS\xc4\xebn\x7f\xe9M\x1c\x82*\x05\xa6\x14\xf9&gt;\r\xa3k\x84~\x13D'</t>
  </si>
  <si>
    <t>b'\xb4\xcf\xcd\xa4dZ\x80\x08\xf19\x98\x03}l\xed\x97&gt;\x06\xc8|!\n\xd7\x99W\x8c8 +8\x98\x05'</t>
  </si>
  <si>
    <t>b",\xd6\xea\xfc\r\x13'\x8c\x08\xe5\x83\xac\xa7\xae\xa9O\x0c\x90\xcew\xd7\x91MV\xa3h\xd4\x08\xab\xc6l\xc3"</t>
  </si>
  <si>
    <t>b"\xfe5\x80o\xee\x192\xc6\xda\x15\xa1^s\xd2w\xfc\xd3\xbc\x8aM\xd8\\\x8d'\xae@\xf5\xa6\xce?&lt;\xbf"</t>
  </si>
  <si>
    <t>b'X\x82c\xcfr*\\\xd7\x16nW\x0b\x02~\x92\x86O\x0c\x15]\x15&gt;.p\x13uX\xef\xe5\xa3\xdfo'</t>
  </si>
  <si>
    <t>b'#]\xe0\x1d\x17\n.\xc8!J\x02\x06\xcf\x96s1@\xfe\x8c\x95\xe0X\xc2\xc5\x90\x0e\xf7\x0e\xb5\xb9^&lt;'</t>
  </si>
  <si>
    <t>b'\xc9.\xfd\xc7.K(\xa6\xca{\x13\xbc\x90y\x03$\xb2\xab\x91\x00c\xe9e;"\xac \xa0\x17\x84\xda5'</t>
  </si>
  <si>
    <t>b'\x8b\xda[\xd1e\x16\x91\xe3\x88^h\x8a]\x92V\x80h\xf7\xdb\x89^\rq\x91\xcdH\xa1C!75 '</t>
  </si>
  <si>
    <t>b'\xed\xc2"\xefd\xc50$\x02\xc4?\xe6\xcb\xa5\xa3\x94y\x07\xbb\xd3 1\xff \xab];\x81\xbd.\xefR'</t>
  </si>
  <si>
    <t>b'\xb1\xc6M\xdd\xa0\x10)\xa48S\x91\x03\x07R\xc19\x88\xee\xbe\x10\\[\x1aF\x1f\x16x\xe17\xd9"\xc3'</t>
  </si>
  <si>
    <t>b'V.\x88\xfbCL\x9f\xe0\xc0\x18\xac\xed\xe9\x91+\x1e\xab\x7f\xa3\xb3\xda\xcb\x90\x85;\x1ejG\x18\x12\x1e\x80'</t>
  </si>
  <si>
    <t>b':\x81\xc6m\xa0\xfe\x9cZ/Zh\x19\xe2u\x9a\xf2l\x10\xdb!\xe9\x9c#q\x80\xe8]rr#\x94)'</t>
  </si>
  <si>
    <t>b'\xa1\xd0u\x8d\xe2\xc1\x98BJ\x16K\xa0\xc6/\x97e~\x0c\xb5\xd2\xc8\x7f)\x0c\xa6\x9f\xa5\xe9\xb6\xa9\xc0\x88'</t>
  </si>
  <si>
    <t>b'_\x9b5d\xdd\xd4\xebmj\x86\x06z\xa3\xde6\xfdd\xa0g\xc6\xb6z\x1f\xf8m&gt;\xa7\x1f\xf5\x01e\xa4'</t>
  </si>
  <si>
    <t>b':j2e\xc5l\xd0&amp;\xbe&amp;\xb9\xe6\x97\xa7D\xb3\x07O\x9f\x0cQ\x87\x0e\xfe\xc60\x90\x18\x97N\xcd#'</t>
  </si>
  <si>
    <t>b'\xb70\t\x16\x03\ty\xf5\xd4Q] \x18\x96^\xe2\xd7S\xa0\xc9}\xd6}9\xf0\x97\xec\xf9\xa1\xbeI^'</t>
  </si>
  <si>
    <t>b'\x01\x86\xaf\x0e\xfdgNbT\xc9)\x7f\x02:\x11\x07V\x0c&amp;\x9d\x81\x12?\xb4e\x94\xc3U\xc6JrN'</t>
  </si>
  <si>
    <t>b'9\x9f\xe6\xed\xaa\xce\xc3$\xe0\x06\x94l\xd7\x03\x9c\xe2\xd8\xabehLk\x96J(\xf4\xfc\xef\x01\x15\xd1\x16'</t>
  </si>
  <si>
    <t>b'4\xfc\xa0\x1cG\xacu\xd3\x8e\xbb\xdf\x8a\xad\x9a\xdf\x1a\xb0\x88-X\xbeeo\xb0\xe4b\xcc\x82\xe9\x9e\xab\xe0'</t>
  </si>
  <si>
    <t>b'm\xe7\xe9m\xab\x05\n\xdd\xb5\xc9t\xd4\x0eEh,\x905\xb6\x08!\x0c\x84!\x9a\xa9&gt;\x13\\!{\x9f'</t>
  </si>
  <si>
    <t>b'\x13\xa5{\xdd/n\xd7\x88\x10t\xe7\xb5\x8b\x1d\x13\xf9\x0f\xee\x8d\xfa\x7f\r\x14D]\xd7\x1d\xf0\xb5\xb0\xde&lt;'</t>
  </si>
  <si>
    <t>b'hH5\xd0\xf7\xbe\xb7\xdc\xfb\x05\xc6\xc08B9\x15\x0fB\xc1\xacMI\xe9\xdc\xa0\xd1\xae\x01\xfep\xd9a'</t>
  </si>
  <si>
    <t>b'\xdd\x05\xe9\x15\xfc\xd7\x04A\xa7\xcf\xb7\xa3\x10\x0c\xa5Oh8\x0b\xde\xd3h\x8d\x8f\xf9\xf2\x9b\\\x9b\xf3\x9a\x11'</t>
  </si>
  <si>
    <t>b'\xba5&gt;eT\xee]\xccK\x81k\xd5M.\xd9,\x11\xa3\xb2\x8b\x8f\xc8\x85b\xd3@2\xf2\xa8\xf9\xad\x84'</t>
  </si>
  <si>
    <t>b'2\xa1R\xd4Lb\xcf\xd5\x9b\xcc\xacN\x9d\xa1\xf7\xbc\xeb\xcfEP\xeb\xf5\x9e.g\xe5\xe0\x00\x1e\x98t\x83'</t>
  </si>
  <si>
    <t>b'\xe4\x19\xc8\xda\xcd\x00.W\x1c\xadh\xd9J\x16\xf4L\xd5\xc1\x1e\x8e=\xf2\xd40\xc7\xedC\xe2a\x94\xd3\x7f'</t>
  </si>
  <si>
    <t>b'l^.\xab\x8b\x1c\x98Cu=\xb1\x98w\x13\x15\xa0\x1e"f\x9c5?\x0b8P\x11D\x94\xa9R\xc4P'</t>
  </si>
  <si>
    <t>b'\xaf\x1f6\x93\xd3\xc4\x07\x0e\x9e\x1f\xb4\x94\x86O&amp;\xbc\xe5\xb8\xa6&lt;\xd9%\xf5\xcc\xa0\x18\xb8\xa2\xd6\xb1\x92\xe5'</t>
  </si>
  <si>
    <t>b"\xa0\x99\xa0\xcd\x92T\xfe\xb8\r\xd0\x07\xacz7\xcc\x92\xe9\x1f\xb4\xf2\xe4'\xd8\x03\x84\x9d\xed\xdf\xfd\x04b\xfd"</t>
  </si>
  <si>
    <t>b'\xb1\xe2\xc0\xd9\xe4g\x9d\xe2\x99h\xecH\xc76\t\x81\x1a\xb7"\xd3ZQ\xb2\x18\x08\xf8\x04fi\xb8\xde\xff'</t>
  </si>
  <si>
    <t>b"\xa8a\x97\x13\xad\xcc6'\xff\x084\xfb\x8e{P\x8d8E\x7f\xb7\xeb1\xa0\x17+-\xd7\xea;\x9d}\x10"</t>
  </si>
  <si>
    <t>b'\xbb\x1b\xb1\x85\xef\t\x96\xe5\xab\xa7\x86\x19\x99\\\xc0\t\xf3\xecH\xcb\xa7\xd6\x04\xfc{\x83\x9f\xd6a\xd5\x1aO'</t>
  </si>
  <si>
    <t>b'\x7fC\xca\x8e\xc5\x08\xcc5l\xe5\xd98_\xe6 \x96L\xec\xbe5?\xf4\xf6\x81\xfa\x9b\xe7(\x18\x9d\xb2\xd4'</t>
  </si>
  <si>
    <t>b'o\x014%\xd8x\xad\xd1o\x1d\xdc\xfa\x16q\xa92z\xdf\xdfx\xb5\xb1\xba|q\x19\xaa\x92\xe3\xa7\x8b\xdd'</t>
  </si>
  <si>
    <t>b"\xf0\xfc\xd6\x9dG\xfd\xde\xfa\xe0\xa8\xb7\xed\xcf\n*\x8b\xac\xc6\x87\x87\xee\xc2\x1f'\x90\x8c\xb6\x95u{\xc5 "</t>
  </si>
  <si>
    <t>b'D\xa6P\xda\xb4T\xa1\xc8\xc5b\x12\xa2&lt;2\xb6\xc9\xce\x85\xb5(\x82\x88\xc4_\x8c#\xa8\x05\xe5\x86\xa6\xd3'</t>
  </si>
  <si>
    <t>b'\xd9\xf4x\xbd\xeci\xeb5\xfd=C\xc9\x7f\xcc\x18j\xb1&gt;\x9a\xa7k\x18\x0cx\xa6!\xec\xe9*\x07\x1a\xb6'</t>
  </si>
  <si>
    <t>b'\xed\x94\x17tw\xf2P\xf1\xe1#|\n\xb65\x98D\xe1H\xe6\x81x\xean\xde\xab^P&lt;\x8d\xf1\x8d\xfa'</t>
  </si>
  <si>
    <t>b'\x1d\x81\x95\xae\xfc\x1e{\xce\xfe\xbc\xf9\xc3L}\n\xe5w&gt;\xadO\x96\x9e\x83#t]"\xf3Y]a\x7f'</t>
  </si>
  <si>
    <t>b".\xa6}\xef=\x0e\x9b\xcc'}\x1e\xed\xa5\x02\x18-\xfb\x9e\x88n0\x02\x9f\x12RKs\x8c\xb2\x92\xf8\xc6"</t>
  </si>
  <si>
    <t>b"'\x03\x96\xfaM\x0f\xa1v\xd9p2\x8fIq\x01\xee~\xea\x14\xa6\x01\xa0N\xeeAH\x8e\x9dP\x88\xc3;"</t>
  </si>
  <si>
    <t>b'&amp;\x07\x9cA\xa3\xc8&amp;\xc3M\x97\x9db,\xd7=i\xf3\xa2\x9a\xd07\xeckYWW\xf5\x9d\x9a\x1c\xdf\xf7'</t>
  </si>
  <si>
    <t>b'\x0fN\x12~\x9c\xd8\xeb|\x97^\xe8Gs\xda\xc6"E\xc8\xbfZ\r\xd6\x9c\x1e\xa0\xa1\xd7:0\xac\xc2H'</t>
  </si>
  <si>
    <t>b'\xa3jm\xaf\xa5\xcd}Ar\xad\xd2p\xcb\xc6\x81_\xdfX\x95A/\xd9Wg\xb7?\xe7X\x98e\xf4d'</t>
  </si>
  <si>
    <t>b'Q\xb4\x10\xcb+\xe3\x05\x81\xa6\xe4\xc3f\x8c3\xdb\x11q\xc0f\xc0p\xben[\xf3/\x83_\xea\xb6?\xec'</t>
  </si>
  <si>
    <t>b"A\x0fT\x82'\xa1gKP\xe4\xd2f\xc0\xb6Dl\xbb\xecS#\xa8\x14\xbe\x88\xd0:&amp;\xfb\x9f\xfcLv"</t>
  </si>
  <si>
    <t>b'2\x9e"\x8b\x9f(*\x10\xd4\xf8\xc6\xf2\xe1V\xb8\xc3\x9b$Z\x1a\xf7[}\xd6\'\x82\x8d\x8b\x1d4%\x84'</t>
  </si>
  <si>
    <t>b'\x7f\x9f\xd8=\x04Q\xb0\xa5K\xb5sk\x8d\xac\xa0D\xf0\x11\xd9\r\xa5\xf7\x89h\x8c&lt;\x9fitP\xd3\xeb'</t>
  </si>
  <si>
    <t>b'Q]\xdcR\xdf\xa77\x8c\x02\x991\x11\x19\xda\x16\xa2\xfcd\xb3\x17\x11\x83\x80{\xabT\x86\xf2]\xa0\xad#'</t>
  </si>
  <si>
    <t>b'=~\xbe$&amp;\x8e\xe1Y\x89@p.Z\x8a\x9ch\xd7]&amp;\xd6E\xc9\xbb\x03&lt;^\xdeu~V\t\xab'</t>
  </si>
  <si>
    <t>b'_\x80\x93 \xab\x9a(\xbc@h\xfc\xd4~t\xb2\x1a2\x9b\xd8V\x1f\xbe\x9e\xa8\xed\xed"\x9d\x8d\xaa\xa3\xe0'</t>
  </si>
  <si>
    <t>b'^ci\xb4,\x10\x9a\x99\xaa\xd5,\xd8sz7\xd4]\xb4\x9bc\xac\xab\xe9Z\xf44\xc1\xf4\xb8U\xfa@'</t>
  </si>
  <si>
    <t>b'\xe3\xf9S["\xc0\x9b)\xcd6\xdd\xb0*\xc5%&lt;\xd5\xb9\xb3\xd3\xea\xac\xf7\x90\xf4\xf0h\xa5\xff\\W\xba'</t>
  </si>
  <si>
    <t>b'\x7f!\x04\xdaU\xf5#\x8d\x8c\xcb\x81\xd08_\xa2\x91e\xe7\x9f\xf0t%\xc2\xc3z\x80\xc5\xc7\xf0\xe3U\xad'</t>
  </si>
  <si>
    <t>b"\x13\x15\xfa'\xf8u\xb2\x9c&gt;p\x17h\xa7H\xc73\xf8\xbbp@\xc2\xb4)\xd0\x84\x84\xfe~\xe0\xe9AW"</t>
  </si>
  <si>
    <t>b'\xae\x01\x07\x1e\xfd:\xdc\x7f\xed\xe5\xf97\xfb\x8a6IRN[\xc4B\xd3s\xc9\xe1)\xf5\xf1Y\x80\x96\x19'</t>
  </si>
  <si>
    <t>b'|H\x9eL\x1c\xd7\xff\xc4\xe6\xf1\xdc\xcc\xb8\xcf\xe1\xff\xcb\xdevJFG+\x0f\x14oc\xd1\xaa\x17\xbf\x96'</t>
  </si>
  <si>
    <t>b'\x9f\x9dw1\xb47\x95\xea\xc0\x14\x91\xe5\xc0\x1b\xc3\xc9T\xd8CW\xa8*\x90&gt;\x93u\n\xda\xa3"\xc3c'</t>
  </si>
  <si>
    <t>b'\r&amp;\xd2\x99e\xa5G\xb0\xf6\xaf\xef\x0c\xa5\xafAR\xd1\xe4&gt;\xad\xbc\xa3&amp;J\xd8h1\xce\xc3\x1b4\x08'</t>
  </si>
  <si>
    <t>b'\x93\x11V\x93%\xd8\xbd\x18\rq=\xbaB\xe0\xf1\x10\x03a\xee?\xf5&lt;\x15\xee5.\xef^S\x9cH*'</t>
  </si>
  <si>
    <t>b'o\x03[\x1edS\x18\xdf\x8f\x98\xfb\xa6$~\xcc*\x0f\xe2\xa5\x0cm+u\xd8S\x90\x05\xbfr\xe4\xeb\x9e'</t>
  </si>
  <si>
    <t>b'\x11\x93v\xb7u\x01\xa7\x1d\xfc\xc2\x1a\xeb\x89\x8d\x8b\xc1\xe9x\x03O]\xdf\xdc\x9a\xfc\x8c\xef3\xea\xfc\x98\xc2'</t>
  </si>
  <si>
    <t>b'B\xc3\x9e\x13 P\xf8\xc2#\x91`\xcdn\xb1\xbdz\xc8\x03\xf2\x92\x00\x9f\xeeb\xfe#@\xe7+\xe4w\xd5'</t>
  </si>
  <si>
    <t>b'\x00X\x96\x19\xe5\xc4C\x1d{!\xb3\x97\nE\xa15$\x8fV\xe2d#\xa7z\x18\xd5\x15\x92\xd4\xf7\xed\xc7'</t>
  </si>
  <si>
    <t>b'\x8f\x9bG&gt;\xe3\xc0\x91v\x9d\xf6g]\x0bsB\xa3*\xbf\xe6\xe1w\xf4\x0b\xca\xa2\x17\xc9\xdb\xa9\xb3Cj'</t>
  </si>
  <si>
    <t>b'\xfa.\xff\x0b@\xe1#\xf8\x0b:\xdf\x14\xff\x95\xb3\xfa\xe3*\x90\x9d\xcc"2:\xd58\x87\xea\xef[\xa1\x16'</t>
  </si>
  <si>
    <t>b'RG\x18$Wk\xf7D\x8a\xd1\xffl\x89\xbfC\x15T\xc6G1\xd6\xba\x7f\x16\xd7\x86\xf5\x11j\x85\xfa~'</t>
  </si>
  <si>
    <t>b'\x0e\xa4m\xddI\x1d%#|\xe3Q\xffP: 6\x0b\xf9\xbe[\xf0&lt;\xc7R\xaaYC\x7f?\n*\xe7'</t>
  </si>
  <si>
    <t>b'\xea\xd11\xe2\xbag\xf6\x04\x91b&gt;O\xa9\x12\x96VZ\xec\xbb\x9e\x8d\x90\x93z\x8a\xe1\n\xc6\x1c\xa6X\xd9'</t>
  </si>
  <si>
    <t>b'\x90\xe2\xc1\x9c\xef`Dx3\xf3\n\xa1i\xb3\\\xa2\xdf\x9e\xc6J\xda\xa1\x999|c\x12\x06K\x0c\xbb\x1c'</t>
  </si>
  <si>
    <t>b"\xd1b\xca\xce\xcd+\x05\xb5\xa3\xae\x15\xc0B\xb3'N\xc4\xb5\x13\xf8\x1bjO\xa8\xc1\x1c\x7fo\xff\x92\xe2U"</t>
  </si>
  <si>
    <t>b'D6\x95\xf6\xd3E\xba\xfe\xc12\xc2g9\x13\xeak\xc0\x9f:\x00\xa33Scs\x12\xb5\xabsY\x06\x92'</t>
  </si>
  <si>
    <t>b',\x8d\x89\xe6@\xbce\xb5\xf4\x00\xf4h\x9d\xe4\x18\xe2\x14^\xa1.6\x13\xc4\x0eu\xdbl\x0chC\x0b\x83'</t>
  </si>
  <si>
    <t>b'F\xc1\xba\xb8\xe09\xc9\xd8F\xb4\xe2\xb4(\xcc\x84?\x03$\xcb@BN\xec\x1f\n:\x10\xe7\x84hn&lt;'</t>
  </si>
  <si>
    <t>b'T\x1b\xa7\xda\xe7\x91\x04\x9f\x1aSnx\x84\xe9MZ\xe2\xaa\xca\x0e\x89\x80Sn\x18\xdc-k\xe8\xbeE\xa3'</t>
  </si>
  <si>
    <t>b'\x86\x89\x98\x89 \xf9\x9d\xffN\xb4\x94U/\xa9\xbf\x1c\xb8\xf2\x97\x17F}\xbf\x1c\xfd\xde&gt;\xe0\xfa\x82d\xcb'</t>
  </si>
  <si>
    <t>b'\xd2\x8e\x15o\x91\xc4\xd3\x85\xde_[\xc1\xd4\xe6\xc6\xc5|5@Ds\xcc\xff\x9f\xbf\x86\xd5\xe6\x9b\xf2\x9e\xca'</t>
  </si>
  <si>
    <t>b')\r\x1a`\xb07\xe4\x02\x8b\xf6v\xfd\x8b\x81\xc3\xd4\xe1o\xb6\x17j\xb65V+Kn\x1a\x94Q\xc9\xb7'</t>
  </si>
  <si>
    <t>b'=rTM\xe9;H\xb1\xbc\x1d\xd6\xf6$^\x8b\xf5\x1b\xf8_F\xb7\xc6\xac\x8b\x85\x0c\xf2t\x83\x9d?\xc5'</t>
  </si>
  <si>
    <t>b'\x00\xe6}5O\x90kF{\n\x85\xdb\xc9O\xa0\x7f\xa8\x91/!\x08\xa7\xc5\xf4\xf4\xdbLT \xec.N'</t>
  </si>
  <si>
    <t>b"\xd5 \x16n\xfc\x03+\xff\xc7[\x9e\x80\xea\x0e#\xf28\x12\xb7\x02!\xd3@\xfd|'\x1e\x0b\xdccc\xc1"</t>
  </si>
  <si>
    <t>b'7f\x0c\xab\xf6\xab\x99\x91\xb0\xce\xfb|\xbb6\xf9\tp\xf8%\xd7\x8ft^^\x1bdo\xe5y\xd1u\\'</t>
  </si>
  <si>
    <t>b'\x9c\xcc\xff 5Hn\xdb\x1eF\xf3\xaf\xe4\xbe\x06-\xc5f7\xad\x96\xa2\xc3\xbb\x9e\x02\xc5\xcc\xbbD\xba\xf7'</t>
  </si>
  <si>
    <t>b'\xc4\xc2\xf7\xb0=lw\x13j\xd3\x12\x1e?\xfc_\x05\x14\xf9\xe0\xa6wP\x03x7_\xc0\x17\xf4\x17\xb8-'</t>
  </si>
  <si>
    <t>b'\xab\xc7\xb8&amp;\x8a=\xd1\xc7v\x03\x7f\xbe\x9a\xeb\xabKF\x04E\xf4~\xdf\xce\x882\x01\xd1M\xd5vs\x0b'</t>
  </si>
  <si>
    <t>b'J\x14\x04t/\xa1\xf7\xb9-7\xe8\x9a\x10\xe9\xe2\x1e\t\xd7\x94\x899zO\x88\xa3\x15\xab\xa8\x004\x84\x9f'</t>
  </si>
  <si>
    <t>b'"*\xfe+"e\xf2\xc0\xf4\xb5\xebE\x1et"\xa3\xc5\xd0T\xbc\xc9\xbc\x04\xc64U\x8e\x9e\x1a@\xdf{'</t>
  </si>
  <si>
    <t>b'L\xef\x8b\xc7\xeb]\x07\xdd\xadK\x11\xfb6\xfb#\xa9\x18Y\x9a\x81$;\x907\xbe\xa5{9\x19=8W'</t>
  </si>
  <si>
    <t>b"m\x8eS\x19\xb5\xbe\xdf\x16\xa8\xfe\xe0\x0f'\x18\xe3\x84%V\x12\x0e(\x8b\xadS\x9e\xf2\xb2\x83p\xc38#"</t>
  </si>
  <si>
    <t>b'a\xc8\xc4\x02$\xbeaEQ\xaf+\x88\xf8\x1f\xc6\xff\xf5\x82\xb6\x13U&gt;\xd8)\xba\x8f\xad\x07y\xf0$\x8d'</t>
  </si>
  <si>
    <t>b'-\xf7g\xbc\x16\xbb\xb8\x89\x05nW\xe0g~\xa6W\xf8D\x9eU\x05\xba\xe7\x91\xa36\xabb\xda\x0b\xcb{'</t>
  </si>
  <si>
    <t>094xx</t>
  </si>
  <si>
    <t>b"f\x944\xb6\x95\xcb\x81(&gt;$+\xe3g\xdd\x84T!c\xc1z\x00\xd6\x9b\x06k\xeb\xca\xc04N'a"</t>
  </si>
  <si>
    <t>b'\xb2p\xe3_\xc6\xc2\xe6\xd3%\xda\xa7\xd1\xa2h\xc9\xb3\xc6\xd02\xd5\xc8y\xc6Q\xd3\xc3\xa6tM\xc9\x19\x81'</t>
  </si>
  <si>
    <t>b'\xfe\t\n&gt;\n\xf7\x16\x024\x7ff\xa0\x01\x05\xc7cR\xfa\xfbs.a\xbd\xa6b5&amp;B{\x1c\x8b\xce'</t>
  </si>
  <si>
    <t>b'\xd0\x12\xd3\xb2\x8d9\x10\xc7\xf1\xb2d\x82k\xba\x12\x96X\x86,#\xf2\xf8F\xad\xa1\x98\xc6v\xb8\xbf\xb7\x9b'</t>
  </si>
  <si>
    <t>b'[\x93\xfb\xec\xa5A\xd2\xb2zj\xdc\x7f\n\xac\xd9\x1f\x06\x10X\xdb\xf4i\xe9\x8cl=?\x00\x93\xe1\x7f\xc2'</t>
  </si>
  <si>
    <t>b'\xf7Q\xab\x1a[\x97\xf7\x8fW\xe4E\xef\x04\x9a\x17\x0bF(j\x82e\xcd\xad\xe0\x9c\x89\xed\xa2\x8e\x14\x15\x97'</t>
  </si>
  <si>
    <t>b'th\xa6\x1d\x81\x88*0\xee[\xc9\x0e4\xab\x92\xb4\xaa\xdeWYZ6\xcdD6u\r\x88\x89\xcc\xa8&amp;'</t>
  </si>
  <si>
    <t>b'\x8b\x17\xd5\xa0\xfc_e\x02&lt;\xbc\xf7\xb5\xdbb\x8b\xbd\x10\xf3\x15\x92\x14\xacpM\x9b\xea\x9cH\xa5\x82s\x81'</t>
  </si>
  <si>
    <t>b'\xe9\xa36\xd8\x93\x95\xcb\xe4\x9d\xd7\xdb\xfdm\r\xf9N\x92Q\xed\xed\xd0\xf8\xe0S\xec}I\x9d\xe6G@\xc3'</t>
  </si>
  <si>
    <t>b'\x07\xe3\xae\x13\x996~rK\xca\x025\xe6\x99\xc1\x0f\xc8!\x7f4\xa8T\xc1\xe9\xd1\xb3\xcc\xb7\x8d\xc3\r\x03'</t>
  </si>
  <si>
    <t>b'+\xc7\xa5\xc8\xd2\x9f}\x85iz\x0fL\x9a\xa87\xd3\x93\xe7\x99\x13V\xa1\xf2q\x89\x91\xc2\xd0n\xd4\xfb\x88'</t>
  </si>
  <si>
    <t>b'\xa8dC\xba\x10\xe3v\xfdE\xe8Y#\x8a\xdf\x85?\xe9\xe9U~R\x04\xa0\xaa\xc1]\x97J\xe2%t\x7f'</t>
  </si>
  <si>
    <t>b'\x97\xb7\xb5qpZ\xf2H;D\xbd\x1f\xfad\x13\xdd\xc5#WlyG\xb7}Z\xd9\xd0\x18\\J\xcd\xd2'</t>
  </si>
  <si>
    <t>b'y\xdb\xa2b\x1cz\xdbN.\xe0\xda\x8d\xf1l\xa4\xc6\x03-r\xb1\xa4\x82\x88=w\xe1d\xa5\xb1\x00\x92+'</t>
  </si>
  <si>
    <t>b'\xc8,b\xd9\xb4M\xe6(|4\x07 Zq\x1e*\xcb\xa2\xf2\xa6\xb9T\xd4\xcb\xec\xd6U\xc2\xc3\t\xd2\xdc'</t>
  </si>
  <si>
    <t>b'[\xdeg/\xd9\xc3\xfd\xa9!79(\x9b\x9f\xb6\x13\x1aA\xf1\xf1\xb4\xe2?\xf6:\xf27\xa1\\l\xf1i'</t>
  </si>
  <si>
    <t>b'z@U#t\xa4Rt\xc4&lt;\xf5\xba\xd4e\xb8\xfe\xf3\x8d\x81\xd3\xdd\x9a\x8f\xfd\xc6\x92h\x1d\xb4Sp\xef'</t>
  </si>
  <si>
    <t>b"\x04\x16\xf6Um\x9d\x12'Xo\x97\xc2\x02\xe0a\x83\xa3\xa7t\xe9^C\x8b\x12\xa8pB\x1e\xb5\xfa_\x1e"</t>
  </si>
  <si>
    <t>b'b\xd4\xb4i\xd2s\x89Fg\xef\x8b\x11\x0e\xe7\x18^F\x85X\rv\xe1G\xc5\xe3\xfds\xe5\x89GS\xa6'</t>
  </si>
  <si>
    <t>b'\xc4\xe2\x05OW^\xb9\xef\xa9;\xf1\x0b#[\xfb\x83D\xc3\xedbcLy\x9a\xfa\x13\xe8U\x81\xdb2p'</t>
  </si>
  <si>
    <t>b'\xfc\xbf\x0fbZR!\x84\xfd\xe6\xa9\x93\xb5\x1aS\xb1;\xc2#\xcb%\r\x17G{\x18z)\xb5G\xae5'</t>
  </si>
  <si>
    <t>b'\xef6\x11P*\x12\x92^\xee\xe19\xfb\n\x95\x9f25\x8d\x8a\x83o7\xd1 \xfa\xab\xa2"\x13\x0e\x7f\xa7'</t>
  </si>
  <si>
    <t>b'\xae7vc\x05S\x114_\r\xcc\x01O\x1e\x84\x83\x13\xff0O\xae\xef9J&gt;\xda\xf3\x96\xdc\x1f]\n'</t>
  </si>
  <si>
    <t>b'~\x14%\x0b\x87p\xc4\xe1\xdaG\xe5 \x08#\xe0\xfc\x0c\xd4[\xc4\x03\x80\x0e.(\x9cZt\xf0M\x0bx'</t>
  </si>
  <si>
    <t>b'\r\xcd\t\xa4\xd8\x8c]\xa57iHPZ\x810\x01\xffH!=\xdf\xf9\xcd\x80\t\xb9zy\x1cll\xcf'</t>
  </si>
  <si>
    <t>b'\xe2lE\xed\xd9E\xbc\x92\xc0\x1b\xeb\x87c\x91\x8b\xd8\x0fF\xac\x9c\xa2B\xd9\xff\xef.\x95\x99 ?\x00\x03'</t>
  </si>
  <si>
    <t>b'\xeb\x8f`\xfbrQ\x85w\x8f\x0f@\x8e*=\xf1mq\x98sW9*Ss\xc0\x99\xba\x86\xcfX\xe3\x8a'</t>
  </si>
  <si>
    <t>b'\x13-\x14&gt;\x17i\xcf8\xc8\xbf\x90\x88\x9d\x10~\x96A\x9f\xcf\xf4\xf2\xc2\xfa\xe4\x00\x90\x17\xf3U\xe6_Q'</t>
  </si>
  <si>
    <t>b'g\x13-\x86\xc2&lt;\x11\x13\xfa\x918ev\x96M\xb3\xb6\x7f9P\x97\xb5\xab\xba\xbf\xbdu\xed\xa5\x98\xa2\xba'</t>
  </si>
  <si>
    <t>b'.\xd2\xaa\x04\xc4\xf7\x16|\xd7\xdfttj\x10\xa1\x1d6\xbb3\x86\x1eP\xb6\x9dt!n\xf5_6\xb1K'</t>
  </si>
  <si>
    <t>b'\xbe\x04\xfe~.\xf4P&gt;\xbdL\x8f\xd6\x97\x80w\xfc\x00\xf4\xe8j\xd5)\xf9\xe7On\x01q9 Z$'</t>
  </si>
  <si>
    <t>b'\xacLgL^\x0c|w\x8c\x8a$\xea\xb4\xe1uNU\x88\xad\x9f-\xf4[\xd4E\xcd\xfc\xe2\x7f\xf4\xad\x89'</t>
  </si>
  <si>
    <t>b'5\xd4V\xa3\x90\xb4\x1b\xb48\xb97\xeb]\xd5\xc8\\\x9b&gt;\xda\x1b \x84-\xe6F\\+Qu|\xee&lt;'</t>
  </si>
  <si>
    <t>b'\xedl}C\x7f\x8e\xd5\xc1\x1c\xe4\xd4|\x93\x13\xa1\x87\x8d\xe7\x8e\xb3\xf7T\xd4\xb7\x1b\xfbJ\xc4jQl\x03'</t>
  </si>
  <si>
    <t>b"\n2\x1b\xd5\x05\x9a#\xb4\xce\x01\xa7\x06\xa8\xb5\xa4\xdb\xa2\x96\xbb[|\xe7\xd6'8=\x91\xb5\xfa\x99\xd5i"</t>
  </si>
  <si>
    <t>b'd\x90vVY@(\x978%\xfcO\x07\x91\x96\xd5\xae\x94\x80t\x04v\xbe[\x8c\xac\xec\xec\xe1\x98\x81\x87'</t>
  </si>
  <si>
    <t>b'\xffU&gt;\x1fle\xb1h\xc3\x81|\xb0\xc8:\xc8\xe7\xa2"]\x1fA\x94\xa0M\x90\xe1\xea\x0c\x84;j\x83'</t>
  </si>
  <si>
    <t>b'2[\xfe\x9a\x9bP\xe8\xf3\x9aO\x91/\xbd\xa5k\x17\xbc \xf2&gt;\xf5Y0\xe9\xcc_\xa9\x10\xf4\xdd\x07\x04'</t>
  </si>
  <si>
    <t>b'.A(!\xa1\xbcg\xe3u\xc6\xb10\\A2\xbd\xc1\xa3\xf28\x03\xca\r3\xdd&lt;\xb7}\xe3\xd2\x0b\xc5'</t>
  </si>
  <si>
    <t>b"\xb4\xc1\xdf\xe7\n\x11'\x80$\x812\x84R\x02\xd2\x13_\xc5&lt;\xee\xe0\x1a\x13m\x9f\xfcBL2\x03\xb1\xa3"</t>
  </si>
  <si>
    <t>b'`~\xcd\xc8\xd8\xb5\x96\xc8\xfd\xfcfF@\x91{\xbf-\x11\x80\x7f\x00\xe1&lt;p\xc3#/%\xa7\x05\xe4\xc9'</t>
  </si>
  <si>
    <t>b'\xa5\x88l\x9c\\\xf2&lt;&amp;\xf7`\x98\xd0\xf5^!\xd8\xa2\xb3\x02\xe8I\x93\xeby\x11\x82\xae\xcfV\x19\xee\xf7'</t>
  </si>
  <si>
    <t>b"\xf7G\xbb\xf3\xac\x92\xf7K$\x18\xef\x99'k\x05M\x08[\xdb\xea\xd2\xb1\x9f\x84r\x131\x04t\xeb\x89\xe7"</t>
  </si>
  <si>
    <t>b"\x99\xba\xdd\xf4s\x87\xd81j\x0e\xcf\t\xf4\xa3\xe7\xe8\xa7\xb4\x7f\xda\\\xf0\xb93'\xb6\xc3\xb2\x07\xc8\x82\x95"</t>
  </si>
  <si>
    <t>b'\xb5\xe2\xd7\x1e\xf7\xb1\x96\x9e\xea\xa4t\xf9\x04H\x14n\xaeP\x96\xa4\x9f\x00/\x1a\xe6u\xb54\xd1\xf65\xdc'</t>
  </si>
  <si>
    <t>b'\xb8\xc0\xd1\xa4\xd5\xabWt\xff\x9c+\x02\x1de\xd4~\x91\xc5\xb61\x07\x96EB\xcc~\x0bbi\xd8\xd9W'</t>
  </si>
  <si>
    <t>b"~\x8d\xf0d)Wr\xed\xafW\xabd$\xd6\xf5';\x15@\xea\x9a\\!\x9dJ\xe2R\xd6\xfat\xda\xfe"</t>
  </si>
  <si>
    <t>b'd\xd1\x0b\xae\xa6\x89i\xb7i\x97Dk\xe1\x1co\x9be\xa8,js\x9d\x15w\xdd\x93\x82\x0cN\xd1\x0e&amp;'</t>
  </si>
  <si>
    <t>b'\x16;\xb1\xc6\xd9W\xcc\x84w\xab\xe2\x7f\x9a\x16\xe8(\x1d\xea\xbeh\xe1\x1b\xa8\xb33\x10]I\xdf\xadr\xb7'</t>
  </si>
  <si>
    <t>b'\xac\xaabZu\xff\xccG]\r@\xb8\xfb\x87\xda\x9e\xbd\x18\xcfB\xb5,\x8aY{\xb7\xaap\x9d{\x08\xa5'</t>
  </si>
  <si>
    <t>b' \x84\xd4\x05\xe5\x96\x13\xdc\xcd\x97;\x90\x99%s_O\xcd\x9cR\xfc\xcc+t~5jO\xa8\xb6(i'</t>
  </si>
  <si>
    <t>b'\xbd\x10\xa3\xe3:\xf8l\xad\xd2X\x88\x1d\x1b\xbb\x0f\x89\xea=[\xb3G\xe4Qi/&gt;\xb5\\\x94a3r'</t>
  </si>
  <si>
    <t>b'\x13\x1f\xe1\x18\xa8\xc8\x83@9\xf6Cp\\\x7f\x8b\x142l\xfc\xe1.i\xd7\xbb\x8d\x1dA&amp;\x19\x0cZ\xc0'</t>
  </si>
  <si>
    <t>b'\xf6w\xf9\x88\x17\xb3\xd8\xca|\x89\x00}Z\x15\x99\x19\xa7)\xda\x96\xd9+B\x01\xd4cK&amp;\xd6jkT'</t>
  </si>
  <si>
    <t>b'\x8e\x1f\xf0&gt;\xf9=\xb8\xe2\xb4F0B2\x8e\x95]\xacV\xa7\xf4\xe2\\\xbc\xa5\xb3d//\xa3\x00\xcb}'</t>
  </si>
  <si>
    <t>b'\x1c\xf0\xb9\x1493\xben\x02\x8d\x04\x0f=d\xdc_\x19C\x13\xdd"s\xfc\x7f_\xa2\xc4\xc4\x8b\x8a\xcfo'</t>
  </si>
  <si>
    <t>b'\xfb\xfa(!\x88L\xc1\xd9J.\xdf\x82\xd4\xca\xbc\xc6F\xd2\x1b\x19:`\xcf9\xb5\\\xa3\x98\x14\x1e\xce\xee'</t>
  </si>
  <si>
    <t>b'\xc7\xef\xe2&gt;\x99w\xa0Fb\xc7\xca1\xeeB\xb5\xfat/\x13\xeb\xde\xb5\xa9&lt;J\xbd\x83A\xabD\xa9e'</t>
  </si>
  <si>
    <t>b"\xbe\xee8/R\xdf-\xd0|C\xcaPD*&gt;\x82\x0e\x81\xf7d\xcb\x88\x80\xe7'\xd4H\x0cc=\xd1C"</t>
  </si>
  <si>
    <t>b'M^\xdc\x08\x82\x1cc\x82\x98\xb8\xe5\nN\r\x8e$\t\x8c\x14\xe78\x88\xea\x88M\x82cO\x9f\x00\x9f\xf0'</t>
  </si>
  <si>
    <t>b'r\xeeeb\xa2QpfIr\xd0$,\xb8\xb5\x17\t\xcf\x03\xac\x1b\x1e/\xf8\x8br\x84M\x01\xeb\xe6\x02'</t>
  </si>
  <si>
    <t>b'\xe2\'\x8f\xdc\x03\x95\x82\x18\xc8\xdd3\xe7\xe26\xc7\x7f\xc6\x020K\x14\x8d\xff\x1a\xf5"\x8b\xc5#\xaa&lt;\xa7'</t>
  </si>
  <si>
    <t>b'.x\xa6{\xa6\xb0R{XV\xfa\xad\xf0M\x00\xe7D\x05\x13\x07\x11aCi\xb4\x1b\x9fg\xda*\xa9\xbf'</t>
  </si>
  <si>
    <t>b'p&gt;\x08\xb8\xcb\x87\x16\xe0q#q\xf6\x04\xc8\xb5\x9c\xbf\xbf\xee\x03\xbf\xb5=;\xbc\xc2.\x8fqp\x7f\xed'</t>
  </si>
  <si>
    <t>b'l\xf4\xafM@\xb8?INd\x94:\xa5\x1f&amp;\x15\x95;kB\xc9\x1e\x0e\x11\xc8\xa2&amp;U\xaeg\xcb\xe0'</t>
  </si>
  <si>
    <t>b'\xaf\xe2+ \xfb\xbd\xb6\xef\x8fR\x17$\xa3A\xfe\xcc\x8d\x8a*F \xbcz\xda\xb9\xca4\xe1\xdc\xbcS\x08'</t>
  </si>
  <si>
    <t>b'\xafx\x0b\xce\xa7\x8eR D\x9c\xeb\xf4\xabE\xe0w\x98z\xc4]\xa5!\xb4UM\xfaE\xddE\xc9\xef\x8e'</t>
  </si>
  <si>
    <t>b'\xf0\xb2\x80d\x1at\xa5U/\xd6\xc22\x07\x01:\xd9\xc6\xa2\x97\xc0]\xb6\xc1\xe6\xdb\x06\x8a?\xaa\xcd\xe3\xf2'</t>
  </si>
  <si>
    <t>b'z\xd1v\x9c3\x08\xb4-\x8fIe:\xdc\xd7\x816\xdc\x19\xe6\x1f\x933@2|\x9bq\xf7\xbc\xe4\x90j'</t>
  </si>
  <si>
    <t>b'\x08\xf3\xcd\xb8XHnm\x8bt\xdc\xa06h\x84oW&lt;\xaa\xc3k\xb5\xfc\x93YS\xadf\xd6w\xfb\xdb'</t>
  </si>
  <si>
    <t>b'\xabkP\x95\r\xee\xd4\x94\x16 \xe6\x8f\x19_\xe7\rj\xa5\x1e\xd1V\xd7\x17\xd6\xcf\xf7+ \x9c\xdeG\x98'</t>
  </si>
  <si>
    <t>b"hT\x87W\x86\xdd\x8b]\xdcn\x1c\x95\xc2\xfaFv\xf58V'\x86+\xac\x18\x07\x80\x08\xa9\x8b\xb7\xd3\x9b"</t>
  </si>
  <si>
    <t>b'L\n\xa5j~\x14\x8e?\x0c\xe57\xf7\xac\x06\xc9\xceI8\xa4\x0c\xc4\xe5&amp;x\x9f\x9d\x91\xcf\xc6\x11U\xcb'</t>
  </si>
  <si>
    <t>b'&amp;\x05\xf3\xcb\xf3Qe\xfb\xf1\xdcr\xc1\x19\n\xab\x85,\xf0\xb6\xd8KS(\x9aF:G\xd1\x99!?.'</t>
  </si>
  <si>
    <t>b'\x89Xy\xff\xf4S[\\&lt;\x80\xfc\xc2\xech\x06\xa7\xb7\xb8\xe3\xc4\xbe\x04\xc9nt\xc4\xe3\x14\xdb=g\xc7'</t>
  </si>
  <si>
    <t>b'\x11Z\x19Z=\xc1B5\x97\xcb\x90\xee\x86\xe6AA\xec:\xf9n\xaa\xd9Q\xc7z\xdc\x01^\r\x9f61'</t>
  </si>
  <si>
    <t>b':9E\xf9/\x17\x9f0\xd0j\x84o\xa0\x06\xab,&lt;\x91\xa8G\xe1S&amp;g,Fn\xd0\xdb\xe0\xd3\t'</t>
  </si>
  <si>
    <t>b'}\x9d\x00+\xcdz\xf6K\x8e\xe5\xcd\xbf:q\x80\xd14\xc0]j\xf2\xde\xf7\xcb\xaft\xa5T\xe4\x87{&gt;'</t>
  </si>
  <si>
    <t>b'\xb1\xa79\x80\x1e\x0e\xff\x90W\xd1\\K\xd12\x1buW\xa7\xcd[\xf6\x9e\'\x02f\x17B\'"\xc8\xa3\x8e'</t>
  </si>
  <si>
    <t>b"V\xca\x9d\x05\x85\x84\x8b\xd3\xd8\\\x1e\xaa\x80\xe0'\xb7E\x17\x13\xaa5\x1d\xd0m)WK\xc6\r\xf9-z"</t>
  </si>
  <si>
    <t>b'\xb5e\x1dH\x07\xed"\xf5\xca %\x828\xb0I\x9cj\x1f1\xc97\xa1\xcf\x9a@O\xf9\x97G\xd4W\x1e'</t>
  </si>
  <si>
    <t>b"~\xc9\xfe\xd4\xc7\xc3\x06XCBK\xa9S\xc48\x1c'N\xb3\xff\x0e\xa0\x84\xa5\xf8\xb6\xb3\xac?\xb1\x93\xe5"</t>
  </si>
  <si>
    <t>b'4h\xe5|\xa3\x93\xa3\xbd\x8c\xd7\x17\x93\xf8\n\xd1\x85\x10\xe5\x0e\xae^\xd9\xda%\x7fO\xb9\xed\x98\xe2\xc8\x8e'</t>
  </si>
  <si>
    <t>b'p\xf8\x83N(;\xe9\x14\x96\xb4\x91.dP1.I\x9d\x19\xec\xd4O\xf8&amp;\xbd\xfd|\xc9Y\xa8\xf7\x14'</t>
  </si>
  <si>
    <t>b'\xfej_I\x03\x98q\x0e\x8f\xd8\x919\r\xcbiK#\xdb\xc63 \xf2\xf3\xe4\xe6\x8b\x1f[(\x88\xa3\x19'</t>
  </si>
  <si>
    <t>b'Y\x93z\xe8\xe8M\xb2\xa3\xa54\xd4\xb7\xd0S\xfd\xa3r6\x9c\x89\xe0\xca"\xc1\xcf\xb4\xe4\xfe\x07^\x0eD'</t>
  </si>
  <si>
    <t>b'J L\x8c\t\xf0\xf7\xf6\x10\x08\x1e0\x9d7\r&amp;\x93\xc2\xe7\xe5\x8e\xe5\xbde7\x98\x13\x8d\x18tg_'</t>
  </si>
  <si>
    <t>b'\xae\xb7-\x0e\xbb\x1bqwU \x04\x85\xdcL\xabmK\x81\xce\x82l\xaa\x1b\xf7pl\xed.V\xfb\xf9\x0f'</t>
  </si>
  <si>
    <t>b'\xd3\xe6\xde\xda\xb5\xdf\x9fX\xa1\x1d\xb1\n\xf0H\xf7P\xc4\xc1m\xa0cq\x9b&lt;_&amp;\x8ay\xad\xd8\xd88'</t>
  </si>
  <si>
    <t>b'^"\xe0[\xccBKj\xb5W\x88\xadR\x13=t\x00\x8a|I1\xf6\xbdN\xd0\xf0\xe2`!Q\x1f\x16'</t>
  </si>
  <si>
    <t>b'\x10\xd0\xd0"\xce\xb9\xe2\x84C\xb6\xcd\xd0\xc1\n\xd0\x92\xdc\xbaI\xdfk\x1c\x9a\xd4\x1d\xb2\x11\xb3\xaa\xa4Q\xc8'</t>
  </si>
  <si>
    <t>b'c\x94\x7f2[\x88\x82O\xa2i\x15\x8e\xbb!"\xff\xdf\xc2\x8f\xc3\xd8&amp;\x80\xbf\x86\xe4\x9f\xaa\xc1#\xe2q'</t>
  </si>
  <si>
    <t>b'\xc49\x00\xdf\xacUO\xec\x10v&lt;\xb6\xa2\xa5+4tH\xa4r\xf4\xeb\x1b\xf5Zr\xc0\x89\x87\xb4\x14\x88'</t>
  </si>
  <si>
    <t>b'\xc0\xe9Om\x0c\xf7\xc5\xac4\xbcx\xfa\xd1K\xd1x\xb40\xae\xb2\xa9w\x9b\x9c\xffla\xcf\xed\xb8\x91J'</t>
  </si>
  <si>
    <t>b'!P\x19=\xf1\xa7y\x9d\xff[\xdeo{W\x826\x8eh\xc2.*\x10\x82{\xcf\xee\xef\x87u\xb1\xb9\xd3'</t>
  </si>
  <si>
    <t>b"\xfca\x05\x1e\x0bY \xbb\x1b\xe7\xec'\xdev\xc5\x01\xd6\xdf\x14u\x8aU\x1e.` \xf4\xc2\xdfo9X"</t>
  </si>
  <si>
    <t>b'\x0f] 0\x1ft$\x9b\xa9\x17q\x87\xe0\xa9\x00\xe1\x8c3\x98\xb4#\xa3\x0b\xb8\xa1\xd0\x9f\x82\xdas\xaf\xf7'</t>
  </si>
  <si>
    <t>b'\x109\x88\xfe\x05$AGv\xde\x9dKg\xb6Q\x9f\xf9\xfb\x95\xe1V\xbf\x95h\tk44{\x83D\x90'</t>
  </si>
  <si>
    <t>b'\xbb\x992t\xcc\xbe6\xbf\xbe\x8f\\\xa6\xdf\xd3@\xfe\xa2&lt;L%\x1f\t?\x9f\xbf2\n\x9b\x85\x06\xd0\x10'</t>
  </si>
  <si>
    <t>b'\x1dl\xc3\x8fj\x99"N\x1c\xcb^\x1bH\xd0\xf4@i\x83(\x13\xe1\xb2\xcdt\xdc\xfc\xf9\x9d\xfd\xcb\xe9\xfe'</t>
  </si>
  <si>
    <t>b'k|\t[2\xffuXy\xbc\xc4uI\xa8`h\x8b\xd0-a\xbf:\xdf7\x1b\x7f\xf8G\x99y\x90\xe9'</t>
  </si>
  <si>
    <t>b"\xebr\xd643\x13'+P\xad@}\xa3fJRy\xb3-\xee\xbax\xc9\x1aO\xfem\xb1\x9d\x1d\xe9\xa0"</t>
  </si>
  <si>
    <t>b'\x98\xc0\rw?63\x95\xe4\x08R\xc8\xb5\xf8t\x9e\xa7\xee\xc3\x0c$\x8dHn\xaci6\x9a&amp;\xf1\x17\xde'</t>
  </si>
  <si>
    <t>b'\x1c\xa3\xdb,Ek\xe4R\xf2\x16\xe3wv\xc9\xb9D\x9d\x89\xc7\x82\xcd\xd4\x80\xa8\x16\xe1\x18\xae\xcd\xdf\xd5\xa3'</t>
  </si>
  <si>
    <t>b'\x94{c\xabC\xf4itH\x852\xd1&amp;\x1a\xdeb]\xfdz\xa1]%\xb9\x978H\x01)\xae\x98\\\t'</t>
  </si>
  <si>
    <t>b'\xb9\xefX_\xc1z\xf8_H\xa2DF\xe5\xb73l$(\x91p\xef\xf2\x9f\xd0\xc8\xba[\x18;\x97Z\xe8'</t>
  </si>
  <si>
    <t>b'\xbe\x98\x97\x05j\x85\xe8\xa18\xdb\xe8O\xbb\x0c\x97\xec\xc3]Y\xb9~\x05\x04\xfb\xa0\x85\xa8\xecm4\xda\x9c'</t>
  </si>
  <si>
    <t>b'u\x0f\xa4tI\xb4p\x0e\x7f\xe5/\xb5\xd0\x87\xab4\xe9K\x97Yx\xbba\xa8\x96\x97\x99~1.\x1f\xb4'</t>
  </si>
  <si>
    <t>b'\xe8\x89\xd1\xb9\xc7\x7f\r\xa5\xaa\xf2\xad\x11\xef\xf5\x9f\xec8L\xe5\xbeY!\x96\t\xfb\xe4$L\xee\xbd\x18b'</t>
  </si>
  <si>
    <t>b'\x94\xe57\x16[\x86\x16\xe1\xb5\xcf\xdf\xfb:\xfc`\x04\x0e\xa3\x89(efr\xf6T\xf9m&gt;\xa6\xb6\xdb\xab'</t>
  </si>
  <si>
    <t>b'\x8b\x9dT\x8ad\xf7\x11\n\xf1\xe2\x9b\xad\xa40X\xe0D\x9d\xe4\xc0$n&amp;\x88ca\x87\xccJ\xf4\xfb^'</t>
  </si>
  <si>
    <t>b'\x94\x87\xdeIr\xbd\xaet:Jb55\x01\x88L\x98\x83\xd9m\xac\xb5\xd4\xf0\xfa\x9f\xeav\x19\x96\x17\x96'</t>
  </si>
  <si>
    <t>b'\x1es\xac \xc5M\xd7\xaf(\x11\x10@\xf99\x00\xef\xe46\xab\xceh\xa46\xa6\x14\xb84o`\x08\xd96'</t>
  </si>
  <si>
    <t>b'sF\xbe\xb1\x94z\xfcvg4\xc7\n\xc8*\xc0\x144\x17\xfd\xa4\x91\xb4g\xfb\xa0\x9e\xf9\x7f\xb0"*\x8d'</t>
  </si>
  <si>
    <t>b'\xde\xe4K\x89\x1d\xc7H\xbb\x8f\xd8_\xefq\x17\xdba;c\x9d\x19\xd3H\x98`[\xa7$X\x90\xeb\x1f\xec'</t>
  </si>
  <si>
    <t>b'\xe1?a\x1eM&amp;h\xcf\x8eA\r\x1f\x9bbj\xf6\x88\xf3V\x9aAK\xf3\x07\xcc9\x98R\xdf\xb9jm'</t>
  </si>
  <si>
    <t>b'\xf8\xc7\xaa\xcc\x8f$h\n\x9e\x95\n\x9c\x0e\xddX\xa9aVU\xa7\x8a\x8b\x887 \xdbw\xe4\xcc\xe0\x07k'</t>
  </si>
  <si>
    <t>b'\x99\xc4\xcc\xec\x07\xcf\x8b\xc0\xc3\xcc\x11Z7kb\xab}\xfc\xd8MZ\xf4\x94\xc5\xeb\xb15Q\xd1\xeb\x11\xdc'</t>
  </si>
  <si>
    <t>b'%3\x9c\x02,\x18}\x04\xf4\x18\xe9f\xf1\x1c\xfa\xa1\xed\xb0\xd3\xb7\x0f\xfc\xbd\x07\x10P\x99\xc5\xa6\xee\x12\x88'</t>
  </si>
  <si>
    <t>b'p\x07\x14\x7f\xdes\xa4\x04W\x901T\x8b\xe3\x88t\x04\xe4\x17r?\xd3\xa4\xa7*\xd6&gt;\xd4\xfa\x91\x05n'</t>
  </si>
  <si>
    <t>b'\xfe\x15\x11\xf3+\xeb\xf9p\x12\x1bh\xdblM\xbcV\xe2\x0e&gt;k\xf3\x01\x08IU\x1e4r{\xe9\xa1\xf6'</t>
  </si>
  <si>
    <t>b"\xdf\x84'\xfaFz\xc7\xb4\x05\xe5H\xb2f gd\xd17\xec\xd8\x17\x95\x11\xad\xb7\x8d\x92\xf2\x14\x8b{P"</t>
  </si>
  <si>
    <t>b'5%C\xa2\xc1|\xb2_&gt;\xec\xbd\x94k1w7\x10\x10\xfe\x8e\xebh!1+n\x1d\xf6\x9c\x13l~'</t>
  </si>
  <si>
    <t>b'\xc8\xf8Y\xbaJv\x97\x8e\xf2\xed\x06\xa5\x11\x96\xbd\x10\xa5A\x15\xa6\xa5\x852I;\t\xd0\xf4/R\xaf\x83'</t>
  </si>
  <si>
    <t>b"\x82\x94\x8d\xdc\x01 \x98\x1d\x05 $6\xa3\xb9\xf8g\xfe&gt;R*\x13\xad\x04AD\xbb\x93\x83\xef\xd6\x0f'"</t>
  </si>
  <si>
    <t>b'\xf5-\xc2H\xaf96]E\x8f&gt;\xa6\x00)\xeb\xe1DS\xb349\x9acB4s\xf0\xb27-E\xa6'</t>
  </si>
  <si>
    <t>b't\xb1\xd7PHf\x87\tK\xe6)\xd1\xc5\x9e\r\x03X\xa8(R}1.\xac\x88\xa7\xd5\x8d\tR\x82\x82'</t>
  </si>
  <si>
    <t>b'\xa5\x15\x9e\x82\x17w\xda\xd8\xfdH\xea\x97\xe8\x98#\x95\x10*\xc8%e\xdcsZ\xc7a{{x\xb1]{'</t>
  </si>
  <si>
    <t>b'3N8\xca\xdf\xc4\xd1G\xbe\x8e#F\xe7Z!Y\x85\xdd\xe3\x15\xfd\x9b\x12\x18\x08\xf5SX \x8d\xef\x93'</t>
  </si>
  <si>
    <t>b'\xe1\xbf\x85i\xa1\xb7\xe8\xf2\xf23\xcde\xf1Ota\x819\xcb\xb78\xc8\xd4\xaa\x91\xebYE\x81OxP'</t>
  </si>
  <si>
    <t>b'2@\xafA[eO\xdb;M\x83\x19\xadO\xa8\xb4F\xb0[\xd12\xcd\x03\xb7\xdb\xdcu*)\xb2\x84_'</t>
  </si>
  <si>
    <t>b'\x99\x87b1\xd59I\x9c2E\xb5\x82\x0e\x99\x84\xa4\x9f\xb9\xc8\xda{\x03\xa3\xe8\xd7\xe4\xe3\x9bA\xd1\x04n'</t>
  </si>
  <si>
    <t>b'XD\xd9m\x14\x98\x98R\xe4W\x88^\xc3\xf5\xea\xb5\x90\x18s5\x17_\xe8\xa7\x9cTV\xea\xfc\xbf:\x89'</t>
  </si>
  <si>
    <t>b'\x1a\xac\x17\xb3\xaa#i\x85\x86\xe8\x0fox\x11Ca\x9c\x99\xfc\x19\x0f\x85\xdf\x8d\xcc\xca\x1d\xea\x08\xbd#0'</t>
  </si>
  <si>
    <t>b'\x95\xd8\xa7\xfdO\x19\xd8|\x15\x96\x01\xd9g\xea\x9bJw\x18}\xd4\x84\xbbd4\xed\x88\x9c\x9aj\x1cU\xbb'</t>
  </si>
  <si>
    <t>b'EZNY&gt;\xa1\xd1\xcd\x9f{D\xf0\x93\x17\xc7\xa5\x86;\x86\xa1\t/\x1f\xc2\x04\x94\x89/pu:&amp;'</t>
  </si>
  <si>
    <t>b"\xd2\x9b(&gt;f\xb4fs\xe9\xce\xaaT\xd6\xb21\x15u\x0c'S\xa0\xea\x14\x08O\x81\xd8j\xa9\xa1\x9e\x81"</t>
  </si>
  <si>
    <t>b'~1Q\x9f6F\xa4b\xf8\x95Ok(D[\xc9\x02\xfa0\x88\x0b\x8d\xc7\xe2~\xf7)@\xe8\x981\x8c'</t>
  </si>
  <si>
    <t>b'\x8a\xc6\xdcLp\x17\xbb\x96.0i\xba\xe2\xbd\x9b\xe3\xb2+\x0fE\xc5a\xd5\x92&amp;\x9f\xb3Y?\xe8%\x10'</t>
  </si>
  <si>
    <t>b"\xfefJ\xeeF\x85\xd1D\xdb\x03P\x16\x08\xa6\xbf\x90\xb3\xe5d\xde\x1f\xd6\xdd'\xb0\x17QMsPs&gt;"</t>
  </si>
  <si>
    <t>b'\x1a\xf7\xd2q&gt;Z\xf2(I\r\x03\xc8\xe4\x13\xc8\x98X:4\xe3\xa0\x08\xc4\xa6\xceX\x16:\\\xa3\x86\xa8'</t>
  </si>
  <si>
    <t>b'\xe1\xbb\x01\xda&amp;8\xa4\x9cg6\xf4\xf5\xf8\x8e\xe5\xeaJT\x05\x06\xf1\xd3\x1d\xf1\xe7d\xff\n\x1f\x8b\xf2\x08'</t>
  </si>
  <si>
    <t>b'F\x08}\xfb\xc2\xf2:u\x9b\x0e\x19z!\xdd\x9c$\x10\xcb]\xc1\xce\x7f\x17T\xeb\x83\x06\xf7\xb9\xde\xf3\xfa'</t>
  </si>
  <si>
    <t>b"\x06\x18\x90\x02\x8d\x900F\xe3&amp;l\xe7bl\x8d\x97\x05^'f:n2\xddT_Vk\xb6\xc9\x1c\x1c"</t>
  </si>
  <si>
    <t>b'!\xf10(\xa2\rc\xc2\x90NE\xfc\xfe!\xe2\x7f\x017R\xf5\n\xbd\xc8!\xda&amp;\\GulqG'</t>
  </si>
  <si>
    <t>b'"U\xfc\n\xfc\xbc\xfb/\xef\xab\xc5G07\xc1\x88 \x806r\xd9\x0fboB\x14;\xa3\xa5\x8e-\xcd'</t>
  </si>
  <si>
    <t>b'\xd3\xce\x8c\xc2\xd9t\x12\x11\xf9\x9d\xa9\xeb\xa9\x8d\xb7\xc2\x11\x81\xde\r\t\x94\xe4h\xc0\x0c\xa7I\xd0\xa1\xf4\x0b'</t>
  </si>
  <si>
    <t>b'%\xbb\xcd\x9e\x01(\t\xbf\x1d\xbe\xdb"x\xb9\x0fI2\x92M\xe0Xj&lt;\xa3l&lt;\xcb\xb0\x98\x80\xb8+'</t>
  </si>
  <si>
    <t>b'\xc7\xd4\xfe\x86Q\xdb+\x9d\xbc\x91\xdb\xba\xb5\x91e\x91\x9d\xa6\x06lJk\xd8\xb4\x01\x92e\xbe\x80N\x81e'</t>
  </si>
  <si>
    <t>b'\xbd~\xec\xc3u.\xd2\xbc[3Vbp\x97\xd5\x1c\x8c\x88tjty\xffx#5K\x1d\xd1\x0fpN'</t>
  </si>
  <si>
    <t>b'\xa9KoC\xc4\x03\t\xcc\xfa8Q\xbe\x91\x05\xf6\x92D\xa2\x97\x02\x8a\rT\xef\x13\xf8I\xc1\x1d2\xe9|'</t>
  </si>
  <si>
    <t>b"h\x01&gt;J\x0e\xfd\xde;\xd0\xe0jN\xae\xd67\xe4#\x9bF\xbd\xcf\xb9?\xf2u1 'LLRc"</t>
  </si>
  <si>
    <t>b'\x00\x1e\\\xb30x\xde\xca\x04\xcdO\xea\x17\x04\x13\xf4\x84\xd5\xde\x1d\x14\xb4\xb1\xc9\x10\xf7c\xcd\xc7^`S'</t>
  </si>
  <si>
    <t>b'\xdd\xf5\x94{%\xbb\x11`\xd3\xb02t\xc9o\x14l\xe4\xd6\xf6T\xe4"dr6,?J.&gt;\x17\xa2'</t>
  </si>
  <si>
    <t>b'\x9aBkR\xa5[\x92,?\xaa\xf5\xefO\xb9\xc3\x83\xb1\x1c\xfcH\xe3\x11\xd3{\xfat\x99\x1e\xfdWN@'</t>
  </si>
  <si>
    <t>b'\xca\xf0@L\xe8\xa6\xa1\xb1\xc3\xbb7$q\xe6\x87(O\x88\xe3\x82y\n\xb0m\xc9\xc7J\x82\xbb\x15\xdd\x9d'</t>
  </si>
  <si>
    <t>b'\x98B\xafEn\xde\xb6\xe9u\xc5\x1e\x90!\xa8\xc7\x92\x1f&gt;\xc8\xbb\xf8b@/6yJ2\x82\x01\xa2\x84'</t>
  </si>
  <si>
    <t>b'\x16`^\x86R\x12\xd1M0&lt;\x8d|/\x0c\xca6\x9d\xa2A\r\x92\x1c\xc6?\xb7+\xeb\x8b0\xe1\xe4D'</t>
  </si>
  <si>
    <t>b'\x80\xfa\xc5\xca\xe5"\xa0\xd6\xe8\xa3\xff\x017\xfc\xde\x06\xb0\x89c\xf3\xdfJ&gt;\x16P2\xc2\xaf(&amp;9\xac'</t>
  </si>
  <si>
    <t>b'E\xd8 \x85\xf4\xd5_\xd4\xa4\x10!&gt;\xb92\xc9\xdaJ\xd08\xccc(d\xc4\x157\xde\x9fS\x8c"&gt;'</t>
  </si>
  <si>
    <t>b'.\xae\x85\x81\xfd\x84\xa1\xa2\xa5\xa0U\x91S\x85\x143g\xd3\xcc\x00\xa2\x19\xbc\xc6}\xc3U\x0c\x17VJ\r'</t>
  </si>
  <si>
    <t>b'w\xa5\xc5\x19\xa1\x04\x8e\r\xfbv:\x02\xd9\x93Wb-\x06jS\x04\xfb}8//\x9f\x9f\xa9\xa1\xbfR'</t>
  </si>
  <si>
    <t>b'\xed\xd4\xf7\xc3\x96S\xd9\xcf\x01FO&lt;JL\xab"2 \xe3\xf26\x96MOw\xee\\\xaes\xf5\x1b5'</t>
  </si>
  <si>
    <t>b'\xd3\xb4\xee\xb0\xda\n\xb63\x1a\x0b\x9c\xb2\x07\xb4\x12\xe2\x8fJ|\x8c\x0e+\xc0\xba\x0c\xab\x85G\xc2\x8d`\xd8'</t>
  </si>
  <si>
    <t>b'\xd8\xc6?&lt;\x16\x1dC\x89\x02\xc4]\x8b\xef}H#\x90\x95eTl\xdfZ\xa8\xd9\xef\x86\xbe\xcf0\x95\x1d'</t>
  </si>
  <si>
    <t>b'W\x1d\xc4\x84\xf3A6\xbb.u-\xcf,\xd4\xa2dO\x1c\x0b5\xb9\xc5]/a\xc0\x84*\x90\x1a\x87\x90'</t>
  </si>
  <si>
    <t>b'\xbc\xf9f\x12\xdfm\xe6\xf5\x81\xad\x9aWn\x192~\x90\x94\xcf\xae\xf3=\xaf\xfd\xf3\xdd\x9c\xa1r\xe7wo'</t>
  </si>
  <si>
    <t>b'\xd3i\xdaz"\xd2u\xf9\xe1\xa2\x0e\xc8\xe4.\xe9K\xca\x98@\xca\\-\x07\xca\x9b\xeb\x8c]\xfe\rw\xc2'</t>
  </si>
  <si>
    <t>b'\x9f\xa9\x9a&lt;\xebb\x89J\x1d\xb7\xfd\xd4\x9c\xb4o\x8e\x96\xe4\xff\xb3_#\x8c\x15\x06\xb6\xc2?)O\xf8\x1f'</t>
  </si>
  <si>
    <t>b'?\xd7\x96\x81Q\x12RP\xed\x81\xef\xe05O`dI@[\x7f\xfb\x90e\xa4*\x18&amp;\xc1\x81\xf3v0'</t>
  </si>
  <si>
    <t>b'\t\xae\xd4`#\xd4C\n\xadT\xd5\xd5\xb9\xe8q\x12\xba\xd9\xa8N\xc2\t\xc7mY\x82\rT\x92\xbf\xac\xce'</t>
  </si>
  <si>
    <t>b'Tt:\xeeE\x1c)$\x18\xf9\xeff&amp;\xe9\x16\xce0\x15:+\x1e\x94\xb3\xd4\x18J\xb7d\xc4\x1c\xb0\xc8'</t>
  </si>
  <si>
    <t>b'Lg\xddZ"%\xd4+\xc5\xa7\xc6n&amp;A\xcf\xd5\xb4Q\x81x \xf0\x17)\x8f\x9bw\xb5U\xbf(\xa6'</t>
  </si>
  <si>
    <t>b"\xf85{\xfd{r\xa3\xabQ ]\x1bK@\x89\x8f'\xe7\xb4cqj=2\x8c\t\xfa\x143H\xbbE"</t>
  </si>
  <si>
    <t>b'\x9a`J%\xc9\xf6\xd1\xc9\xea7\x9b;\x0e\xee\xfa.\xa9n\r\x8d\xbdJ1\x0f\x9cX\xd5\xca\x1f\x96\x00\x8d'</t>
  </si>
  <si>
    <t>b")\xe23\xe1\xcd\xc6\xc2E\t:\xd2\x15k\xa33\x9e\x84\xa9\x92\xab\xd3\xaci\xff\xca\x85\xdd'\x12Q\x9c\x10"</t>
  </si>
  <si>
    <t>b"?\xc2J\x82\xe57\xdb\x1e\xd1C\x1f\x81'\x0e\xd9\xec\x83i(t\x0f\xf1\xaey\xac\xa5\xe7\x8f\xae&amp;s*"</t>
  </si>
  <si>
    <t>b'E\x07\x87\xfc\xaf=\xfe(\xa4^\x04\xd1\x10\r2\x8b\x8e\xa5O@\xdb[\xf7\xff|\xf3E\xef\x91\xc7-['</t>
  </si>
  <si>
    <t>b'-tT\xebK\xa4\xe3\xca\ne\xc0\xdb\rW\xd3\x95\xe5[\xf5FW/i/\x8d\xe6\x9c\xef\xc4Fi]'</t>
  </si>
  <si>
    <t>b'\x19}\x02\x95\xad\xbdA\xffK\xc7\x1b&gt;\xe7\xe4\x08a\xce\xf5\xbe\x8d\x90\xdb\x9b\xcfOPp\xc8\xfa\x12\xf2\xf4'</t>
  </si>
  <si>
    <t>b'\x13\xc1\xfcs\x13\x04\xf6\x08"\xe40\x99\xa3\xbbi\x9e4\xe2j\x92\xc4.\xb7\xdf\x11\xc624\xd3%\xdc\xe5'</t>
  </si>
  <si>
    <t>b"\xde?*N\xb2\x98n\x95\xa4H\x10\xfd\xfd$i\xdb\xc7 bb;JK\xf7gW'M \x0e\xba\xdc"</t>
  </si>
  <si>
    <t>b'gV\r\xfaI/b\xa4\xd0$Oc\xb0{\xd5Zn8P\xf0,\x03\x03\xb4\xaa\x0eZ\xa8Q|s\x98'</t>
  </si>
  <si>
    <t>b'\xd0\xabH`\x9a\xc9m\xe2F\x1c\xe3c\xf4\x03@U\xbdG^\x0b\x9f\xcb\xcc\\Q\xa4?\xa5\x1c\x16\x83P'</t>
  </si>
  <si>
    <t>b'lj\xd8\x06\x93\xda\xf2U\xeb\x96\x96\xb3\xae\x82\x06\x1aOr\xd1p\x8e\x01\xaa\xef\xc3\x80wb\xb7a\xa3\xf9'</t>
  </si>
  <si>
    <t>b'\xc80\xfd\xeeVT\x16\xf1\rN\xf0\xa1\xc5\xbf\xfdL\xd6\xbd\x038\x87n\x0c\xd8-y\xd2\xb8\x01a\xf5\x8c'</t>
  </si>
  <si>
    <t>b'\xe9\xdb\xf0\x96\xc0\x95}:\xd7\x98Jj\x03a\xeb\x9b7\x82\x9f\x90\xc4\x91\xfd;i\x98\x1f\x8e\t\x90\x05\x8e'</t>
  </si>
  <si>
    <t>b'\xc2T`\xf2\xd3\xb1\xf5h\x9b\x879\xdf|\xfd\x8bU=&lt;\xd4\xd8\x08\xd0\xcb\xb3!\x9f\xb5\x91\x9f\\\xd4\x02'</t>
  </si>
  <si>
    <t>b'\xfbROA\xeeA5\xb9\xccW\xaa\xcd-\x9a\x11\xa9\xd2Y\xf5\xf4\xa7\xc5Z\xf6\xbe\x1b\xb9\xc9\xd6\n~\x10'</t>
  </si>
  <si>
    <t>b'\xdb\xa7p\xce\x95\xfb\x00\xce\x13H\xc7q\xd5\x9b\xe8\xd3\xd9\x01\x11m\xb8\xdcD\'&gt;v\xa9\x97\x00"R)'</t>
  </si>
  <si>
    <t>b'7`\xd7\xb3\x86\x16\xaf\xfe\xa6\xef\x829;\xe1\nK\xe8\xf1\xfb+~\xde`W\xd6\x9c\xba\x8d\x98\xf8\xdaF'</t>
  </si>
  <si>
    <t>b'bU\t\x8fb\xc7?2W\x0f\xd1\x8an\xd8\x1c\x99\x98\x85\xe22^\xad$,c\xe0\x1ds\x18\xcd\xb3\x02'</t>
  </si>
  <si>
    <t>b'\x9e\x80(Gl\x16\xdd~\xe6&gt;\x9ff$5\xa7L\xb3\x13\xb6\xf0\x0c\xba]X\x9b\xcb\xd8\xae5=\x9e\xe5'</t>
  </si>
  <si>
    <t>b'm\xc3\xf8-\xe4\xf2\xac|\xd2\xa4\xa1\xf3\xe5;\x95\xd4\x8b\\(.\xa0\x04x&amp;\x86\xd2\x87a\xe1\xde\xa6\xfe'</t>
  </si>
  <si>
    <t>b'lE\xf4PSN7\x0033\x19\x9e=\xc4k\xce\x97}\x9a\xdb\xd6\x07\xd2R\x94\x1f\xc1\x8d)V\x11\x98'</t>
  </si>
  <si>
    <t>b'\x12\xf8V\xbb\x96\xc5N\xf3\xcd\x98\xe0Ndo\x1f\x10.\xa5|\xd4&lt;G6g^\xd7\x19\x8e\x06\x9e\x0c\x00'</t>
  </si>
  <si>
    <t>b'\xef\x8d"\tJ\xd3\x0f\x05\x16\xab\xb7?T\t\x00\xb7\xf8%l\xaa\xee\xfc\xc8^,\xb9\x97\xab\x86K\x12/'</t>
  </si>
  <si>
    <t>b'\x0c\xb2\xe9\xcc1E\xdcS\xca\xf6\x9f\xd4F\xca\xfa\xecd_\xb2\xb5\x15\xe1 \x10L\\\x19\x0b\xa0S\xd3\x83'</t>
  </si>
  <si>
    <t>b'\xd8\x1d\x88\xe9l\xc2\xfe\xeaefh\xe5\xd5\x88.A\x94\x99cG4\xe9\xb91\x8a&lt;p%\xd1\xf2\x8a@'</t>
  </si>
  <si>
    <t>b'\xbee\x8d\xd7\r)\xa9\x15\xf4\x00\xd9E\xae\xa8P\xed/\xd1\x92\xf0`\xe7\xec}\x0b\xcc\x8c#\xc3\x904\xd7'</t>
  </si>
  <si>
    <t>b'\x95tp$\x16\x02.k\xde\xe7\x8d\xcb\tAy\xafj(\x1fm\r\xae@q\xe1an\xe2\xe1m\xda\x1a'</t>
  </si>
  <si>
    <t>b'\xbf\xe7\x0c\xc5\x03\x80\x87\xaf\xc3g\x15\x04\x11\xd1/\xfet\xc7\x9c[.\x95\xe0\x7f125\x84r\x95\x13\xcc'</t>
  </si>
  <si>
    <t>b"\xbb\xd1b'W\xfc\xc2\xc6\xbe\tdY\x8f\x00\x0c\xbedoo\x86.\x82\xe4\xc9\xdfIr\xa18\xa1|n"</t>
  </si>
  <si>
    <t>b'0\xb9~Vylm\xa7-k\x1e|\xed\r\xe9n\x03\x0f\x06{W\x85\xf1\xb1\x12\x8d\x87\xca\xecu\xf0\x85'</t>
  </si>
  <si>
    <t>b'd\xa2X\xaa\xdf\xf9k\x0e\xc11\n\xec\x18H\xeb\xfe\xf7P\xde.v\x9f3t\xc4\x08\xf3\x12\xf9\x11\xee\xd0'</t>
  </si>
  <si>
    <t>b"'m\x88\xaau\xdb\xd9DC\x8d\xc7&amp;\x9e\xc3?svQ!\xecC8\x11m@R\xf6`{\x178r"</t>
  </si>
  <si>
    <t>b'\xa2\xe0\x14\xcf\xd6Z\x8d\x87\xf7\xf9\x97\x06\x01\xc6\xb7\x93I8\x83\x04e\xa2\xac&amp;&lt;\\,\x01-\x87\x91\x86'</t>
  </si>
  <si>
    <t>b'_B\xc2$oe\xf1\xfdx\x93\xe9\xb4\x91\xa48\xbc\xf9\xdfXU\xb7\xa0&amp;X\x0cY\xb8*0\x9b9\xe1'</t>
  </si>
  <si>
    <t>b'{F\xaf\xf3g3\xa3\xaf\x02\xe4Li\xf4\x83\xe8\x1e\xba\xffvf\xe3R\xaf\x85o\xa1\xce\xad\xfbR!\x07'</t>
  </si>
  <si>
    <t>b'\x89\xa9\xa6RY7\x90\t\xa2\x9d\x1c\xa2\x8f\xdd\xb3\xb1 3X\xc3Z\x12\xea\x19\xb6"\xea\x85\xa7\xc8\x15\xfb'</t>
  </si>
  <si>
    <t>b'r\x9e\xeb\xed\xce\xa7\xdc\x1eGY\xc9P%\xece\xfbA\xf6&lt;\xd8\x00\xa3\x8e/\x05\x84\xe1#\xabc"c'</t>
  </si>
  <si>
    <t>b'.h\xb4/\xc4\xc3\x94H:Q\x92\x1a\x80\r\x80\x96\x01\xd3\xa5\nT\x92\xe7\xd9\xdb\xd2\x89s\x83\x1ak\xdb'</t>
  </si>
  <si>
    <t>b'\xad\xc1\xa3W\xcc\x19\xd4\x95\x97.)\xcc\x13\xceSU\xc5\x8b_\x04\xc0h\xf2\\&lt;\xf3\xa0\xdd\x03\xc1D\x0c'</t>
  </si>
  <si>
    <t>b'\xf2\\=V\x13oN\x0cH\xa5\xbc\xac\x84\xb7\xa9\x0f\x06M\xf0\x10\t\xd3\xc95\n\xcf\x1d\x87\xce\xc0\x0e5'</t>
  </si>
  <si>
    <t>b'\xd3\xd8Lt\x88\xeb\x08\xbf\x8b\xfaM\xae\xea@|\xb3\xa0*\xf0\x01\xe8z\x14n\x8b\x01\x0c\xc2\x08\xc4q\xaa'</t>
  </si>
  <si>
    <t>b'\xe4u\x86"\xdf\xa0O\xc4\x02\x86hM\x95y)\xe5$T\xd2\xf8!\x94p\xca\x07\x12 \x02\x19\xb3oF'</t>
  </si>
  <si>
    <t>b'r\xec\x0fr\xcd\xd9\xbef\xbep\xe2\xa1\xac]"\x82&lt;\xf7\'\x85\x0c\xc5\xc6M`c\xd6\x98\xb0\x08\xe8\r'</t>
  </si>
  <si>
    <t>b'\xf6\n\x8dN\xbaT\xee\xab\x9f&lt;\t\x8c\x82i\x17\xe4\x05\x82\xfe\xf3|\xb59\xf88\x9f\xb1\xef\x19Q@\x93'</t>
  </si>
  <si>
    <t>b']\xb1\xd4\xae\xa7\xa8\xee\x96!\x9by&gt;\xe8\xdc\xd4\x89\x01d1\xb1(\x0ch{H\xd9\xce-\xbe\xa9\x13\xe3'</t>
  </si>
  <si>
    <t>b'\xc3\x11\xf4M\xb3+\xf5\xd9P\xf0\xa8`\xa2\xa7\x02H\r\xc3\x07\xf7\x08\xfd\xd0\x8c\xc7\xd7!sCRGs'</t>
  </si>
  <si>
    <t>b'\xbc\xd0/y\xf3so\xa1F\xe7\x8bK\x1d\x86\x95\x1f\x87X\xe3\xda\xba\xbeM\x0c\xf6\xf9\xabA\xc6\x01\xd6\xe2'</t>
  </si>
  <si>
    <t>b'\xd8\x0e)\xb0\x16y}\xca\xafWRR\x19\x94\xfeH\xd5\xde\xcc\xe3\xda2\xd9\xc7n\xbd\xeb4\xac\x1a\xa0)'</t>
  </si>
  <si>
    <t>b',\xac\xd2\xef\xc7\xc2\xc2=\x11\xe4\xdc\xd9\x1a\x15\x9c#D\x83\xdc\xdd\xe6\xb2\x03\x82Iq\x11\xef"\x00\x8a\x7f'</t>
  </si>
  <si>
    <t>b'\xabX0\x12\xc2\x9b\xed\xafWk3\xa2\xd6\xb1\xff\x96Y\x1e\xf7\xbf\x93BCD\x0c\xdd\x9eT90P\x1f'</t>
  </si>
  <si>
    <t>b'\x915\xd5\xc7x\x8c\xab*\xc4Yp"K`|\xcf\x1ez\x0f\xdf\xff\xdbR2\x99\xe5w\xdau\x8e\xa5y'</t>
  </si>
  <si>
    <t>b"\xdac\x9f\xa0-W\x02\xe2\x9f\x8f.\xc8\xceG\xe3\x8b\x19\xd5L\xc0\xf4\xd8\x12;'*\xff\xfc\x89\x96b\xaa"</t>
  </si>
  <si>
    <t>b'3\xf8"\xea|\x915\xf25\x07\xa4\xd5\x84\x9eo\xd1\x1fR8\xd2;)\x13\x1ee\xabC\xe4\xc9\x9f9\xc5'</t>
  </si>
  <si>
    <t>b'b\x13\xd7\xc5?\x8e\xd0\xedJUk\xbd\x96\x00\x14\xd6\xbc\xb4\xad#p\xf1\x9d\xc7\x1c\x9e\xbe\x8eRp\x00%'</t>
  </si>
  <si>
    <t>b'\xa5H\xb2\x076gT\x0c}\xf1$|z\x0b\x1d\xf7l\xdf#\xbb\xd3FM0i\xdd\xe4\xb0\xe1\xa5\xc1%'</t>
  </si>
  <si>
    <t>b"\xe1\xb7T\xfe\xaf\x10'b\x05W\x9b\x9a\xecM2\xb2\x92\x8d7\xf8\x9a;\xde\xa6\xe1L/hRS\xda\xa3"</t>
  </si>
  <si>
    <t>b'\xd6\xa0R\x93-\x8e\xa2\x18\xec\x8b\x0b\xba\xb5-\x97sX\x82\xb4\x9e;\xf8$\xa2\xb3`\x93\x19\xc2R\xfb~'</t>
  </si>
  <si>
    <t>b'_\xbf[\xd0^F\xdc\x83h-\xa1\x01jO\xc0H-[\xcek\xcbf\xf83\xcf\xd9\xe2\xda\x9az\x91D'</t>
  </si>
  <si>
    <t>b'\xcd\x8d\xfa\xc5&amp;\xb8KY\xd5\xe7\'"w\xe0\xbe\xdf\x82.\x1deK\xd4\xe0\xd3\xf8\xcd\xc6\xbf\x1d\xcc\xe6\x92'</t>
  </si>
  <si>
    <t>b'\x85\xc6C\xb0\x80F:\x96\x860\xfc\x08t\x02e\x8b\xf0\x8b\xde{\xb1w\xd8\xf7.,yu\xa1\x05\xd7c'</t>
  </si>
  <si>
    <t>b'\xc4$\x0b\x94|\xaa\xeb\x88\xa7\x10\xed`\x08\xaa\xf7\xdd\xcb\xd4]\x7f\xb3\xd6\xdd$\xa1X\xf5\x95\xcf\x98B\t'</t>
  </si>
  <si>
    <t>b'\xb2\xf8o\x82\xab\xa8H\x9d\xa4\xcdP\x14z\x19\x93\x87Hs\tqH\xd3\xf6]5M^\x92\xec\x03\x88\xd1'</t>
  </si>
  <si>
    <t>b'm%\x89}r\xcde\xa7\x1bz\xc6\x85%\xa7\xdc/\x96\xf5\xc5m\x0e\x93`U\x13\x1b\\x.5\xba\xce'</t>
  </si>
  <si>
    <t>b'&amp;\xad\xc7\x9d\rw2\x1bBUg\xfb\x17o\x8b\x8c&lt;\xbd\xe4\xc7\x9d7\x01u\x0bw(\x9b\x0f\xec\xe0\xd8'</t>
  </si>
  <si>
    <t>b'\x16/\xbe\xdfPV\x9b\xa67q/\xb9\xf8\xddT\xe1\xc3,\xc8\x84y\xa8\x85\xfd\x91U:R\xa3z8\xd4'</t>
  </si>
  <si>
    <t>b'B\xdc\x12(9x/\xd8\xba\x1e\xe4_\x11JW\xccM\x95lo\xec@\x85\x92\r-\n\xfd\x81\x8a\xa4\x96'</t>
  </si>
  <si>
    <t>b'\xdc\x9d\xaf\x90\xf7\xb9F\x0f\x97\xb6\x99s\xba\xb0X\xc3\\ir\xc20\xd4\xa3qlV\xe9\x05z\xa4\x13\xa0'</t>
  </si>
  <si>
    <t>b'\x98\x1eq\xad\x80\xdb\xf9.\xfc\xfa\x1e\xcfqU\xf9xzj?\x1dn\xae\x05\x02D"k4\xf7\x03n\xba'</t>
  </si>
  <si>
    <t>b'M\xa8\xb95\xe8^"YnW\xbc.\xd5\x82c_JK\x90h[(h\x17\x99\\X\x07\x1f\xe8\x88('</t>
  </si>
  <si>
    <t>b'\xb8*,\x1b\x9e\xde\xd36X\xad\n]\xcb\xb6;\x9d\x15\xf9\xb7\xab\xe0\xa7\xc2l&amp;9\x84]T\x00\xb3\xfa'</t>
  </si>
  <si>
    <t>b'\xbc\xcc\xf1Y\xceX\x85\x96\xff\x00\xdcT\xc5T\xad\xd6a\x1d*\xa6m\x9a\xf3-^\rz\x9b\xbb]p\xc5'</t>
  </si>
  <si>
    <t>b'\xdd\xd6H\x97\xee\xe0\xae(c8\xc9\xbc\x9c\xe7\xfb\xadfe\xfb\x8ce+J\x99{\xaa\xbc\xd0\xb2\x82W\xde'</t>
  </si>
  <si>
    <t>b"\xf7\x05\xb7\xc4H\xdbz\x018|c\xdd7'\xee\xce\xa4\x91\xe9\xd1\x9b xT\xf1\xe6\x9a?*\xae\xad\xe9"</t>
  </si>
  <si>
    <t>b'W\xa8\x1d\xc8\xe5\xaa\xbf\xc1o\xc8\x16\x00,\xfbS\x07\xe1_\x18\xa0\xf0&lt;?[\x93$\x052O\x97Kg'</t>
  </si>
  <si>
    <t>b'\xf5\x12&gt;\xf4\xda+\xb5\x8dk\xe8\xd05\xadI\xce\xc8C\x8b\x92y\xa1\xd9\x0eT\xa7\xad\xdc\xd2\xceJ\xbee'</t>
  </si>
  <si>
    <t>b"'\x8d\x8a\xea\xaf\xd5\x857\xbbJ:\xad\x84C%\xeb]\x84D\xe4\xca\r\x02-\xf73.b\xa5\x80\xcdX"</t>
  </si>
  <si>
    <t>b'\x14\xff\xe4\x9314\xa5XT\xe4\x145s\xb6y\x00\xa0\xb7\xb7\x9a\x90;\x90\xe9In\x99\x05w\x1e\xd4\x1c'</t>
  </si>
  <si>
    <t>b"t\xb5_\x15PEN;\xb3X\xaa\x10\xdc\xe9\xd9\x15\xd5?\x14\xa2\xf0w\xf2O&gt;\xfa\xf4\x18'$o\xb9"</t>
  </si>
  <si>
    <t>b'\x95\xfe\xe9\xf3\x8bH\x11\xfb\x00\xfd5\xe7\x15\xfd6A\xbf@\x03&amp;\x99&gt;\xd3|\xed:\x93t\xecXQ\xcf'</t>
  </si>
  <si>
    <t>b'a\x88S\x18#\x10}\x0f\xf8~\x1a\xde7\xebM\x96\x90\xf1\xde\xbc\xb9\xf3\x98dF\x89#\xc4\xee\xedko'</t>
  </si>
  <si>
    <t>b'\x0e\x9a{\xc3VO\x83E\x1b\x0b\xae\x90\x16k\x17f\xccY0\xfb\xe2j\x92}\xbeH\xc2\xaf\xb1\xc1\x1b\xaf'</t>
  </si>
  <si>
    <t>b'\xd76$\xa24\xf7\x8e\xb9\x99\xfd\xdb*\x0b\x9c\xd7" \x96\x90\x00]\xcex~"5J\x12\xdfY\xfd\xbd'</t>
  </si>
  <si>
    <t>b'\t\xcb\x1d\x06\xb3\x00\x88\xcf.5\xca\x80p\x8d\x04W\xa4j\xaeU\xd4\x06\x1f\n\xc6\x97\x9f\x19\xd07\xfcN'</t>
  </si>
  <si>
    <t>b'\xc5_B\xc5\x1fo\xf9\xad\xf2\xecH\xb8\xd9\xd0f\xf6\xbc/\x17\xcc\x1e\x01D!\x85O\x18\xa0\xfe&gt;q\xc8'</t>
  </si>
  <si>
    <t>b'\xffLr\x83\xc7\xa6"j\x9c\xa8W\xd5o\x84\xfb\xe0\x1b\\$\x0b\xca\xa6\xe5\x1e\xb1x\xb4q\x12A\x7fE'</t>
  </si>
  <si>
    <t>b'{\x83\xedA\xf5S\xde\x025\x0b:\x96\x0erTd\xe7\xb0\xc9s\x83E9\r\xa5a\xc5\x05\xb2\xfe\xb7h'</t>
  </si>
  <si>
    <t>b'\xfe\xe0\xc3\\O@\x1c\n\xa0\x08;\xf6z\x98=z\x07i\x9c\xb9\x83b@\xf4\xcb\xfd\x90\xcd\x06\xd2\xb0\x97'</t>
  </si>
  <si>
    <t>b'{KhV\xea\xfc\x85i\x05\xa5\xe6\xf6bJ\xc4\x81F\xa5\x06\xf8{\x85\x1f\x8d\x983%F\x02\x1c\xd0\x11'</t>
  </si>
  <si>
    <t>b'\x9a\xc9\xcas\xe6\x8e\xecic\xd6\xd9\x8a\x07\x1ey\x1es\xacr\xca\x92\xc8,\x1e\x05\xadx\xbd\xb4\xedlf'</t>
  </si>
  <si>
    <t>b'\x11d0\xda \x9c\xae\x02\xa2\xfcf&amp;\xf5+s\xe4\x14\xa1N(\x9b\r\x13\x02\x94a\xaf\xdbu\xb5p\xc1'</t>
  </si>
  <si>
    <t>b'\x93\xe1\x0fn\x94\x8b\xba-\x1d\xa7\xa2\xa0a\x8bv\x02\x08\x0c\xbf\xca"\xf9\xa2\xceE\x8d\xbb/J5\xec\xd8'</t>
  </si>
  <si>
    <t>b'\xb7\x97\x99\x18\x19\xf7\x0c\xccc\x8f\x83\x935\x8d\xf5\x82\n\x9d^\xdc\x0c\xdb\x9cY\xc3\x81\xdb\xe3\xaf\x00\x89e'</t>
  </si>
  <si>
    <t>b'\xadH\xf8\x85m\x11\xdd\x9f\xae\xb8\xe8e6\x1a\x17g9\x7f\x19l\xc9%\xed\x16\xd0\xa7\xfd\xf6,\x04\x0c\xf9'</t>
  </si>
  <si>
    <t>b'&amp;a\x1b\xafZ\xfa\xcd\x85\xc3\xdd\x05-\xd1|\xe0\xc0mx\xd5\xbc[\xe7=\x1e\xc7\xba\xb1\xe1\x1d\x95\xdb\x0e'</t>
  </si>
  <si>
    <t>b'N\xadfW\x05*\xab\x9f#2\xe2O\xcc\x963\xa3\xee\x172Pr\x92\xb2\xb8w\xa5\x85L\xc0\x90}\x8d'</t>
  </si>
  <si>
    <t>b'\xf0\x86\n\xf6&lt;{\xad\xb8\x9a\x07\xf1"}\x8e\xa3;~)\t$\xe8\xd0\xc6\x7f+d+GR\x94\xfd\x00'</t>
  </si>
  <si>
    <t>b'\x19\x8a\xfdX62\x03\xe6mZ\xd1\xe5n0\x89d\x81:s\xf1\x83"f\xfaaH\xb7\xe2\xb0*\xc1+'</t>
  </si>
  <si>
    <t>b'\xabg\xb0]\xba\xe01L\xde\xd7\xad\xad\x04c\xee8\x9a\xed\x8c4\xd4;\xdc5\x0b\x7f&amp;}F\x0b=\x15'</t>
  </si>
  <si>
    <t>b'\xf5\x1f\x05oM0\xcfM[\xc8\x8f\x92\xc1F\xc3\xd1\x1f`\x12\xae\xf0h.C\x86\xce\xdc\x05\xa0\xedp\xf0'</t>
  </si>
  <si>
    <t>b'@\\,\x01}\x0c_\xda\xd5s\xd0%\x04\xba?v\x17\xaeF\xeb\x1a\xfa\xfbg\xaa|\xf3=@r\xb8_'</t>
  </si>
  <si>
    <t>b'\xe5}\x9e\x95]Fw\x91[k\xd2T\xfbe\x89i\x8f\xc8\x9asg\x00\xafe\x91\n\x15`\xf85B\\'</t>
  </si>
  <si>
    <t>b'!\x9491(a\x1ehr\xc1\xb54\xab\xe2\r\xcf]\xf2\xea4\x8f!\xf9`\x81\xce[\xc4\xab\xfa\x93\x81'</t>
  </si>
  <si>
    <t>b'\xc1l\x9b\xa7\xb16N\xfc9w%:^\x8e^\xd1Y~i\x08\xfb4\x92\xfd\xcd\x1a\xa6\xe5a\x13@p'</t>
  </si>
  <si>
    <t>b'@\xd8QFL\xa6\x9ag\xacka\xa6@`s;\xe5\xa4rX\x15\xe2\xf4\r\xe5\xdf\x18x\\\x11\xf2\xbf'</t>
  </si>
  <si>
    <t>b"\xe6\xd1\xde#\xbd\xa2\xa2\x0f\xf7\xe3\x04\\\x92\xce?\xf8\xbd'\xfaWNO\xd9\x031Lc_\x13^E\x02"</t>
  </si>
  <si>
    <t>b"\xe0lBk'\xb7C\x1c\xca}:B\x12\x14\xba\xbc\x0f\x9e\x9c\x03W\x88\xa3\x8b`\xa4+\xa4\xa0\x85\xd2\n"</t>
  </si>
  <si>
    <t>b'g\xbd@\x13\xf5\x8d\xbeT\xfe\x07\x02N~\xdb\xdb4r+~\xe7\xadp\x97A\xea]Fq&lt;\x85\x03\x87'</t>
  </si>
  <si>
    <t>b'\xd6z\xca~\x00\x9d&gt;\xd2\x88\x086\x89\xc3&lt;\xfa5\xc4\xb9#\x81h\x1d\xdf-[\x01\xa1\x83\xf0^\\R'</t>
  </si>
  <si>
    <t>b'\x0f\xdb(\x81\xc9Bp)\\N4^\xa22\x92I=sMs\x81\x13%\x84\x92\x03\xc8\x96&amp;\x18\xea\x97'</t>
  </si>
  <si>
    <t>b'Zv\xae\xed\x85\xca\xcd\xf2\\\x8f\xfb^\xb8\x83n\x8e\x06\x7f?\x9f\xb7\x12*\x9a\xea\x7f\x1c\xd9\x14\x86+]'</t>
  </si>
  <si>
    <t>b'|\xb3C\x04\xb7alf\xe3\xf8\x1eU\x9a^\xa6Sq\x930\xef\xbf\xbc\xc9g\t\x9c\x1b\xdd\xb02B\xc7'</t>
  </si>
  <si>
    <t>b'\x01\x19\xafI{\xad\x00%\x05\x95\xfd\xf1\x05\xf1\xd8e\xd4\x02b\xf1\xb97K\xc4\xf4}i\xcfM\xc9\x86$'</t>
  </si>
  <si>
    <t>b'n\x1b\x1d\x87\xb2\xac\x96;\xb1\xde\xe3\x8eU\xe0u\xa6\xae+*(DkR/\x8f%\x1b\x16s\xc91\x1a'</t>
  </si>
  <si>
    <t>b'&amp;\xf4\x88\xeffk4+\xb0\x85\x80\xa1\xeb\xaaM\xdbt[n\xfbYI\xeeV2\xdc\x9f\x1b\xdf\xfb\xbb\x17'</t>
  </si>
  <si>
    <t>b'nV\xcf\xea\x10$Q\xc9\xee\xbd\xbd\xff\xc6\x1bo\xbb\x1d\xab\xea\xb3q7#\xd9\x98\xffwy\x0c\x8d\x0bK'</t>
  </si>
  <si>
    <t>b'\x82\xfe\xa9\x19\xf6\xf0\x9c\xa3\xc5\xa4|Z\xf3E8\xb2\xc5_@"\xaeX\x83\xb5h\x1b\x8eS\xb3\xf7\x9c\xbd'</t>
  </si>
  <si>
    <t>b"\xe3(\x95'\x8d\xc0\xc2Uw\xbd\xf3\xce\x866Y\x92\x10\xba\x8d$#q/\x1d\x08s\xb3$\xfc?\xcb\x82"</t>
  </si>
  <si>
    <t>b"\x14\x9c\xa1*\xeb\xd8\xb9\xff\x86\xa7\x98?\x82\xb6qe\x9c\xdf\x9c\x89\r\x87&gt;j'.b\x06\x9f\xe1t?"</t>
  </si>
  <si>
    <t>b'4K\xa0\xa2/\x1bJ\xc3\xb5u\xd6\x80\xf2\xd4\xd3l9\xda\xe7\r]\xb4Hy\x90\x04\xcc=\xb7j|0'</t>
  </si>
  <si>
    <t>b'\x14&lt;\x03X\x9a\x15\xe9Th\xce\xcb\x7fw\xbf\r}#\xd0^}H\n\x91b\xbe\x98\xda]d\n\xf3\xbe'</t>
  </si>
  <si>
    <t>b'\xce\x99\x0e\x82\xca\xe6Ml\xec\xf9\x86\xe0W%;`\xed\x04\x11\xdf\xc5qfi\xa4\xe6kk^\x05\x88\xf2'</t>
  </si>
  <si>
    <t>b'Z\x08\x96\xd1\x01\xb0\xe2\x13K\xd5\xed\x94\x1an\xf1\x9bJ\xdb\n\x96\xe1t\x1dBc[\xc4:\xba~O\xc6'</t>
  </si>
  <si>
    <t>b'\x82\xf0jip\xe9\xc8\xaae7\x1e^=\xd3\xd1\xd2\x08\xfadq\x01\xf0\x88\xad\x12Fc\xcb5\x16\xa8\x0f'</t>
  </si>
  <si>
    <t>b'\xb8\x95]\xe5\x17\x0b\x11\x80\xa3\xcc\xa5U\xd0l7\xed\xf9\xdcFFSf^|\xbf\x9d,\x95\xb3\xe7\x9d\xde'</t>
  </si>
  <si>
    <t>b'\xc4\xcd\x03\xe2\xef\xea\xccdV\x1f\xe5(\xa5 _{4\xebQ\x1f\xce\xc7m\xdfG\x91\x94\x941\x94AR'</t>
  </si>
  <si>
    <t>b"&gt;l\xaa\x1f\xdf\xad\xe6\xefW\xcd\x05i\x84\x1a4\xbdl\x99z\xbb'M\x1e\x83C\xfbc\xfb\xb7V\x0e\xad"</t>
  </si>
  <si>
    <t>b'\x06\x01J \xeb\xc4\x8bH\xb8\xb2$\xb8\x90\xc7\xe4T\xedk]\x88\xb0\x00\x9cza\x12\\h\xcd(\xfa\xf4'</t>
  </si>
  <si>
    <t>b"2\x8b\xb3PO\x03\xa4\xc9\xe2\xd4N\xc6\x84\x9b\x04\x06D\xd1'\x1e\x81\xeb\xab\xec(Fx\x94\xc8\x04\xddH"</t>
  </si>
  <si>
    <t>b'~\xe7=\x9aD\x17nu\xb0\x94\x8cP\x8b\x87\xa1\xf5S\x9a\x8f\xa8\x1f\xc3X\x13"\xdf\xbd\x92\'\xf5\x85\x06'</t>
  </si>
  <si>
    <t>b"m\xb5\xc1\xea\xf1z\x10\x8a\xd6\x1d]Q\xcb+f\xe1\xce\xb5\x8a2c\xe9W'K\xf4Av\xa2\xe5\x92\x1d"</t>
  </si>
  <si>
    <t>b'\x7f\x9c\xb2\x86\xe9\x97\xfbG\xfc\xcc\xebm[\x1f)Fm\xa3\xde\x0c"m\xbb\xe5\xd5\x00Cu]\x92e\xbb'</t>
  </si>
  <si>
    <t>b'\xa2\xe4\xfb\xae&lt;\x10&lt;\xaf\xe1\xce\xd3\xea\x19\xb6~4\xf0\xbb\xe6\x0b\x01\x1d\x91\x10\x94E\xe9\x1c\xe4]\xfc\xf1'</t>
  </si>
  <si>
    <t>b'\xa9!\xb0\xcf\x85\xdb`\xaa\x00a\n\xd1Y\xff(\x03\xdb\xcdR\xd5\xef\x82\xbfU\xe7:\xc3\xde\x8d~\xe0\xd1'</t>
  </si>
  <si>
    <t>b'`,\xa5\xcc@J\x1c]\xd2g\x91s\xa7\xa6\xcf\xa6K\x9e\xf0\x13M\xb6\xf3\xfa\xf3\xc9&lt;\x13i\xdc\xb8M'</t>
  </si>
  <si>
    <t>b'o\xb0\x9es\x88\x90q&lt;\xe7\xfb\x8cD\xfa\x9d#\x90\xb2vn9\xd0\x7fY\x9b\x05U\xae@\xc2Q\nB'</t>
  </si>
  <si>
    <t>b'\x99R\xbd\xb2\xc5\x11\x9e"\xcd\x000R\xe6\xd4\xc1\xf9\xf1ct\x9cG\x01\xc0\xc9\xfb\x0ee\xc0\xd4\xf1\xcc)'</t>
  </si>
  <si>
    <t>b'\x11\xc2\xcf\xf2\x90ky\x02\xbf\x90\x06\xe8\x10q\xfa\\A\x1b\x18\xe4\xa9\xb75\xf7\x08\xa7\xb2\x81\x83M\x1e\xe1'</t>
  </si>
  <si>
    <t>b'\xb4\xa5\xa9D\x98\xa9\xe5\xdc\xd8\xa6\x99\x05\xcc\x07\x83\xcb\\&lt;\x14\xd4\xc4\x8a\x93\xcd)\xa5\x01G\xcf\x0fn\xaf'</t>
  </si>
  <si>
    <t>b"\xd9\x11\x99\xa0\xc5W\xab_\xf7\xbb\xd8\xf4!\xd3\x8f\xe0\x0b\xf0m8\xd5'\x13;\xe9\x1c\t\xe4\xdf\xc6o\x9e"</t>
  </si>
  <si>
    <t>b'\x12yl\xda\xb6/\xfb\xee;\x9f 4#"\xe4X\x10\xa9M\xcd\xf5\x8bPEE\xde\xa9\xef\x89\x1d\x8b\xeb'</t>
  </si>
  <si>
    <t>b'}\xa3\x89:{\xf2\xe8\x05\xc0ao\xd4\x1b)\x8f\x06\x0b+mA\x82\xa7\x02?\x1bs\xac\x8d\xa9-\x87\x98'</t>
  </si>
  <si>
    <t>b'jD}d\x06dJ1\xd5\x85\x99\x0b\x07\x87\xf5\xc1\xef\xc0\xa0\xf8\x07\x19\x93\xe2\xe1\xf0]"\x8d\xbd9\x01'</t>
  </si>
  <si>
    <t>b'\xfe\xd5{\xb9\xe0;Ex\xff+x\x1d\x1e1\xa9r\x7f\xc0X\xf5\xe1(\xb7\x9dUm\x1d\x1b\\\x85\xcc\x9c'</t>
  </si>
  <si>
    <t>b'\xdcD\x0b\x9e\xd0FS\xc8\xda\xff\xfa?/\x05\x93\x97\x13\xf7\xd8\x89\xa9E~\x0e\xe3\xc1 E\x92\xe0*v'</t>
  </si>
  <si>
    <t>b"\x95\xc1\xaa\x11\xda\xf3'q\xaa@\xec\x82\x0f\xe9b\xff\x10m5\xefE\xec\xad\x9b\xe0|\x1c\xe5\x85d_\xf1"</t>
  </si>
  <si>
    <t>b'\xcd \x02\xe0&gt;o[\x82\xf9\xb6Q#\x81j\x1a\x95\xd3\x1d\x95\xae\xe5\x04\x93\xb6\x02\xfd\\C8e\x1cO'</t>
  </si>
  <si>
    <t>b'CY\xa9\xd9\x06n\xda\x1c\xf6\x9f=\xc4n?\xaf\xe5\xfe#,V\x1e\xe2\xa0\x8e\x9a\xe5v\xf3\xa3\xd3DK'</t>
  </si>
  <si>
    <t>b'\xf9\x97D;AXC[m\nm\xbc}\x03\xbc8WL\xe9\xdb\x83\xbe\xa8\x886H\x9a\x9b\xa8kQ\xff'</t>
  </si>
  <si>
    <t>b'\xddfa;\x8cB\x8f\x1a:\x1em\xf1~\x90\xc4Vy\xddL\xa1O\xff\xc2\x0eh\xf4\xb7\x12\xc6"\xca\x82'</t>
  </si>
  <si>
    <t>b'=F\x1b\xf0x\x8d\x9b$\x89\xe2G\xc4z\xe1_7\xde\x9a"\x19\xc6MR\x19\xc0\xe9{CIWM\xe6'</t>
  </si>
  <si>
    <t>b"\xaf\x1a\x936\x1c\xf7\x99\xcf\xd4)W{~n9'%\xfe\x95\x16_]\xa6\xf0bG\xe4~\t&gt;1\xbc"</t>
  </si>
  <si>
    <t>b'\xc0cM\xc0\xe4}F\xf8\xf0\x8b\xc4c\xf0\x93@\xe6\xf6\x93L\xcdF\xbd$k\xc4\x18\x81\xd9=\xc69\x1c'</t>
  </si>
  <si>
    <t>b'u\xdf\x0e\xad\x16%&lt;\xfb\xd02\xfeN\xcfz\x95\xbe\tG\xb8\xfd&gt;X\tf@)^\x99\xf5\xd7T\xd9'</t>
  </si>
  <si>
    <t>b'H\xb3\xd1\xa8b,\x04\xba\x8c\xd4u6q%$e\xc1\xb7\xf0\x1eVD\xf8\x8bO\xe5`\xf4s=c\xe5'</t>
  </si>
  <si>
    <t>b'\xc0_\x1d^\x18\x0ej,\xa7\xd9\xba\x10?\xda\x07\x06\x9d1\xa8m\x8cF\x02;4\x07&lt;5\x848\xd0\x03'</t>
  </si>
  <si>
    <t>b'\x15\xbbZ;\xe1\xf4\x9d\xd8\x9d&amp;\x8d\xc1R\x9a\xf1|=\xa0\x86\x02\xd7m\x9c\x97.\xd1J\x84\x9a\xb6\x91&gt;'</t>
  </si>
  <si>
    <t>b'\xab#@/\xfaj\x9fn\xf7\xc0Q\xb7\xd7j\x07\x89\x0b\x13\xd3/)\xbd\xc8|\xc2\xaf\x05c\x00\x03L+'</t>
  </si>
  <si>
    <t>b'\xa4\x94\xd8\xdd\xe7M\xb4\xb3!\xec\x1f\x91o\xd4\xa1\x1e\xe6\xec~\x00\xd2\xaf\xbdSq\\\xb1\xd5\xda\xe1\xa1\xc1'</t>
  </si>
  <si>
    <t>b'\xc1\xc7\x1f\xa7\xa3\xda\x9ah\xaf\xfa\xbb3\x0e\x9c\x94aP\xeb\xdc.\x10\xa1\x17x\x16\xb0\x00j\xdf\xe6d\xed'</t>
  </si>
  <si>
    <t>b':\x9f\xb6\xebc\x93=_\x9b\x0b,\x90\xa5\xf9\xf9\xbaH}J\xe8\xe56\xeeyu\xf4\xbf\x82\xbd"\x99\x8c'</t>
  </si>
  <si>
    <t>b'\xb3.S&lt;\x93\x99\xe8\xaa*m1\x0f\xff\xdf\xd3+\xd4\x8e\xe8\xaa\x94\xda\x06d\x07\x81\xb0\xc3\xf3ap\xeb'</t>
  </si>
  <si>
    <t>b'Gi\xc1\xb7\xab\xa7\x85T\xdaz\xe8 \x05^\xcdb+\xcc\xa5S\xcb\x8eVwd\x1aO\\\xf4\x87\xde\xa5'</t>
  </si>
  <si>
    <t>b'pm\x16\x98\x9a\x04S\x9e\xc8&gt;%\x06\x07X\xcey\xa5\x1e%a\x9fu\x00\xa8\x0f7\xc5\x8f\x9e\x9b\xe7\xaf'</t>
  </si>
  <si>
    <t>b'1\xba\xca\xc3P\x1b?K\x14\xf3e&gt;$\xae\x96\xaa\t\xee\x96\xe2#\xef\xdc\xf9\x1d\xad\xce\x97\x18\xe0r@'</t>
  </si>
  <si>
    <t>b'\xfb\xbcA\x1b\r\x92\x91[\xfb*\xd7\xaa\xd0\xc1\xdd\x13\xde;\x9d\x14q\xc2)\xec"\xe8\x1f\xd6B \xa4\x1d'</t>
  </si>
  <si>
    <t>b' \x15\xf2\xc8Z\xc0Z\x9d\x01|\x98^4\x11\xfb\t\xf2\x91\xff\x8a\xc6k\x01\xb8\t\xb4|r~\x91P\x95'</t>
  </si>
  <si>
    <t>b'\xba\x06\xb8!\x8e\r\xf3\x15"_\xed\xe4\t\xaf\xfd\xdeU=\xc0~\x87\xc7\xbf[\xc8\x8b\x97\xde\xdd\x12\x8e\xde'</t>
  </si>
  <si>
    <t>b'8X\x1c6$\x83\xd2f\xa7Y\x04\xdfg1R`^\x86\xd5\xae\x94\xee~&lt;y\xb4\x8f3\xc4I\x03\x8e'</t>
  </si>
  <si>
    <t>b'\xe4\xc3_~\xa2\xaaV\x830\x14\x17\x9a\x05\xaeQ_$\x19c;\x1c\xa4\xaf\x85^\xc2m\x98\x85\xef\xd4\xb7'</t>
  </si>
  <si>
    <t>b'\xc9\\3\x9e\x9d\x0f\xb0$8\x0f\xb1\x95\xc5jZ\x86\x92#\x1b\x02\xe8C\x1a\xbe\xc4\x92)/\xce\xd2:O'</t>
  </si>
  <si>
    <t>b'\xb0\xe7\x8b\xbe\x98\xca\xec\xf8W\xbb\x96\xcd\x97y\xea\x9d\x17\xca\x9b\x1d\xe8j-\x05\xc8\x10a\xb5d\x1b\xdf\xe7'</t>
  </si>
  <si>
    <t>b'0P(\xeb\x895\xf6\xb8EB\xb6\xc1\x82\x0f\xd9m\x94\x02\x95\x1d"u\xe5\xf7"\xd2\xd7\xf5\xa1\x8eN\x0c'</t>
  </si>
  <si>
    <t>b'\xfc\xd9\x84SK\xb9\x83\x97l3\x13\xa9\xc7\xb9\xa6\x0e\xdcO\x11\xa1n\x9e\xec\x91D\xfb\xbd\x0f\xf6\xbe\xa8k'</t>
  </si>
  <si>
    <t>b'\xe1\xb2`\x10\xc1Q\x0bZL\x89\x01\xbdu\xfe\xf6\xcb\xc3\x01\xc1\x91R\xb5?M\xdf\x14\xf8\xab7\x01\xffe'</t>
  </si>
  <si>
    <t>b'\xf7\xbdC{\x19\xd7B\x08\xbfy\xf4kTa\xacW\xa6\x1cf\x04\xba\xde\x7f\xf6C\x865\x03\xfb\x18#\xd3'</t>
  </si>
  <si>
    <t>b'a\x01-\x17MB\xa4\xbe\xf8\x1b&amp;z\x95\xa5\xaf,n\xf6H\x1cWJ\xb9\\\xa4E\x94\xc2\xb4\xe8\xfb\xb7'</t>
  </si>
  <si>
    <t>b'\xd5P&lt;\x84\xad\xb5\xd8n\xa4\x87\x80\xfaZJ\xa6\x19\x14\xf4F,\xb6w\xf9\x0e\xca\xa1t^\xa1\x86^@'</t>
  </si>
  <si>
    <t>b'\xd5\xa3\xea\xff\x11K\xf6\x1d\xcfGl\xd7d\xc2q\x01C\xc0\x8f\xcc\x18=\xb2%\xf2"\x88\xd5m\x8d\xe1\xea'</t>
  </si>
  <si>
    <t>b'\xc3x\n~\x022\x95\xa3YR\x1c\xae+\xdbu$\xc7\xae\xe6\x98\x1a`G\xc4x*-\xb3\xd6rh\x91'</t>
  </si>
  <si>
    <t>b" \x1b\xba\xb5T\x11a8\xd1\x9f\x1b\x03c'\x9e\xf1y\xf1\xd0p\x10)]\xe1d,\xd8t(B\x86-"</t>
  </si>
  <si>
    <t>b'\x00o4\xb7\x0e\x12&gt;\x88\xe0\xa6y\x87\xd0\xac\xbc\x87F\x19Y\xa3\xf2a^\x88\xb3\x9f#\x906\xdeq\xb2'</t>
  </si>
  <si>
    <t>b'Q^\xc9/1m\xa2\x92%!Wm#6u\xb51\xfd\x9ew=$\x1e\xd3\x95\x8c\xed\xb3\x88\x00\xf2 '</t>
  </si>
  <si>
    <t>b'&lt;=\x86)\x7f\xef(\xb8e\xe1\xce\x91$hH\x06%\x95%\xb3]`\x0cX\xbd\xc91\x06\x067Ui'</t>
  </si>
  <si>
    <t>b'\xc2\x8b\xe7\x02\xa4\x88\xfc\x02\xdcN| \xf1\xb9\xc1\xebH_\n\xeb\xa0\xce\xc2l\xc1\x99yi\x1e\xc1x\x8a'</t>
  </si>
  <si>
    <t>b'h\xa7\x07\xb6\xcc\x8c\xfc\xf4\x12x\xca\x93\x07G\x00\xbc\xb2\xcdI\xe6\x91\x9c\xa1#U\xa6::\x15\xc1.8'</t>
  </si>
  <si>
    <t>b'a\x13\x92E\x10\x85\x15\xb6ft3_\xfe\x7f\x1c\xb1=q\x11L\x06\xa35\xe4\x15s\xd4i\x8e\x0fN\xf6'</t>
  </si>
  <si>
    <t>b'(3R#\xb5\xfdZ\xf0=\xf5\x04}\xf4V\x99\x83/$\x05\xb4B\x96\xbc\xe7V\x026P\xec\x91Nn'</t>
  </si>
  <si>
    <t>b'\x0b\x11\xc9\xd9\xbe\xdb\xefh&lt;\x81QN\x0b\x18/\xdf\x8a\xd5\xa5\xa4\xd1\xf8\x8c\xb4\xe8pr\xff\x94;\xcb\x9a'</t>
  </si>
  <si>
    <t>b'\x10\x1d|\x02\xb7a\x88\xc0g\xd7\xf3E\x97\xe6\x1b\x00:\x10\xd2\xec\xedC\x1d\xfaZ5\xb7,\xa1\xbc\xae['</t>
  </si>
  <si>
    <t>b'\xe8I\x9b\x13v)\xa9\x18,\xc6\xa1\xec\xc9]c\x04\x1b=k\x06u\x8f9\x81\x89\x03\xea\xa9p8\xda\xd9'</t>
  </si>
  <si>
    <t>b'&lt;}s"&gt;\xf7\xba,\xfbO\x8a\xfa\x07XAg\xd4M\xf9\xd7\xf1\xbe\xa4\xad\xa5\x03\xc7&lt;9_.P'</t>
  </si>
  <si>
    <t>b'n"\xa1Owx\x10\xc4 sx\xb1\xd6\x8es\x1c\xd5\xf8}\xf0\rY\xd8\x7fE\x19\xbc5K\x19\xfe('</t>
  </si>
  <si>
    <t>b'\xa6\xa0[\x9c\xa7\xb0F\xb2j\xdb\x97B\xb4\xbc\xaaG\xd9\x8c\xdf1\xf2M3 \xb9x\x83\xa95\x10\xb1\xac'</t>
  </si>
  <si>
    <t>b'\x0e\xd8.\x89\x86\x9em\xc9V[\x8b\x8d\x91\xd6\xf8\xfe\x10`\xf3\x96\xdb\xa5\xb0\r\xb3\xf6\x8e\x9a\xb1\x14f\x19'</t>
  </si>
  <si>
    <t>b'\x89\xdf\x1d\xbc\xf4\xf0}Z\xb1\xd0Z\x84\xbf3\x0c\x1cf\xa7\xcc\xa3\xcfn\x82KH\xfbbj\x06UoU'</t>
  </si>
  <si>
    <t>b'\x86\xc1\xa9x\xfb\xfe\x04p\xc2i&amp;\xe1\xb9D\x9f\xed\xd9\x14\xf6\xde\xd5nQFG\x81&amp;]\xb9\xe7\x91\x04'</t>
  </si>
  <si>
    <t>b'3O\xbe\xc9\x96\xb4&lt;\xe3o\xd7\xab\xf6\xe1\xba\x9d\x14\xadJ\x92\x01I\xf3\xd4B\xcb\x91\xc9/4\x0e\x06\xa2'</t>
  </si>
  <si>
    <t>b'\x0c\xa3\x14jX\xa8\x940o\xff\xf8[\x85\xfc\x9b\xcfe\xca\x12L"\x1d\xba&amp;\xc9\xa9\xf7M\'5\xfe\xa5'</t>
  </si>
  <si>
    <t>b'\xe6\x81\xd4\x1d\x1c\xa7^h\xf1W\x83\xe5\xd8\t*g\n\xff\r\x8b=\xdb\xab\xdcj\xaf\xbc\x87\xbc\x7f\xd8\xc2'</t>
  </si>
  <si>
    <t>b'1\xdf\x16\x99\x8d\xff\xb7\x9c\x9a\xf3\x04t5E\xf9~b\xe7\x80\xd7\xcd\x9b\xe92dT\xeds\xb5\xba6\xf4'</t>
  </si>
  <si>
    <t>b'\xb5OUa\x06\x96\xe9\xe1[\x8e\xbec\xcfi\xe6&lt;?\xf5-HG\xfa=o\x19\xc7\x11\x7fI\xe6\xa8o'</t>
  </si>
  <si>
    <t>b'\t\xf1\xcd\xb6\x0e\xc1\xde\x88\xc2z\xdd\x9f\xad4\xad\x9aEC\xe2\xbeA\xa3;&lt;\xc6\x06\xd8\x840N\xad+'</t>
  </si>
  <si>
    <t>b'\xa33)+\xd3\xe6,B;\x18\xd1[\xb16\x9b\xfbr\xaa\x8ef\x8em\xe7\x8c\xc9\x96i\xbc\x0b\xfa\x96w'</t>
  </si>
  <si>
    <t>b'\xa5\xa1`fyl\x10\x1f\x00\xff!\x80\xf3o\x1e\xef\x13\xa9K\xda"5\xe3\x12\xabe*8Qf\x02+'</t>
  </si>
  <si>
    <t>b'J2\x89\x14\xeb+\xf3m\x19\x1c;\xdf\xd1%WD3\xee\xb4\xed;\xb2!\xbf\xb2\xf9\xfd\xe7\xa8\xbb\xb3\x07'</t>
  </si>
  <si>
    <t>b'\x1ad\xe5\x95\xa3\xd1+\x0c\xf9\x0ek\x87(\xfb\xf5\xf6\xed\xbbXil\xdb/\x95\x1a\xda\x01%\xae\x95\xc6E'</t>
  </si>
  <si>
    <t>b'U\xcd\xf7\xd1.Q\\\x05\x00\xbc\x02\x93\xc5\xfe\xcb\xa1nUc%\xb4\xd6\x1c\xb7\xb9\xa3\xfa\x84\x87{+3'</t>
  </si>
  <si>
    <t>b'\x16&amp;\xf6\xf4\xbd\xfb\x82\x94\x803,\xeb\xed\x8fv\x84\x03\xde=\x05\x96\xf7v\xa2PK\x0b\xe96\x92\x9b\x94'</t>
  </si>
  <si>
    <t>b'\x82][+\xaa\xf8\xba\x06\x9e\x8a\xce\xa5\x80\x19B\xfc+S\xf3\\\x7f\x1a\x8b\xb2Y\x12\xba\x17\x03\x94\x10\xc3'</t>
  </si>
  <si>
    <t>b'\xa0\xb1\x1f\xd5\xad\xcen\xb3wI\xa6\x88\xa0\x96x\xcfQ\xef\\s\xbb\xa4\xc3`\xcc*\xac\x01\xc3\xecU\xd7'</t>
  </si>
  <si>
    <t>b'\xed\xe4\xc1z\xe8\xe7\xf0\xc9D~\xc9\xfd-\xf3\x821\xb8\x14\xc64\x84\xdf\xde\x85\x83\xb0\xe7\xc4\x11.\xd5a'</t>
  </si>
  <si>
    <t>b"=\xa3u\xa7W8\xba\xfe\xf4}Nq\xa7\x8a\xcaK\rk\x9e\x1c\x03\x01$'-\x0b\xf3\xb6\xa6_\x06\xec"</t>
  </si>
  <si>
    <t>b'\x8e\x8fy\x04\n\xeb\x11\x0e\xb5^ \xe4\xcbUu\x11\xd127`\xab\x08\xb5\x83\x9d\x96M\x93I\xfaH\xae'</t>
  </si>
  <si>
    <t>b'h\x14\xe6\x00@;\x8e\xb1\xfa\xe7!\xaf*\xdfb.^\xed\x0c\\\xcd(O+\xa5SR]\xbf/\x86\xaf'</t>
  </si>
  <si>
    <t>b'px&lt;\xb5\t\x13\xc5\xba77z\xbfYL\xa5\x87\xc2\xff\xe7\xfa\xb5\x12\xe33+a\xb9kKn\x90\xae'</t>
  </si>
  <si>
    <t>b'X\xefs\xd1U\x94\x12\xa9\xcd\xff~\x01]f\xd7\xd15\xa2n-\x8e\xb1=*\xa0\xf8\xcb\xda`\x8cg\x19'</t>
  </si>
  <si>
    <t>b'"\xc9J4\xf5p\xa7\xa6B,\x03Z\xb3\x87{I\x95\xbd\xa5&amp;\xd8*-$|\xfdQ\x07\x88\xce\x18\xeb'</t>
  </si>
  <si>
    <t>b'\xef\x1c)\xea\x97\xc4X\xe55\xa3\xa6o+\xf0R0N\x8ey\xe8\xb4\xea\xe5z\xb9J\x9a"1\x99=\xfb'</t>
  </si>
  <si>
    <t>b'\xe4#.\x9c\x8es\xb1\x9c\x18/8\xa3ix&gt;\xfc1/\x0c\xb7\xdf\x91X=\x0bKn\xe0dVK\xed'</t>
  </si>
  <si>
    <t>b"\xbc\xe8_\x94{z\xea\xeb\x82;/\xef%t'`\xfd\xdb\xb1*\xbd\x00\x00\xcd4C\x83\xc9:U-\xc6"</t>
  </si>
  <si>
    <t>b'\xc9\xb0b\xf9\'\xbf\x93\xf8\xf0,\xbb0\xe8\x84Q(Z=\x8e"s\xb6\x1aY\xfa\x15\xfcN&amp;\x8d\xbd~'</t>
  </si>
  <si>
    <t>b'K \r"\xed\xe6I\x00\xf1\xc1\xe7&lt;\xfdd,\xe8\x05\x16(y\x80\x08\xff\x18\xa7\xd2p\xaf.\x81\xbd\xb0'</t>
  </si>
  <si>
    <t>b"\xbd\xf9\x03T\xaf\x04\x8b\x88\xed\xf0\x94\xec\x13'\xac;\xceW\xdc\x02H\xf5\xcfK\xf3\x92&gt;\xddo-M6"</t>
  </si>
  <si>
    <t>b'\xc6\xadb\xd8\xe0\xdf\xd2^\x8d\xfa\n\x89\xad\x03\xab\xa5\xf1\xe7`\xc4j\\\xcf\x8c\xfa)kO{\xe5J\x97'</t>
  </si>
  <si>
    <t>b"q$\x93\xae\xabz~\xfd\xe6\xa6\xdc\x1e\xe6\xde-\x1e\x0e\x15Q\r\xfd\x93'\xba\xef\xdc\xc9\xa8'\xdb`g"</t>
  </si>
  <si>
    <t>b'M\x81\xf8\x84|\xe7\xdf\xb4\x8a\x80\xf9I\xa6\x94G@\xb7\xe2\x84\x89\xec\xdf\x8c\xa7\x1b\x190\xea\x0bT\xb2W'</t>
  </si>
  <si>
    <t>b'd\xaa\x94%\x8a\xf7u\xa7\xdf\xcc\xf1N\xcd\xb9!\x81\x18\xe8d_A\x13B\x1b !\x0f\xd5\xf4@\xa9\x02'</t>
  </si>
  <si>
    <t>b'\xeb\x93\x0f\xfc\x91G\x02D\x9b\x0f\xc1\xba\x1e\xce\x0e\xcbzF.\x14\xff\xf5j\x0c\xe4\xc6\xdbh\t\xbb\x81\xe8'</t>
  </si>
  <si>
    <t>b'\xf7\xe0\xf94g_\xa0n\x96\xb4\x01\x0e\xb6\x0e\xc3\x9ea\xb8\xd6\t\xdb\x84\xaa\xab\xd9\x8e+\x1b\xbe\x08\x97\x84'</t>
  </si>
  <si>
    <t>b'`\xa7\x85\xca\xfd\xdc\xb1\xb2\xa5uy\x18jT\xa9\x91k\xca{\x13\xd9\\5^_\x08\xae\x08\xe9\x9b\n\xcb'</t>
  </si>
  <si>
    <t>b'\xe4cz\\\xe9&lt;\xfb0O\x07\xd401\xf9&gt;\xfar\x95\x8b\xf3\x98\x01\xcc\xdb\xbb\xba\xa3y\xa9\xf3\x12\x10'</t>
  </si>
  <si>
    <t>b'F\xf8\xf8\xcd\x02\xe3\x07\xdcb(1\x81\x80\xe0\x7f\xfc\xa7Q\xfb\x90mA\xa4\xa1\xe5u\xeerL\x06\xfa\xc6'</t>
  </si>
  <si>
    <t>b'c#\xd5\x00r\x12eS\xf4)u\x06\x05k\xdf\x8dZkg\xe4\xe68A!0\xa8j\x9f\x1a)\xa0\x07'</t>
  </si>
  <si>
    <t>b'\xb1\x10\x0b\x0b\xd0\xe4\xf2f9]\xc5\xfe.\xc0m;R\t#\xea"\xb6\xdcE\xb8\xa7ZR\xdd}\xd2\xf0'</t>
  </si>
  <si>
    <t>b'(OD\xeb\xb6\x10\xa2\x838\xa3U:\xd6 \x7f\xc7\xff\xec\x81\x94\x0e\xbc2\x93Fi\xce\x015\x80\xb2\xb9'</t>
  </si>
  <si>
    <t>b"\xea\xffm\xc8\xdb\xa0\xa9\xe8\x89PG*\xab\xb1\x9e\xfa\xfe\x89\xc5'\xa8I\x7f\xb5\xa66n\xba]h\xcd&lt;"</t>
  </si>
  <si>
    <t>b'?(,v\xec\x1f\xe4{@\xa2\x17\r\x12\xd7\xa26\xe5;\x02\xae,\x11\x97bA\x0c\xbeV\x93w\x95\x88'</t>
  </si>
  <si>
    <t>b" 9XB\xb3\x8b\xde\xd3\x90\xcc@\xf5'z\xf8\x11)p-\xa7s\x81\x83\x92\xb8\xe3\xbe\xe8\xb3\xe2\x95\xaa"</t>
  </si>
  <si>
    <t>b'\x02\xb9\xa7\x98\xa9~\x16\x0e\xaf\xabk\xb4-\x1d\xc76\xbe_#\xb0n\xf6\x99\x9d\xd4\xc2\xe9@\xa9\xef\xfc\xdc'</t>
  </si>
  <si>
    <t>b'\xe2\x157\\\xa4\x99BZ\x0e\x0bA\x0bc\xee\x95Vg\x8b\xea\xf5\x04\xfd\x0f\x19zE\xa3,J\x84&gt;\x95'</t>
  </si>
  <si>
    <t>b'1K\xb6\xdcBI\x06\xd1\xd9\x00\x96\x03\xc3Hr?\x1fM\x8a\x0c\x07\x8a\xcb\xc8L\xe1$\xfc\xb7\x84mn'</t>
  </si>
  <si>
    <t>b"\x16v\xc1wKB3\x99\x1a\x0ca\x97}\xf7G\x93\x90\xe3\xa3\xe0\x1f?\xc7\xed\x92L\xcf\x80\xa3\xd7\xb6'"</t>
  </si>
  <si>
    <t>b'\x07\x14\xaa(\xb4%\xfa\xdf\xc82D\xb2H\x06\x19\x99\xd0\x8b\xa5\xeec\xec_\x97E\x85\xb5\x10\nj\x88Q'</t>
  </si>
  <si>
    <t>b'\xe2\xda*xc?&lt;\\S\x989\x16\xc3h\xaa\t1\xfe"y\xbd$\x10\x17rS~\xeb%\x0f\x1f\xb8'</t>
  </si>
  <si>
    <t>b'?nm,\xe3YTr\t\x9aE\x1a&lt;\x04\xe8)\x84Y\xd5\xc7\x1c\x89\xa1\xae=\x1e\xaf\xbc:y\xe2\xfd'</t>
  </si>
  <si>
    <t>b'.\xe3u\x17\xb7Z\x91G\xae\x7f\xe9\xa3_\xfd\x88s\x0bY\xf7\x02"" \xfe~\x8b\x14Yk4\x88`'</t>
  </si>
  <si>
    <t>b'B;\xa9\x12c\x1f2)\xd8\xbc\xe0%B\x16\r\x9c\x81\xd8L~\xd6&amp;\x94\x81\x1e^A7w\x16\xc1A'</t>
  </si>
  <si>
    <t>b'\x0b\xa0"&gt;\xbe\xdf\xeeF\xa2\rX\x8a\xf13\x91\xf0\xd0\xa1k\xa7n?\xfd\x0cuLH\x1e[0\x02\xd6'</t>
  </si>
  <si>
    <t>b'\x10P\x1a\xcb0Ak\r\x97\xad\xaf\xda\x1dzx\xb4-&lt;Q\x84`\xeah%i\xd1\x11c)\xc2\xf3\xed'</t>
  </si>
  <si>
    <t>b'\xe8\xa2l)\xccH\xdd\xe6}\xe0\xf4a\xbd\x082\x1a\xed\xfbm\xe2\xc8/ \x80\xba~l(A\x8e\x88\xca'</t>
  </si>
  <si>
    <t>b'\x98\xe18\xc4\x9d\x1a\xb6;\x97xN\xb7d)5\x1dE^\tJ\x0b\x03&lt;I\x1b\xaev\xc0\x07\xceS\x8f'</t>
  </si>
  <si>
    <t>b'\nbw\xd6iu(\xbc\xb7\xfa\xeddKe\x11\xf0!\xa4\xb0\xc51X\xee0(\x1dm\x91\x92^\xaf\xa7'</t>
  </si>
  <si>
    <t>b'9\x81j~\xd7*,\xb3J\xd6\x99\xdb-:\x9aY\x8fZ\xb3f.\x1c\xec#\x18;\xb30\xb9\xd1\xe7\x04'</t>
  </si>
  <si>
    <t>b'\xd7\xab\xef\x96t0\xddp\xba\xa8\x03?\x13\x0c\xe0\xe5|\xa5\x17[\xbe}`\xea\xaa\xc3\x1b\x15\x841$\xe0'</t>
  </si>
  <si>
    <t>b'\x1eJ\x0e\x03\xec~\xaf^\xc4\x1b\xdf\xd9\xc5\x173\xcf\xe6xe\xfd\x162;WI8L\x87\x1bm\x99{'</t>
  </si>
  <si>
    <t>b'\x84\xcc\xe14p\xb9\xc2j\xf1\xe6\xbc\x8a\x11\xb7\x9d\xc3\xd2\x82yZ\x16E\xfa\x83\xcd7\xca\x9d\x8a9\x8bj'</t>
  </si>
  <si>
    <t>b'\xcfJ2u\xf5^\xa2\x1c\x80__"\xd6hn\x18\xc0\x17C\xe2\xe3+\x7f\x7f}\xe8LN\xa2f[\xe5'</t>
  </si>
  <si>
    <t>b'\xa5rD%\xb0\xe3\x06\xe0\xc4\xe4\xa4m\x85\x9dj!\xb7\xd2\xcf$\x98X\xad\x85\x8a[\x81\x15\x90A\x19\xf7'</t>
  </si>
  <si>
    <t>b'Zc\xb7\x86n\x07\xab`\x06[\x94\x00\xbb\xff\xa4\x81i\xea\x06\xdd\xbd\xa8\xb2\xf4\xb1\xf5\xed_W,\xea\x98'</t>
  </si>
  <si>
    <t>b'iS\x12\x0f\xe3\xb3\xe1$\xbe\t\xb1$\xbd\xb3}O\xb8\x1e\xd0\xd8\xcf\xea\x98\x90{\x96\x9e\x95\xf9\xe9A\xee'</t>
  </si>
  <si>
    <t>b'#{\x9e\x9eu\xd0Z\x89\x1d\xd2\xc2\xfc\x02x\xd7\x9d\xee\xe0\xe7Q\xca2&amp;&amp;\x0f \xfc\xf0(\x0bk\xbc'</t>
  </si>
  <si>
    <t>b"\x0f\x9f'~\x1d\xf8\xbbC\x9d\x82\xb71\xc5&gt;\\\x0b\xb3M4\xf3/WT\xd2\x9d\x97\x9c\x1a\x9d\xdd]\x0f"</t>
  </si>
  <si>
    <t>b'h\\m\x91\x05_\x93\xc9G{j\xc2\x98\xb2\xbb\x05\xfd\xad\xa2\xfdzP\xa5\xc2\xa28\x0e\xb4\r\x8dR\x9a'</t>
  </si>
  <si>
    <t>b'7p\xb0\xf0\xae\x94Z\xd5.5\x83\xde\xc3\x88\xa8\x1a\x87p\x92&amp;\x90Y\xee)w\xc3\x80&lt;s?\xe2\xc4'</t>
  </si>
  <si>
    <t>b',\x873=yCt\xec\xa01\xe3_&gt;?\x88\xdbm.`2\x0f\xa8\x1a\xfa\xc0\xc2 \xb9\xe7\x93g\xab'</t>
  </si>
  <si>
    <t>b'"#O\xd8\xf6\x1f\xc1\x9e\x9c\xc0;\xef\xcf8S\x86\x8b#H\xb7\xce\x90\xc7s\xfe\xa8\xfeu\x15s\xcc\xb0'</t>
  </si>
  <si>
    <t>b'\xafM\xb9\x9f\x82\x11\'\xb8|\xa7{\xab9\xbe\xbd\x8dj$\xb3g\xce\xcf\xdd\x00\xfd0\xec" L\x8a\xe2'</t>
  </si>
  <si>
    <t>b'\x9e\x02;\xe2\x99\xb2\xa7\xad\xce\x9fG\xf6\x03\xbb$*\xf0\xab&amp;\xfc\x08\x8e"\x81\\w\xab\x84\xf2\xfc\xb7\x10'</t>
  </si>
  <si>
    <t>b'}\xb1\xa3\x1d\rS\xfe\xbd!\xac\x17\xc5\x91\x04\xf6\x0f}\x9cB?\xd9\x86X\xe3\xf3+\x91\x97\x10\x00\xc0\x18'</t>
  </si>
  <si>
    <t>b'\x175\x86i6\xa7\x0e\x7f\xf3A\x02EX\xa3\xff\xb7\xb5\xf8\xdf\xd9}\xb8w\x0e(pO\x93\xc4\x1c\x9cb'</t>
  </si>
  <si>
    <t>b'\xb4\x91\xd6\xe9\x10:\x10,\xfbM\xa4q\xcb:\xec\xdf\xc4^\xd1QP\xbf\xe7\xe9\x82f\xad\x17\xce:\xa8\x08'</t>
  </si>
  <si>
    <t>b'B\x8b\xcb\xc60\n=\xde\xa5\xf1\x89\xb4\xbe\x96\x81\xd5\xd0R#\xd9\xf6-\x87\x87I\x0e\xaf\x10\xa7\xadJ\x98'</t>
  </si>
  <si>
    <t>b'\xc5\xb0\xee\xf0\x12\xccQ\xd4\x82$Y+\xf0\xe5\xf9B\x80b\x8c\xa0\xb4\xb8*\xd1\x12\xa8\xad =\xa2\xb7a'</t>
  </si>
  <si>
    <t>b"`\x9b\\'\x98\xdd\xe8z\xf7J\x81i&amp;\xcd\xd9}\x91\x1c\xce5'\xb5\x0f\xc4\xf5]\x16\xb4\x89B=\x19"</t>
  </si>
  <si>
    <t>b'5;\xd4\x97\xf9\xa5\xe6M\xe4\xdc\x97DD\xd3\xb9t\x83\x7f\x9b\x88mV\x1f\x1b\xe5\xf5\x80\x1f\x9c]\xf5\xe2'</t>
  </si>
  <si>
    <t>b":\xae\xb2\xaaQ\xe1\x8c|\xa4\x84\x87\xe1'E\xf6\xf8\x81\x9fLZ\xe6\x000\xcb\x15\x14\xdb\xa0\x86\x07Mm"</t>
  </si>
  <si>
    <t>b'[\xbeJ^\xed\xd6\x94\x8c\x83\xd3\xdaY\xc0\xa8A$\xe8O\xb0Tr\xa4\xcez=ox\xf1\x8aV\xa9\xe9'</t>
  </si>
  <si>
    <t>b'\xf1{(@5\xd5\xa2\xec\x1b\x87\x1e4\x9e\x0e\x1d\x15b\x18@\xde\x85H\xf1\xbaG\xb9\xd1j\x9b^An'</t>
  </si>
  <si>
    <t>b'\xd8b]\xd6\n\xce\xaa\xd9\xe1)\xb5\x95\xe3\x83\xde\x81tK\xd6\xa8\xa9\xa9b\t\xacGS\x8ez\xfa.+'</t>
  </si>
  <si>
    <t>b'\xf0\xf1!z\x91u\xf6\xbe&amp;p\x00\xf6\x9at&amp;Nk9\x1a&gt;V\x01\xf7\xb9\xb2(\x1b\xb7\xa0T\x065'</t>
  </si>
  <si>
    <t>b"\x1d\xd9qh\xbf\nT\x0c\xdd\x1f\x9b\xc3''P\xf9P\x86\xca\x0eA\xd0\xd2\t\xfc\xd8~\xbey\x03\x8a)"</t>
  </si>
  <si>
    <t>b'\t\xb3\xa2\x1c\x8d:1J%\xa9"h/&lt;op\x84\x94\x11 0\xae\x9c\xb8\xd9\x18\x90\xea#\x1d\x12T'</t>
  </si>
  <si>
    <t>b'\xf3jmB\xb0\xd3^\xcc\x90\x9e&lt;,7_\nVz\xf1G\x8e\x96\x86\x98\x9cNJ\xe6\xe5m\xe1\x08\x04'</t>
  </si>
  <si>
    <t>b'MO\xc7\xe7[\xf7\x1f\x88\x11\xaf\x7f\xbbQy\x02\xf5\xd2\x97\xfd\x80R~)\xba\xc3d0\x94]\x96\xe3O'</t>
  </si>
  <si>
    <t>b'\xc8\xf9\x01\x88-\xd0\x03\xd6\xbdAA\x1c\xc2\xce\x1e\xb2\x05`(\xe3\xb6\xba,n\xe4\xc0\xce\xe2_\xbe\xef\xa4'</t>
  </si>
  <si>
    <t>b'q\xde#p\xb4\x85\xcb\x96\x866\xba\x8f\xd3url!\xc4\x99ee\x86\xed(\xde\x06\xc5*\x8bCaq'</t>
  </si>
  <si>
    <t>b'\x9e^\xbd{kO\x84\x86\x0f\xb7\xcb\xe12wM"\t\x902\xacl\x9b\xf9,g\xf4\xf0\xec\xfa\xc0W\x8f'</t>
  </si>
  <si>
    <t>b"uM\xdc\xc2\x91\xec\xc4;v\x97\x97\xd1{1\x1b\xa9\xe8\xfd\xf9\x0c\x12\xa8}\x0e\xaa\x19t'\xfbX[\x88"</t>
  </si>
  <si>
    <t>b"\xc0B;\xd9\x9b\xd3\n\x97\x94;Ci'\xcd\xee\xa23\xa9j4o\xcb#\xec\xc5\\\xc3\x15Vp\xb3}"</t>
  </si>
  <si>
    <t>b'\x9a\xe1;\x85\xbf\x96X9\xdar\xf6\x1aN\x14\xb7\xb0\xbb\xd5\x95\xee\x84\xa0\x16~\x96\xb3wf+\x1b\xa5@'</t>
  </si>
  <si>
    <t>b'n\xb4\xb9\x87\x02\x8e"\x15\xce\xe5\xfe\x14\xc3\xe2\x14\xfa\x97-S\r\xc1\x88\x10\xa6\xfc]\xc4\xccR?\xec\xa0'</t>
  </si>
  <si>
    <t>b'\xfe\x98\xda\xde\xb4\x1e\x8c \xce\x88$R\x9fX\xf7\xc0 \xa6\x0f\xa4A\x140~\xb2\xc3\xcc\xd4\x1f\xb4r\x87'</t>
  </si>
  <si>
    <t>b'\xbbv\x85{\xd7--\x7fz\x03,Z6\xeb*H\xc4A\xa1\xcc\xd4\xb7\x1br2\xf1\x8e\xc1\xec\xa1\x85#'</t>
  </si>
  <si>
    <t>b'o\x8f\xf0 \x12\xa5\xe9\xe4tj\xa2)6\x07\x0e\x1dm\xf0\xfa\xdbKB\xe7\xd0\xb2\xd0]I\xe0\x816_'</t>
  </si>
  <si>
    <t>b'\xf2\x8b\\\x0bJ\xf0\xa7d%/\xf7\x19V\x10\xa3\xf1\x07\xed\x1f\xf1#\xee\x85\xca\x98}\x1f\x83]\x8c&amp;y'</t>
  </si>
  <si>
    <t>b'\xab,N\xd7\xb3\x16]\xe5S\xf9/\x16\x18\xe0\xfb(\xad[l%\xef\xb5\x89\x8840\n\xa5\x13\x05\xb3\x07'</t>
  </si>
  <si>
    <t>b'\x02\xdbCz\xe8\xc0o\xec\xb3\xfd\xae;O\xf6\xfd\xded|:|\x11\x89\x9e\xf9\n:Y#gpc\x18'</t>
  </si>
  <si>
    <t>b'q\xd3\xa7?)5\xee\x0f#\x82O/\x03-\x8f\xf2\xd6\x7f\x9e\xcau\x0eWv1z\x98\xca\xf8\xf4\xef\x9d'</t>
  </si>
  <si>
    <t>b'R\xcb\xaf\x11\xc7o\xa67;\xadZ\xe4\xe6 c\xeb\xcb\xa9\x80 wt\x03\x88v\xd1X\x9f\xf0\xd2\xe5\r'</t>
  </si>
  <si>
    <t>b'\x9a\x86e\xa7\xe4$Y\x9d{)\xe6E3\xee\x9603\xcc\xff\xc0:R6\xea\xc5\xfer\xb9x\x05\xac\xcc'</t>
  </si>
  <si>
    <t>b'\x83\x8c\xee?c\xa5/\xf9/I\x05\x1a\x8c\xf6K \xb4^\xd5F\xab\xc9u\xf8\x8a\xa5c\x9d\x08\x88H}'</t>
  </si>
  <si>
    <t>b'\xfc5\xcb\x99-\xbc\xb4M\xf2l\ra7aI\xff\x8f\xd7\xe0\xfarP\x1c?1\xd5\xcc\xcd\xcf\x1b[\xe3'</t>
  </si>
  <si>
    <t>b's\xf5Dl\xd9\xa4\x14\xa5v\xc7\xefRW\xe3\xe4&amp;!\xd4\xa8n\x02\xf1\x9al\xcf\xfd\xc4\x8a\xd4\xd5JE'</t>
  </si>
  <si>
    <t>b'\\\xf9\x7f\xd4\xd1"3\xacN\xf5\xa8.\xc8&gt;\xaeEU\r\xf6\nOv\n\xaa\xbf#\x8e\x82C\x9bI\xfa'</t>
  </si>
  <si>
    <t>b'\xfdZ9\xab\xcb\x06X0\xd1$!\xf5\xffy\x85\x8d\xe5\xf6\xb4\x1bV%\xb08\x18\xc7-C\x04\x11Y\x8d'</t>
  </si>
  <si>
    <t>b'\xec\xeb\xd7k*\xcf\xea\xa2\x8f\xa9\xf8\x01\xdf\xcdE6*\x12\x17\tPV\xde:`\x0e\x8f\xf3\xdf\x9f\xe8\xe4'</t>
  </si>
  <si>
    <t>b'\xf5\x97\xa7\x9e\x86\x1cq\xc7\xbe/n\x9e\x9e\xebU\xb6\x12\x85\xeb\xbc\xef\x03\x1d\xbd\xb9mH\x82\x89\x9dk6'</t>
  </si>
  <si>
    <t>b'M\x07\xb0\x07\xbe\x07\x95\xe9Dj\n"\xc2\xc4 q\xe1J\x1b,\xc8\x92\x04\xa0\x10\x12\xca.t\xa51\xae'</t>
  </si>
  <si>
    <t>b'\n\xb7\xcbVP\x1aT\x9b\xb4\xe5.\xdbQ\xdcl\xc8\x9b\xcb\xc1lK\xe5\xaer\xf0K\x11\x9e\xb8%\xc5\x01'</t>
  </si>
  <si>
    <t>b'\\I\xdb\x8c\xe5Q\xfc\xe4\xab#\xac\x86\x18\xf9\xe8\xcd\xb4!w\xf9\x10|\xb6 \xa4\x92\x87\xd1h\x1d\x92!'</t>
  </si>
  <si>
    <t>b'\xb3\x15\x97\x13\xc0\xb1\xe6\x9c0g\xa1\xa1qX\xec\x95U\x892 \xae+\xb7\xaa_\xf5\xa1i1\x01\xe4\xfc'</t>
  </si>
  <si>
    <t>b'h\xc8Mz.w\x91^\x12A\xbe~\x05\xfa\xed\xbd\x8e}\xf1\xbd\x96\xc2\x90\x05\xfc\xc3\x03\x01\x14\xbexL'</t>
  </si>
  <si>
    <t>b'\xf3\xaf\x02&lt;U\xc6\x9e\xe5\xc6\x03\xd4\xfbk\xcf\xfd\x05\x1d\xcc\xbc&lt;\xe7o\xfc\xe8\x84D\xe0\xe6\x18\xc4\xb6\xc2'</t>
  </si>
  <si>
    <t>b'`0\x01q\x96\xb7wE\xf7,\n\xa8\x98,\xc0\xf4\x1d7#\xde\xa9\x8a\xadX\xa8\t\xa3}\x94\xb5\xc1\x89'</t>
  </si>
  <si>
    <t>b'M\xb7\xaf\x87\x97\x8b\xf2\xb0\xda[V}\x8a\xe7\xa9FA2\x02\x1bi\xd9\xa5\x13\xf3\x1aRFy\x85\xa5\xc4'</t>
  </si>
  <si>
    <t>b'\xbb\x1cZ\x99(\x99\xc2r\x88\xd7z\xa8\n\x8aW\xec\xa9p_\x88?\xccU \x86\xcd~4Q"\t\xff'</t>
  </si>
  <si>
    <t>b'\xe6\xfbA \xcf\xe8\xbe\xa5]e G\xd26\xf1\xf4\xa5&gt;\xbb\x1aO\x9e&lt;KB!@(\x14k\x7f&lt;'</t>
  </si>
  <si>
    <t>b'H\xe3\xb6$Y\xda\xf1AD\xa8\x83\x952\xc1\n\x87\x90%\xaemf-g\xc2a\xb0\xc1\xb9\xc5\x89\xe9\xc6'</t>
  </si>
  <si>
    <t>b"u\xc4\xfb\xfd\xe2\x84J[\x88'\xab\xf7\x9dl\x9bn\xcd\xb1a\x82R\x12P.Oob\xa1\xe7\r\xde\xd7"</t>
  </si>
  <si>
    <t>b'\xba:\xc0\xcc\xca\x05#\x8a\xe7zp\xd9\x19\xc4\xf9\xe7\xcc\xd2(!7$\x95\xf6\xdc\xb82\xa8?\xdcd2'</t>
  </si>
  <si>
    <t>b'9K\xe4J%\xce\xabd\x15(\xc1\xd4\x1d\xb2\x0b\x07\xb1Yk\xb4\xee|\x7f\xfaM\xcbULW%C\x8b'</t>
  </si>
  <si>
    <t>b'\xd8I\xa8*\xdc\x15RC"\x91\xc0Xq\xb3!\x0c3;\xc3\xa2\xeb\xab\x8f\x07\x90\x8f\x98%v\xc4M\xb9'</t>
  </si>
  <si>
    <t>b'\x93#\x83\xf5\x08\xd5\x13\x84\xf0\xfd&gt;\xa7R\x0c8\xd8\xf5T$\xe2\xc6.\xcdy\xbf\x03\xd8[\xac\xe6\x8bv'</t>
  </si>
  <si>
    <t>b'\xd5^\x9f\xdc \xe5\x91\x1d2\x1fY\x05\xf9\xf4\x16\x0c\x84\x18\xf9\x86\xd52z:\xb4\xe1aL\xf0\xe9\xee\xa2'</t>
  </si>
  <si>
    <t>b'7\x92\x06\xcc\xb15\xbauw\x9a7k\xebEa.\xdc7\xc0`\xab\xb5\xfa\xb9\x90\xb3\xfd\xb6\xda2\xcf\xd8'</t>
  </si>
  <si>
    <t>b'\x99\x19\xf6&lt;\xc5r\xb8\x1d\xaf\xb0\x18\x8a\xe4\x95\xbd~\xc9e1\xa5\'\xba\x04~s\xbdF\xc9"n\xf7\x14'</t>
  </si>
  <si>
    <t>b"N\x8eX\xcce\x8c'\x8a\xfe\r\x9dX\xcf'4\xaf\xdc]\x94\x97\x00\x0e\xb9\xd0N\x84\x8b\x10\x8b=6\xd9"</t>
  </si>
  <si>
    <t>b'\xe7\xf0R\x84\xc9?S\xb7\xe7\x93\xa6\xdec\x11\x94y\xc9\xeb\xcfR\xa8)\r\xf2\xdd\x0f}\xa04A\x0c\xdc'</t>
  </si>
  <si>
    <t>b'\xc1p\xe20[)\xba\xf3t\xe5\xbc\x85&gt;\x19\x9e\x15\xb8o\x18\x1d5}K\x93\x92\x17=\n\x138\xb7\xdc'</t>
  </si>
  <si>
    <t>b'\xc0\xc4\xb2\xf8\x8e\xdf2B\xbdX\xa3w\xc8\xea\xa6\xc0\xbf\x1f\x9e\xba\xb6\x80M\x85\xc0DS\xf7Xh\xbb\xfd'</t>
  </si>
  <si>
    <t>b'3\x18\x0f\xb5hR6\x00R&amp;7\x8c\x84\xc0\xe1o\xe5\xa1\xd5\xd8\xbe\x01\x9dQc&lt;{\xa2\x1dmZ/'</t>
  </si>
  <si>
    <t>b'\xa0y\xa3r\x1885\x8dX\x8a\xa4\xcb\xa7\xf5c\xd9=,\xceSv\xc3\x19\xe7\x12p\xb6\x9e_i\xfb\xbd'</t>
  </si>
  <si>
    <t>b"\r\x86A\xa6\xc6\x94_\xb3\xdd\xf5\xcd\xdeN\xfbr'\r\x19\x95GLr\xa2\xea\xaaO}\x10\x1d\x96s\xa6"</t>
  </si>
  <si>
    <t>b'@.\xe8\x19\xb8\xef\xae\xc8t6\xf3V\xc6|\xc1%\xbcF\xd5\xa0\x96`\xa0J\xf4\xc5\xbaN\xdcL\x00n'</t>
  </si>
  <si>
    <t>b'\xf3\xb1\xb4\x91\xf6\xa2\xcf\x99\x99\xe0uj\xb5eU)\x8aX\xaa\xdbPT\x0f\xe2\x96!,\xde\xac\x00l\xa8'</t>
  </si>
  <si>
    <t>b'\x15M4\x06\xd0\xe3$r\xa3L\x08(\xef\xe1\x85\xa1Y\xfdTJ\xa5\xbe\x9c\x98\xdc\xccR\xb3\x98X\x0c]'</t>
  </si>
  <si>
    <t>b'\xa25(\xdd\xe8=\x83NS\x92\x97\x88\xca\xf1\x8d\xacq\xfdH\xa4\x93\xcf@^\xab+\xfcx\xb5\x9dg\xfd'</t>
  </si>
  <si>
    <t>b'\xbcy\x13&lt;\xb4\xbb^9\xff\xc08+&lt;\xde\xfd\xee\xcf\x1e\xd5\x0f\xb7\n\xcb\xfa\xf1\xbb\xefH\xdb\x10\x99\xa2'</t>
  </si>
  <si>
    <t>b'\x11\xfe\x98\xdc\x9e\xe2\x1c\x9c\xff\x9d6\x1cQ\x00\xeb\xad\x81\xdd\xb4\x96\xb8\tr\x01\xf6Q\xf5\x83\x9f\xdf\xe6\x82'</t>
  </si>
  <si>
    <t>b'\x17,T\x84\x01\x1c\x19=\xfc\x08,]YYF]\x12\xa6\xd7`\xc1\xca\x82G\x17\xf43\x90W\x8d\xf8X'</t>
  </si>
  <si>
    <t>b"\xaf\x854\xf61\x17HA\xc7\xb0\xd5'Z\x14j#S\xcb\x1eI\xbaG6c\xe1H\xf2\x88N\xd4\x80\xd5"</t>
  </si>
  <si>
    <t>b'B\xf8DC\xa6 \x05VBx\xa1\xca\xd2A\xd5\xd6%@\x17O\xfe8/\xf7\x8f\xb1h\xd3\xf7\x91$\x19'</t>
  </si>
  <si>
    <t>b'\xd3\xcfx\xe8\xe0n&amp;}88\x95\x0e\xe3\xd4\xd9\xa2\x8bf}wd\xd0\x8a\xabW\x85\xaa\xea\x007\x0e\xa9'</t>
  </si>
  <si>
    <t>b'\xb8N\xff\xd6\xd5=&gt;\xb7\xb1\xafA\xc8\x18\x88\xe2f*bU\xd2\x10\xae9\x0e\xf2\x95\xa5\x9f\x02|\xee('</t>
  </si>
  <si>
    <t>b"&amp;P'F\xea\xae\xcc;!bUj=f~\xa4\xbfV\x97\xed\x8f\xa4K(!dU\tk+Q\xf0"</t>
  </si>
  <si>
    <t>b'\x91\xcd\xb0\xf5\xb8{\xe0\x1a$\xc5D\x1d\xf6\x9a$q\x86\x17\x10\x8e?\xc3\xda\x11\xe4\xafx\xec\xceF\x99g'</t>
  </si>
  <si>
    <t>b':\xda\xe5\xe3\x1d\x81\xb1\xaa+\xbe\x8b\x0fw\xfaL\xa5\xde\x14N\x13\x9a\xdbh\x10\x11\xb1\x8e\x92\x83w\x04\x1e'</t>
  </si>
  <si>
    <t>b't\x81\xa8\xe0\x1a\xbe\x97\xca\x00\xcb3\xf3\x95a\x86\xa9\x1e\xa6JhM\x85\xe1\xee(S\xc4\xac\x18\x1a\xce\xd0'</t>
  </si>
  <si>
    <t>b'\xbel\xc0/f\xe3T\xf5\xd6\xdaI0\xad!\xecpu\x19\x95\xd7P\xa5\x9b\x19\xac%\x8c\x03s{X\xbe'</t>
  </si>
  <si>
    <t>b'\xe2\x89\x80\xa3\xcb\xee\x8e \xbf\xbb~\x0b\xacWQE\xe7?\xfdt\x87Ooj3\xa1S\x94\xdcA\xa8\xd4'</t>
  </si>
  <si>
    <t>b'J`\x96\xc1\xa2\xaav\xe0\xe4\x1c|\xaa9\xc9\x80\xc1\x19\\\x8a\xe6F\x0f\\p.p&gt;\xdcw\x10\x0f\x0f'</t>
  </si>
  <si>
    <t>b'\x06\x9fz8\xd8Ey\x1a\xa8%\xb5\x1c\xc2\xf4\xb8\xe00\x1d\xd0\xc8\xb2c\xb9\x16\xf2j\x94\xfa\x8f\xcc\x10\x95'</t>
  </si>
  <si>
    <t>b'&amp;\xef{5\xc0\x8a\xa0\xcf=}\xc9\x940B\xb4\xd7\x1b&gt;\xd9\xfbB\x00\xe1\xef!\xabV\x10\xae\x8c\xd6\xe9'</t>
  </si>
  <si>
    <t>b'\x14\xf7\xb3\xe9Q\xef\xea\xb4\xaa\x86\x1d\x069Wd&gt;{LW\x84\xb0G\x9e.;\x8ev\xd3\x7f\xc0\xdc\x9c'</t>
  </si>
  <si>
    <t>b"7\x9e\xc4mC\x81\xc7\tJ\xc4\xe1~\x07\x17\x91J\x916`k v\xd8g\x98^\x93'o\xa1 \xbc"</t>
  </si>
  <si>
    <t>b'\xbb\xe5\xa8\x8e\xac\xc9\xea\xe0)\xe3\xc0\x1c\x0cD\xb0&amp;\xa9\xc5\xcd\xb7\xfc\x92D\xc0\xac\xd7\xec\x194d\x19x'</t>
  </si>
  <si>
    <t>b"\xdd\xa4q5\r']9!\x12's\xfc\xff\x1a[\xfd\n\xd0)xK\xb7\x15\x88Q\x1cX\xb3,{|"</t>
  </si>
  <si>
    <t>b'\xa5\xc3\xde,nO_Ie,\x0c=,$SRx\x95\xc3-k\x8bc\xf28\xdbdX\x01U6\xa0'</t>
  </si>
  <si>
    <t>b'\xa6\xb0\xc4\xc9\xae\x03\x0fX\xb6\xf4\x84\xd43Y\x88\xdf\xe8\xc5\x80\x88f\xe9R\xbc\x13\x98\xce\xce\xf7\xc1\xc8\n'</t>
  </si>
  <si>
    <t>b'j\x8cyM\n~\xce\x06\x1c\xdd\xe1\xed\x9f\x9d\xf1)\xcc\x03^]x1\xacxMA\xc8\xe9\x99\x9e\xd6\xe1'</t>
  </si>
  <si>
    <t>b'\x13k:\xe8#\xc7]e\xc0\x16\xe7\x04h\x03\xcd\x07v)\xeaw\x08\'Y\\\xc4\xfd"\xceZ\xb3\xe9\xbe'</t>
  </si>
  <si>
    <t>b"\x01O[`\x9b\xe8\x05\xdc'\xd9\xe1\xafD\x12|Uu+\xeb/\xb8\xa2\xfc\xe8[\xb5\xf2\xbe\x11\x81}\x9f"</t>
  </si>
  <si>
    <t>b'\x9ecA\x02\xae\xacg\xfe\xb3#\x02q\xd9\x96Gg\xa5\x11+\x1aS\x08\x05e\x8d\x96\n\x17Jo\x11\x88'</t>
  </si>
  <si>
    <t>b'\xac!\xa3&gt;\xda\xaf\xf4z:\x13\xd0\xe7\r\xa8@"\xa7\xbc\xb7\xe0\xf4_\x80\xbb\tT2i@\xe6w\x9a'</t>
  </si>
  <si>
    <t>b'\xe1\x8eM\x12h\xcd\xd3\x91\x16\xce\xe9*f\xeac\xe4^\xf431\xbf\x7f\xefr\xc5\x1a&amp;\xd1\xaa\xa9\xa9&lt;'</t>
  </si>
  <si>
    <t>b'O&amp;\xac\xd1\xb9\xe0c\xe7\xec\xbe\x92\xdb\x96*$\xe1\x0c\n\xd8\xe3\x12\xea\x97\xb5\x161`\xe5Z\xfa\x90O'</t>
  </si>
  <si>
    <t>b'0\x1e!dl~\xadG\x08\x14\x04\xd6\xa6\xfdW\x90,\x9d\xb8\xa7\x07F\xdf`\xfd\xbb.\xdf;t\x97\xb9'</t>
  </si>
  <si>
    <t>b'"\xbc\x91\xa6\x1f\x91)\x88\xc9\xd3Ph\xa05\x9c\xee?\x94[\xb4(\xb8wF\xbc\x9a/\xea\xcf\xa1R\xa4'</t>
  </si>
  <si>
    <t>b'\xbbf\xe6\xc6z\xf9&gt;Xe\xb5\xec\x9e\x8c?\xbc\xe17\x8d\x1f\x84\xec\xe5\xf71x\x97\xb4\xc0\xb9\\p\x0f'</t>
  </si>
  <si>
    <t>b'F6\xe47X\xd8\xd8\xb0\xd2\xef\x97\x04\xe65^\xedG\xedi\xd4&lt;W\x94\xe8\x8e\\9\x98\xb2\x84tI'</t>
  </si>
  <si>
    <t>b'\xbc\x99\xdb\xf0@\x8a\xca\x00&gt;\x13g\xa9Dn\xa8\x89#\xc4J\x93\x04\x99%\xfct\xe4\x13\x0c\x04\xc2|\xad'</t>
  </si>
  <si>
    <t>b'\xe2\x88\x8e\xf8]\xbc\xd3\xfbe,&gt;\xae\xa1\xce\rH\x0f\xb0\xf4\xbfP\xc17A/Y\x8c\xe7\xa8\x9bg\x0f'</t>
  </si>
  <si>
    <t>b'\x82!\x1d\xae8\xc5\x90\xc8\xbc\xb7\xe1\x02l*\xeb\xe5\xa70C\xc7\x92\x89\x0f\x96\\kp\xd7\x1c\xe7Q\x16'</t>
  </si>
  <si>
    <t>b"\xa2\xca\x9c\x19\xf8B\xc3\xe4\xe1\x8f\x117'\xf0\xdb\xc7ez\xed\xa6=\xfe\xden\xa6\xaf\xa5~\r\x16\x06\xb9"</t>
  </si>
  <si>
    <t>b"Q8\xd5\x8cE\x80y\x1e'&amp;1\x0b\xec\x98\xec\xb4ue\x15\xb5\xe3\x8d\xeb\x01p\xa1\xb3\r\x82\x7f\xf3\x1d"</t>
  </si>
  <si>
    <t>b'\xbb$\xcdt\x1ci\xcb\x82=\xa0\x07\xb7xJcH\xdc\xa0\x81\r\x89&lt;&amp;\xd4\x0eJ\xbbS![\x80\x14'</t>
  </si>
  <si>
    <t>b'\xbc\xb2\xf9\xcf\xb6\xe4\xc1y7\xf0\xd3&amp;u\x07\x04\x9a\x98\x89|b\x95H\x1b\xdf&lt;\xf7\xa2\xf1\x8c\xa7\xbfo'</t>
  </si>
  <si>
    <t>b'Z\xd5\x01\xee3\x88\xbe\xca\xa1\xb2\xba\x1a\xf0\xbc@S\xce\x06\xaaCb\x0c\xcc\xbe\x11A\xf1\x9a\x05r\xfb\xea'</t>
  </si>
  <si>
    <t>b'\xd2F\xa3\x97\x8am0s\xd5\x04\x8dJY\xc5e\x8dL\x81j\x00EP\xcc\xa0X\x14\x84x\xd7xid'</t>
  </si>
  <si>
    <t>b"\xf3\xcc\x00A\x8d\x9cl\xe31\xf6\xa54v\x00\xab)\x03\xfdH\n\x9c'*\x82\xbbB\x0e\xa6\xb7Q\x17\xb3"</t>
  </si>
  <si>
    <t>b"'\xb9\xea\xdd\xd5\xa6\xec\xd6\x83t\xcf\xdc\xd6\x16&amp;\xe1\x0b\xcc\xa7\xf7zB\x04\xe3\xc9\x92\x83\x1c\xcf\xb9\x90\xaa"</t>
  </si>
  <si>
    <t>b'\x8arb\x90\x03s\xa2\xf1D\xc1\xf4\xb7,\xcf\xcep\n\xf0\xe5\xff\xe5_\xa8@\x1cw\x19@\x1b^\x1b\xc4'</t>
  </si>
  <si>
    <t>b'\x08\tO\x85\x85\xbe\xd8\xd5\x97/J\xda\xce#\xa36\xe6\xd1D\xb9\xda \xae\x92\xe7\x15aK\x8c\xd3\xfd\x1a'</t>
  </si>
  <si>
    <t>b'-]Mo\xde\r\xef\n\xbf\x00\x9f\xa2\xb2\x95W@\xe6txa\xfe\xa1\xe6\xe8Y\xd2fk\x13xjI'</t>
  </si>
  <si>
    <t>b"4\xe3n\xb8?\xd3'B$w\xa9\xbd\xa8\x96\x0fH\xd1\x9e\xaaUd0 \xb5\xae\xc3\xfc\xe3p\x1d\xbf\xb9"</t>
  </si>
  <si>
    <t>b'A\xa7\x98(N\xac\xf6\x84G\x1ba{Y\xf6/\x02\x13\xb6\xe2\x8c\xe9\xachJ\x11\x11ZO\xad\x94Ej'</t>
  </si>
  <si>
    <t>b"\xc6L\x9d2\xd7\xe5\xc3\xfa/\x05\x86\xb9\xc9\xa99i\x89\xd87\xbcV\xacI'\x95J\x0fcBWu\xf4"</t>
  </si>
  <si>
    <t>b'&lt;\x15\x15\x04*\xc8\x92X\x80\x9c\x10xq\x87\xd8\xaf:\x0f*60&amp;\xc2H\xc4\xfb3\x99\x80J)}'</t>
  </si>
  <si>
    <t>b'\x86\x1d\x8b\xd66\xdd\xe4S\xd2K\x08.\xed\x84\xf0\x87\x9e\x85V\xf5Fi7B\x82c\xf5E\x14\xc3\xd2\x82'</t>
  </si>
  <si>
    <t>b'H\xd4#\x87d_\xdc\xa8\xd4\xbc\xb3N\xb5A\x1b\x8b!\xf8\xbc\xc8\x1aN\x90y\x07\x1c2M4\x9f\x0b\xe4'</t>
  </si>
  <si>
    <t>b'\xbfo\x8dp\xd9\xf0\xb5B\xcd\x8a\x13\xa2\xc4\xed\x17\x83 \x00\xffFP`^\x87)\xbf\x00\xd3\xed}\xc4*'</t>
  </si>
  <si>
    <t>b'P\xa6\x92\xe1WF\xe6\xcd\x10\x9f\x03j\xa1\xd5\xcbT\xe8h\nag_w\xaf\x16 \x131\x0e\xa7G\xde'</t>
  </si>
  <si>
    <t>b'8&lt;%{\x83\xf4\x17\x8eY\xb5\xb9\xb5\xc4dn\x06\xe0\xf8&amp;\nmV&amp;\x87\x8d\x03\xa8Z \xd3=B'</t>
  </si>
  <si>
    <t>b'\xc0lO!\xe2u\xfb\xc3\xdb\x0b\xa3\xe8\x87\xe7\x8b\x83Y\xf6dL\x9fw\xe1\xfd\x16W\xb2t\xf4\x9eS\x84'</t>
  </si>
  <si>
    <t>b'Zgx\xd5\xbc$2m@\x87\xac*\x16\x9d \x85\xc6/1\x12\xbf\x81\xac\x85\xd1\x07\xc4\x12\xcf\x16\xae\xee'</t>
  </si>
  <si>
    <t>b'\xb6\x00\x98z\x92R\x19%x\x18\x83\xc5\x15\x0b\x05\xb9\xbb\xe7+\xb1\xeaq\xed\xd2\x0e&lt;\x86\x05\x8et\xfft'</t>
  </si>
  <si>
    <t>b'mUS\x84\xe7\xf3w\x08m\x1dke\xc0R\xca\xbcsI\x9f\x1d o6\xfa\xaf\xb1&amp;\xec\x929\x1f\x90'</t>
  </si>
  <si>
    <t>b'\x91\xd0\x03\x82\xa9\x98\xd0}=\x0eF\xfe\xf9DN\xe5\xc7\x8du^Q\x878o}7\xcf\xd8)\xc3\x1c\x11'</t>
  </si>
  <si>
    <t>b"\xcf\xc58'\xf0\xb0Bj\xc4Z\x17\xd1\xeb-\xb2\xed\x92\xa7\xcf\x88\xfa5\xb5\xcd\xc9\x94\xf0T\x15\xae'I"</t>
  </si>
  <si>
    <t>b'c\xabT?T\xd9.F\xfe\xa2[\xa5\xbf\xac\xc8\xb7\xc1\xac&amp;\x040R\xe0^\xa0\xddyq\x94\x94\xdc\x8a'</t>
  </si>
  <si>
    <t>b'4\x05tU\xe4\x8e+qP\x077!l\x1a\x14\xcd\x93\xf63~\xdf\x80\xbe\x18T/\x91D_O;\xc9'</t>
  </si>
  <si>
    <t>b'=\x0cr\xc0 \xfe\x97\xdcE\xe4\xc4\x8f\xbf\xc5\xc8\x08\xd6\xf5\xbb\xbc\x06\xf8S\xc1Y\xac\xc6\xc9]r|\xcb'</t>
  </si>
  <si>
    <t>b':T\x06\xfff\xd2\xe1-\x9bH\x9b\x85\xc4&amp;p\x174\xd4\x0c3r[\xc5\x0b\x95\xf7\x0b\xf7\xe8u\xcc\xb9'</t>
  </si>
  <si>
    <t>b"\x04B\xa5\xeez\x82\x1cy\x02\rD\x1cis\xd1\xbe\x9a\x1a\xf8H@\xf3%\xb1\r\xccP_'\x8e\xf7%"</t>
  </si>
  <si>
    <t>b'\xe3\x86\x15_\xfc\x85xg\xc2x\xdf(\rN\xb3\xc2s\r#\xec\x0e\xb6\xba\xc0\x0e\xbb\x1ax1\xa3\xe6\xc1'</t>
  </si>
  <si>
    <t>b'\xc4@m\xe5\x90O\xf2hw\x8b\xda\x9e#\x8b\x9eI\xf0mEa\xbe\x8f\xc6jx\xc4^9\xb1\x80$S'</t>
  </si>
  <si>
    <t>b'\xb9/\xc8\xcf\x1f\x10\xaeU\xcf\x15\xbc\n\xbf\xf4\xbe\xe4\xf1kP\xab\x9e|\xff\xd5\x87\x9e\xd1\xc1RV\xb9='</t>
  </si>
  <si>
    <t>b'P6&lt;\xa1YH\x13%\x8f&lt;\xa9\n\xbcZ\x96\xd6N\xbd\xf9BHN\r\x8e\xd27K\xb4\x8c\x06$\x02'</t>
  </si>
  <si>
    <t>b'A\x95\xae\x15\r\xb0\xaa\xd1R6o*\xc9r@\x9ct\x05\xeb\xdb\x14y\x11\x99\x80\x16q\x93Q2,B'</t>
  </si>
  <si>
    <t>b'\x9b\xcc\xe6N\xef\xd3\xa8\n\x1bK\x18`\x08&lt;Q\xce\xe3\xf6\xc1\x85\xc9\xa7\x92\xd1\xa3\xd56\xc0H\x996\x02'</t>
  </si>
  <si>
    <t>b"\xe0\xe0\xbbJ.\xd6\x01\x96G\x85k\xc9\xa0v'\xd7\xfb\x9d\x81L{*TS\x00\xe8\xa7It\xaf\xea\x7f"</t>
  </si>
  <si>
    <t>b'\x10G\xb98V\xab\xc3\x1a\x00\xa4\x1aj\xcf\x87\x99~S7\xb1\xbf[\xd3\x9b#\xa2\xe9\xf0whg\x92\x8f'</t>
  </si>
  <si>
    <t>b'\xcb\xc7PnB\xe7\xbd\x84\x05\xa1\x8a\xbb\xcfh\xb2\xe50\xfa \xf3\x0e"y\x93\x8bPCF\x03\x0b\xec\xbc'</t>
  </si>
  <si>
    <t>b'\xa1\xdb\x14(\x85\x04\x0b\xae0\xf5\xc2]\x92\x1a\xd4^\xca\x85\xc8\xc84\xf2\x8a2l\xaa\xbe\x1c^5\xec\x8d'</t>
  </si>
  <si>
    <t>b'\xc5y#,vz\xbf\xe2\x1f\x04M\x84\x88\x1e\x01\xc8\xa5\x07\x10\x02\xc5k\x94\xc2I\xf2QP\xf0\x9d\xa9\\'</t>
  </si>
  <si>
    <t>b"}\xdc[\xb1\xc4\xcb\x8e\xe1*4\t\xc5=\x0b\xae\xa8\xda;c\x93\xfd\x06Bf\xc2\xc1\xa5f6\nn'"</t>
  </si>
  <si>
    <t>b'~D&lt;\xe2\x8e\xf7/\xc2\xb5A\x00\xbb\xcbD\x1f\xc1\xc2\x9c[\x1dp\xe9v0\xd5~\x86L_\n\xabj'</t>
  </si>
  <si>
    <t>b'F\x90\xe42\x9e\x82U\xf8\xc6Ab\xcc\xf3\xc9i\x1e\x12;\xfd\xf2\x03m\xfc\xb5o\xb5\xb4\xec\xa1\xc3&gt;\xa8'</t>
  </si>
  <si>
    <t>b'\xa2/\x07\xa5}\xd8\xc0Qo\x07\xb1\x12\xbfof\x0c\x14{agv\xc2\x00\x89/;\x1e#g\xd3\x97\xa1'</t>
  </si>
  <si>
    <t>b'\xbbU\xd1w\x02\xbb\xeb\x89R\xf9\xc8\xb0\xbf\xeb\xaf=\x11\x95\x95\x95\xff;\xcb\xb2!{\xeb\x0e\xba\xee?\x02'</t>
  </si>
  <si>
    <t>b'\xec\xdd\xd7h5\xe3\x17\x15~\x8f"\xd8f%\x8bZ\xf0\x177\x15\x01\xa0\xcd6\x84\xdb\x9b\xef\xefS\xb9\xcb'</t>
  </si>
  <si>
    <t>b'\xfdF\x1dy3t\xdb~\x95a\xa9\x8cF1C\xf9\x15\x82p\x83\x00\x93\xca\xa7\x9dv\xd6u\xce\xc7\xf8\n'</t>
  </si>
  <si>
    <t>b'\xf7\xac\x04nlY\x8a\x8b\xbd\x0cv\xa7\x85\x9f\xbdJ\xea\x13\x9c\\\xc0\xf8\x8d\xcbn\xe1\xa2\xc8\xa1\xb16?'</t>
  </si>
  <si>
    <t>b'\xb57r\x94\xdeem\xbdi,\xfb\xcc\x19(\x13\x02u\xcd\x8d\x90-\x8b8N\xdd\x9a\xabP\xf2Bq\xf8'</t>
  </si>
  <si>
    <t>b'\xed\xa9\x8bfI58\x93\x7f8\xf0\n\xb0\xed\x9a\xc9\xa4\x87\x16t\x15d\x90\xb9J\xef\xf2N\xc6\xfd\xfdl'</t>
  </si>
  <si>
    <t>b"\x0cNr\xaa\xdcOnL\xb6\r\x1ep\xd4\x15$'\x9d;~\xe3\x8c\xedZ\x1b\x9eaB\x11v\xc9\xe3\x15"</t>
  </si>
  <si>
    <t>b'$3%\x99g"O\xfe\xb9\xa3_\x1f\xc1\x8ea\x15H\xcd@\xde(f\xfc\xa2e\xa0\xc2-\xbbs\xe4\xa4'</t>
  </si>
  <si>
    <t>b']&lt;W^\x90\xc1\xb3\xc5Y\x9bK\xaeYp\xd5\xfd\xb3X\x03\\\xe8\xef\xf6\xf4\xebH\xd7\xc7\xee\x86\xda\x93'</t>
  </si>
  <si>
    <t>b'C\x15\x8c\x80\xdc]#\x8e\xfb\x8b\x9e\xc4\x07\x99\xccw\xeefk\x84\xa6\xa2\xcf9Q\xe8\xabG,\xd5\xf1\xf2'</t>
  </si>
  <si>
    <t>b'q\x84\xbf\xad\x10\xcd\xf6\x15p\x96R\xce\x9au\xbc\x12\x8c9yIr\xb2\xbeQ\x19\xcd\xcb2\x92\x8a\xf1\x90'</t>
  </si>
  <si>
    <t>b'\x9eM\xc7\x8b\\\xa4\xab\x91\x89^\x1ac\xa9\x01\xd0\x16\xc9Il\x8b8\x93\xb9\x18\xd5\xdb|\x1b\xd0\xda\x11e'</t>
  </si>
  <si>
    <t>b'&lt;\x81\xf9\xd5\x8c\x90\x91\x12\xf0\x85\xc3C\x90\x1f\xc2}+\xa1\x04\x1a\xe7\x8c\x06\xbeA$\x8a\x86\x94\x08f\xdb'</t>
  </si>
  <si>
    <t>b'\xccW;\xa0\xab\xe9!\xff\x7f\x0e\xe6\x87\x96\x18\xa3\xf2\xf9\xadl\xd4#\xeb\xe5vl\xf2\xc4\xe1\xe5\xb5)\x12'</t>
  </si>
  <si>
    <t>b'\x12\x92\xaa\x89\xe9S.\xbb\xf91\xfb\x8cdH\xc5\xd2\x9f\\\xe6\x91\xc3\xf9\x9a\xa7^\xac\xfc\xec\x12{S\xa3'</t>
  </si>
  <si>
    <t>b'\xe7v\xc4t\x05E\xcd\\\x98\x18\x16\x8a:\xd9\x06HE\x04\x1b&gt;\x16\x08\x81\x9c\xf2\xd2s\x8c\x83\x99z3'</t>
  </si>
  <si>
    <t>b'~+l~\xdf\x07\x7f\x93\xea\x18a\xfc\x19\xc5\x01\xaa\x1ef\x13\x13\xe9|\x8a\xc4\xd4h\xff\x11\x1dG\x02F'</t>
  </si>
  <si>
    <t>b'\x8f\x11!!\xd7Cb\xc9\xd0~ \x0eI^\xdb\x0e\xc4\xfc\x04\x92.\x85U\\\xab\x7f\x1e\x86o\xe2&gt;F'</t>
  </si>
  <si>
    <t>b"\xde\xc8?C\x8f\n!-\x0f\x80\x01m$V\xbd\xafE\xb5\x92\xd7@_]\xf1'QO\xd35\x12\rb"</t>
  </si>
  <si>
    <t>b'\x91RF\xc6(\xd0\x9ep%\xa3\x82\xbd\xa7\xa5\x82\xdf\x80P\xe43P6\xad\xb1V\xdaZ\x98Ek5D'</t>
  </si>
  <si>
    <t>b'f\xed]\x90fS"\xe5\x99p\xe5\x1fi\x8d\xaeGh\xde\\\x18\xffel\n\x08\xda4em\xd7\xd4&amp;'</t>
  </si>
  <si>
    <t>b'K\xe1\x8f\x10\x06\xbd\xc6K:^f\xb5\xfb\xf8ml\xef\xd0\x1d\xf6Mz\x0f\xf5T`\xdeuK\x04M\x91'</t>
  </si>
  <si>
    <t>b'\x00\x95\xf5k\xfe\xa6~Y\x8fI.\x16R\xb4d\x08^\xd1\xef\xd3\xf2\xfb\xc0S\x88\xa4\x95\xdf(\xdd@H'</t>
  </si>
  <si>
    <t>b'&amp;\xe5x?#\x14\x17\xf7\x1c1E,\x9f{\xf1\x82\xd9\xc6\x93\xdc\x91t\x1fXf\xec\xa6\x9f\xda\xec5\xac'</t>
  </si>
  <si>
    <t>b'sF&gt;\r\xf6\n\xb0`gD1\xf7j/m;\xe1\xea\xf2\x03\xf8\x9b\xb1\x85\xa8\x1dG7\xc3;Z\xb8'</t>
  </si>
  <si>
    <t>b'\xe0hb\xb1\xe0\x8e.\x9eQ\x07N\xd1\xe4\xbc@S\x9f\xfe\x0c\xab#WL\x99\xf0\xbb&gt;\xf5\xcc}6\x8a'</t>
  </si>
  <si>
    <t>b'n,\x82\x9f\xcc/\xdbu\xe7\xda$\xbf&amp;\xfb2\xeb1\xd4\x02\xa1\xf5K\xf8\xd1V\xbc\x11\xba\xba\x96b\xb7'</t>
  </si>
  <si>
    <t>b'\xc8\x8dJ\xcf\x99n&lt;\xe9\x88hJ\xf8a\xd5\xd8\xfe\xc9_\x0c\x1c\xb6\x11a\xffc\x86!/D\xdeO\xe3'</t>
  </si>
  <si>
    <t>b'\xd9\xa0\nk$\xc8\xd3\xc9\xfb\xc1\xde\x8e\xf7\xf3\xca\x89P,+\x82\xe4Qt\xcf\xa7\xaf\x8c\xa2wo\xd9x'</t>
  </si>
  <si>
    <t>b'\xddi^d\xfe0\xff0_\x9a\x17x\xd0tK5w\xa5\xc1\x894\x0f\x9dR\x07\xd4\xc0Z_v%\x8e'</t>
  </si>
  <si>
    <t>b'h\x10\xb4\xf8A\x97R2\x84C\x11\x7f\xccbW\xe1\x06\xbeQ\xf7\xe8\x03\xc2KJ\xa4Dp\xef\x0f\x01h'</t>
  </si>
  <si>
    <t>b'\xed\xfe\xc9;)\xa6F\x0c\x16\x0c!\xf7\xb5"\xa9\xbcv\tIzB\xad\xd8\xa6\x84\xc8\x96\x9a\x89\x9c\x14#'</t>
  </si>
  <si>
    <t>b'{\x13\xb7\xe6\xd6\x9f\x04S\x95b\x99\xc0-&gt;pVG\xd5\x1eN\xf9+\xb3\xe8\xc02j\x00\xdfo\x9e\xfd'</t>
  </si>
  <si>
    <t>b'\x8e}\x94\x08\xe5\xfc\xbb\xfe\xb9\xde@\x18\xec\x8c\xf5G\xb5\xe1\xe4\x15\xafs7x\x03\xafj\x84\x17\x83\xda/'</t>
  </si>
  <si>
    <t>b'\xc9\xbc\xe4\xde\xa0\xf7b\xb2Hsl5\xc5\x0b\xd8\xf0k\xf8+be)~\xc4\x00\xb6&gt;\x9f\xf6~\xa0\xb6'</t>
  </si>
  <si>
    <t>b"\x16_\xde\xe2\xbf\xe6\xb8\x80'p\xfe\x98\\y_=\r\x8d\x92\x84\x152)\x1e&lt;\xa1\xa2\xc9\xdf\xc9H\xb7"</t>
  </si>
  <si>
    <t>098xx</t>
  </si>
  <si>
    <t>b'\xfc\n4\xf9@\xd7\xf0\x14F\xa7\xf8\xba"\x8f3\xc4\x14\xae$uZ5\x04HSw&amp;\xe0\x18\xa1\xe5\xe7'</t>
  </si>
  <si>
    <t>b'\xd6\x12\xfcH\xfa\x8b\xaa\xa2\xf9\xd5"\xca\x99\xf6\xe9\xb1a\xb5\xd8\xfe\x80\xd1\xb3[\\\xd7\xb0\xca^\xd4n\x8b'</t>
  </si>
  <si>
    <t>b'*V\xfb3\xd4\x86T\xa0\xd7-\x80\x92\xa1r\x92\x14\xd4\x93\xed\x85\xb7H\xe0\xef\xec\xea\xfe}\x12\xcbl\xd9'</t>
  </si>
  <si>
    <t>b"\xbe\x1b\xfb\xd63\xc3\xbb\x87\xbb\x85b\xfd\xc1\xa4\x8e\xe7'\x1b\x9e\xfe\xd8\x8f\xdb\\\xc0\r\x85\xd6\x96\x98l\x9d"</t>
  </si>
  <si>
    <t>b';)\xe3V\x1fkLm\x81d\x8cQ1,G\xf3\xca\xe2\xded\xea\x8a@\xab@\xdd\xb9\xee[\xecOf'</t>
  </si>
  <si>
    <t>b'\xb7\xc4\x11\x89h\xba\xf5\xe0D\xc2\x19e0\xc8\x974G\xcd\xa5[\xe3\xea\xba\x06\xeal\x0e\xe3\x17\xda#\r'</t>
  </si>
  <si>
    <t>b"\r\x84\x9e\xbev=+x8\xed#\xc2\xbcq:\x95\x0f\xb1'\xba\x92'\xc6\x9e)y\xe6\xc8b\xa56D"</t>
  </si>
  <si>
    <t>b"a\xd5\xf3\xebJ\r\xd2\xf8D\xa4\x94\x9d\x12S\x998\xcb\xfd[2\x8e\x89j\x80\x12+T\x88'\xee&amp;9"</t>
  </si>
  <si>
    <t>b'\xc3\xbb\\\xf2\x92X\xd9433\xd6s]\x81\xca6w\xe0\x11N\x06aj\xa5\xc8\xdeeF\xdd\x04\xe3\x07'</t>
  </si>
  <si>
    <t>b'nFS\xca}\x93\x94\x1a\xfb\x82\xd2\x80\xa4g\x93\x8d\x9a;k\x82.,\x01\xac5\xee\xe2m\xcd\xb8\xfc\xc1'</t>
  </si>
  <si>
    <t>b'W\xf0+F \xf6\x0cW\xb2\xa3\x84\xf4\xf8\x9d\xb8\x94\x9d\x95w\xd16\xacs\xe0";\xea\xfb\xef\xd3lK'</t>
  </si>
  <si>
    <t>b'\x18]\x0b\xe1#\xb7\xef"\xef\xba\x18\xeej\x8dp\x88\xf4\x8a\xa9\xca\xc8\x1aa\xeaO\xa7\x12\xf6\xcb\xce*;'</t>
  </si>
  <si>
    <t>b'%9\xf2\xe9\xdc^\xcb\x19X:[\xf5#|\x02\xde\x02k\xcc/S1\n\xd8\x8b\x02\x92.\xf7\xf6\x08\x90'</t>
  </si>
  <si>
    <t>b'Sl\xe9\xc1\x1a%\x1dv\xcf\x12\xb1\x86\x8b\xcf\x19\xd2\xa8\xb1\x8d\x84\xca\xe8\xda\xe9\xea\x01\xca\xfbl\xb5\x99\xdd'</t>
  </si>
  <si>
    <t>b'`\x93_\x17=,\x01\xad\xeb\xc0\xbdl\xbb\x7f\x801\x01HN\x97G\xd7\x86&gt;\xa7Gv\xf6\xe7Zy\x02'</t>
  </si>
  <si>
    <t>b'\xb7\xe0\x1e5\xae\xb5\xa4Y\xf2\x14\x8e\x9f4\xb826\x19D\xdc\x00\x90*\xeeH\x9f\xd3j\xa0pX\xace'</t>
  </si>
  <si>
    <t>b'\x19\xa2\xa7\xabo\xbb\xb2O\x94&gt;\xb5\xce\xe8\xd2K4\x02"\x04\xc2\xb4\xe7\x02\xb3\x8c\xf5\xa7\x14G\xec\x89\xd6'</t>
  </si>
  <si>
    <t>b'-\xaa\x17\xbc\xf8o\xaa]\x96&amp;\r\x03\xaa\x8d:\x1cySG\xe7\xdb^r\xff\xe3"\xdd\xc0\xa3\x03\xa3k'</t>
  </si>
  <si>
    <t>b'}\x84\x8c\xe9dW&gt;\\D\xfcO\xde\x90]\x98\x0e\xe9\xbe\xf6S\xb2\x97}\x9d\x10\xde\x1b\x14\xbbY\xe6\xeb'</t>
  </si>
  <si>
    <t>b'e\xfc\xa3\xff\xdb\x81\xab\xe8\xc6\x06Z\xd1\x95\xe2\x95\xef\xdf\x98\xa15"\xc5D\x83a\xdd\x8b\xc9!^\xe9\x95'</t>
  </si>
  <si>
    <t>b'i\x80\x04\x1e}\xc5y\x81\xfe\xfaM\x1a:\xc3\xd1_\xc6w\x89c\x97\xeda\xee\xc1b)=C|^e'</t>
  </si>
  <si>
    <t>b'x\xfbu\x1c\xe8\x84\xfe\xe6\xec\xd4k?&gt;\xfb\xf9Q\xdcP\xce\xa2\t0\xb8\x95\xee\x16p\xf9B\x12\xa7\x9d'</t>
  </si>
  <si>
    <t>b'S\xb1EM\x0e\xf4n\x9bO\xc2\x9d\xdb\xd2Gs\xc9\x92\xe9\x8fe\x83b\xaa\xf45LxR\xefk\xcd\xb3'</t>
  </si>
  <si>
    <t>b'\xda\xf2u\x12\xd7\xac\xb5\x87W\x89A\xf2x\xe0G\xec#\x8b\xab2U\xf4p\xfcg(\xde\x98uC\xfds'</t>
  </si>
  <si>
    <t>b'\x17\xad"M\x95\x1f\x19\xe4?q\xb1Ej\xa1U%u\t\xe3\'\xdc\x05\xf2P\xe6\xb2\x18C\x94\xf3\xb6X'</t>
  </si>
  <si>
    <t>b"\xf52\x02\xdfSqgV\x0b\xe4)\x94\xa8\x0c\xd6;\x8f\xf9$\xc8\x06\x1f\x06\xeb\xd8G\x04\xb9\xe2'\xfc?"</t>
  </si>
  <si>
    <t>b'\x8a\xf9\xb8\xb8\xfa?69\xb0C2j\x11k\xf5\x87\x99\x0c\x82z*\x8fm\x03\x19\xaeY0\xe2\xda\xb3!'</t>
  </si>
  <si>
    <t>b'\xc1\xd0\xa5R\x8ba\x91\xaf\x93M\x17\x9a{\xc2/\xff}\xfdX4\xb4\x1e\xc3B\xa3\x8a\xd7\x91\xc7\xf5a\x99'</t>
  </si>
  <si>
    <t>b'\x87\x96\xff\x0bpm\xd97[\xee\r\x83.\xcaB\\\xd7\x9e\x94\xb9gq\x95\xb6\x05^\xfb\xbb\xdd\x01\xba\x94'</t>
  </si>
  <si>
    <t>b'\xc0\xbb\xca\xf6\x8b\xf8\x9d%\x04\xe2\x9c\xe0\\\xf5\xe1C\xec`f\x96\x05d4\x89-Zj\xfcF\xe1\x810'</t>
  </si>
  <si>
    <t>b'9\xd3\xfa\xbb/\xd4[\xf2\t\xd7M\x97)4\xc3\x07M\x81\xaf\x82\xd0\xee\x06\x1e\xc9\x07\x0f\xdc\x11\xa6\x06U'</t>
  </si>
  <si>
    <t>b'\xb0`;\xd37\xf1Z7\xfa\x0b2g\t\xe9N\x12\x97~x\xd8-~\xca\x9a\xbc\xe2jF*x\x0f@'</t>
  </si>
  <si>
    <t>b'$\xa33\x97p[T\xe5!-\x97\xe4\xedBn\xf6\x0f\xd6\xd3\xbaX?\x7fp\xc8l\xab\xb0\xe9O|\xcb'</t>
  </si>
  <si>
    <t>b"\xb1'\xab?\xd0 \x07\x1ez\xc9&amp;\x08W\xc7\x7f\xc1\xc9\x1d\xae\x98'Cu\xd3\xee\xe3\xdd\xc6\xbez\x1f\xd8"</t>
  </si>
  <si>
    <t>b'\xc2\xf6\xdavi%O\x9bV(N^\x8a\x9a?F\t;\xe6\xe9\xb5\xd7\xecO\xce\xc7\xd2\xaap\xdeO7'</t>
  </si>
  <si>
    <t>b'8v\r\x18\x05V\xe3z\xe1\xd1&gt;\x9a\x17\xbdO"\xaa\x89\x89A\xf04\x92\x16\x83\xfb\xff\xa9\xc34\xc1\xa9'</t>
  </si>
  <si>
    <t>b"^\xfb\xb2y\xd6\xa2a9\xce\xcf\xe3\x19\x83\xe7J\xfd\x98\x8bm\xe9N9\x05y')e/\x14\xc6\x1d\xc2"</t>
  </si>
  <si>
    <t>b'\x93\xd0\xaf\x90\xa1\x8f\x11\x90\xdf/\x85\xd5\xc2\x81\xf2\x85\x1e\xb6\xc0c\x84\xd7\xe9\xece\xb6\xdc\xb7 \x11Z\xf7'</t>
  </si>
  <si>
    <t>b'\xd8\xc1\xcb\x12\xad\xe6\xd5\x0ex\xbc\xe6"\x87\xcdx\xd3\xac\n\xae\xc0\xef\xfb\xc14s\xc8t\x02C~C\x07'</t>
  </si>
  <si>
    <t>b'\xf9F2\x89^Fp\x8e$\x1bvkMC\xc96+}\xcc\x01y\xbd\xfe&lt;|\xe7&lt;\x89\xbb\x92\xadF'</t>
  </si>
  <si>
    <t>b'\xc6\xb2^\xdf\x07\xb8\xe9B\x94\xd9\xd9\xbf3\x87\x926B\t\xb1\xbe&gt;\xc6C\xf63\x99\x80s\xbdK\xd6|'</t>
  </si>
  <si>
    <t>b'\x08+\xaaD\xb3\xf1\xcct*~}W^S\x93l\xa8e\xce\xdb)\xefQ\xef)q\xc1\xf9\xda\x86%('</t>
  </si>
  <si>
    <t>b'\xc5\xe2~\xe5pCk\x18\x86\x16+\xa9\xb6\xa4\x9b\xc3\x97\xcd\n\x86/T\xa1\xdd\xdf\xcf\xb8R1\xe8Pt'</t>
  </si>
  <si>
    <t>b'm\xd4:\x0e\xa0V\xa8\xa5C,\xcf:\x0f\xd9Y\x8a\xa2}\xd8\xe4\xd4\x02[\xb6t\xcc\x05\x1f\x99{\xcd\xe6'</t>
  </si>
  <si>
    <t>b'\x8a\x1f\x1e\x14\xdf!\xc3I7\x7f\x1e\xa3\x9e\x19W\x850\x05$\xf6\xdfZ\x06u\x9fZ\xff4+\xee\x01\xad'</t>
  </si>
  <si>
    <t>b'\xca\xb2\xee\x0fM\x9a\x1bq\x86\xd6\xed`\x91\x86"\x97\xe5\x19&gt;d\xb4;\x11\x8a?\x94x\xdef\xf1n\x04'</t>
  </si>
  <si>
    <t>b'\x93\xd2\xa3F\xca\xa5\xf8~L\xc7\xd2:\x8f(^\xe1\x06\xbd\xf7\x0cX\x95\xbaKa\x06N\xca\xc3\xf8\xd1#'</t>
  </si>
  <si>
    <t>b'4\xbe\x95\x1ev\xd5\x94F\x162HT\x90\xe0\x88\xd8i\xa2\xd9s\xed\xe8\xbc\x88\xce\x9f\x0b\x89\x8e\xa7\x98q'</t>
  </si>
  <si>
    <t>b'_\x00\xee\x037\xaeYld\x86\xe6\xa4\xfd\x858\xe0\x958\x98}y\xf7\x1b\xdd\xfd\xb0\nK\xa6\x84\x87\xfb'</t>
  </si>
  <si>
    <t>b'\x02\xdf\xecf)\x8fP+\xabJfq\xc5\xf0\x0eot\x07\xe1\xa5Nw\x89\x98\xf8z\x81d\xb6\xf2t\x07'</t>
  </si>
  <si>
    <t>b"\xe9\xe6\xb6\xc2\xd6\x8e\xa8\xc1\xe9p\x06\x1a\xa1n\xe2\x83Gf\x93z\xef\x15\xe2\xbc\t\x96\xd7g'\xf85\x81"</t>
  </si>
  <si>
    <t>b's\xe9d\xec\x1d\x87P\x95s\xf1}\x0f\x12\xa0\xa08\xe0\xda\x80mX&amp;Be\x01\x17\xc8\x84\x00\xcd\xab\xb0'</t>
  </si>
  <si>
    <t>b'[\xeb3\xde\xf4:8{\xbb\xfcm\xef\xeb8\xc6\xdd\x88\xaax\x92\x1d\x8eW\xf1\xc2\x1f\x15\x1f=\xf4QO'</t>
  </si>
  <si>
    <t>b'\xc2-\x86c\xa1\x16\xd4p%h\xa1\xb5:2\xa8\xee\x8f\xc0\x83m\xab\x1d\xb7\x8d\x82.sA\xcb\xa3~\x8e'</t>
  </si>
  <si>
    <t>b'n{\xed\xaa\xcbHA\xde\x82\xbf\x82wX\xbe\xfb\xf1\x85I\xd1\xa3\xd0\x8c\xae\x1eT\xe1\x9f\xde\x1c\x04\x93o'</t>
  </si>
  <si>
    <t>b'\xe0\xa3@\r\x04{q\xbc}f\xe1\xa2\x1c\xb5\xeb\xe7$05|\x95\x812b\xac\xc9\x1aN\x8a\xdcM5'</t>
  </si>
  <si>
    <t>b'=\xb4{#\xd6\x85\x8a\xea\xd6\xec\x80}\x01%\x01\x05[\xda\xc1\n\xe5?\xc5\xa1\xc7\x820\xf2q\xf5\x0f\x03'</t>
  </si>
  <si>
    <t>b'\x9fE\x07\x05C\x80\xc3N7%\x1b\xe0\x16N\xb8m\xd5|\xab\xd8\x9b\xd6\xeaH\x9d\xa493H\xdaVS'</t>
  </si>
  <si>
    <t>b'\xa2\x88\xdb\x89\x15\x9bK\xd3\xe30@\xef\xc0J\xa2E\xc4\xfc(\xc3:Ar@\xa1a\xb3\xdeM\xb3\x0c\x12'</t>
  </si>
  <si>
    <t>b"JV=~\xf8\x82\xf0\xe0\xd0\x8a\x1aD\x95&gt;%\xe4\xe3\xe7\x1c'\xcd\x9c\xe78\x9b\x1d\xb4r4\x99\xfc\r"</t>
  </si>
  <si>
    <t>b'1Z]\xd6\xba\x01y\x89\xdbe\x076#\x84\xa2\xb9V\x84nLs\x89+?\xa3n\x80\x94\xbb\x9c\xe0h'</t>
  </si>
  <si>
    <t>b'\xf4P\xf7\x8b\x7f\x91\xcd9\xea\x12XJy12\x0b\xb8\xf0T\xb5\xc9+G.q6\xaeE\xc5`_g'</t>
  </si>
  <si>
    <t>b'v\xbe\xfe}\x0f/\x02 \x87\x94s!\xee\x937\xd2\xc2h\xbb\xa7\x0e\x9e?\xba\xce\xb0\x00\xbf*\x93\xf56'</t>
  </si>
  <si>
    <t>b"mDC,\xc0[\xb4\xcf\x90\x18'\x93R\x13u\x82\x81\x9c\xa2\x00q\xff:5\xb5\xac\xe2:N\xff\xc5\xbd"</t>
  </si>
  <si>
    <t>b"-r'\xefFVP\t\xf0\xc5\xb8:\x9a&amp;\x96n\xa8\x16\xa0h\xc7-\xf8fV\xa2\xe2\xaa\xc9s\x88\xbb"</t>
  </si>
  <si>
    <t>b'\xf1\xf5\x964\x93\x11\x05\xa78r\x02\xdd\xae\xd7S\x8a\xb9}5\xde\x18\x13t\xbd&lt;y\xec\x17-\x14\xc3\xbf'</t>
  </si>
  <si>
    <t>b'/2\x00\xe5\x01\xf9^`g\xd5v\x0eg6\x10\xc7]@3\xd0\xf5\xd9\xceE\xa4\xb3\xf6\xb0\x9ae\x85F'</t>
  </si>
  <si>
    <t>b'\x91t9(@-n\xba\xd4}\x92\x9e\x02n\n`IX\xd0;\xc8\xef\xa9\x1d\xdd%[\xec\xa6}e\xd4'</t>
  </si>
  <si>
    <t>b'\xa8\xec\x05\xa9\x08;ex?\x028{h\xc2\xe0g\x7f\x1f(\xc5\x11\xd0\xcd3\x94\xfc\x16\x10\xc8s\xca\xbc'</t>
  </si>
  <si>
    <t>b'&amp;c\xba\xaf\xd5\x95Lb]\t\x04bz,\xfb\xe7#Q\xa9\x07\x07\x9c\xfa\xc29X\x9e\x8c\xf0.\x13&gt;'</t>
  </si>
  <si>
    <t>b"\xf6\r!\x85\x9d7\xc3dbh,\x1a&gt;U\x9cT \xe2G'\x90\xb8\x06_\xb5\x9a\xc4&lt;:\xbfV\xe7"</t>
  </si>
  <si>
    <t>b'\xa2\xd8N\x0f\xfa[\xcav\xd3\x8dug]\xb4D\xd4\xff\xbban\x1bs\xcd\xbe@\x0c:\x01\xd3\x90\xb6\x98'</t>
  </si>
  <si>
    <t>b'4\xd9\x92\xcb\xdd\xc9o\x13g\x90\x9f\xee\xd7\xe6\x94\xe0\x94K\x14\x95\xa5%[\xd4\xe6\x9e\xf1v\xb7\xcc@\x0e'</t>
  </si>
  <si>
    <t>b'\xcd\x8d\x85\x16|rX\x88@\xe8\x0bA\xd0\xb8\xdd;&gt;\x15R\xb6\x03\xfd,\xc3l\xbb\xe5G@\x91\x87\x98'</t>
  </si>
  <si>
    <t>b'\xd2z\xfeM\xa7\x95\xe3\x91\x96\xdd|\xb5\x99\xb1\x07I\x13\xe6\xcf\xb2\x95\xe4\x85\xd6\xb2\x17\x96@\xf6\x813t'</t>
  </si>
  <si>
    <t>b"\xf1\xb3\x04*\xba&lt;\x19/\x8dd\xd25*c\x1e\xfd\x98\x07\x95\x1a\xf6;\x12\xec\xf9\xfb'\xc1\xe9\r0~"</t>
  </si>
  <si>
    <t>b'\xd8\xb1\x0e\xf9\x91\xa9#\xe6\xd16"K\x02\xeb!]p\xb8\xed\x10\xda:us\xdc\x9b/\x9b\x99\xdd\xe9\xeb'</t>
  </si>
  <si>
    <t>b'\xe3S\x88I\xad\xb9\xa4{\xfe\xe8\x1a0\xec\x11\xfe\xe9\x91\xe0\xc8_O"{k\xab\x94\xaa\xee\xc8`:.'</t>
  </si>
  <si>
    <t>b"\xc7\xa3\xf4'\xa2\xcfT\xda\xef\xc6\xa4\xb0%;\xa2\x8a\xcdO~\xc0A\xf8\x1a'\xd8\xe0\xe6HC\x85\x87/"</t>
  </si>
  <si>
    <t>b"\x88\x1cd\xf1\x81\x92\x9f\xff\x12\xab\xf79j\x00\x90\xb2'i\x92\xbb\xc2\xcb^\xb0H\xc9\xe6|\xe5u\xcf\x9f"</t>
  </si>
  <si>
    <t>b'\xae\xbf.B\x14J\xb4\xf1/C\x80c\xbcX\xb5\xaf?%6N\x80\xdez\xce{@J\r\x1a\x15\xa8\x94'</t>
  </si>
  <si>
    <t>b'\x98\x10\xb1\x04\x131\x92\xc5\xd6w\x0ew\xb8\xd5\x1fl\x06\xf6\xb5\xca\xf9\x9d\x18J[\xd3N\xa5\xcf\xca\xdfQ'</t>
  </si>
  <si>
    <t>b'\xdcf\xacO!F\x07N\xcep/\x19\xe8w\x08x\xa1\x9bj\x97P\x9d\xb0\xe6\x98.\xf6\xf9\xee&lt;\xaa\t'</t>
  </si>
  <si>
    <t>b'\xa4@]o\xc2\x8a\xa0\x11[\xc7\xa7aLj/\x8en\xa1i\x99\x08\x9a9_\xa8\xe2\xb3\x1e\xdb\x114\xa4'</t>
  </si>
  <si>
    <t>b'|\xcc/\xd3\xec\x8a\xa5\xc3\xb7Tz\xcb\xf9"qd/\xb2l\xe1\xf6I\x83\xbc\x1e\x8d\x0b\x91\x00\x16Z\x9d'</t>
  </si>
  <si>
    <t>b'S\x03x\xed\x11w\xca\x17\xdd\xe9\xf0\xb3J\x87\x02\xce\xd5\x1f\x87:]\xcea\xea\xcf$r\x9f\xb8/mU'</t>
  </si>
  <si>
    <t>b'\xbc\x06\xcd2\x9ckn\xe0G\x10\xe4Qm\\\xfbUE2\xf1\xed&gt;\xa5\x8a\xa7;\x83\x9au\xb6;\xa4\x1e'</t>
  </si>
  <si>
    <t>b'\x97v{\xf5h\x9ak\x16nL\xfe\xf3\xc9\xe7\x88\x9ep\xe3\xcd\xd1\x0e\xe6\x7f\xa9\xfb3\xa4\xa6I`\x0eX'</t>
  </si>
  <si>
    <t>b",\xd0\xd4\xf5\x9b\xee|\x91\xe0\x172a\xb5\x02!\xc5l\x02\x89\x9d?\x8b\x1d\xd2\x8e'j\xc9\x1d\xdaC\xff"</t>
  </si>
  <si>
    <t>b'\x8cH&lt;\x88\xc5\xd8\x8f\xb5\x0b\x05\xe9\xd2E\x1dz%\x08\xa4w\xa1/\xf7\xe3D\xc5\xfb\xd2}@\x07\xd5\xef'</t>
  </si>
  <si>
    <t>b'@\x94tA"\xe0;\xfc\xdd\xd2g+ZAo\xd3g\xa3\xcad\x93\xd1\xe2\xdc\x19\xe9\xfc\xb1\xbd\xbf\xbe\xc6'</t>
  </si>
  <si>
    <t>b'n1y\x0bh\xa9\xa2\xe0\x0ec\x0cm\xda[+\xac\x1d\xfa\x02\x86\xbc\xd4J[\xca\x07jW\xdc6\xf5\\'</t>
  </si>
  <si>
    <t>b'\x15]3\xcc\xa8\x0fS\x11\xcaX6b\x89\xf9\x1eo\x8f\xd2\xc7+|l\n\x96\xf961\xc4\x80E\x881'</t>
  </si>
  <si>
    <t>b"\xf5\x95\xda\x08'`\x10\xb4*h8\xd7\x05\xdaR\xfc\x7f\xa9Z\xacG\xee\xb7\x82\x10 \xc67\x83%xh"</t>
  </si>
  <si>
    <t>b'.\x08\x1cf\x99]\x91\x15]\n\xe84\x9e\xbe-\x0eA$&lt;D\x8bw=C7\x89\xcf\x0f/]\xc6F'</t>
  </si>
  <si>
    <t>b"d5L\x80{a\xa5E6&amp;\x82\x92T\xb4'\x05\xec*t\x83\x13\xa7\x8ct`+x\x19 \xc5\xab\xfa"</t>
  </si>
  <si>
    <t>b"\x11\xda\xd1^8\x06\xd2.\xca%;z'\xb86\x1ad\xb7s\xfdo~:?\xb0S\x13\xbdRD\xd0\xc3"</t>
  </si>
  <si>
    <t>b'\xa7Mc8\xefKMW\x9f\x7f\x13\xed\xc3\xc9\x04\x9c\xc5\x90gZ\xa3\xaa\x9d\x07\x91\x19\xdd%\xb9\xf0\x95G'</t>
  </si>
  <si>
    <t>b'g\xd4\x81\xd9P\x94}\xc1\x8em\xd9\xa7\x01\xb6]\x99\xd0\x8e\x1c\x90~,\xbd\x06\xa9?\x1f\xd5\xc6~\xeb+'</t>
  </si>
  <si>
    <t>b'&gt;\x10\xdc\xf0\xdc\xa74cP\xef\xc0#\xed~\x1b\xfe\xf4J=\xb4\x89\xb9Z5_\x8f\xe5r\x1aM\xe1\x10'</t>
  </si>
  <si>
    <t>b'\x15l2\x84\xd2!~bV\xbc\xfc\xd8\xca\xa0\xde}\x1c\x9c??$b\xe3z\xa4\x7f"9\xc6\x8c\xacT'</t>
  </si>
  <si>
    <t>b'\xa02\xd8\xb6\xdb\xff\xf8\xa4\xf6`\x0bRT\xa1q\x84\xfe&gt;5\xd8,t\xa5\x1f\xd3\xc2,\x7f\xb3\x8d\xfae'</t>
  </si>
  <si>
    <t>b'Q\xf5\x97\x85\xe2S\xa1\xbbx.\xef}hu\xa8\xa5\xd5\x8b\xe8\xc0\xacm4Z\x80\xca\x9f\xc5\xbe\xaeX\xfe'</t>
  </si>
  <si>
    <t>b"z\x1d'=\xb9\xcb\xd1lQ\xaexQ\xeau(U\x1fE\xf9 \xa7\x82\xae\xbd\xc5\xd7\x02\xf5\x03b\x80'"</t>
  </si>
  <si>
    <t>b'\xed\xc0o\x17|K\x15\xbbm\xbd\x8b\xae\xbf\\\x1b\x97\x883&lt;)\xab\xe3\x95\x12\x1a\xe2c\xdb\x04\n\x06\xfc'</t>
  </si>
  <si>
    <t>b"\xb7\xaa\x8bt[\xd3\x8e*\xb5\x87\xcb\xbfR\x95\x12\xce\xbd\xab\xe1\xcc\nP\x1ec\xb1@'\xaa@\x83\xa4\x14"</t>
  </si>
  <si>
    <t>b'\xc5D\xeb\xae\xd2\x19\xb1\xdf\xe7\x80&gt;*\xf3\xfc\xdf\xaf\xfc\n)\x98,\xb3\xd9B\xba\xd1\xa4L\x0c\x11\xf1\xd5'</t>
  </si>
  <si>
    <t>b"\xf4\xe3c\xbeC\x88jN\xcf\xd6\xd7U\x11A'w\xdb\xdd\x14|\xc8\xa9\x95+\xcc\xe5\xa0\xda\xaa\xcc\xa6\x06"</t>
  </si>
  <si>
    <t>b'T\xbbGZ\xbdP\xcd\xab\xcf\x02\xf7\xac\x85\xb4$I\xd4WI{\x96\xf2\x83*\xd8\x89\xd6=UXQ\xa6'</t>
  </si>
  <si>
    <t>b'K\xf4=$*\xab\xf9\xba-\ry\xf7\xf2\nXA\xb2\x13y\xe4K\xc2\x81\x87\xe7)S\x08\xeeKj\x03'</t>
  </si>
  <si>
    <t>b"\xe6\xee*\xed \xc4\x90\xbe\xeb=\xc0\x9fg|\x8d \xd4k-'Yj\x7fX\xd9j\xc6\xd6\x8b2\xc3\xe9"</t>
  </si>
  <si>
    <t>b'\xach\x82@\xeb\xf3G\x1f\xa9\\\x90\xa0\x84H\x18\x1a*LU d/\xa5\x1b\xea\x1a\xcb\xba\x04t%\xbb'</t>
  </si>
  <si>
    <t>b'\x85\xd0%\x8f\xa0D\xa3\tb?\xf0\xad\xaao&amp;\x06\n8\xb8\xb2\xca\xe0_\xb0(\xcaF%;r\t?'</t>
  </si>
  <si>
    <t>b'\xbbr\xc7\xec\xa0ep\xe0\x8d\xc9.\x8b}L\x9a\xd9\x18c\xb4\x0e]\x1a\xa1\xe9\xf1\xf7\xd2u\xae\x80\xeb\x8a'</t>
  </si>
  <si>
    <t>b'\\\xf8a\x9ct8\xdb\xfe\xb2\xf3\xab&gt;\xedw!\x9c\xfdC\xf100\x7f\x91\x83\xbe\xd1ngYA\xc7\xff'</t>
  </si>
  <si>
    <t>b'\x03M\\\xa3\xa6"\xaf=\xca\x82\x80\xd3\xfb&gt;\x10\r\xd9\x1cp\xf3GO^\x92\xa6!\r\x90\x08\xfc\'\x18'</t>
  </si>
  <si>
    <t>b'\xa46]\xab\xd9-\x1b\xb2\xa1\xafw&amp;\xd5\x89\xf9\xb3\xce\xdd\xe5\xcbT\xa03\x88EV\x9f\x00\x14k\x95\xb8'</t>
  </si>
  <si>
    <t>b'\x8e\xef\x9e\xe368\xa2\x9a\xcb{\x19\x8d\x88\xd6$\xc6\xc6\xe6\xe3\x86\xd4\xf6\x03V\xbc\xfcZ\x03o0\x0e\xcd'</t>
  </si>
  <si>
    <t>b'=\xadT\xaf&lt;y\xa5\xc5\x11C\xf8p\xf4 \x12\xbb\x0e\xff\x18Z\x96X\xe1f\xfc:\xf0\xb7\xf18\x8f\xa2'</t>
  </si>
  <si>
    <t>b'\xfa?\x07\xe1m\x9b2a3&gt;\x0e\xbf\xd9.\xd0@\x9bL#\xae\xfd\x8b\xf0C\xf8\xfc\xf0]\x98J\xef\x99'</t>
  </si>
  <si>
    <t>b'u\xd8\xa9\x0fY=k\xac%V\xb9\xd8\xb3=\xe98vro\xaa\xd2\xed\xd63\xf9\x19GP\x7f\xd29\x97'</t>
  </si>
  <si>
    <t>b'\xd1\x93\xed]!p\xda\x94\x99\x02u\xd9{e\xb6c\xc1l\xf8\x05@*lQ\xf3\xac\xac\x00\xc1\xa5}\xef'</t>
  </si>
  <si>
    <t>b'\xb5\x00\xe6\x0fu\xdb\x83\xed\xe7 \xe4\x9aN\xe9w\xef\xd3f\xab\xf7L\x07k\x1eF\xfb\xed\x0f\xb7\xe61\x8b'</t>
  </si>
  <si>
    <t>b'y\xc2\xf4\xdd\xb9j\x1f\x80C\xf5\xb6$&gt;.z\xfe\xfa\xb8\x86#\x8e\xf7\xc7\x1b\x01\xdch\xe9=`Y\xdc'</t>
  </si>
  <si>
    <t>b'/M\x90Nv6\x0f\xaeS,p\xf2&lt;\xc6\xd3V\xdaP\x9a\xfc\x14*\xa0q\xcd\x80\xe3IWi\x0f\xd5'</t>
  </si>
  <si>
    <t>b'\xd7S\x87\xe8\x0f\\\xaf\xfd%O\xea\x13\xb8\xba\xef\xd4k@\x1a\xc7\x7f\x8f\nY,\x99\xf7d4\xfd\x166'</t>
  </si>
  <si>
    <t>b'\x8c"*\xf1\xd1\x0f\xef\xfeT\xf2F\'U\x8f\x0c\xce\xf7\x9406\x00\xbd\xcb\x91\'\xdds\xf5\x1bkQ\xe2'</t>
  </si>
  <si>
    <t>b'\x0fL\xa8lIpA\xf3\xa0\x1bq\x89\xddt\xc3\x12\x96\xc1\xc0\x1e\xb8@\x1cP\x05e\xa1\xdd(\x9c\xef%'</t>
  </si>
  <si>
    <t>b"\x1c \xc9\x0b\x08C+\xd9/\xad'\xd9\xc6\r\x14\x1580\xc3V\xb1\xda\x0b\xa1x\xda\xa1\xf8\x83!\x1b\xc2"</t>
  </si>
  <si>
    <t>b'\x8a&amp;=\xd93L`\x9cvp\xfci\x9c\xd3\xda\x7f\xb8\xc6\x0b\xef\xee)\xa9*\x1a\x90\xf3^T\x88\xeb#'</t>
  </si>
  <si>
    <t>b'\x8f\x0b\xa0\x04Z\xe4Q\xbfX\x91\xf2\x9bN@Yp\xa9U\xf5\x18)\xa3\xe7\x960\xb2n\xe6\xb1J\xcf\xaa'</t>
  </si>
  <si>
    <t>b'\x01\x96\xf26\xf7Z\x9e\xad\x95\x13\x1aj\xb2\xbb4R\x88\xa7@pE\x18\xe1\x1f\x80I\x85\x8f\xceM:\x89'</t>
  </si>
  <si>
    <t>b"\x94\xbe\xfb\x7f\x071'\xb3!\xd0\xc2S\x8d\xb2\x8e\x89\x11\xc6\xe9\xae\x1e\x97\x04p\x9d\xd4#\x96x7;\xb7"</t>
  </si>
  <si>
    <t>b'%\x1d\x84G\xa3"\xaa\t\xa6\xd6*\xde\x00\x99_\x9d\x8a\xc3\x8e\xabS\xaez^\x94*\x96\xbdPP\x14\x9d'</t>
  </si>
  <si>
    <t>b'JrXqU\xbd)\x91cSv\x13h$^\xb8\n*\x99\xf4\xb8\xcd\xe7\xa7\xcf)\x9f\x03w|\xean'</t>
  </si>
  <si>
    <t>b'\xd4\xc5f\x95&lt;\x86,\xba]\xf3?{N\xf5\xdd\xdc\x0c\x90c\x1a\x1f\xd3\xff\xa8\xc8]\x95\xce\x9f\xfa9L'</t>
  </si>
  <si>
    <t>b'\xd1\xfdA]\x89&lt;\xabd\x96\x9f\r\x8e\xc5\x04\x1b\\\xbd5%o\x14v\xb7\x1cZF\xa1\xc3\x82\xb7\xd9$'</t>
  </si>
  <si>
    <t>b'h\xa4\xc5\xa4\x95{\xdf\x81\th\xed;\xd9\x83\x0c%\xc7\xe4FG\xab\x15g\xa9\xab\xe13\\\xdd\xdb\xf9V'</t>
  </si>
  <si>
    <t>b'\xe2\xc3\x92T\xc6\x8d\xb8X\xc4#]:\x98\xb5\x93G\x14\xfa\xa9@q\xee\x1b6\xbd\x8bn*\x10\xf94N'</t>
  </si>
  <si>
    <t>b'\n\xd7[~\xc6\x04\xc90~\xc9(\x1fp\x95\xe9\xf6Ni\xd5\xe58\xff\x96NL\xd0\xa0\xd3&gt;\xfb\x85\xfe'</t>
  </si>
  <si>
    <t>b"0\xcf\x8bS\x9b?8q\xf1\x86*\xd2\xb3A\xe8@\x89\x95r\x97\xfd\xfcH\xecM\xcf(9\xe2&amp;\x80'"</t>
  </si>
  <si>
    <t>b'\xf4D\xc0\xc5~3\xf3W \x0er\x06;n\x8d\x99\xccpUD\x86Q\xec\xcf\xdcS\xa1\xdcp\xcf\x19\x0f'</t>
  </si>
  <si>
    <t>b'\x7fD\x9d*\x18\x1d\xf85\x84F\xe5\xf4\xd3Y\xcb\x06\xc51v\xb5\x85\xe2\xd6\xd2j\x8al+\xcd\xe4\xbd\x8a'</t>
  </si>
  <si>
    <t>b'\x8e=\xc8\xa1\x04p[\xe8\x0e\xc8\xc9\xb1\x02\xe1\xf1q]g#2\xba\xc4\xc1\xc8\xff\x18\x95\xe1\xdf\x91\xab\xa3'</t>
  </si>
  <si>
    <t>b'Mg\x7f&gt;D9\xbb\xb1\x81d\x9cWVF@\x88\xa4\xee\xfe\xdb\xd1\x90\xdd\xe4\x83/6\xca\xf4"\x9eK'</t>
  </si>
  <si>
    <t>b'\xf0@`\xd2\x87\x8b\x81\xc8AZ\x961\x8c\x1c\xdd\xcb\x0e\xd9\x14p]\x9b\xc7\xc7{\xcd\xbf\x9f\xe0\x89Im'</t>
  </si>
  <si>
    <t>b'\xf0\x02zT\xbeb\x8fl\xf0+w3\xbe\xe5\xf2\x8d\x18z\xcf\xb2\x19Z2\xd8a\xc8\n\xedi\x07\xbd!'</t>
  </si>
  <si>
    <t>b'\xe0\xa6@\xc4\x8aP4\xdeT"_=\x99\xb4 \xc1\x05\xf6\x80XS(\xe4`\xc3\x88\xd81\x15\xb0\x9d;'</t>
  </si>
  <si>
    <t>b'\xa1\xef`d\x1d\xa3\x16\x06r\x19\xdf\xa5\x08\x86\x8f z\xc3\xb8Y\x1d\xa5\xec\xadg\xb3,\x8e\xb6\x7f\x03-'</t>
  </si>
  <si>
    <t>b'\xa8@\x89\xa3&amp;"\x844\xe9\xd3\xd9\xbc\xd1p\x1d\x87\x8f5\x96\x83\xc6F\xe8\xcd)R5\x04\xbb\x8d\x01\xa7'</t>
  </si>
  <si>
    <t>b'R\xcfq\xc5\x19l\x02w!IH\x90|z\xb5\x89\x08}||\xceT6p|\x82\x1e\xd7\xf8\x0c\xa5\x05'</t>
  </si>
  <si>
    <t>b'{\x1eg"60\x83\xdc\x8bs\xa9|6{1&lt;\xb3\xf5\xe9yMF\x12hO\xc5\xdc\xe0\x83\x89\x14m'</t>
  </si>
  <si>
    <t>b'\xc4\xe4\t\x89W1\xa8\xbd\xcf1GmT\xfd)\x82v{\xb4\xca\x131\x15b[\x13\x98\xacwO\x97\x17'</t>
  </si>
  <si>
    <t>b'\xa5cMu\xd1\x0f\x80\x87\x1f\xd66\xddZ\xde\xb8COi\xe1\xb9\x18\x98P\x15tU#\xfe\xed\x998`'</t>
  </si>
  <si>
    <t>b'U\x98\x84|\x10\x17h\x9a7\xd3\xdb\x99\xb9J7,\x07D\x98i5E\x08\xfd\xe0\xd0 \xf0\x91\xf1\xfa\x1e'</t>
  </si>
  <si>
    <t>b'\x97\x81\x80\xcc\x8em\xc5\xe8\xb6?x\xf9\xa9\xda\xa0hyR\x92\xddg3f\xd8\x9dc\x99\xeb\xbdS\xef\xb9'</t>
  </si>
  <si>
    <t>b"\xc3\xa2\n\xa98^8\xab8o\xd2\xddy\x01\x9f^9\x8b\xf8\xa8\x87\x9a\xb4\xe9\xfb'\x01\xd8\x19\x0en&lt;"</t>
  </si>
  <si>
    <t>b'\xdd\xfb\x1f\xf7\xb6i\\\x9b.\xc3\xfd\x81\xf8\x92\xff\x1cN\xc8\xed\x12][\xca\x16\x1a\n\x1d\xa7f\x05Q\x85'</t>
  </si>
  <si>
    <t>b'\xcb\xc9;IZ\xf8q\x9f\xa3o/\xc7\xb7\x81\xaaf\xc8\x19\xa62\xef\xfc[\xfa\x0cS\xdc\xa8H\xdb\t\xd3'</t>
  </si>
  <si>
    <t>b'TK\xfb2&gt;\xbc\xecq;\xac\xf2\xd7\xee\x94\xf3\xf2s\x85?p\xf6\x9b\x8c\xfc\x17\x944\xeaj\x82\x0c\r'</t>
  </si>
  <si>
    <t>b'N\xfd\xef\x9am\xa6\x93\x91}\xac\xd5\xb7\x03\xb7Z\xd5\x05\xc0\x94c\x89H\xc2U_1\x05"\xc0\xa2UQ'</t>
  </si>
  <si>
    <t>b'\xee\xa1\xa1\x01\x90\x96\x90\x8f$L\x96\x08U\xd8O\xd2!\x06\xa95\xd3,\xea\xb9}\x87"\xc7\x98\x0f\\('</t>
  </si>
  <si>
    <t>b'\xd4\x9d\xbc\x01\x03L/e\xc1\xc9n\x9aP\xe3\x15?\x1d\xd0M\xe9\xddZt\x8c\xe9:\xe7,\xc6~\xbc\xa7'</t>
  </si>
  <si>
    <t>b'\xe4Z\xf3]*\x1f\xa3\x97\xfbmJs\xceo\x8fs6\xbfr\x17-\x08b\x0b+\x85\x06\x9cV\xfe\xca\xad'</t>
  </si>
  <si>
    <t>b'G\xa6{\x03\xdd\x01\xd8\x7f"\xb2B\xcc\xd0\xb3\xbd\xba\xaf\x9ep-\x06\xdec\xf1=\x9de\xb5\x8d{\xb95'</t>
  </si>
  <si>
    <t>b'D2D\x95\x01eO\xa8\x1eC\xef3\xea\x88\x1f\xbf\xba\xb7 \xb9\xd2\xbda\x85I\xe8\xd1\xbb\x0b\x97\xf7\xeb'</t>
  </si>
  <si>
    <t>b'\x99pK/\xeb\x8ci\x9d\xe7xL\xc1\x82\xda\xed\xa3\xee-\xb0\xe3_\xe0\xe4T\x9d\xd2\xf5\xc2\xca\x15k\xfa'</t>
  </si>
  <si>
    <t>b'\xbbv\x8bf\xcd"\x93\xe3\t\x01\xeb\xce\xbfu\xc5Z\x86!\x0cA&gt;cG3&amp;\xce\x91\x84z\xe1&gt;V'</t>
  </si>
  <si>
    <t>b'\x0bY\x0f\x8eF\x02\xd6\x02R;\xc8\r\xb3\xfa\xaa\xbb\xdf\xd0\xfc\xd0\xd1\xf1(\xf84\xcd?\x82\x82RV~'</t>
  </si>
  <si>
    <t>b'y\xf2\xb0k"\xbc\xa9U\x1e\x15L\xdf\x8e\xf0\x8e\x1dc\xa8\x112wo\xd7\xda\x80\xad\x8d\x08bAO\xc9'</t>
  </si>
  <si>
    <t>b'X\xb1\x99\x83\xfd5\xb6\xb5\x1a1_\xd9\xa7\t=\xfa\xad\x95\x92\xcc\x0cdh8+\xa7\x89\xe4\x1f\\\xcf\xb4'</t>
  </si>
  <si>
    <t>b'[\xc5\xf4N\xf0\xfc\xd4\x06\x8bb\x19]\xa4\x00\x9a#b\xcc\xd81C\xfc\xa7\xaa\x13\xa2\x9c\x05\t\x95\x11\xd3'</t>
  </si>
  <si>
    <t>b'\xc8\x1b\xc3\xa7\x9f\xf2\xf5P\xa7\x8cd~\xce^\xd4]]\xda\xa6q\xf2\x98C\xccZ\t"\x08\xa7a\xfcs'</t>
  </si>
  <si>
    <t>b'\xfcv7&lt;]W\xe2\xd6\xcd\xcf\xe9\xbb\x1c\x00w\x0c\n8\x85\xd7#\xa4\xe8\xed\xef\xa4\x0e?\x0blr\xa0'</t>
  </si>
  <si>
    <t>b"07x\xc5\xdf1\xb1):An.L'X\xb4k\xe2\x84\xd2\xe9 \xdfQ\xa2}\xd7V\x13\xa8\xe3 "</t>
  </si>
  <si>
    <t>b'\xc9\x03j\xc7\xfc\xeb\t\xadJs\x1cd\xb8.zs\xba\x8c\x92\xe3\x9bH\x93\xc6\xda\xb3r\xd4s(n:'</t>
  </si>
  <si>
    <t>b'w \x87i\xcb\xe0\xa1\xe5\xf2?\xd9\x98\x89\xe0\xc4\xda~\x9f\xca\xd2rk0p\xec\xdaaj\xc6\x9e\xc8{'</t>
  </si>
  <si>
    <t>b'\x95\xd3\xe8;\xa1P=\\\x9b\x8e\x90\xc8\xce\xde\x8e5\x1b\xedmC\xfb\x08\xcb\xd9\x99M\xb3\tq\xdc"K'</t>
  </si>
  <si>
    <t>b'6\xa4\xd8\xb1\xa9\xf73s\xb8\xbfu4\xa5a.;0=wi_\x14\x1b \xebi\xf2x`:z\x1e'</t>
  </si>
  <si>
    <t>b'\xe8B&lt;\x1e\x92\xb4\xedm\xf3\x14\x14i\x84\x16\x97\x14Fy\xc6\xf1\xe3x\xd6\xa3+|\xa0fu \x07('</t>
  </si>
  <si>
    <t>b'G\x12\xd8\xdf\xb0\xc0\x16\xf5\xeb6\\%\x05\xad2Y\x14\xec\xf9Y\xa5\xb3\xe0\x80\xd9\x08\x98\xa9\xdd"N\x8a'</t>
  </si>
  <si>
    <t>b'i\xf1\xee\x82\xad=n\x8e\x04\x0e9\x0c\xf9\xb4q\xc1\x1cQj\x93\xe7&lt;19t\x02Z\xb4\xbe\xa3\xae\n'</t>
  </si>
  <si>
    <t>b'\x1c\x8e[\x9d\xe1\xc1\xcd)\x03\x96\xc2S\x14\xa3\x81\x96&amp;qp\x1bT\x043!E\xffX3"\xaak\xc3'</t>
  </si>
  <si>
    <t>b'6o\xd8\x18\xdc\xdb\xe3\x1b|j\xc4\x04\xb7\x11%\x1b_\xe1\x00\xba\xff\xe9\x9d\\\x0f\xb9A}\x93\xf86\xac'</t>
  </si>
  <si>
    <t>b'Q\xba\xc8p\xad\x8b\x15\xe9ow4\x9e;\xe7\xf6\x91\xc8\xc9\xbe\x9d\xa0\x08L\xf9Xh8U\xbb\xb7.\xe8'</t>
  </si>
  <si>
    <t>b'\x8b\xa1`\xda\xec;\xaee\x10C\xdf&gt;@\x9eO\xc0[\xe4\xfb\x940\xcf\xf84\xc2vR\xa2Yu\x02\x94'</t>
  </si>
  <si>
    <t>b'_j\xa5c\x05\xdf.l4\x17ai\xa0\xc4\xa7\xeaGGql{8\xa5\x90}\xfb\x98.?\xb7\xe1\x9e'</t>
  </si>
  <si>
    <t>b'\x87!\x856\x96\x05\xffY\xb7\x875\x85&lt;\xb5^\t\xc0Q\n\xd3\xfcS#\xe9o\xbbb\xb26\xeb\xc5,'</t>
  </si>
  <si>
    <t>b'\x8d\x02"\xf6`\xa8\xa7;\x04\x0f\x9c\xb1z\xa1\x9e\x03\xc0\xed\xd9\xd7\x03\xb4\x10\x83\xd4J\x8e\xeb&gt;\xdb\xa9\xbf'</t>
  </si>
  <si>
    <t>b'\x9f\x13\xa9\xb3\xc6\x16\xe8GuG\xf5\x08\xb2\xbf\xd4b\xa5\x11HR\\Lz\xdd\x02\x89\x96v\xace\xa6\xe8'</t>
  </si>
  <si>
    <t>b"\x89&lt;/P\x8dB\xae0\xa0\xf0\xa2q\xda#Uy,r\xaa\xd7'7\xd7\x9ev\xca\x9c,\x82[;*"</t>
  </si>
  <si>
    <t>b'\xcd\xd8e\xdb\xa5^\xceN\x1ee\x05\x11M\x1cd\xc0b\xd6n\x8dv\xc8\xe9&gt;6\x07.\xd2Q\x95N\xe8'</t>
  </si>
  <si>
    <t>b"\x03\ng\xae-NQ$\xb0#\n\x94T\x80\xb4{\x1e\x05y7'C\xf5^\xa4\x1a\xe8\xe7\xcf2\xa3\x82"</t>
  </si>
  <si>
    <t>b'*j\x8b\xf3,\xb2\x00! ~\xe8\xf4\xed\x7f\x82\xbd\xa8\x06\xb7\xb6Z]\xdf\xdb\xaa\xc0\xde\xa8&amp;\x1a\xf3\xc4'</t>
  </si>
  <si>
    <t>b'\xa9a&lt;\xd3\xbc\xf1\x08\x11\x1a\xc9\x019\x1b\x08\xfd\x81\xb8\x7f\xd2\xbb0v\x16\xbe\xf0\x8e6\xc7\xe4*H\x8f'</t>
  </si>
  <si>
    <t>b'\x1f\xa2\x84,^4&gt;\x11\xda4\xa6\t(\xdf\xce\xd8\x1et\xbe8\xd8p\xf5\x9e\xce\xc7\xb3\x10\xb6A\x8a\x04'</t>
  </si>
  <si>
    <t>b'&gt;TGOS\xe7\xa2\x97i\x9f}6?\x05\x85L\xfe9\xe4x\xb8\x11\xab,?\xcf\xf5\xa2\x90\x8a\x91\xe7'</t>
  </si>
  <si>
    <t>b'\xfd\xc4\xafo;\x9f\xc7\xbb\x86\xdaRs%F\xceA\xaf.\x0e\x0c\x93\x13\xaa\xa6AAE\xca\xd5\xe6\xad\xe7'</t>
  </si>
  <si>
    <t>b'\xa7\x88y\x83\xa2\x15\x9d;\xe2\x9d\xf8\xa8\xea9s\x1a\xfci\x90\xc4\xcc\x1e^\\#\x87&lt;o\xbd[\x14\x13'</t>
  </si>
  <si>
    <t>b"\xb3f\xbdi\x01\xe0~$\xa5$*\x14\x80\xe7\x17\x04\x9c\xb4\xe4\x1d\x1e='\x0f\xf8\x17#\xf5\xaf\x92\xd0\x8a"</t>
  </si>
  <si>
    <t>b"E'\xde\xb7\x9d\xfdv\x0f-\x08$\xbe\x88\xef\xaf\xf7\xdb_g\x16\xf0\x0c\x93\x85\xbf]J\x87\x1f\x8f%o"</t>
  </si>
  <si>
    <t>b"\xd8~\x1f\x10\xd8\xe0\xe5\xdb{\x1c\xf2\xdd0\x10mJ\x10\xe8\x92\xdd\x1d*\x91\x8e\xf1\xad:\xaf\x12'&lt;\xe8"</t>
  </si>
  <si>
    <t>b'k\xbf"\xa1~_\xcbd\xb0\xd3\xd0\xed\x89#hW\r{\x8f9\xc5\x88\x1c\xa9\x86\x85u\xc6\xea`\x8d\xe4'</t>
  </si>
  <si>
    <t>b'\x16\xc8\x04\xee\x03\x8d9jBK\x07\xa0|h\xc8\x87\\92\x89\x1fi\x99N\x1a\x93\x1d\x91\xc7\xdc\x90\xaa'</t>
  </si>
  <si>
    <t>b'\x93g+\x1d\x06sl8t\xe6\x01m\x90\xee\xd2\xa8\x08@T)\xb2H a\x97\x84b\rm+\xa3\x9a'</t>
  </si>
  <si>
    <t>b'n.N\xe6\x0b\x13A\xc24^\xe3\xc6\x1b\xadP\xfc\xe8\xc3\x02\x0e\xae\x04\xc31.\xa0g\xc2\xfe\xec\x02\x02'</t>
  </si>
  <si>
    <t>b'\xba\xb4y@\xceB_V\xabV\x1d7L\x8c\x81.\xb6Z\xa2v\x18U\xd8l;\xedn\x03\xc6\xceV\x9b'</t>
  </si>
  <si>
    <t>b'\xad\xc1J&gt;$\xe3\x87\xba[\x12\x94\xc6\x91O:3Enn\xdd( *f\x88p\xc1N\x82s\xb4('</t>
  </si>
  <si>
    <t>b'C\xc6 \xeeG2Q4\x98\xa1&lt;\xe9\x9d\xdbH1\xbb\x18.Wsj{B4\xfc\x81\x83\xa8!\x1a('</t>
  </si>
  <si>
    <t>b'\x82\xafH\x13\x92\x98\xca\xf8\xb0w\x84\xae#-\xf2\xfd\xe1?\xd4G2\xcd\xaep\x9a:a\x8f\xf8)\xbey'</t>
  </si>
  <si>
    <t>b"\xc68\xf6\x8e\xc8\xfcc\xd8\xbeD\xbc\xe5\xfcDwr\xd6\x95\xcbf}\x9ep\x1f5:\xd5'\xec\xbb\xfe@"</t>
  </si>
  <si>
    <t>b't\x04U\x12\xb1\xf9\x7f#\x8f\x1c!;P\x06\x94\xec\xf6\xff&lt;\xca\x19\x8f\xde\xc7\x7f\x1b\xb6S4\xc4Z\x90'</t>
  </si>
  <si>
    <t>b'&lt;\xeb\x97\x95\xf8S\xbd,R*&amp;*`x\x0c\xbe4~\xbe:\x8e\xcb\xc9p;hu\x1f\xa2\x1c,%'</t>
  </si>
  <si>
    <t>b'\x13\xc7\xd2\xca\xe4\xe0\xab\x8e\x96\xbc\x81\xe5aUCHL\xbb\xf0\xad\xbf\xf5*#j\x10/\x96"\x10v\xd0'</t>
  </si>
  <si>
    <t>b'\x07\x85O\x97=\x9c\x9atfiL\xf6P\x03\x0f4{\xc5~\xb8\xf6\xfb\x13\x7f\xaci\xc0|\xa1!\xc7R'</t>
  </si>
  <si>
    <t>b'\x12\x01\xa1Unj\xd1\xc6\x8b\xd5v2\xd2\xc0\xbff\x15\xa5\xf9\t\x82\x8a\x14\xc8\xa25^\xff\xff\x9b|Z'</t>
  </si>
  <si>
    <t>b' _\xc8\x9b\xc5\x05\x08{M\xc7 \xae\x0eS%\xcf\x9cN\xb2\xbd\tqr\xc3e\xa1\xde\xd1\x9c\xc4\xc8\x88'</t>
  </si>
  <si>
    <t>b"\xaab@s\xbb\x12s\x0b\xf5M\xe00g\x05[ F\xd9\x7f\xcb_\xb8ZK\xd7\xc0\x85\xa5\xb5))'"</t>
  </si>
  <si>
    <t>b'\xb4d(\x912\x19GD\x19\xc9+\xa8\xa5\xd4\xd5\xa2j\xf6\x99\xa8\x9eA\x17\xeaI\n z\xfd\x80T\xae'</t>
  </si>
  <si>
    <t>b"U\x1a6\xe6\xd9D\xe5\xae&gt;\x95+\xb0\xc6\x1f\x94\x8d'\x93'\rY9o\xa3\x11iP\xefi__\x11"</t>
  </si>
  <si>
    <t>b'\x9b\xbd\x1b\x17\xd0\x8cL\xac6\xe2\xf5\xab\xffm\x88\x01\xb2J\xd6\xf2\xc8\xe0@\xeamF*\xda\x19\xc3\xb8\x05'</t>
  </si>
  <si>
    <t>b'\x9d=T\x8a\xdc@\x05\xe8~F\xf8fQd\xd5\x89\xcc\xcb\xad\x9b\xe5\xfe!8a^\x8b \x8e\xadbf'</t>
  </si>
  <si>
    <t>b'S\x7f\xf6\x8f\xb0\xe9\x98:vK9I\x13\xf9\xbds\xb2+1\xf7\xe1P\xb8\xf9`\xc3\xb0\xc8\x1e2&lt;f'</t>
  </si>
  <si>
    <t>b']\x98Mt\x8c\x9e\x11\x16\xd7E\xae\xf3\xad\xd0m?\x9b\xfe\x90\xaf_@9\xb9\x83\x03i\xfa.\x07\x19C'</t>
  </si>
  <si>
    <t>b'\x0c\x98\xcc\x17\xccSw\t\xb6yb\x1e\x1d\xab6%\xf4_C\xaa\x9ez\xbew9\x06\x1f\xf1&gt;\xe8\xa6!'</t>
  </si>
  <si>
    <t>b'\x87\xe9\x8a\xd3On\x16b\x12\xc3\xdb\x88\x90\x87\xee\xfc\x88\xd8\xcf\xeb\x83\x85\x9b7\x1dW\xf3\xf2f\xc4Bl'</t>
  </si>
  <si>
    <t>b'h\xfe\x92\xc1\xcfj\x8e\nGg\x9e\x06C\xfcZ;\x1bG\xbd#+,/B6\x88\xcc\xa5.\x90\xcd\xdc'</t>
  </si>
  <si>
    <t>b'\xd4D\x16(8*\\ \xdb\x9d\xa9?\xac\x9dW\xfb\xce\x94ZyD\xb0\xf3"y\x12\x8c";,\xdd\xec'</t>
  </si>
  <si>
    <t>b"&lt;'JUl\xd4\xbe\x8d\x05M\xb7,\x16\xcd\xda\xc0\xc5\xfe\x88r\x96\x95b\x11B\xbf\xf9\xfa\xf5\x85\xdd\xe3"</t>
  </si>
  <si>
    <t>b'^%CK\x82&gt;K6\xe3\xb73\xcb:\xe5lEB\x92j\xd0~\x17E\x8b\x0b\xdeX\xca*\x18E1'</t>
  </si>
  <si>
    <t>b'\x03.\xa00\xbe)c\xa1R*\x94\x10\xe9\x044\x8d&gt;W\xabb\x9d\xe9P\xc3chqJ\x00\xaf\xf1\xe0'</t>
  </si>
  <si>
    <t>b'Xv\x1f\xc2k\x8c\x93\x10\xf9\x13\x12\xd2b\xd2\xe4\x810!\xec5\xb7K\xd9\x82\xbb\xb6\xfd\x83\x1b0\xfcn'</t>
  </si>
  <si>
    <t>b'\x1b\x88k\xaf]\xf0\xf3S\x10\x98\xedS0\xc0\x12\xb6U\x03\xa9+\xc8\x13\xb6i|\xed\x0b&amp;\x05@\xab,'</t>
  </si>
  <si>
    <t>b'\xc46\x13\x9a\xfa\x1b\xa1\xb9M\t\xfe\xa7x\xfc\xa6\x9f\xcb0\x8b3ky\xb8V$\x9cL\xaaM&gt;\xb7\xe4'</t>
  </si>
  <si>
    <t>b'\xf6\x97Y\xbc\xae&lt;pO\x0f\xe4\xed\xd8\xf0\x85\x137\x82"\x1b\xf8\xb0a&amp;\xa8\xe1\x92@\xa5=\xe2\xb6P'</t>
  </si>
  <si>
    <t>b"\xc2/\x05\xc6\xac\x85\x0e\xd6xN11\x86\xe1\x04~\x05j$wY\x85\xd3\x8e\xf3T\xeb\x95^\x12D'"</t>
  </si>
  <si>
    <t>b't\xaayI\xfe1\x88:\x99o\\\xa1\xe7!&gt;\x9f\x93 \xd4}o\x84\xf2%\xa3\x10\x1e\x89\x8b\xd8\xd0y'</t>
  </si>
  <si>
    <t>b'\xc4\xff\xd3\xd2\xeb\xc1\x0eG\xb0\x80\x06;D\x8aN\x07\x81\xff]Y\x18=mLL4\xe8\xc0nEl\xad'</t>
  </si>
  <si>
    <t>b'\xc2\xf8\xc6\xc8\x03\x0f\x1d\xb1U\x01\x19#[S\xb2\xe1\x8f\xda\xe2n\x86\xe7\xeb\xd9=\x94\xa5;\xf4_ZR'</t>
  </si>
  <si>
    <t>b"\x1e\xee\x83\x81^\xd0`'\xed\xc8\xc2\x81s\xef\x97\x13o\xa1(\x9a\xbd\xb0/\xb8\xaf\xe3M\xda$7E\xc4"</t>
  </si>
  <si>
    <t>b'+\x05\x15ef)Nq\xff\xf2#\x80\xc5KW;U\x15&gt;\x8d\xfbyi\xe9y\xed\x8a;\x07\x01\xd3&amp;'</t>
  </si>
  <si>
    <t>b'\x82\xb1\x82\xe6\xbb\x98a\x9d\xa5.\xf3\x8d\x9b\x9fZY\xc5A}\xa0K\xd1l\xd9\xabw\x80\x8e\x8d\xb9qE'</t>
  </si>
  <si>
    <t>b'(.O\xee\x83\xbaH\xaa\x7f\x93\xe6\xb1\xb0\xa5&amp;F\x8e\xc4O)\xdc/i\x9ekU\xadw\xf9\xd3\xe8\x96'</t>
  </si>
  <si>
    <t>b'\xb7.b\x9a\xbfr\xfa2\x99;\x88\xc9\x84\xe2\x15\x14c\xab`O\xccr\xd3\r\xbe\r\xbd6-\x15tq'</t>
  </si>
  <si>
    <t>b'u\\5\x16\x99:kp\xb1\xdf=\x97\xf8\xdb\xcf\x9b\x8e\xaaS\xb0\xe7\x87\n\xf1\xcbW\x98Mug0\xe7'</t>
  </si>
  <si>
    <t>b'\xcbO\xcc~e\xb5\xf8\xa8\r\xc2u\xf9E\xd5\x9eF\x13\x9a\\$\t\x00\xe5\x1f\xe4\xd8\xae\x1b\xf5y\xe1z'</t>
  </si>
  <si>
    <t>b'\x1d;\x1a"_\x8f\xed\x05\xfb_\xd6m\xa0\xa7\x80\xf1\xd8\xb3\x08\xc4*)\xf4\xc9\xb7\x0c\xfb\xf8\xc7&amp;\xe0;'</t>
  </si>
  <si>
    <t>b'\xf1{o\r\xd0\x88\xa8\xe5b\xda\t\xf8\xd4\x0e\xe0\xadu\xbc{G\xe4\rT\xcd\xb8\xf6\xd0\xcb\x97\xc8j\xd8'</t>
  </si>
  <si>
    <t>b"\x81p\xf2'f\x8ea{1[\xea:\x05$n\xa8^\xda3\xd3\xb3\\\x1c\x93C\xb2\xcd\xe2Q\x8a!\xd6"</t>
  </si>
  <si>
    <t>b'\x02\x95\x03\x0b\n\xb4\x06/\x01\x90@T\x1es\x05$_,`\xee\x970\x07\x9d)\xd45w\xb7X6\xb7'</t>
  </si>
  <si>
    <t>b'\xb6Y\xd2\xd4\x91\xfd\xbc\xc1\xe8\xfd\x10\x8f\xd5]@\x11Y\x88\xads\x86\x8e\x9e\xb5\xd1\x19\xdd\x8a\xeb$i\x92'</t>
  </si>
  <si>
    <t>b'j\x0b\xdc?\x98!AT\xab\x03\xa8\xdb\xf0*\xf7\x93K-\x84A\x93\xb5WP\xceA[g\x90?@}'</t>
  </si>
  <si>
    <t>b' x\x9ehw\xf3*\x8d\xa1CV\x01\x0b\x94\xeb)\xf2\xe0%\xa4\x93/\x1fg]\x85d\xaeLe\x9b\xc2'</t>
  </si>
  <si>
    <t>b'\x98\x8c\x88\xc0\xfe\xd5\xe0\xcaIgPZ\xabX\x9a\x80\x02\xa1^\xbf\xfa\xe4kJ\xca\x98IJI&amp;\xbb\xf0'</t>
  </si>
  <si>
    <t>b'+\xf0\x81\x12S\x03\xad\x82\xbd{\xab\x0e\x06\xb0O\xd5\xf0\xcf\xfc\xe5\xfa\x80\xb7\x12\xcc\xda_!\x07\x86!\xa0'</t>
  </si>
  <si>
    <t>b'\xc7$\xba"c\x9a\xf4\x14\xa1\xfa\x86x\xbdD\xae\xf6\xd6\xaf3\x95&lt;\xe7\x17\xf5\xba2-\x8c:\x9b\x02\x9d'</t>
  </si>
  <si>
    <t>b'f\x93g\x19naJ\x0f)mz\xa0\x02\xd8q.\x98RZ\x95\xbd\x13\xe4\xf9\xa8\xc4\x1d\x11\xbc\xfb\xf3Q'</t>
  </si>
  <si>
    <t>b'\x12\xe8h\xf5#\xe1J\xd1\xc6\xee2\xcdyn\x03\xcdH\xe2\x1e\x9b\xa20\x08\xf4\xec\xa9\xa9bO\xddY\xce'</t>
  </si>
  <si>
    <t>b'\xde`n\x8c\x86\x8b3\xe4\x16`Cl\x9d\xb8$\xb0\xc0\x81r\xe1\x9f\xdc\x10\xc9\xa4 \xfc\xf8\xbc\tf\xe0'</t>
  </si>
  <si>
    <t>b'\xc1b4\xf5\xbf\xf3P\x19\x9b\xaa\xe2s9\x11\xaa[\xe6\xda\x89\x85\x1c\x80\xa42\xa7\x11?C%I\x1a@'</t>
  </si>
  <si>
    <t>b'\xcfW5E\xeb\xe2\xd0\xe9\xb4\xf0\x15x;m\x9c\xddK=3\xe7/\xd96\x99|\x1d\x15O[c\xf23'</t>
  </si>
  <si>
    <t>b'\x05?w-\x92V/\x18\x9f\xa9]\x96\xc7\xa6|&lt;\x7f\x96\x847\x8f(\xca=2\xec\xbd\xd2\xc4\xe8\xc1\x00'</t>
  </si>
  <si>
    <t>b"$\xe4\xa3\xfe\xdc\xc1\x8bA\n0\x98\x1d&lt;\x87\xfb\xa1\x8e\xd1'y\xe8;\x940o\x9c\xe3\x19`$\x17\x05"</t>
  </si>
  <si>
    <t>b'\x16\xe6\x9c\x02&gt;zm\xba\x13N\xd9\xfd$\x00\xf5\x08\n\xd3+\x967\xea\x06\xeexwF\x01\xa19\x00\xb9'</t>
  </si>
  <si>
    <t>b't\xc5q{\xf5\x95\xed\xe3T\xd57\xf1Y5\xea\x1f\xc40R\x98b\x7f\x90g\xfe\xdf\xc1\x00\xe4\x88\xe9\xf9'</t>
  </si>
  <si>
    <t>b' \xdb \xbe\x16D\xde\xc8m^5\xff\xf5\x81\x93\x97\xe5\x16g\xb80\n\x11\xd7L\x19\xdb\xc7s\xaa\xda\x19'</t>
  </si>
  <si>
    <t>b'Mi\xc2+\x00\xef\xado\x17\x18u^\x0c\xff\x13{Y\x9f\x0b\x05\r\xa3@\xdf\xa5\x19\xd1z\xfd\x10%W'</t>
  </si>
  <si>
    <t>b'\x0f\xe4B+\xc1\xa9M\x99w\xb0\xe1\x85`o\x83\xd2Ts\x07\x0c\r\x83\xad\xbc-,*\x9fJ\x93\xc0\x7f'</t>
  </si>
  <si>
    <t>b'\xd5;x\xf0qd\xb9\xb3}\xeeo\x97P\xb3bp\xc4\xce\xec\xe1\x8d\x1bn\xe3\xb1\xda\x1c&gt;v\x12\xd3\x04'</t>
  </si>
  <si>
    <t>b'IL\xb1?\x9c\x8b\x8a\xe9\x02\xad\xe7)\x8a\xf9=\xce\x9e0_\x19\x91\x86\xfa\xa1u\x01\xc3\x06\xc2\x1bQ '</t>
  </si>
  <si>
    <t>b'R\xd4\xb0j\xcc\x83~mN\xb6 \xb4\x19[\x89`\xdf\x9d\x99\xd7C\x08\xba\x94|wN\xd7=E\x07\xc0'</t>
  </si>
  <si>
    <t>b'\x8cNw\x06MM\x8a\xc4%\xef\x80\xbdA$\xa7\x17\xe5l\x96w\xef\\*6r\xfaB\x9a\xd0\xf0c\xc8'</t>
  </si>
  <si>
    <t>b'$\x8f\x15\xc7R\r\x07LGs\xcc5\xfc1\xc2\xee\x0fY\x98\x02f\xbe\x93\x8a\xcbL\xed{\r\xa2\x8b\xc3'</t>
  </si>
  <si>
    <t>b'\xfdY\x8a\xb60\xd118\xb4+W\x0c\xd7\x03\xac\x12\xe7\xc8\xc0\xef\xbf\x8f\xf5?\x03\x9c\xfbwG\x83Ds'</t>
  </si>
  <si>
    <t>b'Z\xd7S\xee0\xf8K\x8f\xe72\xfe\xef\x99\x89\x9b\x93\xca\xf1\x1c\x85Q.\xf9!\xf5]\xd7"N\xcd\xbe\x13'</t>
  </si>
  <si>
    <t>b'J\xe6\\;\x03\xeb\xf2\xfa(\xc68\x15\x00N\xa9\x99\xec\x15\xe5h\x9fXM\xf4\\5)\xab\xf6\x00w\x14'</t>
  </si>
  <si>
    <t>b'\xba\xc2\xcd\xd9\xd5\xea\x10\\AsA/\xdd\xcd\xec\x11\xe2\x93[\x9dV\xa6\x92\xa0\\\x9aH%\x96\x08%{'</t>
  </si>
  <si>
    <t>b'\x88Q\x8a&gt;l\x98\xd9\x8fUh\xaf\xa5{}0m\xb4\xe1?`I\x99\x08{\xdd)\x86\xdd\xa5\xf30\xb4'</t>
  </si>
  <si>
    <t>b'\x81\xfb\x15\xbd\xdaY\xc5\xe7\xb1\xad1\xb5\xe1\xc6_\x9ccSH\xe0\xd2\xe1;\xbbvh\xfc.\xdc\xc3\xa0)'</t>
  </si>
  <si>
    <t>b"\xe8'\x18\xa0\x9en\xc4\nek\xf2)\x9d@\x02\xc6j\x8a\x9f\x95\x10\xb7vr\x0b\x8d\xe5%*~\xf4\xd0"</t>
  </si>
  <si>
    <t>b'y\xf7\x85/tl}\xa5p\xb6\xe1\xdc-]\xb2L\xee^\xb9\xf4?\x08\xc9\xf89\x81\x13\xe8\xeb\x9b\x0e\x96'</t>
  </si>
  <si>
    <t>b"\xdbg'33\x1e\xf9\x08\xcfv\xa4n\xaa\xcd\xdbO&lt;v\xef\xc3B\xbd\x9c\xb0\x1a\x03\xf8ts;E\xe6"</t>
  </si>
  <si>
    <t>b'\xc5k\xc6(Qo\x1f\xc2\\\x9e!\x9b\x85\xadO\x150~#D\xeb\xfe.#(ajKC\x86&lt;R'</t>
  </si>
  <si>
    <t>b'\\\xaa\xe3QN\x83\x9eZ\xa8\x80c\xe8)2\x89l.B\xad\x90\x16\x0f_\xf0\x11\xeaZ=\xfd2Z~'</t>
  </si>
  <si>
    <t>b'\xe1{\xd9\x03wj\x00\x9e\xc1\xc2\xe8\x85\xb5&lt;\xb6"N\xaf\x85\x9c6\xdd8\x1d\xf3\xf5\x93\xcf\xaaxZ\xb8'</t>
  </si>
  <si>
    <t>b'\xb6\x16^\xd8K\xd0\xa9\xc4\x85\xf65\xad\xd1\x8c\xa8\x1c\xbd\x98\n\xc0u\xf5|\xab&amp;%_I\xca\x11B\xeb'</t>
  </si>
  <si>
    <t>b'\x050\x96RI\xff{\x01\xe9\xfe\xb7\xa9\xaf\x01\xbe\xe7\xe1+de\x9c\x89\x0f\x93p\xc2\xee\xb0\x94\x03Q9'</t>
  </si>
  <si>
    <t>b'\x00@\x17\xa8\xbdM\xe3\xd3)\x1e\x89\x92[\xe8\xfb\xc4\t\xbd\x89\xbe\xa5=/s\xba\xc8\x9bD\xbb1+r'</t>
  </si>
  <si>
    <t>b'~\xb3\xef\x9a=\x7fM\x15\xc0\xf9\x16\xac\x8aB\xce\xbd0\x80\xce:\x08\x97\x1d\x81\xb7\xc7&lt;m\x1d\x16\x7f\xf8'</t>
  </si>
  <si>
    <t>b'p\xa0\xe2\xa5\xd0\xf0\x9b\xd0\xbe\x93\xfbRJ\x99\x90g\xc8.\x98VE1h[\xe8\xc7`\xc4\xd7m\xac\x83'</t>
  </si>
  <si>
    <t>b'\x172\xf8\xe6\xe6\xec5*\xa2\xeee\xfd\xd3,#\xd9\xd4&lt;x\xef\xd4,`l\x07\xe4\xcd\x91\xe8\xc1\xf1\xe8'</t>
  </si>
  <si>
    <t>b"\x83h3\xd8~v3f\x00\x88DP\x0e\xa6&gt;\xf9z\xdf\x94\x1b,'\x17\xed\x87\xf8V\x10mm\x16\x11"</t>
  </si>
  <si>
    <t>b'\x93\x8a\xe3M\x95r\xabH\xa10\xd4\xa5\xe3X\xaa\xd4|\x07\xa5\x99\xd5\x03\xe3\xca\x93\x8fl\xe5)J\xa7\x86'</t>
  </si>
  <si>
    <t>b'\x0bD\x88\x8f\xbd\xbdaY\xb4\xea\xab%\xe5\xf1w\xeb\x8a\xa6s\x92\xab\x9ddC0V\x08*\x9c\xdd\xc1\x9b'</t>
  </si>
  <si>
    <t>b'\xd9J\x0c\xd3\xa3y\x92\xc8Xl[\x02\x0b\xef\x0bcJ\xe5\x90F\x88~L\xb3\t\x1a\x01\x03\xa4\\\xec\x97'</t>
  </si>
  <si>
    <t>b'J,\x15@Q\xe3\x8afa\x1eQ"\x91S\x9e\xe2r\xd2\xb7\x9a\xd0\xad/\xc1\xdeG7\xef\x999\xd2\xfa'</t>
  </si>
  <si>
    <t>b'8\xb1[\xc2B\xed\xbf\xce\x1b9l\xd0\xa9\x13\x9d\xcf\xa9\x91\xdf\xa5\xb8\xc4"/\x02\t\x99\x8fQ*\x16e'</t>
  </si>
  <si>
    <t>b'r_\np\xea5v\xe3\xa7T\x06t\xd4\xd0^\xdb\xb8\xe5\\|eu\x00\x113\xa2\xc1r\\\x08\xfc\xc8'</t>
  </si>
  <si>
    <t>b'3\x94\xa9.-\xac\xd8\x16\x06O N\xcb\xad\xf3\xad7]\xf2QB\x98\x14\x93u\x07\xd76]]"\x8d'</t>
  </si>
  <si>
    <t>b'\x87cf\xad\x16\xa2\xbe\xaa0g\tN\n\x1c\xc2r\x19\xfe\xa5\xe57\x1e\xf9\xe7\x84\x11\x00\x7fSD\x99\xda'</t>
  </si>
  <si>
    <t>b'\xfbxe\x95$\x990\xba\x80\xff(\xedP\xeb\x18i0\xb2\x96\x821\xdf\xa9\x00(\n\\\x9aP\xd0x1'</t>
  </si>
  <si>
    <t>b'\x03h\x9b@\x8e.\xee\xaf\xecLa\xc4\xbf\x85\xf5\xf5}`\xf1Y\xee\x0f\xf2\xe2sR`\xe6\x94P\xba\x07'</t>
  </si>
  <si>
    <t>b'/\xae\xbd\xa0g\x7f\x93}g\xcf\x9c[b\x9d\xc6\x13\xa0N\x04\xaf]\x146g\x83\xec\xbf\xca\xf3\t\xc96'</t>
  </si>
  <si>
    <t>b"\x9c_\xcaBeX\xe8\xe3\xc2{\xe0\x1d)\xc0\x8f\xf8]\x0f\xa8\x91\xfe\x10\xec\xd5\xc5\x170\xf0\xd4\xa4'_"</t>
  </si>
  <si>
    <t>b'\x8dyq\xf0\xde"%\xfb\xbe\xa1z\x90\x13D\xda\xfch\x83\xcd\xa3\xdap\xa9\xf9\xa0\xa0\x9f\xc4\xc0\xaa}\xdf'</t>
  </si>
  <si>
    <t>b'S\xd6ig\x94\xa9\x9c\x01\xb5Up,q1+\xb1\xc0J\xe6\x14\xdc\x15=\xb9\x02\x1a\x043w\x19\xa6\xeb'</t>
  </si>
  <si>
    <t>b'\x04\x1f\xaf\xd6p\xf1\xd3\xb5\xa1\xc5{sfe*?q:G\xc1hK\x1f\x1b\x11\x94\xf4\x19\ne\xbd\xeb'</t>
  </si>
  <si>
    <t>b'y\xbd\x1a_Z\x95*[Iv-\x95U\x8fs\x86\x19\r\r&gt;\xde\xa8\xe5\xf2\xefr;\x01\x05`\x1ef'</t>
  </si>
  <si>
    <t>b'\x8c\x88U\x1d\xbb\r\xa1\x8a\xc0?\x85\x82\xf7\xb9\xc6-\x94D\xf0\x0cE}\x1d\x15{\x86)\xe3\x14\x19\xc7\xe2'</t>
  </si>
  <si>
    <t>b'eA\xf6\x8b=\x19\x06|\xa6&lt;\xa8\x13\xb8-\x8d$\xf3\xae\xcc)-\x81M\x01Q\x18\x87\x17\x1bG;\xb8'</t>
  </si>
  <si>
    <t>b'\xc9\xed\xfb(\x12l\xd7\x1em\x92cYqe\x1a\x19:L\xaa\x84\xeen\x9e\xe6\x92K\xfeR\xd8\xcc\xf0\xae'</t>
  </si>
  <si>
    <t>b'\xd1x\x15\x06W\xb4\xc4\xa0`\xfa\xdfk\xe9\xfa\x08Y]\xcbcU\xc5\x9aJ\xf0\x13y\xdd\x07\xa7j\xd3\xe1'</t>
  </si>
  <si>
    <t>b'\xe3\xb4\xce&amp;\xdd\x04\xb9\xb8\x0e\xd7n5"\xdb\xcb\xe9L\x86X?\xf0\xb5\n\x9e\xa3\xb33\x88\xfb\xf5\xb2/'</t>
  </si>
  <si>
    <t>b'z8\xf3\x90\tn\xc9z\x13\xc5\x7f0n~\xc7\x9c\xc8\xa6\x9bi\xc6\xad\x1b\x92\xe0\r\x1b_\x8dp8&amp;'</t>
  </si>
  <si>
    <t>b"\xc8 \xed'\x86\xaf\x1eR\xb1\x03\x9c\xdb\x17\x8d\x9f\xa9\x8b\x8e\x87\xe5\x82\xafc\xb0\xc7m\x0f\x17O\x81\x13\xb6"</t>
  </si>
  <si>
    <t>b'\x87\r\xb15\x15\xf28\x9f[\x11\xcf\xce[|\xae)\xab\xec\xfeu\xbcC\x1d\x12\xe8\xf3\xd3\x9c\xc9\xa4\x8f_'</t>
  </si>
  <si>
    <t>b'\x15\x82\xbd6V\x8f0%\x0b/\x7f\x0fr4\x02\x88.\x81\x91\xad\x99\xa6"\x82!\x1d\x136\x07Z\x93\x87'</t>
  </si>
  <si>
    <t>b'\xfd\xaf\xdcd\xba\x8290Wx\xd6\xff\x9d\xf7\xf8\x7f[\x98\x1a\x17.\t,?%\xd4\xdf\xaf\xfc\x85=W'</t>
  </si>
  <si>
    <t>b'\xac\x98M,\xb9\x12\xa4\x06\x1a \x9b~\xe8\xed\xc7\xbdH\x9ca\'\xa4\\4-\xa0s\xf7"&lt;#\xf5z'</t>
  </si>
  <si>
    <t>b'\x9c0{\xed\xeb\x8d+A#\xbb\xd6\xdb\xe9\xd1\x060\xf4\xb4\x89\r\xbdWJ\xbb\xbf\x15\xf7\xe6\x1b\xa7^\x02'</t>
  </si>
  <si>
    <t>b'\xf8\x0cY\xfc2\xee\xe44T\x08jv\x1ap\xba\x8f\xe5\xe7\x8emw\x96\x8f\xa6\xd4\xc4X\x0cRE\xdd\xa4'</t>
  </si>
  <si>
    <t>b'\xe2r\xe8\xa3\x0bR\xc96^\x9d\x90\xeb\\\x14\xee\x96\xa6\xfb\x93p\xd7\xed\xf4?\xbeo\xf7-\xb8V9{'</t>
  </si>
  <si>
    <t>b'\xef\x94\xbc\x8b\xe6z\xf7\x12\xebs\r\xa9\xfb\x99\xf2\x12h\xe3H\x96\xed\xe9H\x93\xf3,\x83Oru\x0f\xa3'</t>
  </si>
  <si>
    <t>b'\x82\xc2\x01/\xfdP\xc79\x12\x0e\x90\x8a\r\xf4\x91x\x93ZVZjc\xa3\xd5\xae\x8b\xc1\x93\tP\x07\xf2'</t>
  </si>
  <si>
    <t>b'\xdf\x85\x8eV\xbd\xb0B\xc15\x05\xf2\xae\xbb:\x87\xc4R*\x194\xc5d\x1e\xbd\x87\xfc\xf5\xa6\x86&amp;1\x11'</t>
  </si>
  <si>
    <t>b"\x05?\xa8x\x1d!!\xb9b\x02'\x80\xff\x02hvQ\x02*\x18\xf0\xf2h\xa8{\xaa\xfb\x08k\xc7/\x81"</t>
  </si>
  <si>
    <t>b';\xac\x17\xcb\x12\xa6l\x99,\x95\xb0\x0cD\x8f\xb1\xc8"\x0fX\x0f\\\x08\xc9\xf2\xe2\xd5\xf1\xaa=\xee\x1fM'</t>
  </si>
  <si>
    <t>b'\xf3\xd4\xf0\x89\x84\x16O\xf7\xa4\n\xc7\x86\xdb\x17/]\xaa\xde\r\x08\xbc\xe8U\xb9E&gt;y1\xae\xbcZ\x97'</t>
  </si>
  <si>
    <t>b"(\x8b\xd2\xd6\xc6\xbdm\xcf\xbcM\xb4c\x93\x81\xdak\x1c\x1f$\x05Y\x9b\xc8\x98'-\xc4#o\xc7&amp;\x94"</t>
  </si>
  <si>
    <t>b'-\x1el\x85\x05\xd5QYy\xe4\x15\xb7iI\x9c\xfcA\xbf\xd9\xab}\x1bc\xba\xbc\xe4\xfd\xbf\xf6E\x9e='</t>
  </si>
  <si>
    <t>b'Q\xfa\xc7[Zh\xb4\xb9\x9eI\xa3\xec,W\xe5\x8f\xfaI\x04\xd8s&amp;\xd2\xd5\xa0\xfda\x86\xc30\xb1\xbd'</t>
  </si>
  <si>
    <t>b'\xf8\xc3\x9c#]\xd8|\x04\xec\x7f\xf1\xdf\x9b\xdf\xbc\xeb\xca\ta\xa6\xbd\xf9s;\xf1\xc6w8l\x9c"\xea'</t>
  </si>
  <si>
    <t>b'\x7f\xa4\xb7\x7f\xa4\x16\xd2\x90\xc1\x8c.\xc6,\xc6\xaa\x81z\x1a \x12\x0e\\\x9a\xbc\x03\xacb\xa9\xec\xcf\n8'</t>
  </si>
  <si>
    <t>b'\x89\x13\x96n\xd8\\Q[\xfa47E\x93w\x97\xbd-\\\x1c\xbb\x04\x01\x90:/=\xbcH\x10L{\xed'</t>
  </si>
  <si>
    <t>b'\x8e[\xfb`\x91\x10\x8a\t0\xa6\xac\xb4;!\x98"\xed\xc1\x8fa\xb2T0\xae\xdf \x0c\x97\xba\xc7\xec\x18'</t>
  </si>
  <si>
    <t>b'7\x98\x8d\xbc\x99il\x02\x0eg\xb3\xf4R\xd7\x9b\x8e,\x8cZq\xa8\xb0J\x17D\xb7j\xd0\x9a\xaa\xfa\xc4'</t>
  </si>
  <si>
    <t>b'\x8c\xc5\xa0B\xd9\xbd\x8b\xc2\xbd\x01oI\x01\xaf\xf8\xbb\x13\x88\x06\xae,c\xa6\xadq\xf8\x1b\xf8\xcc\x95\xf6\x9a'</t>
  </si>
  <si>
    <t>b'?P\xf9}\xdf\xd4!\xaeY\x03\x0f\x98\x15\x03\x98\x05\x8dMPf\x13j\xdb\x199\xbe\x89q\xdbK\x87\xa8'</t>
  </si>
  <si>
    <t>b'\x83\xca\x80\xd0\xce&gt;\xb8\xbb\xe1\x16\xbf\xeb&amp;\xb2\xfe`\x08q\x92 \xa3\xda7\xb83\x15\x15J\xea\xd7\xad:'</t>
  </si>
  <si>
    <t>b'\xf9\xe1\x8d"\x9dD\x9dR\x9f=c\xc4\xcf\xd6\xf4\x0e\xcd\x97\xb9\xd6\xe3\x83l\xa0(\x00h\x88\xa6\\\xb0\xcc'</t>
  </si>
  <si>
    <t>b'u\xdc\xc3\xdb,\xd5\x87\xe3\xa3\xea\xc9ch\xde\xeb\xa8,\xc4\x0cz\x05s\x15v\x8dw\xa4\xdbP\xf7\xacy'</t>
  </si>
  <si>
    <t>b"\xc4\x19\xba'\t\xc8\x90uc\x13N\x9b2\xce(\xbfL\xff\x11\xbf\xa8\nh\x160\x05\x15\x8b\xd5\x9aM\xcd"</t>
  </si>
  <si>
    <t>b'\xe1\x93\x84\xefI\xe9}\xcc \xfaF.3\xe8\xa3|Hd\xce/\x83\x99\xdd\xf0\xbfC\xc3k\xbb\\\xa1U'</t>
  </si>
  <si>
    <t>b"\x14\xae3/*\xf1\xec*\xe4\xe2 ~\xb2RT\xea\x7f\x83aL\x99\x05\x05\x94]'\x1bp\xb0\xfe@Z"</t>
  </si>
  <si>
    <t>b'\x8d\xe6\x84|%w\x13jo\x9d\x99\xdf\x19\x1aT\xbfM\xfc^\x18\x81P\xbe\xb7\x15\x1f)\x18u"\xca*'</t>
  </si>
  <si>
    <t>b'\x8d\xf6\xe0%iw\xc5\x12+\x00\x7f\xbe)\xcaZ\x82\xcd\x7f\xa4\xd7\x8c.2\xe0\xbe\xd8\x94I\xa9\xac\xde)'</t>
  </si>
  <si>
    <t>b'\xc5H~87zV\xdb\x12"j\xd8"\xde\x95\xffcq\xdb\x10\xf5a\xd4f\xe8\xc5.ex\xa0]\xbb'</t>
  </si>
  <si>
    <t>b"B\x1c\xac\xd7\x83.\xf9]\xbb\\T\xa4\x05s\x8f\xc6i\xc3\x83a\xe3'\xef\x88\x0b\xed\xb6v\x06\xc25\x02"</t>
  </si>
  <si>
    <t>b'%Z\xedc\xfa\xe0\xf4X\xd0\xc4\xb1\xf9\xb6e\x08\x93`\xd3\xc1`\x1d\xe3\xd9\x1e\xdfi\xcf\xb2\xa6\xf8/u'</t>
  </si>
  <si>
    <t>b'\x7fu\x80\x18\xf1\xce\x96\x1e\xfd0\x88\x08Pg\xd0\xf0\xc6\xe95=Se\x02&lt;\xf2\x8b\xbdB\x1ay\xe0X'</t>
  </si>
  <si>
    <t>b'kh\r\x9a\xc3p&amp;v\x02\xd0\x99\x8b\xf2u\xaep\xda\xc1\xfc\xb8\x8a\xd3\x18\xef:r\x11}\xc8+h\x9d'</t>
  </si>
  <si>
    <t>b'\xc6+X\x93\x10\x956%\xc0\x81qp\x14\xd4\x95\x1bc8c\x0e[\xb9\xe9,Ou\xa3w)\xc99\xd8'</t>
  </si>
  <si>
    <t>b'bo\xc6J\xf2\x83V\xd3\x8c\xd7\x81\x00\x05\xf33\x08\n\x92a\xe0Y\xd2\xdf\xfc\x82dY\x04\xad\xe6aL'</t>
  </si>
  <si>
    <t>b'\xcd\xa3x\xe6\xc5\x01\xfe\x0em\xe8y\x80\x90\n\xd0w\xfe\xa4X\xfe8\n8/\xed\xd5#l\x13\xaf+b'</t>
  </si>
  <si>
    <t>b'S\t\xb1k\xe5\xb3\xfe\xb5\xbd\xa5$\xe8E\x82\xe6K\xd1}\x8f\x19;\x16\x020\xe8v\xbc$q%\x82\x99'</t>
  </si>
  <si>
    <t>b'"\xd4\x07\xdb\x15R\xb2MT\x8d\xef\xcb#\xd6\x0f\xd5\xb9\xaa\xba\x14\x8b8\xe9u\x1b\x8f\x81z\xe9~\xea\xaa'</t>
  </si>
  <si>
    <t>b'^\xf6\x1aJ\xf1\xa6\xff\x82\xbe82\x1c\xeci\xbc\xe8\xd2\xd9\x1aS&lt;\x96\x9b95\xcc\xb8\x08\xbck\xbc\x95'</t>
  </si>
  <si>
    <t>b"fd`\xb5fc\xf0o\x90\xd6\xce\xc6\xea\xc4\x01\xd9:\xecy\xd0\xf8y\x15\x81\xc8K^A'\x0b\xab\xf1"</t>
  </si>
  <si>
    <t>b'8\x7fA\x89\x97\x08f\x1d\xdb\xfb\x99=\x94\x90\xe3\x1en\x81\x9c\xc2\xacR\x1d\xf7\xeaU\xde\xfe/\xcb-\xf1'</t>
  </si>
  <si>
    <t>b'\xff\x9cQ\xa5\xc0\x9f\xa6\x84\n\x96(t\x0f\x86\r\xf2\x0f\x16i\x9f\x8e\xab\xb0\x01!\x06\xfa\x1f\xde\xb4\xd3\xfa'</t>
  </si>
  <si>
    <t>b'\xd9\xfc\xb3AS\x03fF\x16\x0b\xd29"\x10\xf0\xaaZf\x11\xf0\xbbX~2\xadtQ&gt;\xa3\x8c\xca\x95'</t>
  </si>
  <si>
    <t>b' \xbc\xaf\n{e \x9f8\x14\x17\x04\xe9&gt;\xe63\xa4\xae[\t\x1eG\x86&gt;iN\x9e\xfa\x9a6H^'</t>
  </si>
  <si>
    <t>b'\xd2\x8bP4R\xd7\r\x1a\x88\x1d\xfd\x96\x81\xb1\xb7!\xdc_\xa4\xc1[\x84\xf1z*C\\(z\x16\x1b\x8c'</t>
  </si>
  <si>
    <t>b'\xe5\xbf\x87\xefX\x81\x98\x12,Pdr\x884g\xa1N\xdd\x81\x83\xf7?\xc6\xd8J\xc2^\xa2\xa7\xe6\xef\x17'</t>
  </si>
  <si>
    <t>b"\xf4\x92\x8d\xf2L\x15\xf3m\xd5 \xaeKj\xc0;\xfc\x1f\xab\xf18\xf6'\xde\xee\xbf\xb3\xe4\xc2c?\x94\x87"</t>
  </si>
  <si>
    <t>b'\xa5\x88\xe6^\x97\xf7\xbf_\xa8\xcew\xb5\x8c\xe9\x00\xa7$\x97\xdd,\xab\r\x97!f6\xdd*\x9f\xb6(\x83'</t>
  </si>
  <si>
    <t>b'\xf1\xea\x01i\xdb\xf5\xd6\xa9X_\x15\xd6\xb65\xb2X\x85\xb35E@\x83\xd4\xc7\x98"\xe1&gt;\rf\xaf7'</t>
  </si>
  <si>
    <t>b'\x1c\xe0\xfd~W\xb2\xc6\\$\x90!\xb2\xbb6AN\xbe\xb0\x93\x8e\x92\xd1k\x07\xaf\x8a1,D*\x8b\xa2'</t>
  </si>
  <si>
    <t>b'\x86\x8c^\xe5\xb7h\xd0sd`4G}\xf3\xaee\x8c\x08\xbd\x8d\x03\xc0N}\r\xfb\x91?\xdd\x9a\xe65'</t>
  </si>
  <si>
    <t>b'\xbc\xe2F\xe3ez\xff\xd1I\x83\x8cd\xf0\x14\xd8\x9f\x7fY\xfdE a\xdcbm"\xb4\x01\xb7\x80\xf4\xb5'</t>
  </si>
  <si>
    <t>b"\x85\xfbR\x04\xb2@R'\xf4\t\xc3Xb\x85\xa4s\xb1\xb0|\xc4_ ,\x95\xe9\x88\xf7t/ F,"</t>
  </si>
  <si>
    <t>b'\xef\xb1\xcc\x88\x96\xc6,\xd8A\xc9 \xde\xa8q\xe1\xd0\xf1v7\xe2\xfa#\xde\x7fN\xb89\xe6]\x91\xa3\xda'</t>
  </si>
  <si>
    <t>b'&amp;\x96\x80k\xe4\xef\xe0\xeed\x82\x0c\x99\x91@\xcf\xb45N\xaa\xd4}o9\xf0\xb9\xdd\x91\x15\x03\x85&lt;g'</t>
  </si>
  <si>
    <t>b'\x9c\xd0\xc2\x06F&lt;\x14\xd7\xe9\xe3&amp;\xe1\x05@8\x86\x19\xeb\xf4\x8e\xf1\xb19\xa7\xa4\x86\xf7\xac\xf6\xdc@\xe9'</t>
  </si>
  <si>
    <t>b'J\xda\xf3I\xa6\x81\xbbz\x9b\xa9\x1fl]\x06\xd6\x10\x9a\x8b\x04Y2\x7f\xf1\xc7q\xc7\xae\xe0\xaf\x0f\xe2\xe2'</t>
  </si>
  <si>
    <t>b'\xc2a\xc1\xee\\\xd3W)\x93\x9f\xcb\xc8\xcf\xe4\x15\xc901\xdc}{\x96\x88\x13\xe0@oZ\xa1\xff\xd7\x14'</t>
  </si>
  <si>
    <t>b'"\xcc\x11/^\xcb\xf5\xe2\xd2\xbbT\xf44\x036\x9b\x17\xe5\xf2@\x86\xc0S0B+j"\xe7ew\x13'</t>
  </si>
  <si>
    <t>b'\xc2\x1e\x03\xd1\x89(\xf6\xd84\xcfZ\x9bq\xf5+\xffs \xe2j\x17\xa7\x98L\rRD\xa8.a\x12@'</t>
  </si>
  <si>
    <t>b'\x0cr\x1d\\4\xcfpL\xb1\xcfx\x8bUP\xef\x00\xac\x02^\xddRl\xebZV\xc6Z\xa8\xcfY\xaaK'</t>
  </si>
  <si>
    <t>b'\x83Y7\xa2*\xfa\xaa\x0c\t\xe3\xa0\xb0im!5\xfdc\xca\x85\x0b\x84\x9am\xc5\xa4\xe1@\x9b\xbc\xe5`'</t>
  </si>
  <si>
    <t>b'\x9b1\xf5At\xadR\x9b\x9e\xb2\x964#\xba\xf1.\xd7\xe3\xf3a,/\xfaU\x8b\xcbW\x00\x0fp\xbc\xa3'</t>
  </si>
  <si>
    <t>b'\xc6\x9cW\xce\xce#-\xab0\xbb\xe7r\xa8\x1a5\xe1\xc9]\x82\xf5#Q31\x856~\xd4\x9d\xa3\xe6\xb4'</t>
  </si>
  <si>
    <t>b'\xfa`d\xbaW\xda9\x9e\x07\xea?\xf5=3\xd6\xd0(`\xb9\xe5\x12\xdc\xceG[\x80\xad\xe4*]\xae\x0f'</t>
  </si>
  <si>
    <t>b'R\x89\xd3\xe2\x19/$\xb4QX\x96\xf4,\xbb\xf9\xa6\x1b kIkd\xb0\xb6\xf0\x14@)\xe0\x13\xbd/'</t>
  </si>
  <si>
    <t>b'M\xf2~\x94\x95\xeaqt=\x11\xf5h@U\x80\x88\xde\x9c\xa7\x98\x9a\xfe\xf9\xa0K\x14x\x92\xc7\xf6\x7fL'</t>
  </si>
  <si>
    <t>b'H\xfei\xec\x1fj\xef\xa7\x07\xefE\x0f\xeb\xb2\xbcR\xbc\xb4\xaaYT\xa6E\xf9\xc3S\xe9B\x88\x91\xb0D'</t>
  </si>
  <si>
    <t>b'\x84\xeaOD\xf4\xc7\xa4\x8dfV\xc4\x7f\xdd\xdd\xf7y\xa6\xbap\xee&gt;\x97\xe5\xa9^\xa6_\xdc\xb6\x8c]\xe5'</t>
  </si>
  <si>
    <t>b'\xdcna\xf0\x92\x19\xaet\xe9\xab\x8c\x85\xb5_|m\xfe\xe2s0\t2d\x8e\x8a\xe9\x92]\xdf;\x0b\x1b'</t>
  </si>
  <si>
    <t>b'}\\jM\x18\xa1\x9dA\xb1`\xd0\x00\xc9\xeb\x8a\xe5\nB\xba\x89oG\x92\xedCGn\xd4\xa5Qx\xdf'</t>
  </si>
  <si>
    <t>b"e\xab\xd3\xef^\xa0\x03dt\xa6g\xb8\x84?a\x84\xfe\xac\t\x99\xf3\xa1N\xef;tW'\x942\xafn"</t>
  </si>
  <si>
    <t>b'\x0b\xa5\x19\x8b\xca\xebZ|z\xb6\x89\xde\xd2D\xa0\xff\xe0\x06\x12\xaf\x94\x0c\x0b{mO1\x05%/$\x02'</t>
  </si>
  <si>
    <t>b'\xdd\x9ai\xd9\xe2\xde&lt;\x99\x7f\xf9z\xbb\xe0A\x96\xc3\xf6\xb9\xcbR\xf6\\\xc8r\xc9\xf9~\x96e\xde\xeba'</t>
  </si>
  <si>
    <t>b'\xbf\xe9\x0f\xb0S\x85\xe0\x10\xf0\xcf\xbf\x81\x06\xc4p\x81\xe1\xf9\xe4\xfc\xca\xe7\nn;7\x1d\x19\x92\xf5\xb5#'</t>
  </si>
  <si>
    <t>b'\xc5\x06\xb1\xd9W=\xa9\xd4\x11\xe8\xd7\xa0r\xfc\x8b\xde\x15\x7f}t.~&lt;I&lt;\xa3U\xe8G@2{'</t>
  </si>
  <si>
    <t>b'\x1fW\xdcs\xb7$7-\xb9\x0c\xec5\xd3\xc9\xd9\xbd\xbb\xbb\xc6Q\xf4\xbf!\x1d\xa2A\xc8\x15\xe0^\x8d\xfd'</t>
  </si>
  <si>
    <t>b'*T\x9d%\xa2O\x1bR\xc6\xbf\x98M\x0cP\x90\x89\xd1\xca\x94%\xa3]\x82/\x1a\xb1\xc5\xc7ei\x973'</t>
  </si>
  <si>
    <t>b'\xe2\x9fS\x0f\x96\x8fhQ\xe5\x03\xe5\xd7\x0e\x86\x18\xee&gt;\xf7E\x8e\x88\xbcc\x86\x03H\x1c\xc4\x1f94\t'</t>
  </si>
  <si>
    <t>b'\xc9\x86\xbb\x12#\xd0\xcd\xb2+A\x81\xe9\x1c\x90\x94\xabdp\x12\xff\xf5S\xf3\xbc\\\xa1:R\x82\xc3N\x94'</t>
  </si>
  <si>
    <t>b'Dk\x16\xb4\xe9S\x92\x8cJ\xd3\xa3\xcc\x1b-\xaf\xc6Ex\xe6\x80\xf5\x91\x91i\x13\x8e\xd6\xd0\xd8_j\xd1'</t>
  </si>
  <si>
    <t>b'\x8b\xa6\xd6\xc4 \x1d\xb2\x0f\xd5\xd24\xd5l\x9cL\xbb\xc6\xda\xd7H&gt;\x88\xf3\x9e\x19\xce-\xb9\xb4\x97\xee^'</t>
  </si>
  <si>
    <t>b'[\'\xbf5"\xad\xac\x94\x004\xa1?!\xef\xee|\xf2&amp;\x8bg\xc9\xbc\xf8/\xe34\x97!!\x80/X'</t>
  </si>
  <si>
    <t>b"\xf9\x13,\xc3\\\x92ns\xceK\xc3&lt;\xb3\x7f\x05\xa54\n\x08Y\x04V\x81\x8b'\x9c\xef\x9bp\x1c\x13\xff"</t>
  </si>
  <si>
    <t>b'\t/\x08\xfbB\xa7-\x92o\xe6\x17*On#\xbe\xe6\xae^\xe2\x9b\xb0\xb9F\x0f\r=N\xabN\n\xfa'</t>
  </si>
  <si>
    <t>b';-\xb7\x03\xdb\x8e\xcb)\x15\xea\xa5}w&amp;\xde\x8f\x13L\x8ep\x92\x97b\x81&gt;\x88\xc9\xb2\xb8\xb7d\xbd'</t>
  </si>
  <si>
    <t>b'\x00ke\x97k\xe9R7\xd0\xc3\xa3\xfcX\x8d\x85x\xad\xcdl\xc7\xcb\x91\xce\x85O\xe3ur\xbd\xbd\xee\xd4'</t>
  </si>
  <si>
    <t>b'\x08p\xe9\xc8\x9a\xe0\x1c\x01\xc1\xf52PS#\xb97\xf3\xa1\x85\xaa\xb2\xf9\xd1\xd7\xe1\x04\x98|\x95&gt;\xbf\xd5'</t>
  </si>
  <si>
    <t>b'\xf5x\x9f\x8f\xf3\xf4\xfd\x82\x93\xe5\x13\xb0\xb1+\x96tE!1\x05\x0e\x91\x91\x0cX\x86\x00\x92\xaat\xee\xd8'</t>
  </si>
  <si>
    <t>b'\xab\xddT\xff\x93\xfd\xcf\xf8\x0c\x1f\xed,\r#\x17\x94\xf5\x84\xb5\x96\xe7\xc7\xa0h\x02\x9f\x86/\x89v;\xde'</t>
  </si>
  <si>
    <t>b'|\xe4E\xe2KZ\x9eY \x98\x97"\t\x1f\x14\xdd\xa3C\xd5%\x9e\xeeL\xa4C\xfdb\xee\x13~\xe4\xc5'</t>
  </si>
  <si>
    <t>b'#\xcc\xa0D/&lt;\xda\xb1v\xa0w;C\x0b\xf6\x8d\x14\xb68\xec\xc3\x894, \xa1a~\xb1\xdd\xd8\x92'</t>
  </si>
  <si>
    <t>b'\x94\xd1AfA\x83\x8a\x9b1\xe0\x17\x15\xca\xfb_\x9c\x9a\xd7\xf7R\xb6R]L\xd7\xc0\xb7\xa3\x90\x1bb\xb3'</t>
  </si>
  <si>
    <t>b'\x94\n\xb6\x0c\x9a\xfbx@9\xa8\xcc\x8bo"\x9fwg\xc4=\xcd\x08\xd0N\xea\x9b\xec\xd7\xdc7\x9d\x06\x8a'</t>
  </si>
  <si>
    <t>b'T\x82\x83\xf1\xf2-\xd7M\x96\xb2\xc4U\x87w\xbb\xb1\xb5\rF\x1eE\x98\x8aWh\xee\x8c\xdc\x84\x99\x13\x92'</t>
  </si>
  <si>
    <t>b'!\x9ah\xc1\xe4a\x1b%\x91\n\xf5\xb9\xea\x90B\xdb\x96\\\xc6~\x08\xc7^F\x80q\x99\xe1A\xe3\x1ev'</t>
  </si>
  <si>
    <t>b'\x0e\x88\xe3\x12\xe1\xcf\xbbP\xa6U*\xf9\xaf&gt;\x06nP\xf4G2\x85_\xdac\xfb\x16\x1eS\xa8\xe78\xbd'</t>
  </si>
  <si>
    <t>b'\x1as^\x80[\xbe\x0f\x1bY\x82+\x9f\xa7\x9eQ\x87Y\x10\xe7\xcd=\x1b6bZ\xad\x15\\\xd8_\xd9\xbf'</t>
  </si>
  <si>
    <t>b'\x0bv\x9c\x1b\x0bX\x1f\xcd&amp;\xe6\xc9%\xaa&amp;\xfc\xa9\x10zh\x16m Np\xf2\xbc\x8a\xe03\xba\x94\xd8'</t>
  </si>
  <si>
    <t>b"K\x0b^\x93]3\xa2\xa0\xf7\xa2#'Ew+\x91\xf7\xa2}a\x86\x0e\x0f\xbfu\xa4\x8b\x9f{ \xb0\x06"</t>
  </si>
  <si>
    <t>b'\x8d\x80\xec\xa6u\xb5x\xa39\xfa\xaa)\xb8\xab\xa1\xf1!\xb1\xe7wY\xeciw\xf3&lt;\xbfx$\x96\xfeM'</t>
  </si>
  <si>
    <t>b'\x06+\xb6\xa0}\x01E\xdcC\x05\xc3/F\xad~\xbf\xca\x8f\x0f\x8d\x1dj\xf7Y\xeaT]\xe4\xa9s\xe1\xb0'</t>
  </si>
  <si>
    <t>b'j\xd2;\x000\x0c\xefJ\xe0\x14\x83\x98\xc7xA\xfcs\xf6fM\x9bx\x02\xac\x81\xbcpD\t\x11\xd8r'</t>
  </si>
  <si>
    <t>b'f\x16\x12\xac\xe6?\\\x81\xafM9\xc9U\xc5O\x84&gt;\x06\xfd]\xddRc\x9c\x9a@\x8e\xb3\x81\xce*\xa2'</t>
  </si>
  <si>
    <t>b'Q\xc2\xae\xb6\xf2\xebz\xbf\x8eH\x15\xdea\xdc\xc2)\x0e\x06\xc2\x7f\xfa\x9afe;\x17\xfe\x99\x83\xb5\xfcT'</t>
  </si>
  <si>
    <t>b'\x16\xd8*\xaf\xc7\xb9\x12\xbd\xa5w\n\xb7\xdaa-\xb1\xcd\xc07*\x0e{\x93\xca\xa7\x9fw\xc0/\xf7\xf5\xe6'</t>
  </si>
  <si>
    <t>b'\xb1\xfaQ\x90\t\xae\xb8I\x07&amp;5\x06\x7f$\xf5+h\xa8\x14\xb5\xb4\x1d\xa5r\x0b\xaaw\xf7\xfeS\x18\x1f'</t>
  </si>
  <si>
    <t>b'\xde\xbd$\xa7&amp;)\xe6I\xc6\xbd\xc4\xd6p*2\xd4\xb3\xa9\xa0^\xc5g\xd0&gt; D\xa3s\xf6#\xe8\xaa'</t>
  </si>
  <si>
    <t>b'Y\xb5%\xe0\n\x9bP[\xd8\xc9\x06\x9f\x15\x04\xd1\x8d5\x80\x93\xa2\x85`\xc9k\x0b\x0b!-\xdb\x85\x1f#'</t>
  </si>
  <si>
    <t>b'\xcd\xc8\x8c\x17\xfeSr&amp;w\xfb\xee\xf9\x10\x9c\x17\x0b7\xf3\xa1,\xe6!\xc6\xc2\xaad!\x03:J\x0c\x04'</t>
  </si>
  <si>
    <t>b'\xa9\x03=\xaf\xe1\xf5\xe953q\xc4\x95r\xc8\x91/A\xa9\xe1\x1e\x82\x84\xf2\x17\xda=ui\xfd.\x1fh'</t>
  </si>
  <si>
    <t>b'\xbf\xed\xb5\xd4\xe4\xa5j\x9eK^\x02\x8d4\x93\xcf\x04\xc9VgO\xc0\x95\xfe}*\x84\xe7\x95\x06}b\xce'</t>
  </si>
  <si>
    <t>b'\x85\xea\xecd\x10cT@\x0ba?\xf4\xeb\xf7j\x18\x96\xcaip4x#\xce3\xe5\xc1\xb5\xa2\x01{d'</t>
  </si>
  <si>
    <t>b"\xcdo[=\xf7==%\x9f\xa1N\xa0\x7f\x04\xbd'1\xca\xc9 &gt;9\x19\x94\x8b\xf5\xcc\xd9\xf92p3"</t>
  </si>
  <si>
    <t>b'\x96\x11\xfa\x9e\xdf\xd8N\x94+g\xc2\xdc\xb4{-a\xaf\xd6&amp;\rN\xbc\xf0\xd9=\xffl\x8b\xdc\xf5\xb4\xe4'</t>
  </si>
  <si>
    <t>b'Cc\xf9\x08\xc4\x0e\x82\xd1\xae\xf56OV\x0e\xc4\x8dd{)\xa7\xd8\n\xb55\xf1\xb8ti\x94YD\xe0'</t>
  </si>
  <si>
    <t>b'\xd8!4\x1b)\xa0v\x9aS\xech ~\x1f`\xf3\xb1\xa1C\x1d\xd7&gt;\x04\xf3aZ\xd3\xb41\xfd7\xe8'</t>
  </si>
  <si>
    <t>b'\xd9J-\x8bu\xf1\x89\x82\xbc\x07\x8c\x8c\x17\xc2\xca\x83\x1dW\xdfc\xdf\x89Z\x07\xb1K\xcd\x90S[\x96h'</t>
  </si>
  <si>
    <t>b'l@\xd8\x1f\xca\xa9\xd9\xfdl\xbeX1:\xa8D\x13\xf4\xb7\xbd\x0bqB\xdc_\x94I\xde(\x872{\xf9'</t>
  </si>
  <si>
    <t>b'\xf3\x04\xd8\xb4\xff\xcf%\xc2\x89\x1eVQ\x1b\x9c\x85dl\xa48\xec\x84\xdc\x15\xdf\xb2\x05$4T\x01\xb0\xf0'</t>
  </si>
  <si>
    <t>b'[07\xda.%\xdf\xbd\r\r\xbe\xcd\x90S\xf9\x12\x8bK\x1e\xff\xe7m\n\xa0\x03\x7f\r\xee\xbb\xc67I'</t>
  </si>
  <si>
    <t>b'\xd66,\xaf\xe6\xe8\xdeZ\xa7\xd2\x02#\x10\xbf2\xae\x807\x84\xf1\xe8k\xa9a\xf8\x0b\xca,\xb3\x99\x8b#'</t>
  </si>
  <si>
    <t>b'\x95\xd0L\xbc0:\xbc\xe1\xee\xfc9+J \xc9\x070K3g\x9aw\xe7"\x88\xb75|_\x06\xc0*'</t>
  </si>
  <si>
    <t>b'f\xb9\x03n\xa3\xdfF\t2\xb5\x9589P\xbb.\xc2N\xf8\x1b\xff\xa5`*fZ\tD\xd5e\xa4\x00'</t>
  </si>
  <si>
    <t>b'\xcd\x85@4\xcb\xd5\x16\xdbc\xe0\x9b\xef\x8b\x1a\xde\xe5\x106\x82i\xd6\t&gt;\x86*y\xe9\x03\x16\x1fLL'</t>
  </si>
  <si>
    <t>b'\x1a)\xc4\xf0\xe4PBEK\xce~;\xb2\x0b\xef\xce\xd1OOg\xe9-\x0332\xdaD\xc4\xa0X\x17M'</t>
  </si>
  <si>
    <t>b'\xf63\xd9\xbbYn\xa2\xf7\x80\x92\xad\x07\x9f,\x1a\xf6\xa7\xcd]+\xb4\xfc\xbdJ\x11\x18\x1c\x9e\x14\xa57\x13'</t>
  </si>
  <si>
    <t>b'\xe2\x9a\x17\t\xd1zcx\xd9\x01=\x82f\xe3\x02\xe0\xcf\xda@\xbe\xb3\x07\x88\xe7\xbd\x03\xde\n\xf8\xe8\xca\x1f'</t>
  </si>
  <si>
    <t>b'$\x8eQ\xc0a\xd7\xda\x86\x93\xa5\xd8\xd2&amp;\xdfG\xb3\x96\xadM\xdd\xb71=p"\x110\x90\xe1$Ze'</t>
  </si>
  <si>
    <t>b'\x0c\xf6\xb3\x031\x06\xc6\xc1\x89)\xb7Ue\x0e\x12!\xa0\xb5\x0b\xb6\x89\xd0.\x1d\xa6t\x11\x81\xc5\xd4\xc6\x9a'</t>
  </si>
  <si>
    <t>b'7\xdc\xe1\x9e\xfc#\xb3\xc4qZ\x91\xbe\xa8\x13a_z\xffp{\x0fe\xe1L\x85?\xbde\x14\xb8\xc8F'</t>
  </si>
  <si>
    <t>b'\x1c\x0f\x1e\xb6&gt;\x10/A\x9c\x84\x96\x0f[\xc0\xe5\xcf\xad7\xc64\xd1(\xc5\xf6\xab\xb4\xa1\xe8\xa3\xc8\xe8\x83'</t>
  </si>
  <si>
    <t>b'\x02\x980\xa2\x81Z\xdc\xf4i\xda\x1c\xfa\xe8\xf1\x87\x99\xc6p\xeb_,0y\x14\x88z\\\xbb\x11B~;'</t>
  </si>
  <si>
    <t>b'\x9cXb\x86\xd5nY\x8fSc{w8\x9a\xa6\x0cK\x0f\x8c\xa0\xda\x19A\xba\x86\xd7\xb0\x82\xf6\x8dx\xde'</t>
  </si>
  <si>
    <t>b"oR8d\xf4l\xd6D\xe3\xa8\x8a\x1b\t\xa5\xac\xd7aO\\\xaf\xeb\x89)H\x93'\x0b\xa8J\x8b\x13\x9c"</t>
  </si>
  <si>
    <t>b'2e\xb8\xda\xae\xf1\xe4j/\xb1v\xf7VYz\xa6,\xd4\x94\xea\xf4y\xb8\xbbql\xb7\xb5\xfb\x95\x12R'</t>
  </si>
  <si>
    <t>b'vt\x0c\x0b\x14-\xf6\xc0\x8eK\xfc\xa0\xa3\x00b)S\x1eJdl\xdb^B@\xbe\xfbKL\x1f\x18\x81'</t>
  </si>
  <si>
    <t>b'\xda\xd2\xd1\xeb\x87\x92\xcf+\xd1~{D\xa1\x13r\x87:\r\xeb\x13\xfa\xddN\n6\xf39\x9ez6X\x83'</t>
  </si>
  <si>
    <t>b'\xcb\xc8\x9b.\t\xe0\xe3J\xbb\xd9n\x10\xe6i\x00\xbc\xfaH\x86;#}`\x999b\r\xd7\xbfg%\xc7'</t>
  </si>
  <si>
    <t>b'\x96yJ\xbfs\xad\xe0,K\x8bX\x08U\x9e\xd7PK\xc1&lt;\xce\xe6\xb9\xcf9@\x8c\x97\x18I\xf9\x85+'</t>
  </si>
  <si>
    <t>b'G\xba\\, s)1\xc9\xdd\x9b\x8eO\xaa\x0e\x94w\x17!\x00\xea/}\xe6\xfc\xe3\xb8\x9b\xaa\x98\xa7X'</t>
  </si>
  <si>
    <t>b'\xfa!rxq\x89\x97\x0b\xfb?7k\xbd\xe3^\xc1\xbf\x0b\x19(\x8a_U\x10\xfa\xa4\xf0\xa6\xf7E\x99\xef'</t>
  </si>
  <si>
    <t>b'\xa6\xd1xQ9p\xfa\xf9}9s[\x0e\xdd\x01\xee\x15L\xa0\x87\x9f\xf8El\x94\xde&lt;A\xe7\xb1E\xdb'</t>
  </si>
  <si>
    <t>b'\xaf\xd9:\xfb0\x08\x17q0g\xce\xcc\x12\xfc\x8bS\x8bm\x92\xf5\x19R\x19\x0b\xfc\xe5\x16\xd9\x11S\xbe*'</t>
  </si>
  <si>
    <t>b'4\xb4\x80\x15\x14\xa3\x16A:\xaa\xbcb\xf5\x93B\xc5\x96\xa9\xbd\xf1]\xceM\xa3a&amp;\xb4\xa0OW\x88\x01'</t>
  </si>
  <si>
    <t>b'\x979\x03\x08F\x90l1\xd7o\xd6%\x85\x9b\xaa\xf7m\xc2\xae\xd6\xc1\xb6\xd8\xc9\xef\xc6\x11jk\x17I\xa3'</t>
  </si>
  <si>
    <t>b'kS\xaa\x10\x08Sn\r\x94!\x12\xe1\xde\xa1\xa8gX\x96\xda\xeb\x04\xab\x85\xdbY\xa5\x9c\xad\xc0Q\xc5\xfc'</t>
  </si>
  <si>
    <t>b'\x8ebF"\xb5\xbf\xa3\xfd]\t\xb7\xcd\x05\xd7Mv\x0c\xea(\xb5W\x07)\xebR\x8b\xf7=\xce\x9co\xdf'</t>
  </si>
  <si>
    <t>b'\x990\t\xda\xf6\xfco\xde\xb9\xed\xacJK\xc7\xb9U\xd2\xe7\xe5\tw\x1e\x9d\xc1\x0eF\x8d\xbb\xb8\x87&gt;\xb3'</t>
  </si>
  <si>
    <t>b'\x12\x80a\xf3\x17\x8a\xe0\xd2a\xd5\x8a\xc4\x8cj3 &gt;&gt;q\xfb\x99]\xfc\r&gt;o\xf7MQ\xa8_A'</t>
  </si>
  <si>
    <t>b'\x15Q\xb5\xb0$\nab\x1f\xd21\xcb\xc5\x85\xe2j\xebJM\x1e\xe4\x07\xfbm\xd9s\xe4\xf9w\xf5\xdd+'</t>
  </si>
  <si>
    <t>b'YL\xd9\xcf\xd0\xd7]\x06SR$\xfc7Ua\x0b:\xca\xb0\x0e\xa4\xfd\x8d\xbb\x04O\x12\xfa\x16Y\xaa\xde'</t>
  </si>
  <si>
    <t>b'\xcb\x8e\x00\xc3b\xddRG\xfd\xbe\x0e\xf2E\x04Et\x91\xfeKP\x1a9!}\xaf\x92\x9eE\x8a7!\xaf'</t>
  </si>
  <si>
    <t>b'[\xa1\xa4\xab\x9f\xed\xb1Zb&lt;o\x9dm9\x01&amp;\x96,\xdcZAl\xbd\x17\xd9\x05?\xc2\x16\xd0\x17\xf0'</t>
  </si>
  <si>
    <t>b'n[L\xbd\x89\xcc\x8e\x90\xe4\xc4\xe1\xf4\x87}\x06v@m\xcd\x9bW\xa5~\x98\x8a\xf8{\x13u\xa7\xf1]'</t>
  </si>
  <si>
    <t>b'cN\xc3\x9f\xe0\xdbBl\xfd\xccY\x1cR\x0536\x9d8\x7f(\x9e\xf4\xa2q\xc2\xdd\x93\xfe\xcb\x9ag\x12'</t>
  </si>
  <si>
    <t>b'D\x99B\xf7\x0f\x16\xb6se\x82\xad\xe3\xa6t\xcd^S\xa14"BD\x1a.\xbb\xf7\xa7\x10\xadYO\xa8'</t>
  </si>
  <si>
    <t>b'o\xbf\x07\xae\x86\xde\x9f\x82\x92\x98\xbdk\xd8c}\x1f\xee\xdaZkN:\x9c.\xe0\xf0XYT\x1cp\x8f'</t>
  </si>
  <si>
    <t>b'\xd6\x0c\xbc\xdc\xf1itYQ\xa5*\xf1%+`\xdb\xe0\xd7\x8d-\x12\\\x86\xd5\x13&amp;%\xaer\xa3@\xa3'</t>
  </si>
  <si>
    <t>b'\xdb\xf7q\x8fN\xdb\xaf\xfe\x90\x9e\xbe\xb4\xf4N\x80\xaf\x00\x04\x82\xf1\xa9\xa82_q\xc2\x94\xbd\xd0q\xabJ'</t>
  </si>
  <si>
    <t>b'w`4\x89VF6\x9a\x8a\xa3\xb5\xea=.\xa8B#\xa3\xc9]\xfe\xa6\xb4\x81\xc2\xcf8\x1dH\x06\x88\x1c'</t>
  </si>
  <si>
    <t>b'\xdcKn\xe235+\x06\xd1\x91\x9d\xefy\xeaI\x1d&gt;\xdf\xc8\x14!\x03\x98L\x96w\x85?\xc6\x8c0\xb4'</t>
  </si>
  <si>
    <t>b'\xf0pq\xb7\xe2\xd0\xe2\x04\xba\xbdk\xfdt\x86]!k4\xa39\xa4Z\xd1\xa1\x11:P\xf28\x88\xb4\xe4'</t>
  </si>
  <si>
    <t>b'\xdd\x00Q\xafa\xe0\xe540\xd6\x8c\xe6\xf9\x96\x84\xce\x98\x91J\xb7\xa8\xfdwx\xc9\xbd\x03.\x8fPs\x9f'</t>
  </si>
  <si>
    <t>b'Bj&gt;D\xb0\xbb\x17be\x83q\xda\xd2\xe9\xa3jj\xc4eS\x99\xa1\x80\xd7\xe9\xf0T,)#\xe7\x8e'</t>
  </si>
  <si>
    <t>b'\x07\xceG\x93\xeb\x87\xf7|b\xd5\x90K\xfd\xbeQ\xda\xab\x9aj\x0et@1\x0bR\xfc\xfef\x1d\x89\x1fJ'</t>
  </si>
  <si>
    <t>b'\x1f-\x1e\x177\xdf-\xb5\x1b(i\x8c\xcf\xbd\r\x92\x90M(G\xb0\x80\xf1\xecT\x92,\xd7\xa6\xf7.-'</t>
  </si>
  <si>
    <t>b'b\xc1@\xe5\xee\xd9\x0cE\xa9\xe5\xe3\xb4^\xfd\xcdS\xb8\xe8\xa37\x9bhRS\x88\xa1\x95\x01\xe8\xfbP\x12'</t>
  </si>
  <si>
    <t>b"w\x11\xaa\xbe\xed9\x00Pt\x85*G'\x0c{4`+\x8a\xb9\xe7\x14`\x9dC%=\xb3\x892\x88\xfb"</t>
  </si>
  <si>
    <t>b'\xdc\xa6\xbd\\\xd8\xfd\\\xacy\x07\xad5U\x95{\xbc+@\xfa\xd1\x83\xc2\xf7i\x8fl)^\x836m\xd0'</t>
  </si>
  <si>
    <t>b'\xd9x(\x07S\x17P\x0bB\xb1\xe3\x1ehg\x97\xa4\xc2q\xe5|F\x02Cc\x05\x19Ni\x95\x1a?\xb0'</t>
  </si>
  <si>
    <t>b'V_\x11m4\xb5\xa1S\x12\xe0\x1b{\x894\xcfzbl\xa8q0\xf1E\xd9n\xbbz\x83\xb3)\xf6\x9f'</t>
  </si>
  <si>
    <t>b'\x93\x93MU(q\xda\xe3?m\xe0\xff\x98\x9e\xaaU\x11|gh\x0b\n#\xe3S\x04C=Yl\xd5\xd6'</t>
  </si>
  <si>
    <t>b'V\xa3z\xfb\x0f\x94"\x9c\xcc\xd0\xb5\x9c\x81\xa3P\xa36K\xd3\x043\xc3\xb1ZU\x96]\x1e\x03\x9eN\x1a'</t>
  </si>
  <si>
    <t>b"\x9eQ\xad;\x96\x0e\x87\x1dg]\xa7\x87\x83\xfd\x8c\xac\x9cvj\x9a1\x89\xf8\xe20\xa9g\xa9\xc1'\x07\x0b"</t>
  </si>
  <si>
    <t>b"i6}\x18\xcfF\xc6\xe2lH\xe3\x17bQ\x8au\xef\xc6\xa10\x8eM'pO\xad\xb3\t\xda\xe3L&amp;"</t>
  </si>
  <si>
    <t>b'?\x9d\xf2\xd5\xad\x04\x80\x87\xf3f\xdc\xe2=\x19\xb7a\xb3\xe2Z\x13\x0b\xce\x02b\x1f\x82L\xa6\xfa\xe3\x8c\xb3'</t>
  </si>
  <si>
    <t>b'0f\x85\xb2mzy\x97M-e1Q\x9f!\xb4\xfe\xb0]\x1ct]\xc6\xb1\xdc\x1f\xf3\x17=\xf9#0'</t>
  </si>
  <si>
    <t>b'\xf0-Vy\xff\x03s\x82L\xe2\xe7\xbf\xaae\xfd2\xc2zd\xa2C(y\xa7\xe2\xbf\xdcFCt\xa5\x83'</t>
  </si>
  <si>
    <t>b'\x1e\x0f\xee^\xd8g\x9b\x04L\xa9\xe0; \xe8\\\xd3\xba\x9cG^UdhJ\xb9N\x1b\xde\xac\x0b\xf0\x13'</t>
  </si>
  <si>
    <t>b'm\x94\x9b$\xdfx\xe2\xf0W\x07\x98P$(\xff\xbb\xc4\x94*3\x9eS\xb6\xf7\xfa\x97+\xae\xb7D!4'</t>
  </si>
  <si>
    <t>b'\xe20\xca7\x13\x96\xc8\x97{w\xdb\x1a\xa8\xcc\x1c_5t}\x8f\x9f3\x13O\xa1\xee\x84 \xf4\xa8\x17{'</t>
  </si>
  <si>
    <t>b'\xd9\x15\xd6c\xc3\xfe\xa7\xd3\xea\xc2\x84\xe1\xd2\xfdkJ\xbf%\xec&lt; .y#\x02\xb7\xa9\xabx\xee\x1a\xf9'</t>
  </si>
  <si>
    <t>b'\x98\xde\x10]m\xef\xcdGtL-\xb9 \x03\xa6\xce\xe0Dk\xae\r~\x96\x17$\xf0U\x15\x0e\x0b\x88\xa0'</t>
  </si>
  <si>
    <t>b'\x12\xf3R*\x85\\yH\x13\x1b-T\x93)=\x8b\x18l\xff\x17\x17`\xb9\xa8s\xc4\xe4W\x9f\xceAh'</t>
  </si>
  <si>
    <t>b'\xb7AG\x05xP\xbe:\xe2.\xf6\xb4c\xea\x7f\xc2\xea\x8d\xa87\xde\xb4H\x14im\xc7Y\x92\xe0\xf0|'</t>
  </si>
  <si>
    <t>b'\x12\x85\x17\xc0}\x7feQI\x9bN\x93\xe1l\x00o\xa58\x03\x06\x04\x0bD\x8d\x9a\xca\x8bY\xb57\xe4\xa6'</t>
  </si>
  <si>
    <t>b'\x0c\xb3\xd25\x90\xbaa\x1c\x8a\xdd\xcaIT\x8f\x9d\xc5hC&lt;\xe3^*W8\x80AL\x11\xe8pf\xdc'</t>
  </si>
  <si>
    <t>b'\xbc\x00\nv\xaf\xe3[\x9d\x13\x97\xd8\x04\xc2u\xc1!\x03\x9e\xa7\xf1\xae\xcc\x15\xfb\x8f\x1b\x99\xc7\xa5\xd6\xac '</t>
  </si>
  <si>
    <t>b'o\xf7r5\xd2\xd0\xfc\xf8\x88\x1f8\xb9w\x086Xo\xaf\x03\x8a\xd6\x92t\x8c\x15\x10~D\xf1?\xa8L'</t>
  </si>
  <si>
    <t>b'jc\x92\xb2\xc0\x84\x825\xe9=v\xa3N\x1d\xb5\xc1\x0b\x8b\x96\x90\xc4Z\x01X\xef\x8d\x0e\x8c?\xdd\xb2q'</t>
  </si>
  <si>
    <t>b'v\x8a\x9d+\xa0\x7f\x8b\xec\x00\xf2p\x89e\xc5\\\xf2\xd5{\xb3\x82c\xab\\\xc5J\nZ\xb9\x8a\x0fD\xf8'</t>
  </si>
  <si>
    <t>b" \x1f\x1f8z\xe7\x0b\xd3`HR\x1e\x06\x08\x06\x15k\xd5\xb5'\xa7R\x00\xb8\xedvo\xf7lTj,"</t>
  </si>
  <si>
    <t>b'Q\x94)wx\xf3#\x83\x8d\x17\xcb\xf0\x86s\xbb{Lmg!\xd7\xc3?\x9b\t\x16\xdd,\r\xf8g\xd5'</t>
  </si>
  <si>
    <t>b'mUk\x99\xfbx0\xf4jot\xdf\xe1\x97Q\xd7\x97\x9eC\xccC\xba:\xd8[\x9f\r\x7f\xe2I\x98\x91'</t>
  </si>
  <si>
    <t>b'/\xbc\xe5\x87s\xcdR\xb7\x03/\x87\xf0\xb9SOhTEN=\xe5oO2\xb2,C\xf7\x88\xc4}_'</t>
  </si>
  <si>
    <t>b'\xfc\xcc1\xda\xfdDc\xb8\x9eg!\x1b\xe53\xc3]B\xf4\x15`\xd3\xe7oGH[\xf8\xa5\x0b\xe7\xa8\xa8'</t>
  </si>
  <si>
    <t>b"\xdd\x9a\xd4\x9f\xf5\x15+\xd7\xa2N\x8f\x89\x7f\x1b'\xa4\xa7\xec\xa3x\xdc*\xe7\xcf\x92\xaf\x86\xc6\x9e\xe4\x15\xd3"</t>
  </si>
  <si>
    <t>b'9hvf\xca5\x10`\xcd\x1f,@\x0c\xb7\x90yR\x93\x97fo\xca@7+m\x12]\x11\xa7#V'</t>
  </si>
  <si>
    <t>b'\xc9\xa1\x01\xd3\xe9\x05\xbc4%\xf5\x9d\xb7h\xcf=\xd1\xcegW\x97d\xb6\xb42\xfd\xb2\xa7\xfb\r\x9d\xc0@'</t>
  </si>
  <si>
    <t>b'\xd6\x10\xbd\xaan\x82\xaf\xcc\x0f{+\x14\xfa\x1f,bp\x10\x08\xdd&lt;J\x1d\xdd\xc6c\xf2(\xcaM\xa4J'</t>
  </si>
  <si>
    <t>b'~\xe5\x9dH\x19O`\xaa\xc3\x0fx\xf0"\x95\x1df\xddD\x11\x1cb \xab\x92N\xda\xdd$\xb7#\xb9\x14'</t>
  </si>
  <si>
    <t>b'Gv\xf4#\\\xc3W\x06@3\x00\x15\xe6\xbb5:\xeaD\xbc+\xd2\x00H6\x072\x11\xa8\xb6\xf9A\xf5'</t>
  </si>
  <si>
    <t>b'xq\x1b\x97*\x0bp\xf0nM-n\xca\x9a\x83\xcc$\x86F\xf14+\xafN\x98\x81\xf0\x95\x1aF\xd3\xaf'</t>
  </si>
  <si>
    <t>b'\x94\xd7\x1a\x8aV\xe9\x01\x1d\xe5\x94\x98\xd06\xac\x10\xc4\n\xe9\xa0\xa9g(\xe90\x17\xf0\x85n\x8a\xf0\xe1f'</t>
  </si>
  <si>
    <t>b"\xd0\xb6:#~\xd1\x86[+C\xaf\xfc+'D\x0f\xbc\x12\xe1\xda\xe5\x18\x18q\xed\xcdM\xc3\t\xce\x1f7"</t>
  </si>
  <si>
    <t>b'Fi\xdb\x96\xbe\x05\x14\xd5\x0c*\xed\x81\x00H \x80\xcf&lt;\x1e!\xdf&amp;\x1c\xda\n6\xed\xce\xe5VWt'</t>
  </si>
  <si>
    <t>b'`\x0b.e_cb%\xf2\x9b\xd2\xb8\x96\xc0T\xe8\xf18\xc8Z\xa1\x7f%\xc5\xf4\xaa\x88\xbe\xfa5c\xa8'</t>
  </si>
  <si>
    <t>b'=\xd4\t:G/\xfe\xba\x89\xe4\xe7vq\x98%\xb6\x9eJ\xe4\xac\xa3V\x93\x97\xd9C\x1e\xd4%\xff]\x11'</t>
  </si>
  <si>
    <t>b'&gt;\x13\xe7uC\xad\xd8\x9a\xb6Aha\x80)u9rZDh\x0f\x08\xd0\xa4\x1a\xc4\x01\xde\n[\x92b'</t>
  </si>
  <si>
    <t>b'\xafP@\xfdl\x03\\=\tV\x03\xa9B!\x8b\x8d\xc0b"\xac^t\xdbH#\xda=\x18\x12\x96]m'</t>
  </si>
  <si>
    <t>b'\xa0\xfc\r\xa1H\xd0\x8c9\x96\xa4\xc0V\x198w?\xce\x91\x17F\xd5\x0c\xe0\xf3\x18\x15\xccD&amp;\xc3\x0f\xa5'</t>
  </si>
  <si>
    <t>b'I\x85\x12\xe6e\xcdG\xef\x919|_\xdau\x9c]\xf3\x98\xd72\xf2\xb9\x06\xfe\x85|9#R\x126K'</t>
  </si>
  <si>
    <t>b"\x17\xbc}\xd8R-\xa9\xeaN\xcd\xdd'\xdb\x19 \xb0\x19\xb3 \x0e\x8dRR\xee\x13T\x81\x98\x18\x02-\x0e"</t>
  </si>
  <si>
    <t>b'\x92\x02\xbd,a\x04N\xbc\xdd\xb5\xd8~\nO)\xf8\xad"`\x86T\x86\x10\xea\x10\x84[\xc1#\xdak\x13'</t>
  </si>
  <si>
    <t>b';\xd8D\xb67\xb4\x7f\xc4\xfb\x18\xce\xf7\xcc\x1a+.#\x93\xc2\xa8\xaf\x8b\x96\xda\r\xe9\xe0\xe4F\xfa\xc5R'</t>
  </si>
  <si>
    <t>b']\x12-\x8bE\xb9\x88\xebJX\x87&gt;h\x95\xb8\xd9;L\x8a\x96\x7f\xbe\xcdW\xbbW\x81\x97H\x81\xd1\x14'</t>
  </si>
  <si>
    <t>b'?8\t\x12\xb1*\xc8\x0b\xb4l\xe0\xfay\xe5U\xc4\x12\xe7K\xc1\x8a\xd7\xdb\x9b\xf2f\xb4\xd89\xae\xa8\xc5'</t>
  </si>
  <si>
    <t>b'\xf9\xe9z\xcdh\x03n"\x97\x9eS\x90\x96m3_\x15\xa2\xdamhs\xb7W\x8cz\xe3\xf1?OJ\x86'</t>
  </si>
  <si>
    <t>b'\xc1\x91h~\x88\xfa\x8e\xcf\xd7G\x03\x81\xcc\xd2\xfb\xfbC\x84\xfb\xbe\xf0\xc8ZQJ[f\xbf\xd3k\x89~'</t>
  </si>
  <si>
    <t>b'\x8fLWd\x9b\xe0nztI\xfa\xaa\x1f*\x14\x15dD?\xf5\x1aV\nA\x86\xe7KN\xd9|\xaa\x98'</t>
  </si>
  <si>
    <t>b'\xf1\xc2@\x12\xc9\xe9n\xba\xe1Z\x96\x12\xe87\xe1\xcb=QR\xfe\x7f\xfa\x8c\xcf\x7fb5\xc0\xbb\x8b\x1d\xd2'</t>
  </si>
  <si>
    <t>b'\xbb\x0cy\xc3\x96\xf2fF\xd6\x07\xcd\x18\x9d\x85\n\x83V\xd4\x04\xd3\xae\xe5uI\xfc\xfeR3\xee\x9f\xbe\x99'</t>
  </si>
  <si>
    <t>b'\xdd\xae\xb1UvtPg\x14\xb6\n[_\xbbtPYs\xd3w\xee{\xff\x02`\xa3\xe7\x06\\&gt;\x05\x82'</t>
  </si>
  <si>
    <t>b':P^:r^i\x0c\xb5B\x97\xb8d5[\xd0\x9cu\x1f\x7fF\x85\xd38\x85w\x87-\xfa\r\x7f&lt;'</t>
  </si>
  <si>
    <t>b']\x83LDI\x9a\x0b\x13^\x99y\xee\x19,\xb4\x0e\x84\x96&gt;\xb6\xb0\xc2\xbc}&amp;l\xec\xfa\x82\x03:\x7f'</t>
  </si>
  <si>
    <t>b'\x18\xe3"w\x1c\xf5\xd0\xfbC\xa6\xfdjS\xfaj\x91\x84\xee@\xfd@{cz\x8d\xbe1,R\xfb\xf0@'</t>
  </si>
  <si>
    <t>b'\xb7\xb0\xb2\xfdw5_\xe2\xed\xb4\xbb9f*\xb0\xd4\x86\x17\xdad\x94\x08\xad+\xd8\xdc5\x8eV\xef\\\xa1'</t>
  </si>
  <si>
    <t>b'\xdd)\xfchXj\x1a\x16\x8do\xd5\xf83h\x127Q\x90I\xd1f\xab#tF\x8dh\x80`\xa4\x1eT'</t>
  </si>
  <si>
    <t>b'\xdd\x0fr\x9b\xa5\x97\xcdJ2\xaa&amp;~Y\xca\xa4\xaf^\xb9{\x0b\x16\xaa/\x98\xc4\x97}-1\r\xf6a'</t>
  </si>
  <si>
    <t>b'\x88\x05\xa5\x99\x82\xf8-*\x19\x97\x1a?R\xc9cm\x8b,q@\x86g\xa9\xad\xbd\xe3O\x96\xca\xcf\x88\xd9'</t>
  </si>
  <si>
    <t>b'\x04\xdd(H]Jb\xb4\x91\xcd+:\xfcE;\x1bM\xc5_t4\xd7\x05\xac,\x03\xd08\xc7\xea\xd0\x9d'</t>
  </si>
  <si>
    <t>b'%\x14\x11\xc8\x1dD\n\xd5\xb2\xe4\x071{\x9d#\xaeOwf\xc4\xc5S\xc0\xf5G\x9b^\xfc\xcanm\r'</t>
  </si>
  <si>
    <t>b'$\\lE\x1el\xfd;\xe3\x19\x01\x91T\x00\x1d6\xcb\xac\x00\x0epp\xe5\xfd\x0c\x19\xd0\xfbJd\x95\xb1'</t>
  </si>
  <si>
    <t>b'\x91\xc9\x81SF\xae\xc1\x97\x03\xd4e\xb6\x12C\xf4\xe5\x90"\x10@\xa8\xf7G\x0c\xfe\xcchTA\x88\xa8\xb4'</t>
  </si>
  <si>
    <t>b'\xf1&lt;Y\x02p\xfd/\xec\x13\xf6\xf8\xc3f\x97\xa4\xb2\x8e\xeb\x7f\xe2y\x97\x1e&amp;\xd1\r\xc4\x08BH\xa4\xd1'</t>
  </si>
  <si>
    <t>b'a\xe5\x19j\xab\xae\xa4\x90\xadat%\x85\xb2|\xd4\x16Yj\x8f]\xe59\x8a\xc3\xb3\x80\xf1 \xeajX'</t>
  </si>
  <si>
    <t>b'\x85\xd7#y\xc2\n\x810m\x98\x81r\x15L\xea8C\xdd\x0f\xcd\xe7ev\xa4\xe4\xecT\xbf\xa9\x9f\x1dN'</t>
  </si>
  <si>
    <t>b'7\x0c4HwT\r`b\xc2\x15&amp;"\xe5q\x1fN1\xb6\xc8&gt;zl\x97A\xe0\xc0\xf3\xa7\x167\x11'</t>
  </si>
  <si>
    <t>b'\xcbzu5\x07\nC\xea\xd4v\x8f[:7[5\xa2\xf6[Z4\x1f\x8f\x8c\xefT\x868\xbd\xa9Q\x04'</t>
  </si>
  <si>
    <t>b'\xab\xfa\x88/m)\x82\x98\xb2D\xe6C,sCZ\xf3\xd8\x89\xbd\xf9\xbf\xc07\xef\xac\x91\x10\x14\xd8\x98\x9e'</t>
  </si>
  <si>
    <t>b'o\xc9\x1d\xff\x84;&gt;\x8b\x81\xcc:/\xc7\xa0\xe2\x8ba\x81\xf4\xd69\xe3_5\xa0/\xef\xc6\xec2rT'</t>
  </si>
  <si>
    <t>b'\xbf\xcfu\x82\xc7\t1v\xca\xfc*\x01\xaa\xe6\x06\x01A\r\x99\x03YB)\xcbz\t\xb9z\xfc\xf0T\xf1'</t>
  </si>
  <si>
    <t>b'\xb3\xbd\x9c\xff\xad\xd5\x02\xb4}\xfd,\x87-8\x18\xcf(\x1c\x01\xfac\xe3\xda\x9b\x0c\xc6\x9d\xe1gx1\xa6'</t>
  </si>
  <si>
    <t>b'\xf9\xd1\x8f\x1d\x0e;\xc6&gt;\xac\xabm\x18\x95\xe0f\x00\xf2\xd2]o\xb1d\xcc\x97[E\xd4"\xfe\x15\xf1\x87'</t>
  </si>
  <si>
    <t>b't\xf7\x87\xc45\x07\xf8q\x03\xf6:\xf7\xcc\xd0\xcb\xdc\x80\xd0;\xe6\x8d\xf72w"\xe8KT\x05g\x8b}'</t>
  </si>
  <si>
    <t>b'\x04\xd4B\x91{\xdc~\x12\x96\xb6\xb2p\x13~\x917;\xb7\x83\x06\n\x89,\x93\x92\x0e\xaaM\xefe\xa2D'</t>
  </si>
  <si>
    <t>b'\r\x9eW\x1a\xdf\xdc\xe2\xe2\x8f\x99\xd3\xc5\xf45TW\xa1\xbc\xba\xd0\x8b\x9e=\xf7\xff0h\xcfZ\x01%,'</t>
  </si>
  <si>
    <t>b'L/\xa4\xc0Ds\xa5\xcc\x96\x8f\xff\xce\xcf\x00\x1f\x99\xa06\x8d\xb1\x16\xb6=\xb9\x1b\xcc\xb7j\xfd\x0c\x8b\xd4'</t>
  </si>
  <si>
    <t>b'\xe7\x7f\xa0s\xbc\\r:S\x8ep\xe6\xe5&lt;\x85cR\xe8\x0b\x1c\xa8\xe55x\xe7\xf6\x10\x8b\xd8\x89\xe2\x08'</t>
  </si>
  <si>
    <t>b"\x08'\x81\xfe\x8c|\xc2h\xbe\xeaB@\xf3:*&amp;\x8aT2$2\x05\xdb\x9f\xb2V\xe2!g\xf9\xbc\xbd"</t>
  </si>
  <si>
    <t>b'\xbe\xcb}e):\xb9\x9c\xff\xd9-\xc2X?\xbc\xd3\xcb\xea\x12c\x9cKV=&lt;\xad\xeb\xdc@\x8fZ\xde'</t>
  </si>
  <si>
    <t>b'l\xc6\x80\x0e[\x83\xf2\xa4\xa1:&amp;\xd0B:\x16\xf4\xfc\x0b\xb9\xdf\xf4sl\xf2O\x8c\xfa\x89\xe3\xdeb\xcd'</t>
  </si>
  <si>
    <t>b'\xf8\xc85\xb5\xdb\n\xa3\x01\x06\xb8e~\x96a\xf4\xee\xe5\xdbw\xfb\x02`\xe5\xeb\xfb{f:\xad\x9a\xc8\xa2'</t>
  </si>
  <si>
    <t>b'U-K\xf9\x81&lt;\xc8\xfeX|z\x1c\xdf]X\x15\xa5\r\xe9\x879\x15\xeb\xc8\xc3\x0bY\x98\xf5p8\x8c'</t>
  </si>
  <si>
    <t>b'$e\x96D\xefaCf\x7f\x02\x98Mr\xc0%\x18\xfd\x0e\xb7Z\xdb\x93p\xd2@\xceY\x10\x0b\xd8Z6'</t>
  </si>
  <si>
    <t>b'\x81y\x10\x18\x9f\x10\x90u\x1c\x83\xe4]\xdf\x7f|\x80_\xb1\xb8\x1f\x10\xcc\x89|\x82\nDn\x9c\xa0\xde\xef'</t>
  </si>
  <si>
    <t>b'2\xc7\x82u\xc8~\xc8\x9b\xcb\ty\x93bfY^\xa9\x95&lt;\xa8\xff@\x9b\x95\xc7\xf6\x89\x8a\xc65\xd9\xea'</t>
  </si>
  <si>
    <t>b'\xc3\xce\x0c\x0f\x80\xc83\x95\xeb\xe7\x82I\x8a\x1d+&gt;\xcb\xd6\x16\xf7_\x15\xaa\xab|\x92\xb0&lt;n!\x9bo'</t>
  </si>
  <si>
    <t>b'\x80\x97\x11b&lt;:\xfdg\rp:\x18|&gt;!J\xef\x84\xfc\xdc\xba\xef\xbemT\x07$\xf3J\xc8`\x90'</t>
  </si>
  <si>
    <t>b'E{\xc9\xee\xe4PS{\xfa\xaa\xda\xc2)\xbf\xfd\xde\xe1\xa8\xdd\xed,M\x9b\xab\xfe\x17\x02^\x07(\x12r'</t>
  </si>
  <si>
    <t>b'Y\xffP.\x1c*,\xd0\xc0\xbe\xd2\xc7\xfb|\x1aT]\xa1\x92\x1d\xc3\xa7\xf4\x9a\xccO\x91\xb3\x02LI\x1d'</t>
  </si>
  <si>
    <t>b'5\xe4\xea/G@0\xe8t\xd4N\xda^\xdb~d\x87\xdf\x13\x08\xab\x01\xc6E\xf5\xbc\xb6\x9c\xbf:\x97\x08'</t>
  </si>
  <si>
    <t>b'V8\xa7\xf1\xe0\x9c\x00g\xc8|\x1c\xa2\x85~i\x02\xbd\xc6\xd7\xe9\x870n\xb4]\x82\x8a\xf2\xbd\x8f&lt;\xf1'</t>
  </si>
  <si>
    <t>b"\xf3bS\xf9\xd7\xf6\xbf\xc8\x15\xa5\x7f\xb1t\xceyh\xdaw?\x83'\xf8[\x9a\xcd\x952\x11\xee\x1e\xb9`"</t>
  </si>
  <si>
    <t>b'\x979\xfb\xe4\xd6*\xaa\x1dI\xfe\xa4\x9e\xda\xd5\xb0\xab\xf1\x97\xban@\xe7\x0c\x12c\xfd9\x16.\x15\x9a\x0c'</t>
  </si>
  <si>
    <t>b'\xc3\xda*\\\xaf\xadQ\xb3\x16g3\xb1\xde\xde\xe3\xc1\xdc\r+\x14\x18\\q\x01\xe7\x17\xf1\xaaw\x13"~'</t>
  </si>
  <si>
    <t>b'\xdd\xeb\xea\xf4\x86\xed\x035R\xd7Z\x0f\xe6\xc8\xcc\xc8^y\x8cd\xa1v@\xf1\x01\xb5\x9br*\xf7\x98G'</t>
  </si>
  <si>
    <t>b'bX&gt;\xecQ\x83@;x\x9b\xa7zm\xa5/\xa4r\x04Y\xb1\x9e"\x87w\xd3\xaf\xce&amp;\xca\xa4\xc71'</t>
  </si>
  <si>
    <t>b'\xcd"\x0b\xd6\xa1S\x8cYd\x0cW\xe6%k\x16ru\x0c\x1dn\xa0\xd6K\xed\x7f\xa1\xc2\xff\xc5X\xfc!'</t>
  </si>
  <si>
    <t>b'\xae60{\xc5\xb9Y\xea\x14Q\xf7\xd1$\xa6\xec\xcba\xb5\xae$\x84\x1d\xfa\x87\xdd%\x83\x19\x0b\xde\x80\xdc'</t>
  </si>
  <si>
    <t>b')#\x83\x18Rg,#\xb0\x8d\x80\xdc\xb3\\8\x00\xab\xef\xc5\xa2S\xeb\xcdF&amp;\xe4=W%$8\xcf'</t>
  </si>
  <si>
    <t>b'\xe6\x18\xab12\xf9\x08B%\xa2rN\xb3(ZRu \xdbr\xea\x0ba\x9f\x10\xe2\xa1*\xb9\xa8\xb7\xeb'</t>
  </si>
  <si>
    <t>b'D\x07\x83\x98\r\x02xBh\x99\x13\x882t\xc8w\xb6\xd4\xcbQ\x88\x19\x8c\x14\xda3\x9bk;\xb7%\xc2'</t>
  </si>
  <si>
    <t>b';\xc8\x08B\xab\x82\xc1y\xe3\x84\xfa\x8d\x13\xeeckweo\xd2H^\xfa\xd6S\x97W\xd1X&lt;\r\x1f'</t>
  </si>
  <si>
    <t>b'Q\xc9\xa4Vs\xe6#\x9c\xd8\xa5\xecq?\x0eP\xd4o\xe7\x0b\x93\xc7T\x1a\xc7hp\xd2\x05\xe9&gt;\xffu'</t>
  </si>
  <si>
    <t>b'\xd4\xdf\xb9"\x95_tDU\xac\xb8\x0c\x84\xfb\xed\x95N\xddQ\xab@:\xe0"\x19{\xed\xd1\x0b\xcf\xce0'</t>
  </si>
  <si>
    <t>b'\xe5\x07\x19=y\x83\x94\xaf\x89\x08\x93\xbc\x12\xc1\xa9\xdb\x86\x0f\xe8\xdch\xca6\xe2\xdc&lt;W1\x92\xc3\xc8\xc9'</t>
  </si>
  <si>
    <t>b'b\x988]\xe2]\xc3\x92\xbb\xb1\xfb\xf9\x7f\x03e\xf9\xa9\xb9\xd2\x0e\xf64\xdf\x85\xe781U\x1a\xfchQ'</t>
  </si>
  <si>
    <t>b'\xb6Y\xa2\xde\xad,$\xefYPf\xf0\xcf\xf6J\xfb\x8a\x0e\xea\xb4\x81\x14\xa4\xe6\x82M\x7f-w\x8cB\xfc'</t>
  </si>
  <si>
    <t>b'\xfc*\xc9\xe42\xed\xd2.\xe5\t\xee\xe5Y\xf7\xbb:{\xf6}q\r\x84Ur\xdd\x86\x14\x81\x07\xfa\xa6h'</t>
  </si>
  <si>
    <t>b'\xc9\xe44\x86\x13\x1ec]\xb9\xc2/F%\xee\t!@o%\xd22\xe4\xa7\x04b\x9f\xeb\xfc\r"\xa9#'</t>
  </si>
  <si>
    <t>b'\x19\x12Q\xc1\xde\x1d\x86\x1c\xffz\x07D\x99\x9dh\xa3p\x03\x8e\xd2A\xee\xfd\xae7y\xf3\xfdKi\\\xec'</t>
  </si>
  <si>
    <t>b'\xc0Q?\xb1.\xef\xa2\xaa\x8f\xf1\x92XN\xacJ\x9c$\x1c\xe7\xfe\x01\x9e\x10\xfd\x01(u\xae\xd4O\x0f\x14'</t>
  </si>
  <si>
    <t>b'V\xae\xd6"\xe3\xdc~\t\xc4\xaf\x98$\xa8|\xcb\x97G\x89\xa7\\\xcd\xdaF\xddb\xe9ms\xa8Q\xb0W'</t>
  </si>
  <si>
    <t>b'1W\xae\x0e\xc2\xa2\xd3&lt;E#\xa0\xb5\x13\xc4\r\xa5\xc0\x1c\xcd\xd1\xb8\x07\x84j\x04Z\xd1\xd5\xef\xd8i\xfe'</t>
  </si>
  <si>
    <t>b"\xaf\xcbF\xfd\xf6'\xff\xa5\xef\x17\xbfk\x04^w\xf5Y\xcfoV\xb0Y\xc9\x08\x08\x93cZ\x03d\xd2("</t>
  </si>
  <si>
    <t>b'\x02\xf7\xe3\xcfG\x92\xa5\xa8\xd8\xb3\x9fRk\xb3t\xb1\x9a\x1c\xf6\xf7\x9d\xba\xfe\x93\xf5h\xb3\x15X\x841\xbf'</t>
  </si>
  <si>
    <t>b'\xc8)\x16\xb8@\xe9\t\x86\x14\\I\xc5\x14\xe6\xd6\xbc\xa3&lt;\xff\xf1#\x80dM\x9as\xeb\x94\xa2\x19j\xaf'</t>
  </si>
  <si>
    <t>b'\xdfga\x90\x96\x85\x8c\x08i\xb8R\x0c\xb1\x15\x89\xb2+@\xc0~\x19\xe4E\x11YQw\x89\xf1\x11\xa0n'</t>
  </si>
  <si>
    <t>b'\xfc\xbfL\xfb\x96Zp\x05h\x86\xaa\x180=\xa8\xbf\xd5\xfb\xc9Y\x03\r\x08\x89xM\xd8\xde\xc4zP\xd8'</t>
  </si>
  <si>
    <t>b'/\x9d\x00\xd0.B -\xab\xc2b\xd0\x18m\xacs\x87m\xc5\xcc\xb2yI\xee4\x89\xc0*\xf4}Z)'</t>
  </si>
  <si>
    <t>b'\xa0}\x8c\x1d\xc1\xc7k?\xe0q?\x1f\x0f\xd1\x80\xc1\x8bp]^\n\x99\xe7 \xea)C\x15\x83I,\xaf'</t>
  </si>
  <si>
    <t>b'\xa6t,\xf5\xef\xc5\xb7\x04xn\x97\xa7\x0e\x85\x9d)X\xd4\x11{\xe8\x0f\x9d\x80yG".\xba\x90\xbf\x1e'</t>
  </si>
  <si>
    <t>b'\xd8R(\x9e\xe2\xfaZ"\xa7\xfb\xceK~\xe9\x07\x1bxH\xab\xe2\xf3\xf0\x8cM\x1c\xbf\xc0\xde\xcb\x1c\xca\xcd'</t>
  </si>
  <si>
    <t>b"D\xb5ej\xc2k\xc0yl\xcd\xc3*\xb3\x99\x85'\xc3\t\x7fH\xe4\x92\xb8&amp;\xd7\xdb\x06{yF@\xc8"</t>
  </si>
  <si>
    <t>b'\xd5b\xa8$\xf3\x87\x00\xbdwJd`\xf3\xcd\xabrjD7\xcf\xfa\xf4\x05dF\xdd\x86oY\xf0#P'</t>
  </si>
  <si>
    <t>b'\xc7\xb3\xbb\xa7\xbc\t\x91\x07q\xc4M\x14\xa2\xaf\x91?\xb2\x11\xf6z\xb0\xf8\xa7Ya\xd4\x14\xe4\x83L7Y'</t>
  </si>
  <si>
    <t>b'\xb3e\x12\x92\xe4\xe1X^\x01\xfc\xcc)\x1c&gt;\xed\xd0c\xac\xa5IP\xe7g\xcaZKF\x1d\xb5E\xde\x92'</t>
  </si>
  <si>
    <t>b'8\xd1\x0e\xf0[\x9f2\xd5}\xee\x1b@M\x01Zo\x19\xf8O\x8147&lt;\xd8\xbdh+\xb0_7L\xee'</t>
  </si>
  <si>
    <t>b'Y\xdf\xe9x\xca\xb0D\xc7\x07c\x86=O\x1c\xd7\x01k\x8e\x85\xba\x0b\xaa\x8e\xbe@\t9\xbb\x12\xd5\x85\x18'</t>
  </si>
  <si>
    <t>b'0\xad]R\x98\x82\xbd\xba\x8b\x06\x8c\xa7\x04\x8f\x8cr\x91\xd6\xeaH\x81KXC\xedQ\xd4\x08["\x8ft'</t>
  </si>
  <si>
    <t>b'\xd5\x82U\xefj\xa7\x8c\x12\x1e\x81A\x89c\x07}V+\xdeg1BH}\xb8\x80\t4\xa4y\xa0)\xb2'</t>
  </si>
  <si>
    <t>b"[\xa6\x1b\x8e\xc1\x80\xba'\xd5y\xf4R\xab&amp;\x1f\x94uw\x9e\x0c\xaa\xbb\x85\xab\x02\x0b\x83\xe5\x9eF|\xbd"</t>
  </si>
  <si>
    <t>b'.Q\xe80kV\xee\x8f\x90Lo\xeeg\xb5\x1c\xb0\x06\xa2/\xbc\x95\\f5\x16\xe9\xef&gt;\xd5}\xabs'</t>
  </si>
  <si>
    <t>b'\x87\xf3~&amp;\x01\xdb\x80\x18\x0e\x1c8`\xf4\xf7\x96\x1b\xef\xe9o\xd4D.\xd79J"\xb3\xbc)\xfe3n'</t>
  </si>
  <si>
    <t>b'\x87\xf46\xef\xaax\xc5\rww\xe2\xd0\xb5\x80\xc6\xe7\x0b\xf5\xaf\x12\xa4\x85\x05\x1e\xe0|-\xaet\x89\\\xc3'</t>
  </si>
  <si>
    <t>b'\x17\xa3s\xea\xa8\xf8\xb9\x8e\x1f\x92\x86\xadk.\x05\x12f\xbd\xc76?\xf3a\x9f\\\xb9t\x7f\xb6\x0e\x93?'</t>
  </si>
  <si>
    <t>b'\xef\xeb\x83{\xf6\x9c\x15^\xfa\xe5%U\xb1\x18gQ\xea-\xb2\x0cS\x14\xcfZ$\xb9\xc7\xcb\xf0\xf4X\xd5'</t>
  </si>
  <si>
    <t>b'5\xd6U\x13{\x01\xfe\xeb\xd3\x97Z\x8co\xa5\x97\x7f\xdb/\x8dO3\x96\xc2\x1a,\xf8\x9d\xd3\xaf&gt;\xc7\x05'</t>
  </si>
  <si>
    <t>b'\x0f\xbcN\xf8W\x90\x81\xe8\x80\x1f\xa4\x9b7\x19\xb8\xe5\x84\x97MG\xbeTj\xe7\xe7\xc0;\xfeF\x89\x8dD'</t>
  </si>
  <si>
    <t>b'\x8d\x87\x1a\xe3n\xd65\xdcJY-\x18\xa5\x88\x90\x00k\x9b\xde\xfaS\n\xa1h\xa2\x04 RLO&lt;A'</t>
  </si>
  <si>
    <t>b'\x1bM\x1a\x85\x8dG#\xcd\xb2W\xab\xb2\xdf \x19\x19\xd4`\x87\xb2!\xf1\x9cF\x0f\xc0\x19\xa3\x15\r#\x1d'</t>
  </si>
  <si>
    <t>b'\x01\xe6\xc4/^\x050z\xa4EA0B\x8d4\xcbN\x92C\xdb\x8e\xbe\xfaD"\xe4,@)\x95\xa9\x89'</t>
  </si>
  <si>
    <t>b"\xf2`\xf3\xa0z\xde/\xa3-DD\x9d\x02\xae\xf4\xb0\xd3\xddkp\x95\xcf\xe4\xb6'{`w\xcf\xab\xa3\xa6"</t>
  </si>
  <si>
    <t>b'\x1e\xc6\xcf\xfc\x05\xe6]\xc1\xad\x80\xcc\\\xa8\xce\xa5\xbek\xaa\x8dv\xa0\xf0F\xe1c\xd4.A7\xb3\x03\xe8'</t>
  </si>
  <si>
    <t>b'\xae\x87\xa1t\xf88]\xdbA\xb0TM\tO\x99\x81\xd3\x92\x19:X6&lt;\x92\xdbK\x8e]w\xe7\xf1v'</t>
  </si>
  <si>
    <t>b"?Ua%\x93\xb1q\xc2\xaa\xc0?\xaf%\\\xbd\xdeb\x126J\x84\xc2JE' I\xf9\x05\xe6'\xf4"</t>
  </si>
  <si>
    <t>b'\xa3\xc2\x89~V\xcf\xfb|LT\x85\xa0\x19\x9d\x88\xeb\xe2\x81\xc1\xc9\x8eO\xff\xff\x8fwtv\n\xb1C%'</t>
  </si>
  <si>
    <t>b'\x8dF\xc0\\\xc4\xc1\xf6\x97#A\xcf\xc8\xa3\x98\xe3\xc6\xd5c\x98+\xed\xc2YAG&gt;\x9a\x12"\xccO*'</t>
  </si>
  <si>
    <t>b'\x12&amp;\x0b\xb6r\xab\x1a\x0f\x13\xb7\xc3\x9b9^SA\xe7Q\xc2\x97uZ\x89#kV\x01\xde\x15j\xb7\x8d'</t>
  </si>
  <si>
    <t>b"\x9fH\x81O%\x1d\xa2\xc0\x92\xf20\x1d\x9dm\xb1'j9\x03G\xc5\xd2\xeb/\xf1\xc6h\xe4\xaa\x1c\xdaw"</t>
  </si>
  <si>
    <t>b'\xdb8\xf2\xf1\xa1\x7f \\\x87a\xda\xe0(X\xb3\x18\xcd3\x8b\xdbPH}\x1c\x10\xb8\xcc\xb0L\xdc\xde\x13'</t>
  </si>
  <si>
    <t>b'C\x90|\x96\x93\xfd\x10\xf0\xdb\xbb\xaa\x9f\x94\xe6,\x1b\x1b\xbb?\xf8\xb0\xc2\x87\x0e\xa4\xf8\x10\xe0c*g\xf8'</t>
  </si>
  <si>
    <t>b'\n@\x830\x8ag\xcf9\xd9jN~\xeeqE\xbb\x01\xacO\x07\x89\x97\x1eI\x1d\xda\x905\xb1DEm'</t>
  </si>
  <si>
    <t>b's\xb7\xde+\xce\xb1LP\x9a\xf9\xe7\xa3\xae\x8d!\xbe\x85fJh3\x80\xc3\x1d\xa5|\xf9v%\xe3IA'</t>
  </si>
  <si>
    <t>b'/{&lt;\t_/\x1f\xe4\xe6\x10e\x11\x9f\xbc\xe3\xec7V\x8e\xab\xd5r9\xfc\xaa\xd0I\xe4\x0cca\xb9'</t>
  </si>
  <si>
    <t>b'\x0e\xae\x00N\xe8.$\x81\x137\x9c\xcf\x08\xd0\x8f\x11\xe2e\xb8-N8\xc9\xaa\x17\xbe#B6\xda\xfa\x8c'</t>
  </si>
  <si>
    <t>b'!+\xb8e$b\xcd\x9a\x98\xf4\xddsvu\xbd\xae\xce\xf3\xb8y\x111\xdcXWi\xbe\x9c\x00\x8aM\x0e'</t>
  </si>
  <si>
    <t>b'ED\x91\xee\xc9d}\xd7ghcP\xb5\x02~&gt;\x80\x8a\x17\xb0\x1a\xeas\xab\x99\xd3F\xbcq\xb7?\x11'</t>
  </si>
  <si>
    <t>b'\x83\xf7\x88\xd6.\xd3\x81\x8cwm\xe5\xd64\xb6\xdew;p^\xe3#sE\xd1l\x8b\xa8\x9b\xe5^sr'</t>
  </si>
  <si>
    <t>b'z^\x08C2\\a\xc9{\xdf\x99\xd9\x90!\x05Lt\xf7\xcdl\xec\xc1a\x1e\xf7z\xb0\xc5q\x9d1\x1c'</t>
  </si>
  <si>
    <t>b'\x12\xd6&lt;\xa3\xcaw\x96\t\xe0\xc8L\xf4\x8a\xa0\x10z\xb8\x88Yy\xfe\x89\x01\x8f\xb1\x04%\x1b\xb2t\xfa\x1e'</t>
  </si>
  <si>
    <t>b'\x10\x92T\x04\xbb\x19\xcd\x93\xaf\x08\xbc\xac\x19\xc0\xa8\xf3\x80\xbf\xddF\xf2\x93B\xfc2\xe1a\xfa\xca\xd9\xa5M'</t>
  </si>
  <si>
    <t>b'7s\xbc2+\xa3\nL\xdb]h\xc9\x9dC\x1d\x89\x9b\xae\xd7Y\x9cM\xd7\xcdB\x1c\x06\xc1c\xce\x81\xf5'</t>
  </si>
  <si>
    <t>b'\xb7\x020-z/,+=\x02\xeb%\x85\xa1\xc0/"\x9a\x87\x9a\xd8\xb5\x8f\x95\xcc\x89\x88-\xedCl\xda'</t>
  </si>
  <si>
    <t>b'\x03\xef\x192\x00M\x890\xad\x1dq\xc5V/\x0c3@1u\xe3s\xfc\x13b\xe9+k\xe0gbS\xa1'</t>
  </si>
  <si>
    <t>b"\x1d\t\xce\xf9}Z\x15\xa9\x00;\xec_\xbd\xff\x13\xd2\x98I2\x8bV'\x86\xc9\xa0y\xfa\xba(X\xa6\xa0"</t>
  </si>
  <si>
    <t>b'\xf1\xdb\x03.-:a\x0e\\\xbe\x83\xf8\xb5]\xc1\xf2\x98\xfa\x88\x1b\xf5z\xad!\xac\xc4H\x87\x9f\xaf\xc8 '</t>
  </si>
  <si>
    <t>b'@\xf5H\xf7GT\xbe\x80+\xee\xf4\xa4\xa9\xd3r\x189\xec\xff\x7f\x8c0\xe9k\xfc\xb1\x9c\xda\xc8\xd6\x8b\xf2'</t>
  </si>
  <si>
    <t>b'4\xc5\xd9\x1fL\n\xb1ZI\x1e\xb7\xbey\x99\x17\xa7&gt;!x\xa5(\xe4\x96\xf7\xe1xz\xa5r\xdc\x029'</t>
  </si>
  <si>
    <t>b"\x9e~\x95.4/S\x87\xf6*\xcd\x9c\xcb\xd2*T\xc8\x9e\xa7|\xd9\x10\xca\xec'\xfdi\xb4\xf2PK\x07"</t>
  </si>
  <si>
    <t>b'\x92\xb9\xffV\xe30\xe1\xa3w\x1bW\xf3\x9d@`\xaey&gt;\x19\xac\xa1&lt;\x94\xe4\x95\xfe\x84\xdd\xa5c\x00\xdf'</t>
  </si>
  <si>
    <t>b'l\x8eJ\xc7h\t\xb4\xba\x955\x9d\xb7\xd3\xda)*\xbe\x81E\xc0\x0e\x10\x05\xef\x9cj|\xe6\xe2%\x83\xb2'</t>
  </si>
  <si>
    <t>b'\xe6:\xb5(\xe8&lt;\xb9C\x86D\xc4\xb3\xd8\x92\xe4G]\x9f.\xac8\x90k,c\xfeG\x94\xf0\xe1i\xfe'</t>
  </si>
  <si>
    <t>b'\x9f\xe3\x9dp\xc2[&gt;\xbf\x93/U\xbb\xe3nkZo\xb1\x90y\xa1\xe6\xccq\xee\xfb\x01\x98Tf\xf6\xf1'</t>
  </si>
  <si>
    <t>b"q\xb8{d\x0c\x99\xbf\xc6{\x04MD\x01Z&lt;\xb5\xc3\x88j!x\xd4'\xa2\x80\xbc\xff\xaa\x91\xf6F\xba"</t>
  </si>
  <si>
    <t>b'\x92\xa2A\x9d&lt;\xd8\xa9\x8ep\xdf\x87JA\x7f\x93\x97\xd1\xec"\xe4d\xb4f\xf4\x14Z\x98ZP\x14s\xbd'</t>
  </si>
  <si>
    <t>b'\x9d*\xd2C\x1d\xf4hl\xab\xe6\xd4\xfa\xa9]b\x98\x06OC-\x82\x96\x88\xfe\x08T"eS\xa8\x8c~'</t>
  </si>
  <si>
    <t>b'!b\xce\xe3;\xb7\xf0\xc4\x1bV\x9cf#\xd5\x13\xfb{\x02\\\xefH\x1f\xe1\xd4\xa9J7\xa8&amp;\xcb\x13\xd3'</t>
  </si>
  <si>
    <t>b"\xa3\xa9 2'\x04\xdc\xcb\xeb\xf1%\x9f\xe5\x9f\xaa0\x16Y\x1c\x980\x11\x07\x16\x03\xc0\xad\x86?\xc8\xa9\x00"</t>
  </si>
  <si>
    <t>b'\x92\xe8\x82S=Bc\xad\xcb\xcc\xde#\xc3A\xe0[;\xea\x93\xbd\xf3\x0f^\xb5K\xcd\xf2]\x13\xb9\x08\xda'</t>
  </si>
  <si>
    <t>b'`(\x88\xb1gC\x05\xf1\xd9\x1aJ\x1d\xfc\x08\x18\x02\xf4T\xbc\xcb\x96\x8a7`\xe0\xc0\xcf\xd5;q\xd0\xd1'</t>
  </si>
  <si>
    <t>b'\xe2\xd1\xbf(\x86.q\xe61$\\\x99\xb2!p\x83\x96&gt;v6\x87xa\x13\x81\x0c\x85a0\xef\x18\xe6'</t>
  </si>
  <si>
    <t>b'\x12\xc2(u\xf3\xd5i\xf9:\n\xd3\xbdBXg\xd0\xa9Z\xe5\xd8\xa1\xfa\xa3\xac&amp;\x82\xa9\x83\x86\xe0\x98\x1a'</t>
  </si>
  <si>
    <t>b'\xcdT?|\xdf\xae}\x9c\xef\x0b\xd8\x85\xaa(r\xc7H\xb3\x95|\xb7O\xb1\xbb,\x14\xc1\xe6\xc2\x92\x89\x97'</t>
  </si>
  <si>
    <t>b'\x7f\x1f\xc6\x0e&amp;*qy\xf6[/\xc1/\xea\xd2\x05\xb8\xa1^W\x10\xa4,k{\xf6S\\\xf62{J'</t>
  </si>
  <si>
    <t>b'\x13\x03\x93[\xd7\x17\xf8t\xb5\xe7J\xa6\xe3\x95\x89\xf8\xac\xca\x15\x1d jG\xc1\xcc&lt;L,\xaclmE'</t>
  </si>
  <si>
    <t>b'\xe67c\x12\x91\xc0\xe6\xb9\xeb\x9bX\xaayu\x9b\xe6\xd5\x8bf\xa6\x1d\x7f\x12\xed`P\xd9\xb7`}O_'</t>
  </si>
  <si>
    <t>b'/\xc9\x00\xc7"\x8e\xa6\xf44\xee\x85ye{+;\xff\x08V\xf7\xc1i\xdc\xa7\x82\x1b\x83uoW\xe3\xa8'</t>
  </si>
  <si>
    <t>b'\x06\x92 p\x88\x02\xbe#\nKm\xe6\x8e?\x86\xd3\xee*\xdd\xac\x1f\x07\xe9\xb3\x80f\xc7_\x1c==b'</t>
  </si>
  <si>
    <t>b'\xa1\xd9\xab|zAB\xdb\xb7\xb2\xaa\xee{{\x14\x82a\x9d\xc21\x88]\xb3\x8fG\xc4\x13\xce3HF\x7f'</t>
  </si>
  <si>
    <t>b'\xd8\xc43\xc7\xbb.\x02 \xd2\xd9\xc9\xe9\xb2\xbe\xaa/\xf1\xea\x92IS\xd2 N\xb0\x92\xc5\xe4\x1c\xc4\x9f('</t>
  </si>
  <si>
    <t>b'WH\x95\xba\x8b\xd5\x84-\xfdLc\xdd\xd6|\x93M\xea.vk \x05\xb82\x1bz\xadGU.\xdc\xd6'</t>
  </si>
  <si>
    <t>b'\x02&lt;"^\x84\x83}9\x14\r\xd7\xac\xc9\xfd\x9f\xef\x03R[\x11-\xc4\xbeph\x07\x93i\xb4&lt;\x1b\xa7'</t>
  </si>
  <si>
    <t>b'_\x874\x91\xeaR\xa2\xcdG\xcfJ{p\xc6\xd5\xcf\x11\x88a\xca\x15\xfb\xea:\xb0\xd9\xc4\xad\xee\xfa\x7f\x1c'</t>
  </si>
  <si>
    <t>b':\x12\xf0\x90E\x94\x87eaK\x18\x81\x01\x83xY\xb4z\xbf\x00\x0f\xe7PO\x8e\x0f{\xb9\x99b\x08\xa0'</t>
  </si>
  <si>
    <t>b"\xac\x940v\xa3?~g\x80\xff\xcf\xa6]\xd6\xec\xb1&gt;o%f'\xd1\x0f\xd5\x1e\xd7\x10\xc2\xed\xf3fd"</t>
  </si>
  <si>
    <t>b'7\x00w\xf2\x10\x86lTv,y;\xe3\xd9\xfd\x136:\x00a\x03\x87\\b-\xec\xff\xf7\xc4\x13\x8a\x94'</t>
  </si>
  <si>
    <t>b'h\xbb\x9a\xa1d(%\xaa{\xd8\xba\xda\x8a)o\x94zh&gt;1\xe4\x04\xd2\xe5\xd2]\xd9\xc3CE%\x9f'</t>
  </si>
  <si>
    <t>b'%vn\x0e5\x845imi,Wp\x93;\xb0p\xc1\x8d,c\xff\xfa\x8c)wi\x9f\xdal\xe6\x95'</t>
  </si>
  <si>
    <t>b']\xdd\xa4\x14\xd9dEL\xa9T\xfa\x89\xea\xaf[u\xe9\xdf;\xdc\xbbOe\xaf\xff-_\xa7\xa2\x13\xc9\xa2'</t>
  </si>
  <si>
    <t>b"\xbaao\x14]\xc8\x1c\xde\xa7'\xfa\xa3\x0f\n\x12\x1b\x0e\xcf\xf1s\x01\x13yg\x95\xff\xb95#D\x15U"</t>
  </si>
  <si>
    <t>b'l\xf2\xae\x08\x81\xbc6d\xb4\x00e\xf0Yy\x1b\xe5\x94\x904/\xa8\x93\x9a\xc0\x17\xbb\x15fQuR\xd9'</t>
  </si>
  <si>
    <t>b'\xb1{T\x89 \xb0\x1f\xc5\x8fRk\x16\x1e\x8an\xb9\xfc\x0f\xbd\xfc\xaf\xa9&gt;\xdf\x1b$4\xce\x85\xfc\x92\xf3'</t>
  </si>
  <si>
    <t>b'\xa4\xb8\xdfm\xd4S\x91VnC\xba\x8a\x1eP\t\xcd\x91S\x11\xb2\x10\x8eOT\xfaz\xaa\xf2"\xd3\x0f\x97'</t>
  </si>
  <si>
    <t>b'E\xcd\x17\xcbQ\xa5\x1b,\x8byj\x02]\xden\xd7A\xe7x\xf8V\x96#\x948\x8a\xc0\xfc\x95u=%'</t>
  </si>
  <si>
    <t>b'd\xb8_X\x1f\xd6\xf65%\x05\xca\xb4\xaa\x9c\xc1\x878\xf9I*\x08\x89\xba&lt;fI\xbb7z"\xc8\x0f'</t>
  </si>
  <si>
    <t>b"\xe7\xce\xa5\xfe\xd1.zp\xaa{B\xe6\x08\xf8\xfdS\xb1\xe2E\x8d\xe8\xaf\xa8g\xe2|'&gt;x\x86ao"</t>
  </si>
  <si>
    <t>b'\x04m(\xc5\xf2t\xfc\xea\xed^\xddwq\x1eK\xec\xadUB\xad\xdf\x1b\xb2\x81\x8d0\xd3\xb9\xf9\r\xda\xb7'</t>
  </si>
  <si>
    <t>b'i\xe8ixU\xdfM\xc7\xe9`\xdb\xf5\x92R\xe9P\x0b\xc3\xbd\xcd\xfd\x11\x0f\xd8\x13cs#N\xa6X\x98'</t>
  </si>
  <si>
    <t>b'm\xa8f+\x0f!\xcd\xcd\xa1\x90\x94\x08\xe5r\xd4\xc5\x9e.\xc7\xea\xc2=\x06e&lt;\x1f\xca\xd3\xab,\xc5}'</t>
  </si>
  <si>
    <t>b'\xb4\x07\x0f\x19\x1f\x8d\x06\xb1q\xe3.&amp;]\x8d&lt;V\xe3p#\x0c$"\x92\xdfv\x96\x91\xd6\x82\xf0a,'</t>
  </si>
  <si>
    <t>b'\xef\x06\xce\xae\xca\x98\x08\xe3Y\x1b/\xb3"\xfd\xc3i\xac\xaf\xe2\x1e\xc9\xce\xf4,\xca\xad+\xa8,\xfe5\xe2'</t>
  </si>
  <si>
    <t>b'E\x9c`3\x8d\xe0%\xf6\x99\xfd\x95\x17\x9ckD\x0f"\xcaul\x9f\x88T\x80\xa6\x9e(\x8eF\xd9\xa5\xc7'</t>
  </si>
  <si>
    <t>b'\xc6\x0bFM\x02\xdf\xb1Ht\xfb\x13O:\x9d\xb0\xe6\x92/\x97\xbd7P\xc7\x07\xdd\xabpC\x12\xfb:T'</t>
  </si>
  <si>
    <t>b'\xc4*\xeeH\x03\xb5\xc6\x94\xe3\xcb\xf2 z\xbc\x08\xdb\xfcM\xb27\x00\xdd\x01\xb0\xa2\r=\x14\xf0\xb6@\xf9'</t>
  </si>
  <si>
    <t>b'J\x15\x02\xf6M\x87\xef2\xcd\xa9\xbal\xccN\xd4\x83vn\x81\xd41p_~\xe5\\\xa0\x8c\xc2^\xdc='</t>
  </si>
  <si>
    <t>b'\x06\x07R\xa1\xd1e;\x9a\xa7\xa5\n\x15\xfc\xb7\x87\x12A&gt;\xcb+\x96\xd2d\x1b\x0b\x8a\x87\xbe\xf7\xf4\xc6L'</t>
  </si>
  <si>
    <t>b'b\x9a\xea\x9c\xfd;\xda\xaa\x83y\x05\xfb\xd3\xb1f^\xae\xb71N\x89L*\x11\x9aefg\xfd\x00\x9c\xf4'</t>
  </si>
  <si>
    <t>b'q\tbJ1\x9f\x12*\x9f\xfa\x9a\xf0\xa4z\xa8\x9d\x03m\xf3&lt;\xff\x8c\x00|\x8e\x87j\x05\xc8\xc4\x90\x95'</t>
  </si>
  <si>
    <t>b'\xff\xcddT\xbb3\xfa\x15\xc6\xfdH\xe5\xfdo\xb9\xe5)\xce\x9a\x86\xd3C\xb3Z\xbe\x04QH\x83\xd8\xda\x10'</t>
  </si>
  <si>
    <t>b'\x00=\xd4\x1e%\xf3g\xc9Q\x0b\x1ci\xd84*\xd7\xd7DlA\x87m\xb0\xacCH\xad\xa5\x8d\xb6\xe5\xa2'</t>
  </si>
  <si>
    <t>b'q\xf5\xbf\xe7\x07x)\x8cu\xde\xdf\x96\xbfBX$\x01o\xe3lA\x9c\x97\xf8\x9b\x12\xef\xb2J\x00\xb8\xc4'</t>
  </si>
  <si>
    <t>b"$\n\xcf\xd2\x85{\xf6\xb98\xfe\xa2\x91b;\xfe\xf8%\x08Bx\xd3\xbf\xc7U\xa7Br\xff\xa0\xec\x12'"</t>
  </si>
  <si>
    <t>b'R\xf4\xfe\x9bD\x18\xaa\xab\x94Yi]\x9d\xf3q|\xb2\xe1\x9a\xe1\xa8;\xa2\xa3\x81\xadF;bL\xe4\xff'</t>
  </si>
  <si>
    <t>b' \x94\xdf\x95\x05e\xb7\x1f\x89\x8c\xff$O\xc6\xeczv\xe0\xd6\x97\xeaX\xc9\xa3H\x16\xb6\xb0:\xd4!Q'</t>
  </si>
  <si>
    <t>b'\xc4\xc9\xd7\x87\xb1o\xea\xe4&amp;4\x87\xcc\x08\x00\xbc_\xab(d\xcd\x87\xbca\x92w?\x87V\xddC\x03\xbe'</t>
  </si>
  <si>
    <t>b'c2\x06\xd1\xb5x-%\xa5%\x05\x88\xefLi\x14\xc6 \xee\xf6\x05\x95\x98"\xdf\xcf*\xc5\x8a\xe6\x91n'</t>
  </si>
  <si>
    <t>b'\x86\x199\x19oXw:\xbf\x9bP\xcc\xc76+H\xf6t\x08\xe9K\x1a\xd3\xc4\xaa\xb6\x8bK\x0b\xe2\xdfV'</t>
  </si>
  <si>
    <t>b'8\x9cR\x83\x0f\xa2i\xd6Zf\xe62\xdd\xe4n\x12\x85\x8e\x8c\xa9\x13\x9d\xff\xca\xaf5\x96.\xf6\x81c\xd9'</t>
  </si>
  <si>
    <t>b'\xb9H\x13\x88\xeb\xe0\\\xcdWX\xe2\xb3\xe5\xe7B\xcc\xa0\n\xe5\x18\x15\xc5\x00(\x08\x1e\x7f\\=u\xb5\xa5'</t>
  </si>
  <si>
    <t>b')\xfe\xd8\xacq\x9f\x944x\xf3]1\x1c{\xaeE\x99\x0el"\xcbl\xd8Q\xf5\xff\x13:\xdb1\x18\xd2'</t>
  </si>
  <si>
    <t>b'\xa0\x83,i\xb9t\x11\xe1\xa5P\xd4\x89\xd39\x13\xb35\x8e\xff8\xebHf\x92\xaa4J\x0b\xa1\x96P\x16'</t>
  </si>
  <si>
    <t>b'\x03\xfe\x04 !\x06\x8b6o\xe2\x0bME&lt;D\\\x0b\\\x02`\x88\x03\xde\x9a\xd9U\x0eH\xb2\xf9Ef'</t>
  </si>
  <si>
    <t>b'\xdd\xdc\x06\xe4a\xa8d\xa2\xcc\xc9\x88\x1f;\xea\x83\xc5\x02\xb9\xbb\x0f\xc4z$.\xb9\xe5\xa3\xc8\x1e\xdc\x1as'</t>
  </si>
  <si>
    <t>b"\xda\x8a\xd8\xc9\xe9S\xe2y\xaa\r\xc5\xe9}\x0f\x00\xb0\xa9c\xa7\x84_\x89\r\x9eq\xae'\x07\xdb\x19\xca:"</t>
  </si>
  <si>
    <t>b'\x82\xc2\x06\xfd\xc4,y\xd8f\x8d\xb8\x89\x85\x06\x1bQ{\x04\x01\xb5RW{\x9c\xbd\x88\xbfk\xe6\xb3\xe8\x0e'</t>
  </si>
  <si>
    <t>b'+\xd7\xca\xfdqK\x17\x81\xb4&lt;\xb8D\xfd\xc7\x85W\xa6\x9c\xcd\x0c\xfaT\xb1\x9f~\xfdJ3\xde\xfd\x07\xd1'</t>
  </si>
  <si>
    <t>b'\xc8\xba\x95\xdc\xb6\xfc\x00^\xfb@\xca\x8e\xa0\xdc\xd4w^J\xc9}\x8d\x00\xce\xe9\xfbM\xc8 \x98A\x0f\xea'</t>
  </si>
  <si>
    <t>b'\x0fb\xdca\x03\xcc\xea\x13B\x00.\x17\xae\xa4 P\x9eV\xf2TX\xac:\xad\xac\xdfkp\xf0Hg\xec'</t>
  </si>
  <si>
    <t>b'\xaaTY\x1e\xd5\x9fd\xaa"\xf5\x0e\xbd\xd6\xcf\x04\x8aV\x8be\xf3\xce:\xc7M\x11\x81\x8d\xde\xd4\x8eJ\xfd'</t>
  </si>
  <si>
    <t>b'T\xf7\xe3\n\xa8P\x8c\xa4\x1f\xb5\xe4\xfc\xf7\x0e\xd5x4g\x02 \x86\xd6Te\x9f\xcfB\xc5\x04\x8d\xe3P'</t>
  </si>
  <si>
    <t>b"c\xd3\xd9\x14\xcb\xf4\x1bRv\x00\x11\xc1ya\x17\x1d.3\xdb\xef\xa6\xbd\x163\x15j'MX\x92\xee\xeb"</t>
  </si>
  <si>
    <t>b"\x83\x9dh!\xaf\xafu\xe0p\xa0\xcd\x98\x10\xe6\xef\xa8\xa4'\xdc\xdf|-\xbe[\t\x99\x9cI\xf1\xaa\x8a\xe7"</t>
  </si>
  <si>
    <t>b"V\x0f'n\xb3\x80m\x8e\xf1\xea\n\x11\xd1)\xd1\xcfk3\x9d\xf1Z$J\\\x11\xe91\xc5\x87\x88@\xc9"</t>
  </si>
  <si>
    <t>b'\xa3\xf5\x04\xb7\xf8(\xf1\xb2\xb1t\xba\x13\x96\xf0\x86E\x04\x940\x81\x0024Q\xd4\x9cO\xf7F\r\\G'</t>
  </si>
  <si>
    <t>b'7\xd6\x04\xf3b\xae\xcb\xf4_\xfa\x83\xc6\xfeU\x1fg\xf0\xf0A\xee]\xd9\xdb\x8d\x04d\x0b\x9ds\xf2{4'</t>
  </si>
  <si>
    <t>b'\xd5\xd2\xf2\xc8\x13\xf9J\xc1\x15\xc7\x0e \xc0\xd1\xdb\x14\xb4\xac&amp;$u\xf5\xae\xf2\x8bE\x93\n\x08\x84k\xff'</t>
  </si>
  <si>
    <t>b'\xcc5\x92\x1b\xd9h\xfc\xc3{\xbc"\x00\x0f\x02\xb7\xf4\x88\x8c\x98\x85o\x91RU\xb9+\xe2\xc8y\xd8\xc9\xf3'</t>
  </si>
  <si>
    <t>b'\xba\x0c&gt;\xdf\xf0E\xe2\xea\xf3\xce;\t]\x8aAN\x91c\x14\x00\xc3\xe9\xd0\x8f\xc9{\xc0\x15\x1cl \xeb'</t>
  </si>
  <si>
    <t>b'=W\\\xaf\x82\x0b\xb5\xdf5\xc4|\xd6YG\x1a\xd5\xf5\x94\x17&lt;K\xa85\xf1\x1a]8\x8f\xca\xbdD\xdc'</t>
  </si>
  <si>
    <t>b'\xcf\x86\xa3\xfb"\xb9\x0f\x7f\'\xa2+C\xc4\x96\xcaq\xed\x19\x14\xb4\n\xf6\x84a\xdc\xceQ\xa1^\xbb\x9b\xf9'</t>
  </si>
  <si>
    <t>b'o\xf6\xab\xb14n+B\'\x96"\x01\r\x06%L\xfe\x1f\x82\x03\x9c\xf7\xe3b\xca\x8a\x8b{\x05h\x19\xed'</t>
  </si>
  <si>
    <t>b'\x90\xb2bO%YvG}X\xb5\xfa\xa3\x8b\x05+\xdbYs,\xf1)#\x84\xb3~w:_\xfbmV'</t>
  </si>
  <si>
    <t>b'\xee\xfe\xe3\x9c\xf6vI\x81S\xe1\xda=\xa8\x1eJ\x89\xa9\x01n"\x9c"\xda\x87I\x13\x1aI\x8a\x0bU\x02'</t>
  </si>
  <si>
    <t>b'-\xbb\x15\x18\x96f\xfa&lt;b\xfb\xca\xa8\xea\x1d\x80\xb8\x84Z\xf7\xd47\xf7\x1e\xe3\xc6W\x13f\xd0T\xeb\xcf'</t>
  </si>
  <si>
    <t>b"\xf2\tU\x90\xe5\xebC\x1a'\x03\x18\xb2&amp;x\x99\xda\x93j\x8b\x15`/%\x90&gt;\x19\xf5\xcf|\xa6y^"</t>
  </si>
  <si>
    <t>b'\x91\\\x9ek\xcd\xa2|\x16\xee\x0e\xd4\xaa\xc7\xec\xd0\xa2f\xea\xa0S\xf6\xe1\xfd!\xedm\x8a\x1d\xcc\xcf\xa5\xbf'</t>
  </si>
  <si>
    <t>b'eH\x18\x9d\xb7\xd7\xafG\x15G\x00p\x8a\xfee\t\xaf\x82\xb6\xb0\x06\x1el\x84\xc5\x81\x9d\xc6n\xa5\x8b\xe3'</t>
  </si>
  <si>
    <t>b'\x973"\x85\xbbd\x07^4[`\xef\x1f\x0c1 \xdd\x17(\xe1\xe6)\xee\x88\xec\x9d\xd7\xd9\t\x99e\xda'</t>
  </si>
  <si>
    <t>b')\xc7\x7f\xde*d \x80\x979;\xec\x94S\xf8\xa0\xdbL\x92X\xd0\x9e\xf2\x0b5\xe08}\xf1\x97\xbe\x9f'</t>
  </si>
  <si>
    <t>b'FB\xbc\xe3=\x02\x0f\xafu\xa5}\xaaM\xca\xdb\xc8\xa2\xd0\xe1\xec7\xf3\xbdu;5\x94LBK4e'</t>
  </si>
  <si>
    <t>b'\xfb\xf0\rd\xabS\xca=S1\xf2u-\xaa&lt;M\xe6*=\xdbo(\x83\xd4k\xd6\x9fx\xf469\xea'</t>
  </si>
  <si>
    <t>b'\xeb\x05\x7f\xaf\x98.\xc8 5\xa9A.\xbd\x17\xca\xca\x84[6\xad1\xbeR]\xb5O\xa9%\xa4\xf3\xc8\x05'</t>
  </si>
  <si>
    <t>b'g\xbfd\xc2$\xf4D\xa4D4\x7f\xdcg\xc5\xb5\xc1(\x81\x10\xd3\xf7s\xd9\xcbq\n\xca\x1d\xff\xa5\xa5\x97'</t>
  </si>
  <si>
    <t>b'\xf1E\x8c\x08:\xf5\x9b.7+y\xfa\x079\xd4*\xf3\xba\x95\x11\xeb5\xc0`\x94L\x99\x03\x92\x9a\xebi'</t>
  </si>
  <si>
    <t>b'\xbb\x05\x8c*\x90\xd0\x07\x1f\xba\x87\x7f_&gt;"\x9b\xcb\x11\xc2L\xe6_\xe3&gt;X\x18\xcd\x03\x97\xd2\xfa|_'</t>
  </si>
  <si>
    <t>b'.|\xb3o\xea\xac\x9c\xffW{_\xe0\x12H\xb5\xd4\xcbe\xae\x8c\x02\x13D\xaf+\xdf\xbd\xee\xf1U\x97J'</t>
  </si>
  <si>
    <t>b'\x9e\xe6\xc0g\xe7\n\xa8i\xa2\x84_P\x14\x05pl\xc1B\xee\x8f\xff\x03\x90\x16@:\xdc\xca3\xc6\xe0b'</t>
  </si>
  <si>
    <t>b'\xaaq\x01L\x99\x9c\xa1\xba\xday\x874\xc7\xbf&lt;=d\xd1\xe4\xb1\r\xf9\xdaH\xd3\x98\x9d\x0b\xef\x9f\x17\x0c'</t>
  </si>
  <si>
    <t>b"E\xdb\xa6\xd9\xf4\xef\x1d\xd4f\xc2[x\xc2\x9c'\xa7\xc2\xc7\xa1\xa4+`\x01\xf2\x1c\xcc\\\x17\xca\x11\xe7y"</t>
  </si>
  <si>
    <t>b'\xd5z\xaf\x1d5\n\xbcQ\xd2\x96\xc8\xc7FPg\xf1\xb2\xf4\xea\xdc+\x1c\xc6\xee\xf5-\xb5\xe0\xc2K^\xb6'</t>
  </si>
  <si>
    <t>b'\xcdP\xd8\x8d\xe8VB\xbe}\x827\x11T\xf85q\xcd|\xb9F\xd6\x0f8\\wn\xcb|D \x98\xf9'</t>
  </si>
  <si>
    <t>b'\xcf\x8b\xd5\xe6\x0f\xae=\xb3\xd2\x8czL\x85Z\x7fb9\xd6\xa8x\xb8\x1f\x10\x9f2l\xf6.\x81\xa5\xec\x8f'</t>
  </si>
  <si>
    <t>b'Q\xd7z\xee\xd9\xef\x93\xc5O\xcdcFf\xaa\xf1\xf8\xab\xe2ru\x10\x08_\x96\xa594\x95Q\xb0l\xfd'</t>
  </si>
  <si>
    <t>b"\x9d|\x9ad(\xfa\xf1\xacK{t\xbf\xbf\xc7\x9fR\xaa\x87Fr\x87\xba\xbf\xf9'\xa2m\x10\xdc\n?U"</t>
  </si>
  <si>
    <t>b'}\x12qa\xa8[\x8dR\x95\xb4\xaa\xcc\xe5\xb1\xa2b\x06Y\x9b\x98]H\xaf\xac&amp;\xed\xcc\xbb\xd6\xb5aX'</t>
  </si>
  <si>
    <t>b"\x9bVKF\xe6\x91\xd7\x7fj\x12Li\x92\x9b\xc1\x93\xb8*\xcc\x99s\xec\x00\x15\x99\x15}/{'\xd0~"</t>
  </si>
  <si>
    <t>b'\x1d\xd1\x1e\x13\xea\xed\x8e\xc50e\x19o\xf0\x1dxS^\x81b\xb2W\xb9\x92\xc9\x86\x98\n\x86\x1c\x87*K'</t>
  </si>
  <si>
    <t>b'\xc7\xa7\xd9\xa0~\xfc\n\xfa\xbbxJoq\xd8\xdf\x99\xb5\xe7=\xae\x10G\x14\xeeI\r\xc1\n2c]P'</t>
  </si>
  <si>
    <t>b'\x0ef \x96\xd0\x1eY\x1dR\xf3*\x1a\xf4\xb6&amp;\x0b\x13\x7f\xcc\x9c2J\xcd\x87\xc0/Q\xb6c\x05\x8d\x14'</t>
  </si>
  <si>
    <t>b'N\xa1\x0c\x0e&amp;\xd3a,\xe2D\xbc\x11\xce\x98-3\x19^S\xa1\xae\x16\x96\xab\x18\xc2\xd8J\x9f\xfc@\xcc'</t>
  </si>
  <si>
    <t>b'\x95\x7fl\xe3\xbb\x06k6\xe5h \xb5\xbd\xb5[\xbf\xe9\x9c\xdc\xb5\x87byk\xf9/\xde/}\xa4\xd0\xe4'</t>
  </si>
  <si>
    <t>b'\xe9h\x06\x00Y\x0e\xaf\xd9v\xef\x95\xcb v\x87\xa27\xc2&gt;X\xba\xeb\xdfN\xf4\xe1\x1eAL\x04\xd9\x0b'</t>
  </si>
  <si>
    <t>b'\xe8\x0cZ\xa9\xcc\xaa\xffdPU\x1161xP\x94X\x9dntbb\xc9\x9d\x81\xf2\x14\x03\x1b\xc6\xc6i'</t>
  </si>
  <si>
    <t>b'\xa9\xddt\xac\xf5\xad\xa3\xd6\xd8I\xea\xcb&lt;z\xf9e7\xd2Y\x12\x06\xbe\x0fv\xa1\x08\x16l\xca\x9cI\xd9'</t>
  </si>
  <si>
    <t>b'.G#e\xd3?qcap\xce\xf5L\xc6e\x99/\xce\x10\x17\x82\xd0\x82\tq|\xfb\xe1\xcf\xd4P\xb7'</t>
  </si>
  <si>
    <t>b'J\xc5\xc9\x98\x9a\xfe\x9e\xfd\xcc\x0fW\x0c\xa8\xe6Y#D,\xfdV\xae\xa2\x8fs\x91\x05\xd4\xe1\xac5\xcc\xca'</t>
  </si>
  <si>
    <t>b'\xe2\x99EE\xca\x18&lt;\xe8\xcc\x85\\\\\x93D\xae\xe95\xe4O\n\xf167\x93n\xc9\x90),\x17\x04\x12'</t>
  </si>
  <si>
    <t>b'`\x13\xdc\xc2\xb233i\x0f\x8d\xf3\xc8d;\x12\xa0\xcc\xd0\x87h\xc6qA\xcf\xf8\x97)\xa3\x9f\xa4\x8eH'</t>
  </si>
  <si>
    <t>b'\xed\x1f|\x9b\x0b\xb0z#\x1f9\x0c\xa4\xb4R\xbc\xdb\xccV\x85\xad\xcaF\x8a\x85\xbe\xc2\x18\xda[g]\x8c'</t>
  </si>
  <si>
    <t>b'k\xa7~\xfe\x80fT_1\x84C\xe7T\xf3U\x04q.b_&gt;\x91c%\xdc5\xd3t\xfbGf\xab'</t>
  </si>
  <si>
    <t>b'\xb7\x92\xa2E\xc9\xa4\xb7\xb7\xeeY\xb6\x9a\x8f\xdb%q\xced\xed\xcb\xe1\xd7\xab\x8aw\xe3\x03\xd0\xa4J\x02;'</t>
  </si>
  <si>
    <t>b'\xb6\xc8\x94\xf7\xfb\xfb?j\xaa\xbbl\xc9\xe2\x97:\x8f\x80\xd4CN\x13q\t4T\xb1\xf8\xd7\x860\xa86'</t>
  </si>
  <si>
    <t>b'\xe9\x99W\x1c\xe7xY\\\xec.\xe4\xcen\xd5\x82\x18\xf0\xf9\x1d\xa0M\x1c\x00\xf8\x81\x00d\xdd\xf0\x1b\xed\x88'</t>
  </si>
  <si>
    <t>b'\xc3\x98NS\xe8\xf7\x97\xec\x82\x89&gt;\x07\xa5\xf0\xb6\x11&gt;\x00\x96\xaeX\x8a\xd2\x10\xb9;|sryL\x91'</t>
  </si>
  <si>
    <t>b'\xce[\xee\xca\xc0\xe3\xc1c\xf6\xc8)o2\xba\x053\x1c~\x1c%\x86\xc1\x81\xd9\xa7[\xaeG#\x08\xbc\x00'</t>
  </si>
  <si>
    <t>b'\xa2W\xe8,\x97\xac\xd8\xd9RF\x1aq\x9ett"\\\x13\x9cq\x1a\xb7\x18\xf8\xdc^\xd3\xa8\xca\xc7(9'</t>
  </si>
  <si>
    <t>b'\xea|\xda\x1d\xaa\x1d\xa9\x84\xf2\xa6\x9a_\x90]L4\x04\xe9z\x93\xc9x\xb4X\x01\xd1LW\x8e*\x90,'</t>
  </si>
  <si>
    <t>b'\x1c-\xb3\xe1@r:\xce]\x0b\x89\xb9mZ6\x02\xc0\x19\xc6Y\x8ew\xcd\xb7\x8e\xc2\x06i\x84\xb3J\xd9'</t>
  </si>
  <si>
    <t>b'b\xa5xiz\xd6\xc0\xf3\x8aP\xf4\xed\x9a@\x04\x85x\xa2LC\xb0\xee\xd0\xc0\xe1\x109\x04|\xde\xdd\x97'</t>
  </si>
  <si>
    <t>b'\xfd\xf1f\xe2\x9d\xf8\x97\x93L\x02Y\xcb\x1b\xdc\xe3\xf0\x98\x15\x80\xb2~!e\xff7\x92#\xcc\x9a\x96\x0b\xd8'</t>
  </si>
  <si>
    <t>b'S\x89\xa6W\xaf&amp;\xa9N\t\x9f\xa3zg&lt;\xe7\xbcb\x81\xce8\x96#\xfbNQ|\xa7j\xf9&lt;\xab['</t>
  </si>
  <si>
    <t>b"Q\xa3\xc4\xca\xa0\x84\x89\xbf\xc3\xc3\x93^\xbba\xef\x92w=\xb4b_\x84\xcev~\xa6\x08`'\xcd|\xe3"</t>
  </si>
  <si>
    <t>b"\xb2\xdb\x7f\x88\xfc\xd9\xe4\xb55\x0c\x9f\x8a@*\xc4\x86\xe0*\xa1\x98\xe7\xff\x02\xb3\x85:'\xf0\xb0R\xa7e"</t>
  </si>
  <si>
    <t>b'\xa0ta\xbfSl]z\xb5s\xccu\xcb\x8a\xc2r\xb3\x0b\x02\x07-\xc7\xa0b`\xce\x1e\xfbCT\x87\xb4'</t>
  </si>
  <si>
    <t>b'\x19\xac\xabP\x92,U\xeb\xa4&lt;\xc6\\\xa3-&lt;\xb2\x8d[\x8c\xf0\x08h|\xe0d\xbe\xb2oZ\xeb@\xba'</t>
  </si>
  <si>
    <t>b'\x01ms3\xfe\xe7e\xa3j\xe3\x1d\x19\xa6AL\xcb\\\xff\xa2(\x91\n\xd1\x17\x9ab\x12Z\x02D&amp;T'</t>
  </si>
  <si>
    <t>b'Ui\xf3\xbbg6\xfb~?\xf4)\xb5\xdd\x9c\xec(\xdf\x008\x13\x1d:%\xf34\xaf1\xc3\xaa5\xc0\xf6'</t>
  </si>
  <si>
    <t>b'|+\xf7\x1d\x12\xd8L\xab\x8f\xd7=wL\xecK\x8a\x1a\x1eo\xbb\xe9\xe5\x93\x03\x92\x0ei\xda\xe3!\xdc\x02'</t>
  </si>
  <si>
    <t>b'`\x94\xb2\x10v\\\xaeL\x84\xa4\xd2\xe1\xde\x9cf\xf1\x93?\xa9[\xeb:#G=10f\xbc\xbey\xbc'</t>
  </si>
  <si>
    <t>b'\xef3 \x95L4\xb7P`%c\xe9\xa1F\x1c\x1d\x14K1\xa3W\x89\n\xb9\xbb5\xc8\x19S\xdf\xdb\x9e'</t>
  </si>
  <si>
    <t>b'\xd8\x91C\xf6\xe0\xcd\xc4\x016\x14u\x84\x15\x9d\x1b\xa3\xf7\xc8\xfe\x92\x8b-\x19[F\xe1\x0e\xb9\xa0f\xfft'</t>
  </si>
  <si>
    <t>b'\xea\xd2\x163\xc9\x02k\x12K:\xf1[H@\x8f\x94|g\x99\xc6\x987\xb0\xf28x\xb9IN\x1b"\x10'</t>
  </si>
  <si>
    <t>b'\t@R\xc7!\xc9\xcd:K\xcbh\x0frC+\x81\xde9\\\xcd\xbd\xcb44\xf34j\x9f\xd1\xa4\x7f\xa7'</t>
  </si>
  <si>
    <t>b'\xa9\x87\\\x1c\x03/\xfa\xcb\xc2\xf68\xda MK\x9fK\x16\xec\xb7\xc6J\xed\xc2;a;\x03\x9d\x0bQp'</t>
  </si>
  <si>
    <t>b'o2\xa0\x96O\xae\x00\xa1|%K*\t\xe0P\xc9\x13P%\xe7`#\x0c\x9f\xf1\xf2\x86\x9f1\x15X\xa0'</t>
  </si>
  <si>
    <t>b'T\x03\xe1\x0bi\xe7\xd5\xb6f\x14\xb4\xa2\xd2\x85\xc2e\xf2\xbaJ\xfdg\xa5\xbfI\xacrlGY?ru'</t>
  </si>
  <si>
    <t>b'\x93\x90\xe6\xb2\x97X#\x14\x9a\xf5\xb8Q\x04\x89\x9c\x89\x1c\xe9N\xa7\xd1\xce\xf4\x02\xd2\x8f\x88\xfe\x9f\xd8T\xf6'</t>
  </si>
  <si>
    <t>b'\x92rL\xd5\xcc9Wgm\x92t6\xecn\xec~\xef\xde\x1a\xf9\x02\xb6 \xe7~\xe0-p\x8c\x83\x1c\x04'</t>
  </si>
  <si>
    <t>b'F\x1d`J\x03\xc3]\xcc\xa6\xa7\xe67O](\xcf\xa5%\xf0=@\xfb\x82\xdd\xc1\xb0\\BiVq\n'</t>
  </si>
  <si>
    <t>b'\xa9\xacFu\xa6\xb5\xf7\x80\x97\x9b/\xc6p"\xb8\xac\xf8\x19P\t\x91\'\x04~\xd0d\x00l\x80\xf4*\x8b'</t>
  </si>
  <si>
    <t>b'T\x90\xf3+\t\x86\x82\xb61\x04\xfd;\xedi\xd2,\xaf\x1c\\v\xed\x81\xad\xcb\xfb\xa6\xa5\xc9\xdc\xc8\x82/'</t>
  </si>
  <si>
    <t>b'\xdb\x05!z\x19IP\xb1\x92\xe0\x8b\x9e\x0fK3"F\x19\xb5\x9e["l\xd3\x98r\xcf\xf4\xe6\x9a|9'</t>
  </si>
  <si>
    <t>b'W\xa9wF\xd7CF7 \x92I\xf8\xe8\x8e\xc5\xef\xd5\xb0\xc5\xd3I\xae\xe4\xc9\x9e\xf1\x85\xcd\xeb\xdf\x02\x92'</t>
  </si>
  <si>
    <t>b'`/`\xfc\x84\xce\xc7\x15\xac\xb5\xad"\xe8R8\xc4v}\xa8\xdd\xa3\x86\xf7\x8d1~e\x1f\xe64\x13f'</t>
  </si>
  <si>
    <t>b'J_\x0c\xcd\x89n\xa6\xb3\xb9\x9aY\xaf:\x8f\xf2K}\x0bE;\x9d\xfd;G\xd7\x89"\xa7b+w\xec'</t>
  </si>
  <si>
    <t>b'\xcb\xd1\x9b\xc0\xde\xaa\xb7\tx8_\x823tq\x18\xd0\xe6\x07}\xeag2K)\xeb\xf3\xc1Z\xd5E\xbd'</t>
  </si>
  <si>
    <t>b'\xb1\xdd\r\xf3\xe4QFj/&amp;[J\x1d6\xe7\xbc\xca{`5\x98O$\xb5\x94\x8b\x9d\n\xe2L\x1d\xf9'</t>
  </si>
  <si>
    <t>b'\xe0\xc1TP\xda\xea"\xe2j.\xa5\xce_\xeb\x82s\x90?\x85\xbcYd\xe2\x16t\x80@\xfb\xa8\xe9`\xe4'</t>
  </si>
  <si>
    <t>b'\xc7\x89U\xe9\xe2\x1a\xee\tgOG\x9d\xe9,\xe7S\xc1\x0fRL\xd9b\xdf\xe8\xbf\x11\x8b\xa0\x96\xc0\x9e\xca'</t>
  </si>
  <si>
    <t>b'\xb0\x9f\xf6\x14bg\xbd\xaeaEVM\x9aKV\x1e&amp;\x95\x82\x14\x9e\xbb\x1e\n\r\x15\xaf\xf3R\xe7\x84\xae'</t>
  </si>
  <si>
    <t>b'\xc1\x07\xb8\xcd\xacD\x18PG\x89\xbc\x98\x8e\x8c\xcfUMq-w\rp?Q\x83\xb4\x9fu\x97\xef\xf4^'</t>
  </si>
  <si>
    <t>b"G\xde\xc3\xa6&lt;\x06\x91k$\x19a\x03*E'\xcf\xbb\xc04\x08%G\xd4QV\x9c#\x90j'\xa7y"</t>
  </si>
  <si>
    <t>b'\x93\n\x0e6\xcf2\xcd\xb6x\x19r\x87\t\x9e\xef\xd6}\x19*\xc1Dj 2\x99\xe1nG\xf86\xf6\xd9'</t>
  </si>
  <si>
    <t>b'\x1c"\x97\xe27`\x9d\x95i\xc0;\xb4\xea\xed\xe5\x8f7\x0b\x9e9m\xd0\x12\x06\xc6\xbf\xf6F\xb1\x9d\xf49'</t>
  </si>
  <si>
    <t>b'\xd0v\x9a\xf1\xccD\xe6^Wf\xdc\x8cF\xa9\xdd\xfdP\x85\xf6,\x8d\x91\xe0\x02\x93\xd0\xee\xba\x9ad\xfbi'</t>
  </si>
  <si>
    <t>b'\xc9\xf6Z\x02:\x00\x92\xca\x17\r.\xad\xe5\x18\xa8\xbcP_\xf5\xd9\x7f\xb6\x1aL\xb5Ma\xf3O\xf9\x11\xbb'</t>
  </si>
  <si>
    <t>b'\x89\xd5*\x87\x18\xe1\x89\xa0)u\x00\xf2LC\xd2\x8d\xac\x1f\xac\xf9m\xc19\xdc\x0f\x14\xe9\xae\xa0\xc8\xc8\xf6'</t>
  </si>
  <si>
    <t>b'\x06\xca%\xd0`#\x08%V\x8bDu\xb7\xb2@\xdd\x97\x80$A\xca\xee\x0e\xe7i-\xb2\x93\x16[0Q'</t>
  </si>
  <si>
    <t>b'\xde\x12?Ye\x11\x8b\xc3\xabV\x10Y\xbd\x8cVy\xdb\nS\xb8\x9a\x0e\xb7\xf3\x9b=Y\xd6\xa6.\x1b\xb3'</t>
  </si>
  <si>
    <t>b'\x84\xcaXS\xab\\\xa2\xfbwi&lt;\x96\xdd5\x03\xcd\x9e\xf0\x8dU\xc8\xd3\xf1\xae\xbc\xcb\xa6&gt;$N\xfe\x05'</t>
  </si>
  <si>
    <t>b'\xc1\xdb\xd7\xa2\xa5\xbch\xe9\x12\x8eoT\xc9?\xf5@4\xcb\xb0\\\x85\xbd\x06),\xe4\xd4\x03\x82%\x0f\x93'</t>
  </si>
  <si>
    <t>b'\xdd\x9c\xa0\x02X\xbb;\x8c\x9eaT0\xe0~;\x8d\xed\xfa{\x81\xa8;\xc2c\x17\x0e\xbb\x86\x88\x04R\x12'</t>
  </si>
  <si>
    <t>b'\xd3\xbeJ\xe7\x12\x1am\xf3p\xf7\x91\xab\xf0\xc0\x12P\xc2E\xae\r\xf1\xd1]}\xf4\x8f2\xb3\xbd\xd7P\xf4'</t>
  </si>
  <si>
    <t>b'\xec\xfaq)\xf2a\x82[\x02\x9d\xdb#\x1d\xe6\xe7\x04Z\xef\x08\x07c\xdf\xf8$\xf7~\xa4\xc2\xeb\xd9\x8ct'</t>
  </si>
  <si>
    <t>b'\xd1\xe9\x7fz\x87\xf1\xbc2\xcf\x101c\x8c\x8a\xe9\xf3\xaa\x1acH\x98\xa9+\xf4l\xe7\xb9\x95/\x83/\xed'</t>
  </si>
  <si>
    <t>b'\xd46\x82I\xb0\xce\xc5&amp;j\xdb\xb6\xdb\xb8\xf21\x82\x9c\x03\x91\xd5\xc7\n\x11O3}\x8b\xfe\xef\t\x1a4'</t>
  </si>
  <si>
    <t>b'\xb8&amp;m"\x83\xe7\xf1\x9aK\xf4*\xd0\x9a,\x85\xf3\xa1\xf3E\xf4V\x9a\xf0_\x93p\xab\nO\xb94\xc2'</t>
  </si>
  <si>
    <t>b'\xca\xf4`b!\xdb\x96\xc0\xcd\xdd\xbfR\x04\x8f\xbe\x8dh\x92N\x88\xe0N\xd3I\x91\xed\xc9\x85\xdc]\xce\xe5'</t>
  </si>
  <si>
    <t>b'\xf6Zj\x97z\x94\xb6r\xf3\x12^)-2\x80\x07\x10\x8a\xaeo&amp;\xd5i\n$l\xfc\x89\x83\x06`\x17'</t>
  </si>
  <si>
    <t>b'r\xf0\xef\xdf7f\xc2c\xf9\xf1\xa2\x93\x02;\x97\xce\xce\xf0\xc7\xc6\xcb\xed\x0fgq\x02|n\x0c\xc0wJ'</t>
  </si>
  <si>
    <t>b'\xec\xf55\xd3+La\xe95\xa7\xe97\x99\x92\xb5\x81\x8f\xd8\xb2,~\xb9\x14F\x15\xd5B!\x03\xa9j&gt;'</t>
  </si>
  <si>
    <t>b'T\x00\x95H\xa9\x8cR\xdd1S\xa2\xc1i\xbdvU\xc1\xd1\x99H~\xe6h\xe9&amp;\xb18\xf5\xac\xe3\xaaY'</t>
  </si>
  <si>
    <t>b'[^J\xe3\x0c\t\xf7F\x12\x87\xc6D\xe0\xca\xbc\xac\x90\x8a\x9a)\xba\xb3\xa0H\xd1%\x9f(\x9e\xee\x0b\x13'</t>
  </si>
  <si>
    <t>b'\x07l\xa27\xbd\xfadR\x85Z\xef\xfa\x19\xd1\xe4\xcc\x8a\xe0\xab-Z\xbc\x8e\xb5\x80\xcd\tR\x99\x82 \xc1'</t>
  </si>
  <si>
    <t>b'\x91\x15-+Z\x9ax\x1d\xde\xb57!A&lt;\xad\xc4\x08{S&amp;\x0c\xd23\xfc\xb8\xeaU\x83\x8a\x03\r\xa1'</t>
  </si>
  <si>
    <t>b'o\xf1\x80}NU\x19\xc7\xe4\xa4\xee\xdc\xeb\x06@\xecT%O&lt;\xee\x01W\xfe2a\x87R\xae\x14\xd8\x8e'</t>
  </si>
  <si>
    <t>b'9f\xa0\x0c\x0cB$\x19!&amp;\x98\xa0\x05\xd0\xc7L:/\xfb\xbf\xa3D\x82\xb5\x82\x8d\xe1g\x1f=\xd1*'</t>
  </si>
  <si>
    <t>b'\xefth\x94\xdah\x01\x1d\xcb`\xc4NN!\x0f\xfe\x04)\xd0&amp;\x01\xc6\xc8,\x17\xae3\x83\xba\xa5\x91.'</t>
  </si>
  <si>
    <t>b'\xdf8\xe3\xeaD\x84B\xff\xe50\xa6\x0b\x9b\x9dE\x1f=~?Z\x86\xcft\x84\xbd\x14\x95U\xd4\xdc\xe9\x15'</t>
  </si>
  <si>
    <t>b"C\xb6\xc8u(tM0\xdf\x18\x97\x86\xca\x08_'\x02\x952e\x01\xba\x128\xec\x18\xa1\x836\xc6\xfav"</t>
  </si>
  <si>
    <t>b'-\xf7\xb0wW\x15\xba\x07h\xdc\x84;/\x1fi,M\x1f\xe1\x1bb\x89\xbd]Z\x9e\xdf\xf5"\x9f~\xf3'</t>
  </si>
  <si>
    <t>b'\x7fj\xf7\x03:\xa1\x1b`\xec\xdd6\x0b\xc7l\xdaa\xcd|,\x03\x0ef\x14\x85m\x131w\xf4\x15\xfe\x9d'</t>
  </si>
  <si>
    <t>b'.\xc2\xad\xd4n\x93\x99\xf3.R\x0f\xbf\x9e_&amp;\xddd3/\xd7\xbc\xac\xb7\xbb\xd5GF6\xaa\xba\xd3J'</t>
  </si>
  <si>
    <t>b'7\x89ZJwY\xd9\xc9\xf15\x05\xa9\xd2TE\xf4\xd9a\xaewp\xdd\x16^{\xf5\xa2\xb4\xd1\x06\x1c\x82'</t>
  </si>
  <si>
    <t>b'\x02\xfbw \xc7I#g\x97$\x80,W\xf9\x9fjN\xb9\xe7R\x1d\xcc\x8f\x81~\xfa\xe7\xa4\xb9\x8b\xa5\xea'</t>
  </si>
  <si>
    <t>b't\xcf\x05\xbdl9\x19\x81\xbdM\x0e@L\x0bG\xd3lt\xc9\xe1\x13;\x05\xd2\xfc\xd9\xbcg\xad\xf5\x0e8'</t>
  </si>
  <si>
    <t>b'y,\xba\x90\xcb\xc8bnLV\xb6\x88E\x1c\xc5\\\x94\x1b\xbeW\xec\x02\xd6I\x9e\xefqR^\x06\xbeO'</t>
  </si>
  <si>
    <t>b"\xf7\x02\xa7%y\x0b\x05\xe8s\xad\xf3\x80\x88\x14\xee\x8f\xe3\xa9\xfa\x03\xce\xecc^\xa1\xf0\xb1r'\x9c\xe0 "</t>
  </si>
  <si>
    <t>b']f\xff\xcaja3(\x94)\xf1\x8e\x0b\x13\xb9\xa9\xc1GT\xb3\x88D\xac\x90\xa7\xdc\xbe\xae1\xeb\xe5\x1b'</t>
  </si>
  <si>
    <t>b'P\x8d\xa7R\xca\xe7\x01&amp;8\x8c\xf9\xd6\xea\xa8q\xb3\xc5\xb5\x96/FH"{\xa0\xf9\xd6\xaa0SuT'</t>
  </si>
  <si>
    <t>b'\x0c\x17\xe1?\xadU\xcc\xa3\xb9\xdd \xfb\x1eq\x8c\xc9,\x1b\x00\xf4\xab"\xaci\x9a\x9b\xc8Kr\x8f\xf9Y'</t>
  </si>
  <si>
    <t>b'\xe0\x0c\xd0\x881&amp;M\x9f\x03DqY\xb9\xdb\x80\x88\xa3\xbf\xb8\xb8Y\xce\xbc/\x94\xa1\x13\r,\x8c-\xf1'</t>
  </si>
  <si>
    <t>b'\x8c\x8f\xb7\xa3\xeb^\xbes\xa3\x7fT\xb0\xca\xd9\xa8\x07\x90\xc2`\xa3\x87Tij\xe1\x90\xe4\x8c\xafF\xfa,'</t>
  </si>
  <si>
    <t>b'\xf4*\x1b\nOp0\x9d\xe1[\xfe\x15\xf3\xb4\xee\x18\xc2.&lt;9\xe5\r\x87\xdd\xb8k\xe30\xa1\xca\xca\x11'</t>
  </si>
  <si>
    <t>b'\x9b`\x88\x17\xec\xaa\xc0\x97\xcd\xe5\xfe@}+&gt;7\x14WY\x946\x1dYu\xa9Lx\xa0\x84\xf6\xa2N'</t>
  </si>
  <si>
    <t>b'Ey\x99O\xc2A\xac\n\x13\x835\xbe\xdf\xec\xda\n\x81z\xf3\xdf\xcb\x7f\xe0;&gt;\xb6\x1f5+\xbc\xa8&amp;'</t>
  </si>
  <si>
    <t>b'e\x92\xc6\x86L*\xaf\xa4\xd8\xac\r\x9fw\xf0\x03&amp;!\x9f\xb8\xf5cdn\r\xf6\xe9:\x04p\xda\xbd\xe0'</t>
  </si>
  <si>
    <t>b'a\xa1I\xf0\x07J\x9b\x98\x08\r9\xe5\xc1\t{\x86\x9dR\x19=\x10\xf7\x82\x9b\x8d\x02\xc2\xd7|\xce\xc7\xeb'</t>
  </si>
  <si>
    <t>b'\xc2\xd4\xe4.\x9f\xc0\xc2\x8b\xedo\xa4\xaa\xe2\xa4"6(d\xff\xfc(\xc7(H\xfd\xc5\x11,\xa8\x91\xcb\xa9'</t>
  </si>
  <si>
    <t>b'4\x99\xc8\xbd\xe4\xeb\x19\xb5\xed\xa3\xdc\x05X\x93\x8e\xe5\xbd\xc7\x84\x12\xf2\xb4a\xe2&amp;\xf4(\x95f\xe5_\x1f'</t>
  </si>
  <si>
    <t>b'+!\xd0d\xcb\xfe\x84\xb7\xcc\xcdiy&gt;r\xf0\x02\x18\xa1A\xfe\x9c)\x85\xb5&amp;\xf7k\x89\xf0H\x9db'</t>
  </si>
  <si>
    <t>b'\xe5\x87d\xbd\x97\x02H\x10nU\x99\x1f&lt;\x9a\xaepE\xfd]2\xa8\xbc\x07,[\x92\xc8\xce\\\x8dWZ'</t>
  </si>
  <si>
    <t>b'dI\xc9;\x12\xd1bP\xf8\xadP,\xd6\xde/3\xdc\xef\xf7W5\x0b7[P\xb7t\xbb\x91Fo\x0f'</t>
  </si>
  <si>
    <t>b"g\xe8\x8a\x95}\x1bR\xfc\x94\xf9\xcf\xa2J{\x16\xf9\xdc\xc0j\x14~\xb9\xb9'o\xf3p\x10s7\x94E"</t>
  </si>
  <si>
    <t>b'\xe8 &amp;\x92\t2?|\x8f-\x0b\x1a\x14\x18\x83\t\xc5\xe0\xb7\xd6*7\xe5\xf3y\x01\x9a\xb5g-3\xb9'</t>
  </si>
  <si>
    <t>b'\x8d\xb3\x96\x19OB\xf56Uf\x80\x16\x18MB\xb0\x98\r\xc0g/\xd8\x94:\xa5\xa5\xc9\xb8\x8a\xf6\xe1v'</t>
  </si>
  <si>
    <t>b'\xcea\x88\xc1\xca\x0e&lt;\x84\x1f\x1d\x12D$\x86\xe8F\xbb\xd8l\xb5\xe9\xcf\xf9J\xeb\n`U\xbfB{\xf9'</t>
  </si>
  <si>
    <t>b'X\xb3\xd8SH\xf8B\x19KZ\xfc\xc0Tq?\xbe\x96\xb8\xe8tL\xa3l\xfb\xe6\xfb\xda\xcfUgj\x8f'</t>
  </si>
  <si>
    <t>b"\xe6\x02\x94J\xa6^,\x99&lt;\xb8X\xf5\xf7\xcd\xd6\x1f\xe8Z'g\xba\xbd\x19\x13\xf30\x0e\xac_\xbaAm"</t>
  </si>
  <si>
    <t>b'B\xda\xeb\xaeJL\xf1\x01\x9b\xcb9\xe0\xc8O\xc3I\x89\x00\xac|Sq\xe0\xc31\x18\xab~\xbe\x15\x16\xae'</t>
  </si>
  <si>
    <t>b'\xee\xda\xc3\x94"\xd6"\x91\xdf\xf0x\x19\x1e\xb6\x1f\x87\x12\xee\x11w(\xfd]\xff\x85T\xb5\xaf\xd5\ti\xa4'</t>
  </si>
  <si>
    <t>b'\xa2\x89\xea\xf1G\n\x80-j\x90\x16\xc4\n.\xfd#\xf2\xe3\xb9P\x91\xbe(S\xae\xd8/\xc6\xf3\x8b\xd3\x9b'</t>
  </si>
  <si>
    <t>b"H\x86UFS\x80\x87'A\xd5\x04\xd0W\x0c\xd8\xfc\x9cH\xc9\x9bI\x93v\xad\xe2j#v\x81\x13F\x9a"</t>
  </si>
  <si>
    <t>b'\xb97gH\xef$\xb6\xa1\x0fNX\xf0\x1ae\xd8\xabG\r|\xbe\xd0\xcc\x94\x1bf&amp;!\xb0\xfb\xda\x87\x95'</t>
  </si>
  <si>
    <t>b'\x0f\xb8\x05\xdcg\xe5\xbc\xda\x15\xc6\x10\x90\xaaY\x1cF\x99\x0fW\xdb\xaa\x16M\xdc\x18\x85\xe0\xb3\xf9#`\x81'</t>
  </si>
  <si>
    <t>b'g\xeap*\xb2\xf1\xd2\xeaty\x1b\x12\x9c-\xaeV\xee\xe0\x11\xd9\xf5\xe2O\xa8\xc2\xb3\xa1\x9b\x82\xed\x82\xa2'</t>
  </si>
  <si>
    <t>b'|5\xdc\x16"\xe7%d\x84}\xacH\xa7\x1c\x1dXB\x9eU;\xdf\xa8\xd8\x14 \xd2g\x84\xe4^\x91\xdf'</t>
  </si>
  <si>
    <t>b'\x98;\xef\xc8\x14j]\x0f\x85\x84]\xccCw\xb4\x99\x85\xb1\xf5\xfcz\x11\x85\xb0:\xbe\x12%\xdc\xbe3\x13'</t>
  </si>
  <si>
    <t>b'S\x9b\x07\xdb]\xb0\x92\xf5\x1d\xc9\x02\xf8a\xf3"\\\xceS#nc\x18\xa0\x10\xbe\xad\xee\x0c\xb3\x8cl\xb7'</t>
  </si>
  <si>
    <t>b';b\xc6\x8b\x94\x95x\x12\xa6\xdf\x83\xd9R\x86\x98\xfb;\xc9\x05\xe4\xa0\xe6\xee\x9f\xe4\x80l\x18|\xfe~\xba'</t>
  </si>
  <si>
    <t>b'QH\x97:\x80\xfc\xc6!\xf0\x7f\xc6\xb9T\xae\xc3\xb6\x03\xdd\xa254L\xf2\xae\x13\xfe\xfe\x8bu\xb7\xbbY'</t>
  </si>
  <si>
    <t>b'\xa5\xab\r\x94H\xb1\x13\x9f\xb6j\xcbY\xe5M,\x0c\x0e\xcb\xd0\xe8\xa8`\xc66\xba\x18.\xad\x86\x19\xf5\x0f'</t>
  </si>
  <si>
    <t>b'~F\x08^\xa1\x19u7\xeb\xfc\xef\xce\xef\xebI\x0e\xbf\xba\xean{\x193\x01.\xd7*\x1c\xfb\x9fw\xac'</t>
  </si>
  <si>
    <t>b'\xa3\xc4\x8b\x06?\x96o\xe8\xf1C{\x9c\xbdFl?)\xe3\xecM$\xf3\xba\xc0\xeb\x8f|\x82\xdfS\x80\xb1'</t>
  </si>
  <si>
    <t>b'\xe7\x95l\xc3uI\xebw\xbbijK\x05vN2&amp;\x7f\r\xec\xb5_\t\x8b\xf0[\xe5\n\xe4\x1ceH'</t>
  </si>
  <si>
    <t>b'4\x0c\xc7\xed"\xdb\xd3\xab\xd8\xc0\x86\xf58\x0ft\xdd\x8d\x91"0\x07\xff|\xc1&amp;\xc8\xa9\xf6\xce\xb7\x8b\xb9'</t>
  </si>
  <si>
    <t>b'Y\x13\x855\x0c\x7f\xa4\x1f \x9e\xca;\xc9\xcb\x0bfr\xde\x12KQ 7`\x82\xd3\xc2\xe2S\xd2_B'</t>
  </si>
  <si>
    <t>b'\xe4 gVrT\x9cx6\xd8\x03\xbe]\x1b\x91&gt;\x18\xa2Z\x7f\x0b=\x88\x08\xd0\xef`\x08\x02\xb7\x08\xc2'</t>
  </si>
  <si>
    <t>b'\xc5\x03\x93\x08\x1a\xf0\x91\xbf\xe3\xdcY\xd3Jl\xa3Gt\xaeZ\x84:\xd9j\x8a\xa6\x9f\x86\xa3\x17(\xf9\x85'</t>
  </si>
  <si>
    <t>b'|/\xae\xbe\x1d\xef&lt;8-\xe5\x94\x04i\x84!\x98\t11\xe8;Q\x07\xc4/\xa1\x1a\x90\xd3!\xb4\x83'</t>
  </si>
  <si>
    <t>b"\xab\xc3\x10R\xb5\xfe\xf7\xa43\xe1n\x08\xab\x82\x80&amp;\xdd4\xf6,\\\x1a\xe8'\xdf\x08\xfa\x18~5h\x02"</t>
  </si>
  <si>
    <t>b'\x920\x9e\xa6\xdf^&amp;l\x0b\x96\xa7\xf1\xa1\x12\x00&amp;\x08]\xf9S\xa6w.\xa7+\x98\xda"\xdf\xf2\x0f\xe6'</t>
  </si>
  <si>
    <t>b'\xbe\xd0\x812\xd6U\xf4\t\x16\xe6\xb0\xb4\x1cK\xb7\xb0xO\xaf\x8f\xf4\xb9\xb8L\xb0"\xccm\xa2`\xf1"'</t>
  </si>
  <si>
    <t>b'\x0c,7\xadY\r\x95o{\x993\xf5.\x1e#\xab\xad0D\xacC%8cT\xf3\r*\x141\r\xc6'</t>
  </si>
  <si>
    <t>b'E\x18\xc2l*\xb2\xa13\xc9V\xf63ir;\xff`\xe9\xa4.W\x8dW\xeb\x8d\xbdm_T\xe6\xf0)'</t>
  </si>
  <si>
    <t>b'M\x08\xaf^`\xa90`14\xd4\xa1\xe0\xf9W\xc4cY\xadm \xa0\xb9,H\xcf\x0e\x81y-\xf6\x0e'</t>
  </si>
  <si>
    <t>b"\xf7s\x80\xbcL\x19\x8bi&lt;\xd1\xaatP\xe5\x86\xb9\x9c\xfbj\xb64\xf6\xa0\n\xd8N\xf3\xd3\x19'\x919"</t>
  </si>
  <si>
    <t>b'f\xefa\xf3e-\x0fK\xdb\x8d\xea\xf1\x8e\xfc!\xb6j\x1dN\xef\xe8\x0c\xa0\xa7\xa5\x9aJ\x9eRe\x03D'</t>
  </si>
  <si>
    <t>b'\xd7\xe8\xba\xbb\xaa\r$\xdd\x0e\xc5\xbe\xbb\xfdX\xb0\x84\xb3 \x82\xbf\xa7\x8c\\\xd1p\x10\x18\xcc\xc3\xcdh\xee'</t>
  </si>
  <si>
    <t>b'\xf1\xcb\x1d\x8b!\xb9\x930e\xf9}\x87\x94\x87b\xf9\xac!\nrtl\xdc\xca\xd04\x1d\x98&lt;\xa5FN'</t>
  </si>
  <si>
    <t>b'\xda\xf3\xe9\x15@\xab\x94\xd2\xd0\x08\xb9\xab\xe5NU\xa6\xdd\x8b\x8fS,.\x08\xac\xbb\xdd\xbb\xf1\xb6\xfe\x84\xd6'</t>
  </si>
  <si>
    <t>b'\xb8=LE\xc1\x10Y\xd5\x83/2[Ko\xdf\xe5\xaa\x8c\x143\x96L"\t\x9dm\xc0\xef\x13\x98\x04\x9a'</t>
  </si>
  <si>
    <t>b'w\xd2\xe3\xbd\xa9\xfa\xe86Z\xda5B2\x0c\xba\xf5\x9b\xbf\x00\xfa\xb2d\xf2\xc6\xd2LQs\xd4\xc6p\xe9'</t>
  </si>
  <si>
    <t>b'Z\x17\xd4H,}&gt;\xf3\xba5\xa88L7y\r\x83\xd6\x08\x08\xb6\xa6\xdd\xeeH\td*\x80\xdd\x9c\xb8'</t>
  </si>
  <si>
    <t>b'\xe0\xf3v\x0b\xcbr"\x9drc\xe9\x19.\x01Gu;\x91ur\xea\xeb\xab1[\xe0\xfa\x19\xc0\x9fY='</t>
  </si>
  <si>
    <t>b'\xde\xff\x80\xa5u5\x83b\xd7k\x8e z\x92\xe0\x95\x9d\xc0\x96\xd3\xe3\xc9\x1cz\xa3t\x9e4\x85\x90\xd0\x05'</t>
  </si>
  <si>
    <t>b'\xa2\x96I\xc6@\x19\xf5\xf4m\xfb5T\xbaM\xcbg\xec4~K7 \xf8(\xd6\x06\xf4R\xf8H\xbf+'</t>
  </si>
  <si>
    <t>b"\xf3\xe6\xc4H\xff\xfc\xd5X'nR\xaf\xae\xb8\x9et\xc0\x8e&amp;Vdq\xa4\x8dL\xb6\x9e\xa4(\xf0\xec\xe0"</t>
  </si>
  <si>
    <t>b'\xb24t\\ g\xa4\xc3$\xfc\xf7\xf7\xdd\xb0\xfb\xcf&gt;\x98\x02VkZ\x1d+\x8d\xb4\xf0_%;\xf8J'</t>
  </si>
  <si>
    <t>b'\x86\xb6\xab\x96w\x932\x12F\x01\n\xde\x89\x87\x8e\xc7\xa6\xdb\x99h\xd3k\x8bw\xeb\x00,E\xcf\xb4\xa7H'</t>
  </si>
  <si>
    <t>b'\x89\xb2\xc2\x91#\xe2\xfb&gt;\x0e\x85c\x1a:\xd5+\xf0]O\x00\xae-s\x10\xd4\xf9\xe6(\xd0\x93^Gp'</t>
  </si>
  <si>
    <t>b'\x1e\xbe\r\x99\xed\xe0\x8c\xa4\x9f\\`*\xe8$lt\xf9\xcaP\x8c\xb9\xf8\x9d-\xf9o\x14\xd2\xd2\xd5\xef\xbf'</t>
  </si>
  <si>
    <t>b"\xbb\xf2\xe5\xe1H\xef~7PY\n'}P\xda\xda|\xa4}A\xc5  \xdbj\x1d\x1c`B(Be"</t>
  </si>
  <si>
    <t>b'G\xcd\x1a\xad&gt;\x19ni\xc5\x12@o\x8a\xe6\xdfOVb\xb3"\x9b\x91\xad\xd6\xbeB\x05\xf0eW\x8b\xdd'</t>
  </si>
  <si>
    <t>b'\xfc\x98\xcb&amp;\xa6\xdd[Fm\xeb\n\x1d2\xb8\x01\r\x98\x8a\xe7\xbd\xa9\xe5\xf0\xe9weq\x10{OZE'</t>
  </si>
  <si>
    <t>b'@.Z\x1f\x81\xad\xe7\xd7\xc9J\xb3c\xe9\xad\xf11\xf4p\xe6A\x94\xb3\x08yQ\x9e\x88\xea\t\x97#\x8a'</t>
  </si>
  <si>
    <t>b"\xea\xab\x82\xb5Y\xc8\x11\xd6\x04\xb3\x11\xc8\x82]\x80\x18\xd0\x01\xde\xfb`\x1c\xc4nd\xbf'\x989Z\xaaG"</t>
  </si>
  <si>
    <t>b'D\x91f\xa4\x08y\x98\xd7\xf1\xee\xef\x0b@\x95\x9c\x17*\x1e\x90\xac9\xc9\x0e1w\xcf\x8f\xc5\x00\x1a$I'</t>
  </si>
  <si>
    <t>b'\x99\xcc\x00\x0b\xffawh\xcd\xa4M\x11\xe5\x13\xdb;:\xabn&amp;[\xf21\x99^\xa2\xbci-\xf5\n\xb1'</t>
  </si>
  <si>
    <t>b'\x88\xa5R\x17\x0b\x97\xcfV~m*!\x8b&amp;\xaf\x83,\x94\xc9\x95\xc8;\xb4\xeb3&amp;\xfd\xc2\xd2y\x18\x15'</t>
  </si>
  <si>
    <t>b'\xcb\x08\xa6\xb4\x15\xbb\xbdH\xe7\x7f\xbc\xcc\x85t\xeb\xe0\x8d\x13r\xa6\xff.\xa9\xa0\xac\x0f\xee\xc1\xacSh\xa6'</t>
  </si>
  <si>
    <t>b'f\x9c3\xec\xe8Oz\x93\x96\x81a\x98\xc7\x8eSY\xc6\x06\x9d\xdc\x14\xd6\x199%\x90c\xbf\x9b\x17\x83\xb5'</t>
  </si>
  <si>
    <t>b'&gt;\xd9\xaa\x80\xd0Y\xf8\xf4\xc0\xf8\x93\xb2d\xf5\xa2M\xca4\x07\xd8\x8e\t\xc1\x8d\xf5,\x9e\xc4\xe7\xf5i\xc5'</t>
  </si>
  <si>
    <t>b'\x80\xa3J-\xb5d\xdc\xe2m\xec\x9e\xc8\x13\xef\x18}\xafu:+@\xd1\x8a\xb2\xc3j\xe8\x80\x1c7\xaa!'</t>
  </si>
  <si>
    <t>b'\xdfOn\xce\xe9X\xe1\x888\xee\xe2\xae\xebY\xe4H\xd9\xae\xb1]\xbcgR\xf7\xc4\xc8^5?\x03)\x05'</t>
  </si>
  <si>
    <t>b'\xcd7\t\xb1\xd7\x14\xc0\xc3@\xa9\xcd2\xddn\xae\xb7\xb7\xed\xa1\xd3\xa5\x02\x8f\x00\xfb;*$d3\xdf?'</t>
  </si>
  <si>
    <t>b'\xd4w\xe3\xe5&lt;\xd2r\xbe!\x83\x00\xf9A&amp;\x08n\x9d\xc5Q&amp;N\xe0\xe0\xbb\xa8\xe6&amp;\x1d\x9e\x1c\xa8\x11'</t>
  </si>
  <si>
    <t>b'7\n\xcb2Y*\xed$U\xea"\xd0\xdf\xc6\x1fM\xf8\xcc:\xa9\x88\xb2"\x91_\x90\xbe\x91\xc9\xdeQ\xff'</t>
  </si>
  <si>
    <t>b't\x0b\x99\x1cz\x9a\x08#\xc5\xd4\x8ffe\xe7\x0e-{t\xac\\^\x94\xbb\xdf\xea)\xe1\x9b\x9dJmE'</t>
  </si>
  <si>
    <t>b'\xc9,U.G\xc2L\x9d\xd78\x1f=\xde\xdf\xe3$\xe5\x12\xc1\xbd\x9cx7\x91\x12P\xf1\x02m\xf2\xbe%'</t>
  </si>
  <si>
    <t>b"\xe8\x8d\xd7N4\x01',&gt;m,\xe2\x03\x7f\xe8\xb6\x8d0\xdf\x06l\xdf\xce!\xf0\xf2\x84c\x10.U\xec"</t>
  </si>
  <si>
    <t>b'w\xfe\x1b\xb9/Zf\xc4\nt\x0e\xdd=\xa9\xffKJ\x94\x93H\x01\x96d\xacm\xc6\xd5\x12\x01)\xa1\xe0'</t>
  </si>
  <si>
    <t>b'\xb8\r\xbeA\xc6\xdbS(\x12\xdbi\xe9(\xdd6\x1c\xac\xa0\xfb\x04\xc6\x0e\xa4\xc69\x83\xbeAX\r\xb8\x94'</t>
  </si>
  <si>
    <t>b'\xf9c\xda_\xe5 ^,\xa5&lt;\x99o\xe70\xaa*?U\xee+\x83*\xae\xbb\x87\x83\x81)U\xb6U\xba'</t>
  </si>
  <si>
    <t>b'\xe0\\\xa3)\x18\xdb\xd6\x1f\xc1\xf8k\x1f\x18e6+\x1d\x1c\xd9\xb5;\x94\xff\x86 C[\x15-S\xac\x9e'</t>
  </si>
  <si>
    <t>b"M\x81\x94'\xa37\x9b\x86\x01\xc9(\xe0nI\xb3{?\x1e\x1a\x1e^\x8a\xea\x00q\xf8]\xdf\x1a\xfa\x8e\x8e"</t>
  </si>
  <si>
    <t>b'\xcf\x1f\xdb\xb6p\xe3U6\x06\xcb\xa9p\xdb\x8f\xeb\xa8T\x990\xec\xeb\xf3\r\x94I\x9d\xb6_\xdc\xae\xad\\'</t>
  </si>
  <si>
    <t>b'D\xe2\xec\x18\xda\xc0\xbeu_\xa7\xeb\xeb1m\xc7\xe5\x88Z\xe6\xaa\xc2!\x80\xed\xec=\xc3.\x7f5\xec\xb0'</t>
  </si>
  <si>
    <t>b'%*\xd4\x15\xb0\x0fH*t\x18\xb4\xc8\xa6\x01l\x0f\xa0\xe7 H&amp;\xdc\xc5\x00g\xa7Nm/\xee\xa3\xcc'</t>
  </si>
  <si>
    <t>b'A\xcc\x88\xef#lo\x03\x94C\xd0\xb6\x90\xca"sW\xd8\xa1\xea\xc2\xd2\x13s\x7f\xa0\xd9\xfc\x86\xa2\x1e\xfb'</t>
  </si>
  <si>
    <t>b'b\x9d\xc4\x8b\x18\xee\x98h\x9d1\xd6\xf9\xf4\xee!\xd9\x9aL:}\xf5\xe1i\x83&amp;\x8b\x1dl\x11\xa1w;'</t>
  </si>
  <si>
    <t>b'Nu\xb1\xbdX0\xbf/\xec=\xf78v@u\xa8b~\xb6\xcb\x1f!\xd9m\xd2E\xcd\xce\xdb\xc79\x01'</t>
  </si>
  <si>
    <t>b'\x9c\x06\x9fp9jkA\x00C`\x92,\x87l\x84\xbd\x81\xad3Z\x8d\x8c\xc9P2c\xa7k~\xc7\xce'</t>
  </si>
  <si>
    <t>b'$\x1b\xe4\x15\xfbq\xa3\xc9\x83,\x8bv\n\x07\x16\xeei\n\x8doG\xf9Z\xa4\x1fj\x9f4Q(uo'</t>
  </si>
  <si>
    <t>b'Gr!\xb0\xe4I\xfa/#\x0b8\x15\xe4}Z#\x96\xbb\x18\xd1\xebR\xe9o\x9a\xb1\xe5\x98\x9f\xb6\xe4v'</t>
  </si>
  <si>
    <t>b'U\xe1\xc7"\t\xcdwHQ\xcf\x0e\xbc3\'\xfb\x9c,\xd1\n\xe40\x12\xb6\xa3;\x07\\\xb3\xcb*LF'</t>
  </si>
  <si>
    <t>b'S\xeb\x10m~\xbd41\x08_\xfd\xf8&amp;\xfez\xfbD\\\xba\xd8\xc3&gt;\xcf\xae_\xdfar\xa0\xa8\x8a\x9f'</t>
  </si>
  <si>
    <t>b'\tz*\x9b\xa9\xd9\x11\x9di7\x0c\xbf9\xef\xad\xc2\x06\xb9]\x9fX\x9bL\xbb\xb4\xcaK\xca\xe2\xc1\x16\x0f'</t>
  </si>
  <si>
    <t>b'\xebz\xcbvB\x91\xb2{\xf7l_\x89\x82W\xfe\xcd\x01\x92$.\xab\xbc\x07[C\x1d\xe5\x8dB\x14\x9e\xb9'</t>
  </si>
  <si>
    <t>b'\xcc\xa9\xba.\x18erE\xe3\x01|ej\x85`\xe0\xaf \xad\xcd\xa0\x17\xeb$x\x07e\xba\xe9\xa1\x04\x1a'</t>
  </si>
  <si>
    <t>b'\xa5\xd4H\xa3\xf1\xfeV\xcf\x9a\x92s\xd4\xd6\xdb\x994\xd9?V\x1e\xb3hB\x9eK*\x9e\x183_\x1c\x07'</t>
  </si>
  <si>
    <t>b'\x08W\xb7\x1f.{\xb9z\xee\xa7\xdb\x15\x02\x83\xb9B\xde\x1cv~&lt;\xfe{\x88\xc7(\x19"\xdf\xb8\x1cp'</t>
  </si>
  <si>
    <t>b'T\xe4=\xe1\x81\x02\xfc\rG\x07\xf2\xa0\xf4\xf6/U\xaf\x7f\x85\xfb\xe6\xc1|5\xd4\x9f\x02\xe1:\xa4\xe4\x97'</t>
  </si>
  <si>
    <t>b'\x15,Gf\xdc\xb3\xbfwhYQ\x9f\x8e\xe5P\xe4\xe3m\xa2\xfeg\xf2\x12\xf4\x07\x84UA=+\x87\x9d'</t>
  </si>
  <si>
    <t>b"'\xc1\x11E\xd70\x97\xb7\x80\xc2_]\xed\x11v0\xf9\x97Na\xb1\xc5\xf8\xb1\xde-\xa8\xc8\xd5S\xaf\xaa"</t>
  </si>
  <si>
    <t>b"\x15y\xea{\xa2\xc5k\xb2\xea\xc2\xde\xd1j\x1c\x1c\xff\xb4\xa5'\x01\xdc\xb4&gt;\x8d\xcc\xac^\xf3\x82e\xc4\x99"</t>
  </si>
  <si>
    <t>b'"l\x1a\x16\xc7\x8c\xb3&amp;\xcf\x99\xf7\xb0`\x01\xc4q\xeb\xdb\xd8j\x03\xcb\x9a?8\xa2\xden\xddz\x8c\xe6'</t>
  </si>
  <si>
    <t>b'O\xcc\xb5Z\xbf\x9f\x9a\xa53\xa2\x8e\xb0\xb8\xe0\xf8\x05uT\x02\x86C\xf0#k.!\x07\xc9\x1b\xfcZ\xf0'</t>
  </si>
  <si>
    <t>b'l\x8ef\x07V\xe0\x93\xae\xab\xd4\x85v\xce\xec\xba\xa5\x98\x0b8c\xd8\x8f\xc7C[\x9cXg\xf4\xf5i\x97'</t>
  </si>
  <si>
    <t>b")\xf1\x14\xee2\x95EG\x1c\xae\x89\xb6v{\x99\x80t\xa7\x1b\xd8'\xf8\xbb\xafU\xd1\x0em\x04K\xdc\xdd"</t>
  </si>
  <si>
    <t>b'\xa5\xe3Zq\xeas\xa2k\xab\x06\r\x00$I\xe9\x8cx\x19W\xcc\xe0\x8c\xcb\xe3\xa6\x02!?\xb9\xb6\x9e\t'</t>
  </si>
  <si>
    <t>b'\xdbv\xdd\x8b\xa8\x98 \x89O\x82\x90\x82\xbdEQu\x8f\x14(c\x87\xfd\xc1\xd1?\xdd\x93d\xb2\xc7p\xc6'</t>
  </si>
  <si>
    <t>b'\xaa\xb9_\xe4P\x1bz\x911\x9d\xd1\x87$y\x0c\x16\xf5[\xe2\xce 4\x02\x8a\x17H\xa4"\xabv\xa47'</t>
  </si>
  <si>
    <t>b'\xd7\xad+\x93q\xce]2n\xb6\x03O:n\x1d\xd3\xea\xd0\xc6H8\x9cPQ{\x81\x97O\xa6up\xd8'</t>
  </si>
  <si>
    <t>b'&amp;{\x9b\xc6\xca\xf8\xdd\xb2\xd1\x80\x9dH\xf2\x174\x8e\xc2\xf1^\xb53\xe9\xc9x/\x82\x8ee\x92L]\xe5'</t>
  </si>
  <si>
    <t>b'\xa6\t\x88-\xa2{\x13\xec\xbfC\xf2\xc0\xe0\xe0\xc25\x10\x8ax(g+\x1e\xeb\n8l\x01\xe07.\xa8'</t>
  </si>
  <si>
    <t>b'\x85\x97\xff\x96\xf5Q\xcb\x8b\x802\xadct\xb1\xa8O*\xedL\n\xa5\x89,\x85\xa9\xeb\xc4\x05\xe7|ix'</t>
  </si>
  <si>
    <t>b'\xea\xe2\x8a\xf8\xb8\x93\xd3\xa9\x12}\x8dp\x9b\xde\xd1\xac\t\xd7\xb0vv\x1b\x1d\xfaF\x8b\xf1\x14\xb6\xb7n\xf3'</t>
  </si>
  <si>
    <t>b"'\xbd\x11&gt;{\x04V\x8b(]\x96\xe6\x8f\x7fi\xd0Xm\xa4@w\n\xff\xaaf\x08[8\x99\x0f\x85q"</t>
  </si>
  <si>
    <t>b'\x07\xb9&amp;E6\xa4W\\M\xba\xf5tZe\x8c\xa9\xc7\xedq\x9b\x8e\xdd\x15\xf1p\xca\x03`\x96v\xdbG'</t>
  </si>
  <si>
    <t>b'\x80\xf5\xd1m\xb2{I\xe1\x98N\x91\\D\xc5c\x97\xf1\xe7\x04kZ\x08,ybV\xad\x93\xc4\xe1\xf0p'</t>
  </si>
  <si>
    <t>b'&lt;\xf1\xc4\xc7\xa9a\xd4\xe6@\xa7\x1d\xb5}\xde\x84\x1b\xd0L8\x1a\x8d\xa1\x1e\xb4{[\xc6\xc0\xf1\xcd|\xc1'</t>
  </si>
  <si>
    <t>b'G-\xe1#U\xd9+\xefET\xbeB[\xb5\x80\xf6h\xe7\x8fEQ.\xd3Z|)\x831~8q\xeb'</t>
  </si>
  <si>
    <t>b's\xed\xda\x82G\x1d\x84A&amp;\x14\xf7\xedmyhl\x8cD\x80\x1e\xcc\xd1g\x02-\xea\x11\xb93bU\xf0'</t>
  </si>
  <si>
    <t>b"E'\x86@\x14 \xb5\x85C\\\x87\xf2\x90\xd7\xa9\xd4\xef2+2\x03D\x18v\xc4@]\xfe\xd1\xf2\xda\x01"</t>
  </si>
  <si>
    <t>b'mB\x11\xd8?$\x1b\x94~!\xda\xc2\xfdQ\xcb\xea\xe0\xd9X\x05\xbf\xda\xb8=\xa0\x80%\xa8\x05\x9f\x82_'</t>
  </si>
  <si>
    <t>b':\x12\xc1a\xbdSX\xa1a7\xf7=bq)tr\xcf\xff \xdb s\xdd\x81\x98,v\x84,\x1bW'</t>
  </si>
  <si>
    <t>b'D\x8bES|e\x1e\xc6nVs\x8bSq\xfe\xf5\xfd\x01\x88[\xd7\xf6\xa1\x9d\xf1\xe4\x9cMB\xce$?'</t>
  </si>
  <si>
    <t>b'\xab[yV\x89\x99T|_\x0f*\x8f\x105\xbc\xb3G5j\xdcp\xbb\xe6\xc2\xc1#\xd4R;\x0e \x08'</t>
  </si>
  <si>
    <t>b'\xb8\x87l|\x9f1U\xa1&gt;\x1c\xf1\x13\xe5M!\x92\xc5\x9d\xc7\x04k\xce\xca\xf4f|\xf4\xd9\x8c\xbf4z'</t>
  </si>
  <si>
    <t>b"\x9f\xcc\x97K\xd7%H\xa9(#\x97vF5k\xd6\x0b\xdc]\x14\x00\xd6'\xf4]=\xae\x93\x07\xa6\x1d\xc2"</t>
  </si>
  <si>
    <t>b'F\xeed\xab\xdd{\x9b\x8fZ\xd2s\xcbSdhO_\x02\x02?\xdas\xc2\x91\xcb\xf1&lt;\x13\xac:\xd9\xea'</t>
  </si>
  <si>
    <t>b'J\x94\xbe,\x8f\x0c+\x13\xad*\xf2\x82\x01S&lt;\xd5\xc4\xa3%Jz\xc6\xed\xf4\x98\xbb\xe1d\xf1\xe3.\xec'</t>
  </si>
  <si>
    <t>b'g\xcc$\xe6jN\xb5F3W\xc7\xcayu\xda(\xd0\xae?\xc6\xfb\xaa\xf3\xbb\x9au\x8cU\x9ch\xc7^'</t>
  </si>
  <si>
    <t>b'\xf3(x@\x98\xacwk#\xff\xb2Z/\x1e\xea\xd3\x17eL\x05\xf2\xfav\xee\x91\xc2\xdd\xc9\x94g#\xe6'</t>
  </si>
  <si>
    <t>b'"\xc9\x02_\xfan&gt;9x\xder\xef\xcfl*\xef\x11\x02C\xb9G\xd0h\xbb\x86S\x8d\xb8w\xaf\x90\x8d'</t>
  </si>
  <si>
    <t>b'\x88*\x02\xd8\xe9\x93\x11\xca\xeb\x03\xf9N\x17\xf7g\xfd\x96\x17Hg\xcb\xc8\xfe\xf4\xd4\x87\xd1o\xe0&gt;\xfa\x11'</t>
  </si>
  <si>
    <t>b'\xfeS\xc9R\xbd\xc5\x99\xde\x9d\xe0\xe2\xae\x0f\xa5\x0e\xe1\xc5eH\x1a\xc1\xc3\xd9/&lt;\xe8\\\xe2R\xb4i?'</t>
  </si>
  <si>
    <t>b'\xd5\xa4\xa1\xea\x18N\xbd8\x0eIm#\xc0PX\xce7\xa6[G(\xc0B\x01Qp\xbcI^\xd1\x81\t'</t>
  </si>
  <si>
    <t>b'\xecg\xce\x19\xfd\x82\x99\x8a^\xd1\x85{&gt;\xa9\xdf|I!\xa7\xb4\xe4\xf5|\xfa\x92\xb1%\xf3\xeb\xdb\t\xa6'</t>
  </si>
  <si>
    <t>b"%\x02\x16\x17Q\\\xf4X\xf1\xb7 \xe3\x05\x02)\xc2'\x94u\x8b\xd6T\xe9\xe8\xc0\x85\xff\xe9\x97{Z^"</t>
  </si>
  <si>
    <t>b'\x95\xe9\x92Q\x8anM*(un\x95\xdcw\x82\xc9&lt;\xc1\xb1}\x05J\x1e}\x88\xfc\xfdv\xec\x86~l'</t>
  </si>
  <si>
    <t>b'\xe1\xfaT\xc5,R\x06A\xf7\xf9\xa9TrTG\xa3\xdeK?\xd0\x02m!\xb0\x0b\xc5\x08\xc5\xbc\x97\xe6d'</t>
  </si>
  <si>
    <t>b'\xac\x19bA\x1d\x1d\x9c63*j\xb8\xb8\x8d#\xeb\xf0\xeajo\xba\xa9\x91\x18\x15\x08QDQ\x85\x99\xd4'</t>
  </si>
  <si>
    <t>b',\x1f\xf0K+\\\x93%\xca\x88\x9c\x91R \xd1.\xf6\xe0\x89H\x9a\xa0\x99\x14\x95\x9c\x88\xa7\xf1\xfa\xfdp'</t>
  </si>
  <si>
    <t>b'\xe6\xc3\xf4\x08S\x8e=\xb9\x02\xf6\xc2\xafs\x9a\x8a`-SLq\xf1b0e\x12\xbbD\x9eNI3C'</t>
  </si>
  <si>
    <t>b'\xb68\xec\xf6t\xc6A\xe8\x170Fg\xde\xaa&lt;O\xb2\x05\x9e\xd2\x00@\xdfF2\x04\xf68i\xda\xa5['</t>
  </si>
  <si>
    <t>b'\xa3/4\xdd\x19\xf8$\xb6\x9cI\xca\xf9\xa6\xa8w\xd89\xa1\xe0=\x16\xc0/\x81\x06Q\xe9\x93\x9c\x04d\xdc'</t>
  </si>
  <si>
    <t>b'\xe9\xac\xe7\xc6&lt;O\xe9\x14T\xc6\xbb\xad\xc5\xd6V\x03\xe2@H\x89\x9e\x9a\xb2\x08j\xfb\x05/\xb8\xd3\xa8\x11'</t>
  </si>
  <si>
    <t>b'\x17x\xa5n\x8e#/\xb2/\xfa\x86\xa6\xba\xbeXCX\xd0\x1b\xbd\xe3\xd57H@\xb2\xfb\x89-\xc8\xdc\xdc'</t>
  </si>
  <si>
    <t>b'\xbeP\xaf\xea\xea\x00\xf7\x97\xbb\x08\xeep\x07 dC\x10s{\x84{\xe5\x08\x9d6#\x02\x8eF\x8e\xa3\xd0'</t>
  </si>
  <si>
    <t>b'0R\x90-\x8b\xc8A\x9a\x83\x99\xda\xed\xd1\xe6\xe6\xc909#\xae\xd6\xda\xcf6}\xb2\xb8\xf0\xff\xdc_\r'</t>
  </si>
  <si>
    <t>b'\xe1\xfb\x92wK\xf2\x98\x81\xaf\xa9\xb6D?\x96&amp;%\xd4\x11\xc9\xd3I\xbcE\xb6\xc3\x0c\xde\xb2\xbb\xd7\xf7Z'</t>
  </si>
  <si>
    <t>b'\xd3(\xc7N}}\xb9n\x1c\xd8w\x01t\xbf\xe6\xc8\xa6\xdb\xeb\x8f\xd7\xdd\xcf\x9a\xe8\xa0\x0f\x9cw\x93\xed\xec'</t>
  </si>
  <si>
    <t>b'\xd0\xb5\xe1\xfb\xc1B\xe6%%\xa5p{\xc1\xa7\xe89\x14\x82\xae\xe7N\xea\xcb~\xfag&gt;\x90\xc5\xe1\xf3\x84'</t>
  </si>
  <si>
    <t>b'+|\xf6\xc00\xef+\xabp\x12\xfa@h\xb4\xc1 :.\xb2\x90\xa3R\xd0@k\x15t\xe6\xfc\x9a\x15w'</t>
  </si>
  <si>
    <t>b"`\x92|\x91\x9d\xf98n'\x1bl\xe1\xe7&gt;C\xbb\xaf\x0b\xe6\x07\xb2\nE'sx\xcb\xf8u\x14\x0e\x06"</t>
  </si>
  <si>
    <t>b'\xb88\x93,\x8c\xf6{J\xf05\xb7\xe6\xe1\x15V\xaa\r\xc9?P\x98\x87\x8d\x0c\xe5\x17\xe9\x12\xc9T!\xba'</t>
  </si>
  <si>
    <t>b'\xdc\x02\xdbg\xec\xa6\x1b!\xe8H\xc8\xd2\xbc\x1d\xba?)\xdc\xaf\xdb\xae\x83PwAU\xc0\xd7\xb5=(\x91'</t>
  </si>
  <si>
    <t>b'"\x81{\xd9a\xa1\xa9C\x9d\xcc\r\x90\xfd\x1a\xa5A)\xb76\x8f\x03\n\xc7\xe6yP\xdd+\x99a\xbdT'</t>
  </si>
  <si>
    <t>b'\xb9H\x13W{\xb8\xcd_c\x98\xae\xc1\x1385\xb5\xb9) !S\xb9Tj{\xa6\xe2m\xb3`\xf3+'</t>
  </si>
  <si>
    <t>b'\xd7k\xe4\x95JV\x0f\xe1\x947\xc4\xdasO\xca\xe1x{\xacf-A\xdd\xad,\x92\xbb\xd9\x08\x8f\x106'</t>
  </si>
  <si>
    <t>b'\x86\x01\x1c\xd2x\xfe\xd8\x8e s\x06h\xfd|\x1c\xff\ty\x7f\xe1vu\x11M\x05\x88dQ-\x02\x0e\x0e'</t>
  </si>
  <si>
    <t>b'hh\xbc3l}\x97@T;`\xae\x8b\x0bg&lt;\x948\\\xe1_6\xf7\xc0\xd9\x99\xe8#\xd0\xf0r\xdb'</t>
  </si>
  <si>
    <t>b'\xee\xa9\xc7G\xab\xb9?\xfe{/\xf3\x91i#\xb0\xdc\x0c7U\xb8\xe9\xe6\xb0\x06\x81\xcc\xc7v\x99\x85\xe6\x11'</t>
  </si>
  <si>
    <t>b"'\xd0OQb\xe5a\xed\x88l_$\x81\x97\xde3\x12\x8d\xd6\xf4\xb3\x99m[\xd2\xac\x03 \xb6\xd3\xdf\x8e"</t>
  </si>
  <si>
    <t>b'|\xd5\xbb\xc8S4p\xcc{\xe57\x87\t\x0ei\xda{\xcdk4\xa3tb\x9a\xd1\x16\xe3W,\xd5\xa0\xe1'</t>
  </si>
  <si>
    <t>b'\x84n\xb4\xae-\xe4\xefq\x1e\x01\xdc\x86z\x96\xef#\xc4F@\x9bB\x18\xc3F\x84h-|/F\x90\xf0'</t>
  </si>
  <si>
    <t>b"{\xc4\xc4\x90\x87\xc9\xdf\xa8\x96g\xc5=\xe4p\xa2\x8bc\x15\xf1\x1d\xc4\x17\x8f\xdb\xc4\xe8'\xf8?\xe0XO"</t>
  </si>
  <si>
    <t>b'\xdd^\x11%\xff\xc2Z\x13}AeyI-|\r\xa8\x94\x81\xc0\xc1\xd6\xa2I\x03\xd2\x0c\xb5\x9d\x91$\xd0'</t>
  </si>
  <si>
    <t>b'\xdcR\x9cO\x7f\xe6Ib\x138\x97\x01\xd6\xc6\xae\xfa\xa9\xa98G\x8er\xf6V^Z\x9d\x89\xc6\x94\xc2Z'</t>
  </si>
  <si>
    <t>b'\x7fm\x12\x18vF\x03\xc8\xf6b\x99\xb80\xe1\xddy\\&amp;\xcao\xa0\xc6\xb4\xeaG\x81\xa9\xb3E\xa4\xe0\x11'</t>
  </si>
  <si>
    <t>b'\xe1u\x98\x9d\xaa\xb6\xabDse\xd5\x93\xb57\x15\xc3\xbd\xce\xc0s\t\x84/%U\tdK|\x98\xc0\x0f'</t>
  </si>
  <si>
    <t>b'B\xaf\x0edC\xc78\x83\xf0qp\xa7qyS5DK\x16\xb7\x9fH\x8d\x0b\x9f\x07Z\x06\x7f\xa53M'</t>
  </si>
  <si>
    <t>b'!.p\x89\x8c\xd1\xd4\xf2\x14)Z\xa5\x9b\xcd\xc4\xb9=\xd2\x9b\x06B%\xc5H_Y\x9c\x93\xb9\x83\xa9\r'</t>
  </si>
  <si>
    <t>b'V\xb0\xd5\x9bL\x80\xf6q\xd0\x16\xc8\xcd6\x06\xf2T\xe1\x9a\xe3#$\xbc\xba\x0bK\xb9\xdf-\x9d\xd2\xe1\x8d'</t>
  </si>
  <si>
    <t>b"*#\xa1@\xdc\x19\xe0\x90\xd4\xdfXL'#\xe6\r]f\xd8\x00a\xda;CA\x9f\xc1n\xe2\xb9!\x04"</t>
  </si>
  <si>
    <t>b'}\x00\xadyI\x12V09\x87\xc4\xee\xd7\x81\x145\x8a\xb2\x04\x9e\xb737\x9f\xdb:\xd7\x9c\x98KT\x16'</t>
  </si>
  <si>
    <t>b'\x9bZ\xc8\x83\xc3\x7fwA\xc6\xf9&lt;\xfc|\xfe\x9bZp05\xc99\xcb\xc1\x9dg\x85\xd5\x1cp\xd2\xc2\x83'</t>
  </si>
  <si>
    <t>b'\xf9\xc3\xf68@{e\xfd\xa7\x99\xb9D2T~\x9c(\xda\xca\xd6:\x82\x80\x86\xae\xee\xa6\xb7\xf4\x18k\xbb'</t>
  </si>
  <si>
    <t>b'u:l\x87\x11=\x9d\xe0\xfe\xa4\x82\x1f\xe5W=\x88\xd3*\xfe\xf9\x82l\xe6\x9d\x88\x01aN\xe0\x0f \x8c'</t>
  </si>
  <si>
    <t>b'1\xb6\xe9\x16`j\x04^!\x94\x1d.\xb3\x15\x08\x8dH\xcd\x06\xb7/"\xf9s\xe8\xa5}n\x84X\x8b6'</t>
  </si>
  <si>
    <t>b'\x17@\xca]\xac+\xd7\x1a#T\xdc\\\xa5\x99&gt;\xc8\x82&lt;\xb7\xcb\x8f+\xf2\x99\xebsj\xdf-\xa3\x1d\x04'</t>
  </si>
  <si>
    <t>b'\xf9\x0b\xfc\x8d\x06\xfc\x8a\xdcl\xb9\xd6d\xd5\xee&amp;\xa5{\xcc8g\xfe*`xK\xc9\xd2\xd2&amp;b @'</t>
  </si>
  <si>
    <t>b'\x94\x1d\xf1\x9a\xd0@\xa5\x9f\xab2\xb5l\x86\xfb:\xe5\xbf&lt;\x9c\x07\xd9\xb8\xed$\xca\xe7\xb4"\x97\xcf\xfb;'</t>
  </si>
  <si>
    <t>b'\xa3\xe2?\x99Y&gt;\xa8P\xb1H"yI\xd5\xaeM\xa6F\xdf\xa5l\xed\xe9\xbbv\x007\xd7zVv\xaf'</t>
  </si>
  <si>
    <t>b'LT|7\xd0\x033\xa5\xe1\xf4\xcf51\xc2\xfe\x82\x864\x05F\xccu\x07\xf4\xcc.\xc6\xa0\x90&amp;\x11\x83'</t>
  </si>
  <si>
    <t>b'\x0c\x8d\xcd\xd4\xab\r\x03\xffp\x1c]\x8d\xba\xb8\xe0\xed\xfc\xe1\x03\x96\xa59lp\x98\xd0\xf8\x0b\xd6\xf9E\x95'</t>
  </si>
  <si>
    <t>b'+\x8a\x8a6\x1c\x82\x88\xd4\xf5}\xe3\x7f\xbc2uR\xf7\xdcy\xa2n\xae\x0c\x93\xea\xc8v\x1c\x18N\xdf\xf5'</t>
  </si>
  <si>
    <t>b'7\xa1\xec\xfa"C\xae\xba\xd2S\x81d\x86t\xed.\xd0\x100?\xa5yL\xad\'\x95\xee\xbb`\xbd\xec\x8f'</t>
  </si>
  <si>
    <t>b"\xe6\x01\xf4\xfb\x8f\x83\xcd\\%\xfb\x158\xc0\x9aLK\x9c\xfa\xb9\xef\xba'0\xeb\xdd\x9cS\xd7C\xe5p\xf6"</t>
  </si>
  <si>
    <t>b'\xb8\x9bV\xd6\xed\xe3\xe20Fy\xe6xg\xc1U\xc5\x19e\x93\xb5\xa6\x1d&lt;\xda\xde3k\x7f\x91\xcc\xb1\xc4'</t>
  </si>
  <si>
    <t>b'I]\xdf\xcb\x0f\x80Y\x13n\x84\xbcB\xc7\x88\xea\x95\x80\xff\xfb"\x02\x17\x1f+\x8c\r*)\xcc\xd4\x1a+'</t>
  </si>
  <si>
    <t>b'\xff\x8as\xc5\r\x16\xc8\x8f\xfdd\x12\xc0\x94C\xff\xb4AZ\x8d\x92\xf4\xf1\xe5\xdb\xc8v\x88q3\xe4?o'</t>
  </si>
  <si>
    <t>b'\xae\x8e\x9f\x83\xf5\x98\xf5\xd0,u\xd1\x7f\x9a\xd1\x11\xd2}\xf3 \xfc\x0f\xb6\x99:\xbd\xbe\xb8\xfe\x8bW\xabv'</t>
  </si>
  <si>
    <t>b'\x018\xb2\x1c\xa1N\xde\x95V9\x9b\x04\xce0\x9eW\x1e\x89\\v\xd5\xf5K?\tf\xcb\x9c\x9a\xb4\xedm'</t>
  </si>
  <si>
    <t>b'(\xddb\xc4\xa9\xcef\x8a\x1d\xee\xb4\x94]Zl\x84\xd9\xd7,\xea\x13\x00M\x07:\xb7\xae\xd41\xbc \x81'</t>
  </si>
  <si>
    <t>b"\n\x81\\'\x10\x91\x04\x86\x8a)r\xf6\xcf(\xcb\xe2z4\xa3\xcc\xa0\xf4\xca\xc2\xe5t\xf9g\x94\xb3\xd0\xe1"</t>
  </si>
  <si>
    <t>b'e\x98\x7f\x8c\xc0\x90\x9a{w\xec\x83\xda\xaf\x93M\x9c)R\x03\xe3\xd5\xfbC\x0e\xa1\x12\xd7\x08S\xfe\xae2'</t>
  </si>
  <si>
    <t>b'\xc7S+wA\x86\'=o\x8c\x02\xd8\x0b\xf4|\x91\xcf\x8aL\\4\x11\xe6\xd0\xd0\xe1\x1a\x02\xd6\x8c"\xda'</t>
  </si>
  <si>
    <t>b'o\xe9\xf5s\xec\xd4\xc5\xef\xec\x1a\r\xc3\x94\xba\xde\xe1\x88\x08\xc0\x13\xa9\xe5q}\x80\x11\xfaGK\xee\x9d\xc4'</t>
  </si>
  <si>
    <t>b'\xa0\xe3j\x80\xdcu\xf34\xa3\x7f\xd8\xfa\x0b\x15u\xd6\xfd\x06\x13\xddW\n\x1e\xa4\xf16\xf4\xfc\xa6#hB'</t>
  </si>
  <si>
    <t>b'0Dh1\x03\xf0}\x1e6\x8c\xf4S\x92\x99\x0c\xf5\x15\xe0\x7fdg\xd3\xa8\nL\xaa\xf5_\xf8\x19\xd1\xc2'</t>
  </si>
  <si>
    <t>b'\xdc\xbf\x1c\xf0\xdf\x82a_\x1a\xe8\rs0\x00\xb3\xff\x86:\xc4G3\xaf\x8f\r\xec`\x85\xbc\xdbi\xb1\xf7'</t>
  </si>
  <si>
    <t>b'\xec\x81\xbe.\xbf\xb6R\xba\x97\x8bNu`\n\x90e\x13uc\x8bg\xa8\x7f\xe0\xaa\xb0-6\x80G\x03\xf7'</t>
  </si>
  <si>
    <t>b'\xd1\x89\x04\xfaR+\xfc\t\xa5\x18\xa1\xcb\x0c}b\x18\x9bz"\xce\x1chj#)\xdb\x82l\x96/\xe7\xd1'</t>
  </si>
  <si>
    <t>b'4UG\x11\xd7D;~\xa6\xfd\xd9\xb8\xd0\xda\xd0=\xb8bF\xe4\x13`\x84yW:Nm\xe6D\xcd\xb1'</t>
  </si>
  <si>
    <t>b'\x96Z\xe2Ey\xfcbz0\xeeQUH4\xdbo \x9f\x97\xa4\tD__\xa6\xac\xd2\xd4\xba\xde\x0f\xa6'</t>
  </si>
  <si>
    <t>b'u\xfe\x1d\xe6\xf5o\x10?\x11Yk\x8c\x91\x8f\x0b\xf2\x9b\xf1\xc1%g\x1a\x83\xee\xe1\x8c\xa4)\xe7\xd2=\x91'</t>
  </si>
  <si>
    <t>b'\xd6\xdc:\x99\x80\x95!\xe0\x9fT\x84\x15u\xf3\xef\xad\x00S\x7fV\x0c\xde\\dV/\x82\x84\x8fQ\xef\xaf'</t>
  </si>
  <si>
    <t>b'F\x9eG\x91f\xd0\x1c\xb2X\xee\xbe[\xf9\xaa);j\xde\xbe#\x9ap]9]n\x86\xf2\x01\xfc\x0f\xeb'</t>
  </si>
  <si>
    <t>b'\x15\x1b\x15%My\xaeO\xcb\xee~\xa3?Q\x80\xd7/\xdd\x8d\xde\xd7\x90N"x\x16\x90m\xc1\xc9\xb2\xcb'</t>
  </si>
  <si>
    <t>b'a\xa10hOT!\xd0#\xc1D\x9aG\x81\x02)/T\xfc9Gf\xe7d\xc4Y\xbe8\x12v\x82\xbb'</t>
  </si>
  <si>
    <t>b'\xe7\x84\xf5*\xb0f]I\xa8\xf3wH\tv\x1dZ\xcb\x9c\xc7\xa8\xc7\x0eJ&gt;y\xd6N\xc3&gt;\xa3\xd7\t'</t>
  </si>
  <si>
    <t>b'\x01=\xfaT\xf9\xc1\\d\xee\x16\x96\x9a\xf7B\x9d\x81T\xfe\xe8\xdc\xefR\xe9\xec\xa1\xb3q\x8f\xfdT\x93\xe3'</t>
  </si>
  <si>
    <t>b'\xd9\xc8,\xc7h\x94\xda\x97\x8a\xaf\x1ef\xb0&lt;\x1aG\xccs\xd58\xd4\xc7\xf1\xd8\xee\x98\xe0\x84o\xdb\\:'</t>
  </si>
  <si>
    <t>b'\x8a!z\xe6\xa7\x8cA\xccZy&lt;Gs\xa8\xcaL\x00\xda\xe0\xbfm\xc6H;\xb7\x8e\xcb\xcf\x04b\x03R'</t>
  </si>
  <si>
    <t>b'6\x05:*\xd6\x87\xaa\x87\\\xf0]Q\x8d\x84p\x96Y\xbb \x84;\xd6w=j\xe9\x17|\xd8\xc7\x9a\x12'</t>
  </si>
  <si>
    <t>b'^\xa9#?(\x05)\x83\xa2\xf3l^\x7fm*\x8bG\x1a6\xe2\xbb\x81\xd4z\xf2\x1f\xfdyJes\xa4'</t>
  </si>
  <si>
    <t>b"\xa1\xab]\x03\xb9\x1c\xcc\xea\x8f'\xa7\xc2\x9e-\x03\x85\xa7D\x19\x9e\xf3\xef\xa9\xbbjss\x98Z\xbf\xd9I"</t>
  </si>
  <si>
    <t>b'\xeb99\xb3\xdck\x98\xbbN\x16M\xdb\xe9\xeb,u\xa3z\x9d\xc4\xa89\xd5;\xdau&amp;m}\x8a\xa0\xb8'</t>
  </si>
  <si>
    <t>b'\x96w\x88\xd9\x7fA\xe2`\xe1=\x04{\xda\xf8\x9c\x02\x19\xa3\xea&amp;\x99.\x91\x04\xcbQ\xc2\xe5\xd2\x18G\xa3'</t>
  </si>
  <si>
    <t>b"\xb0\xf7\xb2'\x92u\xe4\xc7\x1f\xf0\x01\xe8\xa2l'\xbb\xdd2\xb4\xc1\x7f\xbc\xb0\x9bLz\xfe\xbf\x90%\x16L"</t>
  </si>
  <si>
    <t>b'*\xb4\x16\x08\xe4\xd3B\xc2\x8ad\xb1\x9a\x8ci *6\xfa\xf7#\xc2O\x11\x91\xf8\x88\xb7\xa1F8\x004'</t>
  </si>
  <si>
    <t>b'\x88\xc8F\xbd\x96&amp;\xb4\x8a\xbd}\x1b\x8c\x11S\x184\xfc_\xc1W\x19\xf0\\^\xc4\x9f\xe5\xea\x81\xe8\x1e\xd4'</t>
  </si>
  <si>
    <t>b'HJ}\xa2\x06\xf49&amp;\xa7lT\xb5,\xbc\xcbWLD\xb6\r\x8b\xe6F\xfd&lt;\xbevd\x86\xcf\xa7\xb7'</t>
  </si>
  <si>
    <t>b'\xe4m@\xc0\x0c\x1df:\xce[\x87}\xfc\xbem\xc4&gt;\xd5\xfeu\xdc\xdc\xeb\xd2\x80m\x17\xfe\xeb\x94\xc4\xc4'</t>
  </si>
  <si>
    <t>b'A\xe4f\x92\x84\xa2yT\xb4\x002\xf3W\xd5A\xc8\x10\xa4\x17S\xda\x7f\x946\xf7\x02\x00\xd0p\xfd~N'</t>
  </si>
  <si>
    <t>b'/\xda\t\xda\x19&amp;\x8f\x93\xc4=.Jk8\xe0V\xc9\x9dzF\xdf&gt;\xc0\x02\xd3\xbc\xf3p\x0c2\xeb\x82'</t>
  </si>
  <si>
    <t>b'=\x17\xc7`\xe2\xfe\xab @\xf5=@\x05\x84\xeaU\xadJ\x89/f\x1b\xeb(5|9N4\xda\x9f\xdd'</t>
  </si>
  <si>
    <t>b'\xbd\x969\xa5\x0f\xff\xb4&gt;g\xa0=\t\xef\x80e\x03\xcdw\xca\xb6\x9f\x07\x80yZ3\xd8p\xe3L\x99l'</t>
  </si>
  <si>
    <t>b"\xa3\x93\xc5\xcd\x99'\x07\xb4\xa3\x1f\xb8\x14\x91\x96\xff\x98\x9f\xc0o&lt;\xe1'\xaa\x00\xb0\xe1=\xcdq\x07\x94\x7f"</t>
  </si>
  <si>
    <t>b'\xefqi\xf0{:\x8e\xea\xe6\xa8\xcb\xf067\x16\xf3r\x0b\xd6%\xb1\xd6\xe8\xa3\x0cg\xb7\xc0b.p\xc2'</t>
  </si>
  <si>
    <t>b'\xb5\x1e\xaa:H\xd5e\x00\x9f\x9f\xe3K\x8e\x89\xd3Z+7\x9b\xa2\xf9\xa1\xbec\x88\xe46^\xc1\x9a\x1d+'</t>
  </si>
  <si>
    <t>b"&gt;bR\x81\xf9k\x9f\xc3\r-\x0c\xdc\xfd\xa3\x8f\x85\x02{2\x11c\xf4'g\nU\n\xf4q!W@"</t>
  </si>
  <si>
    <t>b'\xbc;?\xda\x9a\x8d\x9b\xe0\x92\xd5\xe66xbBp\xd4N\xa8\x92\x02u\xa9v\xd5\xe6\xa3\xd3\xe9n\xe4L'</t>
  </si>
  <si>
    <t>b'\x99\xfd\x81^`+\xde"\xee\x8e\xdf\xd4\xdft\xf2\xa7\x8f\x99\xf6I\x88\xd7\xc4\xa8\xf2~\x8a\xb1\xe1&gt;\x97\xdc'</t>
  </si>
  <si>
    <t>b'\xa5\x99^H\xd6\x05\x9e\xf0\x82\x14%\x14\xa4\xd9\x7fI\xf0e{\x86\xbeC\x98\xa2\x1d#!\xff\xe5~A\xb9'</t>
  </si>
  <si>
    <t>b"\xbd\xc6d{@\xcd\xc2~\xd6]\xf2\xaa'\xa3wW\xfb\xd8\xff_\x85\x84rp\xe3\xb6\xf9f\xaf7;`"</t>
  </si>
  <si>
    <t>b'D\tL\x89\x19\x81\x81gm\x7f\xa2h\xc6`\x04\xe6\xabE\xd9\x92\x85S\x88z\xc0g\xf2\x83\x08\x9b\xc1\x87'</t>
  </si>
  <si>
    <t>b'V\xb0\xfb\xa6XfI\x88\xcf\x17\x9fKN\xbc"!\xaf\x10&lt;\xfb\xf5\x9aP\xf3Cu\x00\xeb\xae\xc9\xab\x04'</t>
  </si>
  <si>
    <t>b'\x8fP\x92\x16\xa4lw\xa6\xa7\x91\xfcA0P&gt;j8\xb5\xa1Z\xb7/Rk\xfc\xee\xcd\xf6A\\\x89\x19'</t>
  </si>
  <si>
    <t>b'\x08$\x05\xa3\x01\x1a\x854M\xa46LmW\x88\xc8\xd2\x11\x822fMS\xfc\x14\xe0\x96\xa3\xe1\xe1\x1e\x00'</t>
  </si>
  <si>
    <t>b"\x80'\x9f&lt;t\x85v\xf3e\x8b#\xf1\x18\x1e\xb9\xc3\xc0\x81\xfak\x8d\xe4f\xba\x96\xb1\xef\xe9\x93w'\xd5"</t>
  </si>
  <si>
    <t>b'B\xdd\x84\x86\xf0\x81\x0c\xc9!\x01\xd3}1\x7f\x83/\x07[(,\xf9`\xd9\xfd\x8co\xb6\xfb\x94-\xee\x16'</t>
  </si>
  <si>
    <t>b'9\xad\xedDn\xe2[|]\xd0\xbfdi\xc2\x86\x9a\xfd\x88\x8c\x90AU^\xbc\xa8\x94\xbcn\x8d\xaf\xf8k'</t>
  </si>
  <si>
    <t>b'\x92\xae\x1c,\x04\xe7\x92P\xb6\xc2\xf0\x8cSk\xa4\xee\xd1E\xeb\r\xe04\x05\xc1\xc18\xc10P\x9eg\xe8'</t>
  </si>
  <si>
    <t>b'n\xa3\x11\x18[@. \xf4D*\x02\xc9\x179\x9a\x1bR\x9d\xbd\x01\x96HuJ\xbf\x9b\xab\xab\xf7\x07C'</t>
  </si>
  <si>
    <t>b'Wl\x8f\xd6\xc9=9l5\x8a\xb7`\xae\xff~ \xe4\x7f\x82\xe4\x18o\xa9/\x1ci\x98&lt;\x82(\xd6Q'</t>
  </si>
  <si>
    <t>b'\xb5\xbf;\xbe=\x93A\x9e\x8dwgJ\x18OI70\x91\x96\x0e\xb8\x1eBt\x10C\x08z\xc0R\x1b\t'</t>
  </si>
  <si>
    <t>b"Yq\xcc&lt;\xc6\x1a\xa9:\xc4\xfa\x87\xc2'\xe5\xd2j\xe8\xc2\x1d\xe6OQQ\tp:\xcc\xcab\xee(\x07"</t>
  </si>
  <si>
    <t>b'\xf4D\x81iJ\xb1@\x9a5\x0b\xb7\xd0\x10\xd8;\xd0]\xcb!\x0bmT\xb8bg\xb53\x1d\xf1\xf6\xca\x01'</t>
  </si>
  <si>
    <t>b'V&gt;\xe0,D\xdb\xbe&lt;2\xa6\xca\x1d\x03*3s\xda\xb0\xc3\xa7\x13\x9b\x16\xbe\x11\xa4=\xd2\xf0\x00)^'</t>
  </si>
  <si>
    <t>b'&amp;S\xad\xb9X+\xda!O8J\x1e\xb4x\x1c\xc8\xfd\xe7(\xbe|\xa7)\x0e\x9f3x\xe3\xeb`\x94\x13'</t>
  </si>
  <si>
    <t>b"\xbe\x16\xb4\x84/\x99\n\x93\x1d\xd9\\\xecrhb\x00\xc4a\x1cC&gt;c'r\xcc@\xd9\xe1\xb4\xca\x92\xe7"</t>
  </si>
  <si>
    <t>b"\xa22\xe8\xf5\x8f\x0bdA\x80djYK\x02&amp;.g\ta\x061\x07e/\xde\x8a'\xe0\xb8\x19L\xa0"</t>
  </si>
  <si>
    <t>b'\xe0mm\xfb2\x84\xe3W;9\xa6\x86)Kj\xda\x00$\xc3kJa:\x17\xa1\xa5\xe6\xcdg\xe9\x0e\x81'</t>
  </si>
  <si>
    <t>b'\xe4H\xe5\xb1\xdb\x96,\xc1\xac_|\x1b\xaf\xbb\xed\x8d\xe1\x10\xa1\xc5r\xaf\xa6kj\x86@\xe6\xc6r\x8a\xe0'</t>
  </si>
  <si>
    <t>b'k\x95\xb9\xd2\x11\xb9\xd4\xf4\xce\xbf\xfe\x0e\x04.\x93\xa6\xd4:\xd9M|$\x9c\xc0\x15\xab\t(\xc9\t)f'</t>
  </si>
  <si>
    <t>b'[\x82-_\xf1\xcf\x96"\xdbW\xb4c\xd0*\x0f+A\xff.\x99\x98\x10\x01\x92\x86y\xa1\xac\x90]\xc3\xff'</t>
  </si>
  <si>
    <t>b"\x1b\x19\x04?\x0b'&gt;-\xbd\x7fK\\U\xe5\x1e\x0e\x87LH\x93&amp;;\x95[\x96r4ir\x8aB&gt;"</t>
  </si>
  <si>
    <t>b'6\xf1\xa8\xc7|\xc3\xa1\xaf\xb2\xea!\x08\xc62]\xf4\xd7\xfc\x8f1\x87Qgcx\xa4\x91n\xb8\xb1\xbe\xbe'</t>
  </si>
  <si>
    <t>b'\xfbr\n\xae7\xcf\xe2\x01\x12uK\xe9\x08\x16`~v\x93\xc4"\x84\xe8\xea\x8aU\xa0-\x97\xe1\xceKj'</t>
  </si>
  <si>
    <t>b'\xca\xa1\xb6\x1f\xf3:\xa8\x82D\x99\x80\xd4R\xf5\x14\x95s\xceCOB\x13\xe9\xd5iB\xdex\x9b9\xb14'</t>
  </si>
  <si>
    <t>b'.\x06)\x81\x9d\xba\xa7p\x19\x96\xecR\x1c\x01n\xf2\x02p3\x03\x11\x06\xdd:0\x97\xf4\x99"\x01m\x99'</t>
  </si>
  <si>
    <t>b'I*\x1e1\xe1\xcd\xbf\\\xdc\x04\xc3\xfe\xef3\xd5\x85tUeb\xce"\x9e2Z\xa9\xea\x86\xce\x9e\xe3Y'</t>
  </si>
  <si>
    <t>b'#C\x14\t/U` \x11\x08\x05Ig\xd1\x95v\xd1\xe7l7\xa8\x0c\x17\xa9\xbf\xe7\xf86\x932\xd2\xd4'</t>
  </si>
  <si>
    <t>b'$\xf8"\xd8z\xdfqIh\x9e\xc6\n\xe0 \x7f\x86\xfe\xa6\xa90[\xfcT\xa1\xbb\xadv\xd8\xdemzm'</t>
  </si>
  <si>
    <t>b'\x90\x9c\xf1`8\x9c/+FMXe\xbb2\xcf\r\x88\xd0[,W\x17[u\x05\xccK\x8f\t\x1b\xe4\xc1'</t>
  </si>
  <si>
    <t>b'4\xaf\x1c\xe97\xa9\xf7\x8c\xf3\r\x89\xb29\xcd\xfe\xcd?s\xe3\x83j\x9b\xa4\x0e\xc3\x19\xc8\x165\x88qH'</t>
  </si>
  <si>
    <t>b'\xb9sg\x13\x87\xd4\xfb\xcd&amp;\xf2\xd4\x07\xfe\xa7\xf6\xc8\xc6\xa7\xddJh\x8f\xb9\xe7j\xfa"\x9b\xb4P\x12\x81'</t>
  </si>
  <si>
    <t>b'!\x1e\x87\xe6(re\xb0\xffa5]\xceS\xd1\xb9\xb0S\xb8\xc8\xb2\xa8\xaf\xa2\x93\x03\xb3:\xe0 ]\x87'</t>
  </si>
  <si>
    <t>b'd\xa1\xeb\xf8\xcfG\xe6\x9a\xeb^\xfc\xde-\xde\xd5\xcd]\x88tYh_I\xdd\xacu\xcd|\xb2\x9b\x87\x9f'</t>
  </si>
  <si>
    <t>b'RiG\x9e\xfe\xc3\xb3\xcd\x80\xec\x84c\xe2\xd5"\xc9|)\x95w\n\x91\x85\x16+ru,\xf5\xd8\xb5\xa6'</t>
  </si>
  <si>
    <t>b'\x10\n^\xff\x14\x1f\x7f\xb9\xa2\xdd\x85\x89=]\xea\xc3\xfcH\x81Y\xc6\x10\xf2\n\x13\xe5Aq\x0b\x12\x97J'</t>
  </si>
  <si>
    <t>b"\xb0`\x8aU\xb1\x85\xff\xab\x93\xaa\x9b\xb9d\xc8\xf7\xf5\xd5(A'\xe3\xf4\xe4\xf1o\x057*a{\xe1\xeb"</t>
  </si>
  <si>
    <t>b"\x83\x85\x85G#\x89\x91\xa3\xc4\x80\x12\x11\xb2\x90\xb6`\xc9\x8eVJ\x01\xc9;~\x84\x98\xbd\x8eh\xbd'\xec"</t>
  </si>
  <si>
    <t>b'\x1ab\x8db\xd4\x08\n\x18;P\xe2=\xa7K\xa2T\x80\xdc\x10[N\xde\x99m\x16Y0\x83\xd5\xe7\xe9\xea'</t>
  </si>
  <si>
    <t>b';\xd7F\xa9\r\xa7\xac\x90\x03\xd6\xf6\xc0\xfd\xf5^ul\xb3\xa1H\xd0\xb5\xc9C\x9b\xe2\x97\x18\xf6\xc3\x81w'</t>
  </si>
  <si>
    <t>b'+2$\xe7\xf9j\x9e\xa0\xc0\xc1\xea\xed\x0e\x9e \x1b\xe3\xc8\xad\xe8\x9e%\x07\x1c\x16u\x13\xf6\xab\xc6\xc1!'</t>
  </si>
  <si>
    <t>b'\x05\xearU\x97\xc2\xae\xdc\x99\x06t_\x93\x84\xa2\xe5$G(\xfc\xfa%\xfd&gt;\xd6\xc6\xb4BU\x05~\xea'</t>
  </si>
  <si>
    <t>b'\xa2\x00j\x1e\x8c\xd6\x00\x88\xd6\x89\xde\xb7\tz\x88\xf0\xcb\x9f=H\xd2\x00IL\x07\xd5\x8f\x1ce\xe4\xb3\xf4'</t>
  </si>
  <si>
    <t>b'\xdb\xab\xc9\xc1\xc7\xc5\xd4zN\xccW\x0cKy\x81Z\x03_\xd1:\xecM8\xdd\x83\xd63"\xe4\x9b\x94\x86'</t>
  </si>
  <si>
    <t>b'3.\xa6Qb\xc7/\x81\xea\xe7\xd7\xb3p:\x88wJ\xf8\x10\xb5\x94\x92\xab8L\xc3}=\x06\xbf\x80|'</t>
  </si>
  <si>
    <t>b':\xfe\x00\x13\xa7.\xc1-\x80g\xf0\x01\xfbL\xc6\xd3 RpS?1\xe3Q\x1cA\x86\xa1^\x9c\xd1\x19'</t>
  </si>
  <si>
    <t>b'\x8a,\xcb8\x01\xe5R\x11\xa7\x1b\xda\x9d\xaa\x17#\xf7\xe4~V6\xb80^\xda)\x14\x82\xcf\x02kbK'</t>
  </si>
  <si>
    <t>b'7k\x08\xc1\xe7G\xb5\xb1\x87\x1e\xfd\xe0\xe7\x07\xd0=\xe3M\xc8\x05\xd1n\x8a\xfe\xb6\xc7y0\xcd8\xeb;'</t>
  </si>
  <si>
    <t>b'B\xae%\x1dO\x0c\x1c0\xa2\xa4\xcf\x1c\x93\xfb\xcaf\xad\x81\x91\xf1\xad\xbf\xb8\x86\x80\xc7\xba2z?\x8b\x0c'</t>
  </si>
  <si>
    <t>b'\xde\x84\x86e\x10\x87\xd4\xc1\x19\xaa\n\x9bjR\xf6&lt;dO\x1b))\xa3k\xf5\x9f\x91I\xc4\x89\xb61\x80'</t>
  </si>
  <si>
    <t>b'\xcc\xc36\xea&amp;\x98\xa6\x0f\xe8D\x0bt\xda|\xd2\xb430&amp;&gt;\xe6f\xce\xc56\x88\xc0\xd7\x1b\xba\x87\xc8'</t>
  </si>
  <si>
    <t>b'\xc09\x89\x08\xa1t~\xf8\xbf\x0b6\xba\xc8W`\xea\x9a\xbbLD7P\xcc\x13\x9d\xae\x06t\xfeXsq'</t>
  </si>
  <si>
    <t>b'\xaf\x9bN\x0es#G\x88\x7fK;\xd5\x9c\x18\x0eB\xf2\xc1\xb2!bW\xdb\xa0H\xb2\xdb\xf8;\xf1\xdb\x85'</t>
  </si>
  <si>
    <t>b'\x12\xea9q8\xe2`*\x98\x1f+\xc2\x07\xe0\x1f\xeb\x81\xbfhG\xb4\x1c\xe9C\x82\xb6\x05\x98V\xc1xN'</t>
  </si>
  <si>
    <t>b'\xb2G\x13k\xf4\x0f]W\x10\xab\xd1\xaa\xc2;\xacY]\xdfe \x0c\xec\xac\xa5\xbc\x15\xc5\n\x96\x96Ei'</t>
  </si>
  <si>
    <t>b"`\xbd\xd6\xae~\x07\x9e\x18;\x1c\xee\xd1\xb3\x04'\x95\xac\x9a$\xdb\x03c\xa5T\xb1U\x02\xbe\x8c4wf"</t>
  </si>
  <si>
    <t>b'o\x87rx\xff\xc7\xd5.s8te\xee7\xfb\x00_\xb6&amp;\\\xbf\xf6 J(}\xdbL\x18\xec\xba\xfe'</t>
  </si>
  <si>
    <t>b'Z\xf2$/!\x01\xc7y\xd2\x1b\x8e\x9f;\xd2M\xd5\xd5\xd8\xff\xf2\x9f\n\xfc\x08~\xc8\xfa\xa9\xdfJ\xb4\x12'</t>
  </si>
  <si>
    <t>b"\xdc\x85GrZ0\xc2n\xb6\xf2\xe3|N\xbdv\xfc\x90w&lt;\x81EX\x14\xf9\xa5+'\x88r{\x04O"</t>
  </si>
  <si>
    <t>b'x\xb6\x11mI\x88\x95\x81}e\x80\x95\xad\xc3`\xec\xdc\xbd\xd5I\x19#\xddW\x8d\xce=\xe4\xb2]\xb6`'</t>
  </si>
  <si>
    <t>b'&lt;g\xa0\xbdO\x89K\x10\xcf\x00\x9aWZ6\x0b\x13\xf2\xd1\xbb\xbb\xbd\x8b\xcc\x94\xffk\x9c\\Rv"\xff'</t>
  </si>
  <si>
    <t>b"\xd3&lt;\xde&amp;\x1b\xea\xbc\x05:\x85\x1d\xcc)\xe9hB\x80\xa8\x17N\xb3?I+'E\xc4*o\xfb\x0b\xa8"</t>
  </si>
  <si>
    <t>b'Z\xbf\xabla\xc0r\xd4\x88\xe5\xa4\xc7\x89a\xba\xdb\xe54\xfee\xd28\xc3/\x91\xa7a\xc6\x7f\x14\x8e\xb7'</t>
  </si>
  <si>
    <t>b'\x1e\xe1#\xc9#]\x18iuM\xd6\xdb-\xcf|\x8fL\xb4\xf1\x86yQ\xe3ew?D[\xb3&lt;\x0bY'</t>
  </si>
  <si>
    <t>b'D\x87\xebUq\xc0a\xfeX\xc3\x15\xac&amp;\xb6\xe3\xa2g)\xaaO\xd0\x81s\x8c^d\xbc\xd4\x00\x15c,'</t>
  </si>
  <si>
    <t>b'NT\x16"T\xc8\xce.\xfc\xdd{(\xcel\xb7|&lt;\xb3Y}\x0e\xdc\xf1\x00\xd6]b\x8a\x82\'g.'</t>
  </si>
  <si>
    <t>b'\xb4\x17\r@v\x8d\xd5P6\xd0T\x99\xe8@\xa31\xa6\x16\x9dK_\xc5p&gt;\x8b\xabP\xf3\xf5$\xa0\x93'</t>
  </si>
  <si>
    <t>b'F6]rf\xa1\x8e\xf5\x08"\xb2"\xb3\xbcD\xff\x83\xcb\x04\xb3&amp;]\x81\x14\x85\xf3\x1f\xf7T\x02r\x80'</t>
  </si>
  <si>
    <t>b'\r\xa8\x17\xc2\xf5Z\xf8\xb0\x12\xcc\xab\xe6\x9d\x0bc\x13=c8\x04\x9d\x9c\x92`@\xb8q*\x7fO\xff1'</t>
  </si>
  <si>
    <t>b'\xcf\xc0\xacW?\xb6\xdc&lt;\xc0\xe1F:\x18\x15\xc5\xd2\xed\x9f\xcf\xf0^\n!B@c\xf74\xc7\xd1\xba\xf9'</t>
  </si>
  <si>
    <t>b'_\n\x91\xe8\x1cm\xfc\xc9E\xf0s\xae0I\x1bK\xb7\xb9e\xea\x8e\xbc,:\x11\x88\x9c\xd0e\xd42\xa5'</t>
  </si>
  <si>
    <t>b'\xad8\x05\xbbw\xac"\x0e\x8a?\xa2:\x07\xa3\xb1\xe2\xbc\x88\xe1&gt;\xae\xe0\xd0Q}\x142\x86\x1e\xfee\xd2'</t>
  </si>
  <si>
    <t>b'\xfb\x0f\xa5\xb1\xfaWp\x80&lt;\x88\xe6IP\x81\x0eO\xad\xeb\x97BuM\xd0j\xb5*\x98\x8c\r?\xa4h'</t>
  </si>
  <si>
    <t>b'\x0b\x14\xbb\x19\xc7}\xf2\xc1Q3\xf6\xa4R\xf0\xcf\x9e\x83\x1b\xca\\\xf2\x17\xe4\xc3S\x91\xe1H:\x8ck\x1e'</t>
  </si>
  <si>
    <t>b'8b\xbfe\xe6\xcbD\xb7\x93a\xf8@Kx6\x07\x86\xb7\x98s\xda:A\xed\xcc\x91\x13G\xb40\xda\xe7'</t>
  </si>
  <si>
    <t>b'm\xe1\xc4%r!F\xfb\xdc\xffQ\x850\x92%\x9f\x84\xd8\n\x85\xe3O[\xa6\x1d_\x17sC\x1d\xae\x92'</t>
  </si>
  <si>
    <t>b'n\xaa\xb5\xa2x\x16\xb2\x90k\xe4\xaec\xe6\xc4Z)\xe7\x8c\x9f\xc3\xa3P\xa2\xd9\x8d\x01\xf1\xabe\xa9H\x0e'</t>
  </si>
  <si>
    <t>b'2g\x8b\xf39o\xbf\xa1&lt;\xcc\xc5\xb6\xe0\xfaqL\xd0\xe1\x86\xc9g\xafX\xa9\x19L\x05\x00\x8aQj\xc7'</t>
  </si>
  <si>
    <t>b'\x93S\x15\xd3]}\xfe\xf2\xc8A\xe6\x8f\xb7S\tp\x1cF\xcf(\xe5\xe4&gt;P\xden\xb2^\xd19\x03}'</t>
  </si>
  <si>
    <t>b'\xdb\xac\x9a\xc7E\x1d\xd1S\xf7A\xff\xde\xec\x85\xc3\xa0\x9d\xc4\xf5\xb4^\xa3V\x07\xa1\x00\xa4\x90\x9e#\xe1\x84'</t>
  </si>
  <si>
    <t>b'v\xd7)\xcb\x8c\xd3f\xfa\xd2\xdf8\x14\xf8\x0e\x00\x1c\xcdw#cq\nq,\x9f\x0fE\xef\xf8\x91\xe1\x04'</t>
  </si>
  <si>
    <t>b'\xfd\xa2{\x99!\xff*\x10\xc1\xfa\xe1\xf1\xfe\xa3\x140{fh\x9c\xd0wK\xe7\xcc\x8c\x9c\x7f\x1c\x10g\xfe'</t>
  </si>
  <si>
    <t>b'N\xa5\xa5\xfb\xab\xcc\x96\xe1\x8f\x03&amp;\xbb\x9d\xbf\xcc0\xfb\x10\xffB\x0cv\xb2H\xed\xc7\x9e\xe8l\xb5\xb5\xa9'</t>
  </si>
  <si>
    <t>b"\n\x11\x91\xc1-\xe0\xc9\xb5Gr\xbf\x03-.\xea\xae/\x1ffm\xb9\xbe\xa4a\xd2'\xcdcC\xbb\xdb\x1b"</t>
  </si>
  <si>
    <t>b'\xd4\x1e\x87\xeb\xc7\xba\xf3\x89@&amp;\xa1\x7f\xb7\xdb\xf3\xbb\x06\xe6\xe8]\xae\x99P\xa1T4Y\xb4\t\xcel\x10'</t>
  </si>
  <si>
    <t>b'\xd1\xa4noA?\x1b\xdf\xb1/(\x17\xccw\xa7 \xc5}\r\x13i\xed6\x936\xfb\r\xf3\xe7\x01\xc9\x95'</t>
  </si>
  <si>
    <t>b'H\x8e\\\x03h_\x87\x1a$\x83lL\x8cfz\xf4\x9f\x91g\xbc&lt;i\xe9,\x04\x89\xa3\x1e\xe3F\xf3\xb4'</t>
  </si>
  <si>
    <t>b'\xc9b\xa4\xee\x82\x18.\x01\xd2 \xd9Af\x028\xed\xc3u\xc2\xc8\xb4\x90t\xe8+!q\x8c\xf3%\xc0,'</t>
  </si>
  <si>
    <t>b'\x9ed\xb2S\xf2\xa5J1\xebR\xa62CYe\x1f\xeb8\xc9\x98\x98\x86\xbf\xc2\xe6X\x8cEK4\xb7k'</t>
  </si>
  <si>
    <t>b'\xcd(\xe2\x90$\xc9K \x03{\xb9\x83d\xf8\xa0W,F\xdcc\x84\x18\x8b;\x00zg\xa7\xf5/p\x8d'</t>
  </si>
  <si>
    <t>b".\xa1\x1d@]\xea'K\x80\r\xf8\xd7\xf1l\x7f\xd5\xd1\x94\xb2\xc6\x81({\xe3\xe2\xd3R\r\xd9\x06\xb9\xa9"</t>
  </si>
  <si>
    <t>b'\x9d:N\x93\x9a}v[\xca\x0f\xdf:\x1c\x13#\xbcB\xa8m\t\x99K[\xba\t\xca.\xbc\xa8\x07\x8c\xeb'</t>
  </si>
  <si>
    <t>b'\x15\x88I|K\x02\xf46\xb5\x03x\x0f\x05\xa5gyb\xd8\xdd\xda\x1b\x05\xc3Fj\xba\x9f\x07\x8f\x0c\x8dT'</t>
  </si>
  <si>
    <t>b'tH9\x88\x84cw[\t\x19\x13@3"\xe8\x81\xd7j\xe2\xa1\xd8rG\xd6bby\xb1\x9f_\x8a\x14'</t>
  </si>
  <si>
    <t>b'\xadRm\xa2\xd6=\x959\x7f\xe8\xc7\xd2E\x1aN\x8bb\x07\r\xbc-(Q\x85\xfd\xdb5\x10\xfa5\x8a\xcc'</t>
  </si>
  <si>
    <t>b'\xd9\xca|)WY,\x97\xf2\xa8H\xa0\x9d\x01\x06\x1a\xaa\xf9\xf9\xbdLbf\x95\x03\xcc%4\xae\xe1\xc1\xd6'</t>
  </si>
  <si>
    <t>b'\xaa\xbf\x0e\x80f\xc9\xa4\x07\x0f\xa48\xb2\x9c\x98t\x9c\x94\x17\x12\xe5\xbd\xfc\x86\xb5C\xd3`\x1d{\x86\x1c!'</t>
  </si>
  <si>
    <t>b'\x8d\xb1B\x9c\xd4I"\xac#\xb84\xe8\xee\xc3B\xa5U\xad\xb9U\xda\xf7\x8fY\xc0#\xf4\x05\x06\xece`'</t>
  </si>
  <si>
    <t>b'\xb5\xfd"v5\n\xa0.\x9c\xeb\xf4\x16\xea\x7f\x055\t\xc0\x84\xfc}\n\xf5\x1cF`\xf7\xcb\xe5{ \xee'</t>
  </si>
  <si>
    <t>b'y\xd7\xd9]\xb9\x18\xc9\x04\xb5\xa3\x18\x7fl\xf3\xb4\xf0\xcc~\xa8\xa5\x17\xbbM7A\x04\x15)\x17P\x96\x97'</t>
  </si>
  <si>
    <t>b'z\xe6\x1d&lt;\xa4*X\xc3\x06\x89e\x91&amp;C\x9d%7$\x1ch\xe9#\x17&amp;M\x93\xb8\xa0Y\x92\xd4Y'</t>
  </si>
  <si>
    <t>b'\xcd\xc3\xac\x91\xf5\xdc9q\x95\xe7\xeaOJj|T\x1b?\xf7y\x0f\xffW\xc2\xc6\x8d\xe0eei\x8e\xe3'</t>
  </si>
  <si>
    <t>b'X\xc00e\xd12\xad\xbf6e7]\x95\x98j}\xb0\x9d\xc8W\x18;\xa5\xddM\xcbn\xb4\x97\x18\xf60'</t>
  </si>
  <si>
    <t>b'r!\xdf\x90\x99v\xa8%MRC5fF\xd3G3&gt;\xac\xfc]\x0e\x8e\xc9z\xed\xe6\xcc"\xde_\x86'</t>
  </si>
  <si>
    <t>b'y\x16Y\xe4?\xb4&lt;m%.U\x1f8\xac"\xd4\xce\xe6\xb9:4\xff\x96\xb99\xdaO\xe8\xad\x94L\xa9'</t>
  </si>
  <si>
    <t>b"\x86\xf1\xd5\x82\x16\xad\xb8\x1c\xa1\x03\xa8\x08'\xce\x06B\x91\x18\xce\xc9H.H\x80\xa7b\xa6\x0e\xde\xeb\x82e"</t>
  </si>
  <si>
    <t>b"\xec\xa4\x98\x8d\xed+\x0b \xcf\xac\xbb\xcf\xbcG\x19t\xb4\x96\xc3\x92\xf2\xf6\xe6\xcf&amp;\x98\xfc\xbe'&lt;\x95\xec"</t>
  </si>
  <si>
    <t>b'\xb3\xd7\xc7\xa2\xb8l\x97E\xbc\xe8\x85\xbdm\xd6G\xc7\xabA\xa8?Y\x0el*\x071N\xa0\x0e\xe4\xc5\x99'</t>
  </si>
  <si>
    <t>b'\xc3\x0b\x14\x8cf\xfb\x13\xa4\xcdI\xb2VIe\x17w\xebL\xdf\xf0\x18\x85&amp;\\\xbb\xccn\x94\x9b\xda\xf7`'</t>
  </si>
  <si>
    <t>b'\xd7k\xac\x84n+=\xe2r9\xfa%\xf9;\xec4\xc7Fi\xa6\xf2\xaf\x8b\x06\x14\xec\x86\x84D\x1d+\n'</t>
  </si>
  <si>
    <t>b'-\xfa\x19\xc3\xb6U\x0f\x91\xcd\xee\xe1T)H\xa7"\xf0\x1fc\xf48\x94\x08\x1e\xb0\x92\x86\x97&gt;\xe7\xbc\xcb'</t>
  </si>
  <si>
    <t>b"\x19\xca'\xb7\xcf\xdaM-\xe9P\x82\x95sP0_\xa4i\x1dg~D\x9btC\x87S\x80G\x829\x93"</t>
  </si>
  <si>
    <t>b'\xe7b\x9c\xbc\x05b\xd7X\xe1\xe5\xd7\xa1\x88p\x8a\xa3B\xcd\xb2?\x02\x97\xc8X\rD\x99i\\!?/'</t>
  </si>
  <si>
    <t>b'\xe8SU\xb6\x00b\xefbJlA\xe0\x189\xfe\xa9cn-\xc4\x9f\x8d+\x12\xc9\xc5\xac\x9e\nK\xa0\xb4'</t>
  </si>
  <si>
    <t>b'!\xccF(\xe9\xb97\xc3fH\xee&lt;B\x1e8\x8e\xe0\x0f%ze\x9b*\xeb\xc4zI\x8c\xee&gt;\t\x8f'</t>
  </si>
  <si>
    <t>b'\x17\xf7\xbe\x92^N\xf9\x14\xa3Rw\xbc\xe7\xce\xa5\xceN\xd6k|w\xcdR}\xbb\xdd\xc1\xab9j\x8c\xae'</t>
  </si>
  <si>
    <t>b'\x95\x8fj\xbct6bV7}_?lH\x84;\x19\x9d\x0bh\xee\xa4\xc0\x1f{\xe8\xcfTu\x14\xde\x95'</t>
  </si>
  <si>
    <t>b'\x05\xbc\xd2\xf3\x9d\x90u\xdfv\x9a\xa1o\x1c$x\xb4w\xc8\xe6\x93\xa6\xbdZ\xc2\x0c\x85\x8c\x17\x01|m\r'</t>
  </si>
  <si>
    <t>b'\x10\xdbWQeboN\x97\xfdg\x1f8&gt;\x08\x17\xbb\xb3U\xe0\xdfq\xc6sa\xcb3\xde\xae\xe7~\xf3'</t>
  </si>
  <si>
    <t>b'4\xf7%\xb4I\xe9\x95\x04\xc9e;\x84\xd5\x96\x90r\xc4\xc3\x9f\x86\xe2$\xf8\xb5\xa66\x89R\xce\xe0S%'</t>
  </si>
  <si>
    <t>b'\x88\x87\x01\x16s\x8e\xab\x07\xf4\xba\xdd-\x0f\xe3\xe1\xff\xd4\xa03\x16\xf4Q\xde\xb0\xb8\xe2\x8fq\xa9\xa5 \xb9'</t>
  </si>
  <si>
    <t>b'e\xbe\xe4\xfc\xa7\x19&gt;\x8b\xba\x94\xec\xe0\xac\xfc\x0c[\x01\xc6Y%=m\xf7\x91~\x1f9\xc3K_\x95\xa2'</t>
  </si>
  <si>
    <t>b'\xf5\xe3\xa9Y\x06sR\x81w\x11\xe1\x98W\xca,\xe7\xf9\xbeN\xae\xc3\xb5\xb8\xabL\xf6\xa4\xee\x85\xb9\xb1\xd2'</t>
  </si>
  <si>
    <t>b'iI\x88(\xf7\x06\xe9v\xb6\xad\x06?\xc6|6\xd3\x87.\xf1\xdc\x85\xc9\x02\xbd\xe1\xd1\xa4\x02C\x98\x9bt'</t>
  </si>
  <si>
    <t>b'\xd9\x13i\x9d\xbf\xbb\xaa\x84W\xcf5S\xee\xa9n\xf8\xf7\xa1\xe0\x9eW\xcd\xf7\xdd\xd8\xf9(\x9c@Mk\xa9'</t>
  </si>
  <si>
    <t>b'$\xa9\x99\xcf@\x1fH\xedJ\xb0\xdb\xc1F3\x15H\xf8UC\xe2\x8b3ux\xa1\xb6.o\x96C\x87\xea'</t>
  </si>
  <si>
    <t>b'\x83\x95iaOvG\x07\xb3\xd5[q\x1f8\xb0v\xca\xa7\x1e&lt;\x86\xf9\x1b\xfd\xf6$X5\xcad\xa7\x0c'</t>
  </si>
  <si>
    <t>b'\xa9\x100\xd8n\xde\x02\xbd98c1\x16\xe4(U)(\xa1R$\xd1z\xf6\xa0\xcd\xbd3p\xba\x96n'</t>
  </si>
  <si>
    <t>b'*\x86N\xda\xe2\xda\xa0\xa4\xcf\x08\x90\xc2R9QUI\xdf\xe9\xf5\xf4\xc8\x03q\xd0\xf0O4\xdc7\x7fl'</t>
  </si>
  <si>
    <t>b'\x95n&gt;M\xc7"Z\xa3CZ\x8d"\r\xb4\xdef\xa6\x00\xc5q\xfe7\x96\xe61 z\xad\x98\xe3\x9b\xeb'</t>
  </si>
  <si>
    <t>b"Vjh\xd6\x8f\x9b'TA\xfe\xd7\xf3\xa7vF\x8d\x89\xb2\x15\xfcI\xf3\x82BS\xd0\x96#\x8c\xf5\x13a"</t>
  </si>
  <si>
    <t>b'@T%do:\x14R\x81+\x87\xc2\x04l%\xa1\x19\xfaKE\x07\xd2?-X\xa3\x1b$\xadk\x85*'</t>
  </si>
  <si>
    <t>b'z\x01\x05\xa3\xcc\xde\xd7\xd5\x0f\xa7\xc43\xa6\x8c|R\x01\xf6\x1d\xfe\n@)r\xcd\xdf\x12\xd2}\x7f\x01\xae'</t>
  </si>
  <si>
    <t>b'\x08R\x9c\xae\xa5\x99h\x04\x8e\xda&amp;\x1c\xc4\xdb\x9cgt\xa5\xabg\xf3\xe3\xe8\xf1Y\x1bg\xa1\xaf\xa5\xab)'</t>
  </si>
  <si>
    <t>b'\xbdZ/,\xc7`P\x02\x9a!\x03k\xcf\xef\x862\x9b\xe2\x80\x9d\xf2\x98,0\xe6\x90\xddK((\xd9\x11'</t>
  </si>
  <si>
    <t>b'\xe1\xb7\x17\xd3\xc1;\xe2\xe5^t\xf6D#\xf0?\x1f~?cA\x19\xab\x99\xfc\xd6\xb9\xd6\x87\x7f\x00g\xca'</t>
  </si>
  <si>
    <t>b"F\x9b\x14\x99\x1a\x04\xdc\rE\x11R\xeft'U\x03\xb5I\xc4\xe3\\\xf0;\xceT\xc0\xb7\x10),\x0e\x1f"</t>
  </si>
  <si>
    <t>b'b\x9d\x04\xb6\x9b5\x1dq\xcc\xceJ\x80\xd6LB\x85\nc.#X\xfe\xe3\xb9\xd6\x17h-\x15\x12\xd1\xd5'</t>
  </si>
  <si>
    <t>b'\xc9\x96\x1f\xb8\xef\xd0|\x1at\xa5h\xc2\x86\xb5\x89\x8eC\x9a}\x04\xbcG\xb6k\x11\x0e\x1dH\xf5zj#'</t>
  </si>
  <si>
    <t>b'6\xcch\x8b\x12*\x89y\xe5\x03\xd4k[\xfc\xf2\xc1n\x15\xb6p\x1c9\x14\x88\x8e,U$\x9f\xecN:'</t>
  </si>
  <si>
    <t>b'\xa1\xf0i@t(y\xbf\xa5\xcf\xa6\x1e\xba\xf9\x05\xc1=&lt;\\j\x8d8\xbf\x04m/\xf4\x00\xa6\xd0@\xe9'</t>
  </si>
  <si>
    <t>b'D\xef\xc8\xd4\x87.\xa7?6\xf7\x9f\rP\xce;%bp\x1a\xad\x1f\x93{\xc4\t\xf7X\xad\xee\xc8\xfe\xbe'</t>
  </si>
  <si>
    <t>b"\xa8\xa6M\x95\xa0\xe8\x90g;\xbcfj\xf2_\xc5\xf5\x8a7\xfe\xb3'\xaf\xedE~\xb4\x01@\xb3\xb4\xa7T"</t>
  </si>
  <si>
    <t>b'\xacD\xbcu%\xa8h\x93\x1dE:\xcb\xbc\xa9\xf7\x1f\xe4\xba\x85&lt;1\xad\x7fk\x01\xca\x81\xd4\x98!\x16\x0b'</t>
  </si>
  <si>
    <t>b'\xb1S\x05\xfdU@\xd8\xac\x10\xf3\xce,\xeaYYI\x85\xe4\x16\xa5\xee\x11KM\\\x15c\xa5q\x9e\x0fq'</t>
  </si>
  <si>
    <t>b'\x99s\xc4!(_\xaco\xdalO\xa4\x1b\x1e\x91x\xb7\xbc6\xf1*T\x81L\x14\x13Fv\xe5\xef- '</t>
  </si>
  <si>
    <t>b'\xbc\x91\xe9\x9c54\xf0\xc3\x14\x18\xb8\xa0\x1c\x9f\x1c\xdb\n\xe6\\\xff\xc4R\xa4tf\xe1~\xb7\xbdE\xe35'</t>
  </si>
  <si>
    <t>b'z\x18\xa4\xfd\xbe\n\xa2Ks\xf3N\xb7%\xefD\xdb\x876\x19\x06\x1dj;\xfc\xfb\x80$\xf3\x13\x1bz\xfd'</t>
  </si>
  <si>
    <t>b'"r\x16,z\xbc\xaf\x8f\xe5\xc6\x8d:\xb2\xe4\xa4\xb1`t\xa6n\x9d]Z\x94!\\\xd3z\x8f\xc6\x87\x0c'</t>
  </si>
  <si>
    <t>b'L%\x9c\xb5#s\r\xcb\x03\xa6\x97\x99\x1e|\xcbW\x9e\xdc\xe9v\x7f\xac\x94O&gt;!\xf7\xdc3\xa2\xdd\xeb'</t>
  </si>
  <si>
    <t>b'\xe7Z\xc6\xb7\xf1\xc2c\\\x04\x06\x80$_\xbcR\x01\xb8\x84\xae\x9cA\x02d\xbaf\xc2\xea\xdb!\xd5\x8e"'</t>
  </si>
  <si>
    <t>b'O\xaf\x0ck;\xab\xbb\xdc\xe4k\xe7\x90 B\x8d\x02"m}\xa7\xb9\xbc\xd9{u_\x83XK\xabn\xc5'</t>
  </si>
  <si>
    <t>b'}\xca\x8b\xb7o\xd1\x1f&gt;\xf5\x0b\xfd\xf0\xdfCq\xf5\xe9L\xcfK\xeb5\xde\xbcS[\xb5\x8b\xd4D\xc7\xf1'</t>
  </si>
  <si>
    <t>b'\x9d\xba\xaf\xaa\x8f\x02\x1f@\xdd\x89t\xe6\x86\xa7Gz\x98\xde\xc8\x90\xf4\x01.j\x0e]&gt;\x1c\x85\x92\x1b\x07'</t>
  </si>
  <si>
    <t>b"\xff\xd5'E\xe0\xcb\xb8\xf5X\x1f|\x9eN\x02\x1a\x8c\xf3\xa1I\xe4\x1c+\x1c\xc4\xf2\x94\xe2\xf1{\xcc\xfdR"</t>
  </si>
  <si>
    <t>b'\xc7}~\xfbF\xe5`\x9f\xa7\x05\x85\xaf\x98X{\xbfT\xc7\xff\xff\x98\xb0\x82\xae\x88\xa1\xec!U\x1b\x83('</t>
  </si>
  <si>
    <t>b'\xdb\x07\xf6\xcd\xe5\x813\xee\xf3\xf36Y~\xa1\x06\xcbK\xc4idb\x83\xc5%\x0c\xef\xb6\x02X\xcb\x0e\xe3'</t>
  </si>
  <si>
    <t>b'7(\x1d\x9b}\xb0\xfcu~\xe1E\xec\xe7P\xa4A\xcd\xfa\xa6+\x82\xb3\xa0\x02\xc3\xe8\xe7\xb4u~\x02K'</t>
  </si>
  <si>
    <t>b"\x91'\x8d\xfd&lt;Y\x8c/\xcc!f\xc7\xb9.PXz\xfe2\xf4\x89_5\x97\xfd7\x8fJ/\x0f\xd3\xfd"</t>
  </si>
  <si>
    <t>b'\xd6i\x9cb\x81\x1bP\xe1\xfd_\x08z\xc6\xcc\xae\x8bs\xba\xceJ\x80\xc5\x05J\xd8\xc1\xe1\x94\xd9\xdde\xe4'</t>
  </si>
  <si>
    <t>b"\x8e\xf5\xc5\xaf;\x94l\x893\x97\x83\xf3\xe5\xf6'\x0flO\x1d\xcc\xfb\xc0l\xba\xdd\x16\x16\xaaA\x14\xf3\xf8"</t>
  </si>
  <si>
    <t>b'\x82 \xdd\x97le\x8bg\xaa\x02\xdd\xf6\xd3s\x93\x9b\xc2\xee\x18Q\xeb\xa7H\x97\xec\x1f\xc9e\xad\x01\x82\xdf'</t>
  </si>
  <si>
    <t>b'4\x86\xa7\x17\xbbfsdw\x18\x9b\x95\x83&amp;`\xbe\xf4P\x888\x0e\xcd\xec\x9c\xf3H\xd0\xa3[\xf7\x849'</t>
  </si>
  <si>
    <t>b'vM\x93R4$\xac\x06\x9e\x14L\x0f\xc1\xd7\xa7\x8c\xb8?Kz`\xda\xe7\xf2\xb2uy2\xb3y\x18\xfe'</t>
  </si>
  <si>
    <t>b'\xfd\x80H\x86\xaf\xe6\x9f\xa7\x85y\x07\xa4\xd6:\x8c\x92l\xf8\x99\n\xae\x83\x82\x89k\xcc\x03\x92\x91\xe8\xdb\x99'</t>
  </si>
  <si>
    <t>b'\xa8\xb5\xb5\xeb\xe3\xf6\xdafl\x93\x81\x91\x1f\xf7\x88}f\x95\x8a[j\x95\xcfH:\x88v9\x7f!~N'</t>
  </si>
  <si>
    <t>b'\xa2I\xacc6\xe4|y\xea\x9f\x92\xf3\xd5\xa6\xc3\xfa\xa9YE\x0e\xa33\xd4n\t\x89\xb5\xbbK\x114\xb5'</t>
  </si>
  <si>
    <t>b'\x86\xe4\xef6N\x0b&gt;\x8f\x1d\x9c\x0f\x1c\x0eI\xda\x15\xde\xe8ULY\xd6g&amp;\xb7f\x03\xaa\x8a2\xd4\x1b'</t>
  </si>
  <si>
    <t>b'L\xc0|\xf3|\xb9\x96\xe7\xc0\xf6\xbc\x10Q\xaa\xf44\xc3X\xe6n\xca\xfc\xb6xNH\xec\xc8\xf82:m'</t>
  </si>
  <si>
    <t>b'RK\x95\xac\xc1\xc25A\xb6\xad\x02\xc9\xd4\xd2\xc6)X\xf2N\xd7\xa87\xd1J\x01h\x96\xe4\x04+\xa9U'</t>
  </si>
  <si>
    <t>b'X\x9e\x97\xcb\xfe\xfd\xb0)\xb4\x99Q3\n\xa9~\xc0=\x80\xdc\x9d4[3\xb6G\xe4\x1b\xbdQ\x98\xd5\xfa'</t>
  </si>
  <si>
    <t>b'R\x81\x0e\xbb|\xdfdc\x0f\x04Go\xa9a]\xf4\x9b\x19\xb8\xe7p\xfb\x88\xbbG\x1at\x84z\xa7%\xcd'</t>
  </si>
  <si>
    <t>b'\x11S"\xb92\x1d\x04&amp;\xee\xa2\x14iA\r\\\x17\xa3\xd1\x8b\xfc\xc1M;\xc4|\xe4\xb0x\xcfd\x11\xfb'</t>
  </si>
  <si>
    <t>b'\x892\x8dN\xe3\xf2\xee\x1e\xbd\x82\x85\xbf\xb4\x9f\xca%\x19n\xd3\xe7\x1b\xd3;P\xa0\x99\xe2\x02\x05fh\x1f'</t>
  </si>
  <si>
    <t>b'\xee\xe0^\xffe\xd9\xa9\xd4\xf2\xce\x86\x8f\xdf4\x02\xda)0\xcf!\x9a\x1e\xd0~\x0b\x05\xa2W\x8b\xf45l'</t>
  </si>
  <si>
    <t>b'f*v\xd5\x99\xd7\xd0\x8b\x00\xff\xba\xbd\xa3\xd0\x9be\xf7\xef\xe6&amp;\x8f$\xb6\x04\xdd\xb9\x8b[\xa2\xe3\x8e\xa1'</t>
  </si>
  <si>
    <t>b'\x1b\xc6\x1cv0\x9e\xdd*\x91-\xe4%\x97\xa7y\xd7\x84+_\xe2\xf3\x1f\xf2\r~\x92\x91\xb0{Xc\xce'</t>
  </si>
  <si>
    <t>b'\xac\x87^B\xf7\xbb\xc6\xc4}\x1b\xad\x84\xc2\x1fe}W\xd1\x82\x7f\xfb\xfa\xbb\xde1\xb9\x00\xf8\xf3\xf4g\xc0'</t>
  </si>
  <si>
    <t>b"\xdecg\xf1N\x1f\xc1\x08\xcc\xb4\xa7\n\xe1\xc6z\xce#M\xc06|\xda\xa4y\x8e\xe7\xbe\x9a'\x98\xd4\xf4"</t>
  </si>
  <si>
    <t>b'&amp;\xe5\xd4O\xb9\x98\xdc\xd1\xef\x83J\xa3\x7fR\xc5!F\x82\xd22\xe4|\xcc)\xda0^gLn\xc7L'</t>
  </si>
  <si>
    <t>b'zg\xa2\xee8Ncp\x19o\n%\xc6."\xb6t\xa6lz_\xe3\xd6\x81/\xe4HFBv3\xe8'</t>
  </si>
  <si>
    <t>b"\xab\xc0\xf4(\x9c\xe7\xd2cd0\xae\x7f\xfe'\xdd\xa6\x19\xe6'\\\xa7\x97L\xd5\x130\xcd\xb1\x81+\xc9&lt;"</t>
  </si>
  <si>
    <t>b'\x8e\xadd\xb6p\x8c\xb7sc\xa9ex\xd1\x17\xae\xf1\xf0\xa0\xe2\x1eZ\xd5\xb7\xbdG\xf0S\xcb{\x87\xfe\x93'</t>
  </si>
  <si>
    <t>b'\x05\x93\xd0 \x86u\x11\xd6\xb4\x002]\x891e\x05\x8a\xa8PIx\xaf\x17\x9bo\x96y\x9cs\xef\xd2\x98'</t>
  </si>
  <si>
    <t>b'U4 \x85\x03\x84,\x00m@\xfa\xe2\x9aZI\x0b\xe7\xb2\x0f\xb1\xd64\xca-]\xed\x8a\x85\xb4\xa2\x19M'</t>
  </si>
  <si>
    <t>b'J5\x8e\xc5\x8b73\x1c\x8a\xa0DE\x7f\xdal\xb9\x1dv\x99S\xd8\xebn[\\K9\x11\x95\x80\xca\xc9'</t>
  </si>
  <si>
    <t>b'\xaf\xe8i\xf5\x9dA~&gt;B}\xaf\xc0k\r:V\xf1\xe6V9\x0b\x9c\xa0\x87\x1e\xfd2\x93\xab\xccQ\xf4'</t>
  </si>
  <si>
    <t>b'\xc2\xf5\xb2E\x0eC\xf4\xfa\xaf\xe3wo\x8fan\x9b\x9a\xc4\x93a\xc2#\xda\t\x0e;\xa7J\x199\xe2r'</t>
  </si>
  <si>
    <t>b'\x85S\xa3\xf7\xc3j\r\xf5\xa4\x90\x10\x1a\x1br\x85\xf5\xf6c\x80:\xe5\xff\xe4\xda\xf3\xf5\x12\xf6Uk\xc7\x1e'</t>
  </si>
  <si>
    <t>b'\x9az\xad}\xbf\xa30\xbd\xf4 z\x11z\x9a\x1dac\xdfP+(\xcb\x81J_@\xe8\x17\xca\x93[\x91'</t>
  </si>
  <si>
    <t>b'G+&lt;&gt;\x19U\x0bP4i.6K\xe4\t?=_\xb84\xd5\xe6W\xba\xab\xb3Jr\x8c\x1f\xde}'</t>
  </si>
  <si>
    <t>b"\xbd\x99\x81\xc6\xe1\xf7\xe1\x10\xddr\xe7i\xf8\x1cs\x9d\x9e\xf0zJ7'\xe4%a@y\xf2:\xcc\xa3\x08"</t>
  </si>
  <si>
    <t>b'0G\xa6\xe6\xd9\xee\x15\x9b\x95n\xa5"\xa6\xf2\x94d\n\xf2\x8e4e\x99:0\xa2c\xb0P\xc7\xa2:T'</t>
  </si>
  <si>
    <t>b"\xbb\x16(\xb71\xa5\x82^\xe9bX\\'\x07\x9eqh\x98\xd0\xecg\xa4H\x92\x7f\xf8\xd1/\xfe\xe4\x11\xd5"</t>
  </si>
  <si>
    <t>b'0\x0b\x99|\xf9\xbaG\xd9\x9b\xc1\x158\x1e\x9aFN\xc7m\xfe%\x16O\x1b\x04\xaa\x00\x19\x1a\xe3\xb2\x1b '</t>
  </si>
  <si>
    <t>b'/\xa5\x8dP(\x86\x10\xb0\xe4E\x15\xffwP\xe1C\x88\xb2\xa5N&lt;\xe6\xb4\xdf\\\x93\xdd\x14D\xde?5'</t>
  </si>
  <si>
    <t>b"pG p38\x12\x07o\xea\xb8\xe9\xa7R\x8d\x95\x02\x8f\xab'&lt;\xa1\xa9\rd\xc9\xcc\xf3RJ\xe7R"</t>
  </si>
  <si>
    <t>b'\x94\x87\xdb=I&gt;2\xde\xe1+\xb8\xc3n\x03\x19\xa6Y\xb5J\xd9r[\xf8\xc4\x82\xe4\x05\xadjo\x1fV'</t>
  </si>
  <si>
    <t>b'2\xa8Z\x0cf1\x80\xa3\x04\xa1Y\xe1\xeaf\x11\xbbC\x19\xb7\xd61\x9b\x1c\xe0\xc2O\x11"x\xf0-\r'</t>
  </si>
  <si>
    <t>b'C\xe3\xe3\xbb\x0f.&lt;g\xfbu@\x05^\xe6\x9c&amp;q \xdf\xdb\xcf~\xde\xdbg\xdb\x98\xb8\xf3\x111\xd2'</t>
  </si>
  <si>
    <t>b'~\x07\\\x91#o\xackV9\x06\xbd\x9e={\x17\xd4f&lt;\xe5\x0e\xb9\xd5\x1e"\x14\xfc%\xfb\x13\xd6\x87'</t>
  </si>
  <si>
    <t>b'\xb1\x98\x13\x90\xdeq\n^SO7\x1d\xc0J\xfeT\x8b\x1c\x1c\xfe;\x1c\xfa\x91\xd0\xeb\xb9n]\xb7)\xca'</t>
  </si>
  <si>
    <t>b'^\x9dH\xb12c\xa8\x04\x94a\xaa\x1c\xff[\xee\x0brt~\x85\xb4\xa6\x80\xc3\xbc\xf3\xb5\x9e\x8d&gt;,|'</t>
  </si>
  <si>
    <t>b'\xdaI\x05\xe4\xe0\x14\x96%2lp\xb3v\xb1\xc3\x1bi\x8a\xdb\xa4\xc1 ]\xf2\xd8P&amp;J\x90\xb3\\\xeb'</t>
  </si>
  <si>
    <t>b'*N\xacd\x898\x8c\xe4\x85\x1d\xc6\x88\x1c\x9a\xacb_UI\xcbG\x8fw\x97YB\xd9\x10|`F\x08'</t>
  </si>
  <si>
    <t>b':\xc0"s\xfcv{\xab=\xab,\x14@\xf8\xc1im\xa4yI\x8a\xac\xb6\xfe\x07\xd5M\xf2\'\xc9\xe45'</t>
  </si>
  <si>
    <t>b'8$\x8c\xa4\xddT\xca\xc9\xdb\x97\x95^\xd7k\xb1\x84\xd8=7h/\x14\x1f\xd7\x88q\xef\xb8\xc1\x13\xba\xa4'</t>
  </si>
  <si>
    <t>b'\xd7\xa2d&amp;\x7f\xe8\x13\x1b\x8aD\xd7\x03(7\x1e\x92\xf3\xa2L\x19Z\xb3\xb3\xa4h\x9f\x08\x13&lt;\xea\xa5\xdc'</t>
  </si>
  <si>
    <t>b'rb\xe5A\xc1\x00\xa7\x8e\xc5\x9e\x9b-\tN\xb1?\\:\xab\x9d\xab$\xa1\xab\xca\\l\x8bn,\xc1\xdf'</t>
  </si>
  <si>
    <t>b"\x17z\xe9L\xab\x14*\x06'{+\x15\xa9\xc7\xd4R\x049\x0c\xaa\xca%\xe3\xd6\xb2h2\xde\xe9\x87r\xef"</t>
  </si>
  <si>
    <t>b"\xdag\xa7\xf9\xbcm\xd9\xc2\xb5\x80\x9e\xb7\x84|W\xb3q&gt;Z\x1c'\x92\xaeB]b\xf881\xf9\x85\xda"</t>
  </si>
  <si>
    <t>b'\xe7U1\xcb)\x96\xbf\xa6\x7fYXh\x91p6\xb76)}\xeb5\tr\x84\xe0\x15\x8eT\x9f\xf6F\x03'</t>
  </si>
  <si>
    <t>b'}e8;7\xb4\x003k\xd2\xf8\xee\xd8lZ\xe14\x86@\xff%\xc6\xef\n\xcd;\xb4\xf8)\xd2\xefC'</t>
  </si>
  <si>
    <t>b'om\x1b#\xd2&gt;\x0b\xed\xa8A\xe3&amp;\x84\xd18\n\x878\xd4\xabM\x81\x12\xd6\xa88\xd7\x0e6!\x9f\x7f'</t>
  </si>
  <si>
    <t>b"'\xf8\x8a\x99\xbb3)\x04\x1b\xbd\xc97),\x16\xba\x89\xf9c\xff\x1e\x9d\xc5\r\x12\xcc-\xee\x7f\x02\x84\xa4"</t>
  </si>
  <si>
    <t>b'\x06t\x8b\xf4\xf4\xe8p&lt;\x1a\xcat\x86\xb2\xa6\xdf\x91Q\xf6Z\xa7\xde\xf2\xe7\x8f\x93)\xf1\x83\xf5\xd1\xdf\x1f'</t>
  </si>
  <si>
    <t>b"\xf3\xf6\x99r'\x1b{5=\xbb\xd1\xa6\xe4\xe1\xf8\xd6i\xe3\xa29\x05Na\x7f\xe0`\x9e\xaa\x82\xd9\x00\xaf"</t>
  </si>
  <si>
    <t>b'\x03spY\xe8\xa5\x86W{w\xf6U\x9b\xc8\xf9\xc5\xcbX\x8c\xf5\xae\xc3\\)\xb9:\xf2\x13\xd2\xf7:\x9a'</t>
  </si>
  <si>
    <t>b'\x7f\xb1a\xc9P1\xc4\xec(#\xd7\x9d\x1bv\xbf\xb1d\x95\x08&gt;p\x9a\xf5\x8bj\xec\n$\\\x1e h'</t>
  </si>
  <si>
    <t>b'\xa5\x18|\x0f\xe8!\x1d\xb0\xf1\x9e&gt;\x9e\x97\x93\x89S\x1c\x00\xb6\x069*nc2G\xf4w\xe5\xe6B\x96'</t>
  </si>
  <si>
    <t>b'\x1d\xe1C\x83\xd5\x81\x1e\x93\xe5df\x8e\xad\x0b$\xfe\x06\xba\xb4\xcc=d\xed\xa5\x89\xba\xed\x17\xb31\x85R'</t>
  </si>
  <si>
    <t>b'\xbd\xd0\xa2=\xe7\x08\xc9y\xc7\x97\xfbq\xb4\xad\xd3"&lt;I\xf2)\xfc[]\xc8\x8e\xd1\xea\xb3m\xd9\xad&lt;'</t>
  </si>
  <si>
    <t>b'bf]\xdcgYD\xe8\x8aD\xe2]\xbdM\x82q\x90\xf8\x1a\x14h\xd4M1\x92(\x1b%:bF\xb4'</t>
  </si>
  <si>
    <t>b"(\x98^\xc0'\xf4\xcf\x1b\x8c\x15\xb82\x96\x95\x10)\xd78\x055\x00\x83E\x12\xd4\x82\xc1\x85\xde*\xc4\x1a"</t>
  </si>
  <si>
    <t>b'^\x1e\xfd!\nj\xb9\xb2&gt;\xda\xe8\xb5\x953%{\xdc\x06\x90\xe4\x89\xf3ds\xdeu\x0eI\xbd%\x8fn'</t>
  </si>
  <si>
    <t>b'\xf8_b\xbe\xcd\x8d7\xa2\x16\xf9\x81&gt;\x02\x80\x93\x9b\x81\xf22\xc3\x812&gt;\t\x8ba;\xbd\xecfE\xde'</t>
  </si>
  <si>
    <t>b'\xa8\x01\x13BZ\x86\xf9\xaf\xa5\xd5\xd9\xe5w\xcb\xa1]\xfb,\xbf\xc5~\x03\x17\xa7i\x98\xa5\xb2\xa3\xad)\x00'</t>
  </si>
  <si>
    <t>b"l\xbfy\xff,\xc8\xe9[Jn\\\xc5\xc0\xda*`\x1e\xdc'\xa22\x17\t\xfd\xf3\xc2b\x93Vb\x08\xf2"</t>
  </si>
  <si>
    <t>b'/zH\t\x8a\xac\x83\xe2\xc5U\x8b{\x1d5Ie%\xa2\xdf\xcbuR\xc0\x13g^PRO\x05\x01\xed'</t>
  </si>
  <si>
    <t>b"9\x9fS)]-?\x02'\x1d\xdd:\x08&lt;\xe9+\xc6\xe178\xe2R;\xec\x8f\xa3\xf1\x92z\xaaO\x8e"</t>
  </si>
  <si>
    <t>b'\x1d\xe3\x9ez\xfc\x9a\xf1X&amp;X\xc9\x7f\xe0\xe2\xb0y\xdf\xa0T\xfd-x~\xbeO\xa3I\x13\xf5\x90\xffZ'</t>
  </si>
  <si>
    <t>b'\xdd\x84u\xc4\x9c*\x8b\xc2ZIk\xc4X\xd4y{\x19\xfbY\xc7\x80|\xe5\xa5\xde\x84Yj\xac\xf6t\x16'</t>
  </si>
  <si>
    <t>b'P\x1d\x88&amp;&gt;\xb4\xfd~u\xaep0c6\x0b;\xa3{\xbe\xf9E\x07\xd1v\x8e6\xef\xf09\xe1j\xe6'</t>
  </si>
  <si>
    <t>b'3\xf5\xe1\x88H\x87\x0f5g\xaaI@\xe8\xbb\xb1\xa1q\xb8D\xb1\xfbB\xb6\xad\xcd\xad\xcf\xe5o\x9f\xad\xfd'</t>
  </si>
  <si>
    <t>b'\x1d\xc2\xb9\xfc\xbd3\x8b\xce\x82\xac}\xe3Q\x01w\xbbt\xa6\xb9]\x91\xca\x0b\xcc|\xe1\x0f\xbb\x83\x88\xe1\x9a'</t>
  </si>
  <si>
    <t>b"\x96\xc9$\xb0\xe9N\xc1\xcedF\xcd\x99\x7f'En\x84$\x89~\xfa\x1b\t\xd1:8\xe7t\xe9\x84PM"</t>
  </si>
  <si>
    <t>b'3\xec\xbd&gt;\x0e\n\x97U\xf4\xf1\x87\x1d\xe2\x9d:\xe6\xce\xb4\xea\xe44$h\xdfb\x8f\xcb"\xfd\x95J@'</t>
  </si>
  <si>
    <t>b'\xd1\xcc\xd8\x85\xb8\xef\x0f\xa1\xd8}\x9d]bl-c\x82\xf3\xeaR6\xd0\xaf0(\x8dG%&lt;\xb1\xaa1'</t>
  </si>
  <si>
    <t>b'\xeeAJ\x03/\xdbm\xc3l\x18\x8b\xba\xd7`\xdd\xa9\x0e)3\xcb\xc2\x9a\xe4Z\x81\x03z\x17:\xc0\x93\x00'</t>
  </si>
  <si>
    <t>b'\x13\xdf7\xe9[\xa5\x1eE\xce93\xa3\xd0\xf3\x86\xa7\x99#\x9e\xc9\x8f\xa1x\xe3?\x98*pT\xa0D\x19'</t>
  </si>
  <si>
    <t>b'G\xfa\xed\xdcy\xfc\xed\x90px\xf5\xbe&lt;\x93S}\x86\x15\x8b\xe9\x97\xd7\xdb%p\x0e\xcf\xf5\x17l\xb4\xbb'</t>
  </si>
  <si>
    <t>b'G\xc6\xc2\x13\\\xa1\xd5d\x85\xfa\xd9\x98\x85\x90\xb4;M\x8e\x12b\x80\xa1\xb1C\x9d~\xcc\xbb\x00\x88A\xea'</t>
  </si>
  <si>
    <t>b"\xe97\xac\x90\x13\x91\xc3\xdf\xff)\\\xa7F{'D\xea\xbf\x01\x1c\xc0|}\x87\xa7\xe71\xa8\xb9\x13t\x19"</t>
  </si>
  <si>
    <t>b"qm\xb6\xaa^\xab\xf6=\xd3\xa1\x82\xb2f2voA\x89\xaa\xc8\x13\xe5[&lt;\x10\xb0/4\x97\xb7\xe2'"</t>
  </si>
  <si>
    <t>b'\xbfl\x11\xcd\x82\xe9\xd0nT\xb1\x12j\x97\xeb\x0f\x07\xf4\xa6\x10\x9b\x04u\x96\xa0&lt;/y\xbe\xd6{\xca\x05'</t>
  </si>
  <si>
    <t>b'\x89s\xf9|\xdc\xe9Q\xdf/U\xe5h\xf0\xd5\x95\x10&lt;z\xf3\x07\xe1\x1e\x07\x7f\x98\xf0\xfeK\x82\x1b1\x08'</t>
  </si>
  <si>
    <t>b'\x8a\x95\x19\xaa\xbe\xc8\xe2\x02\x87\x01\xa3\x8a\xb5\xc2;\xd4\xfc\xe7\x87\xdb\x19y\x01\x87&lt;\x89\xa8\xfcj\xbb\xf0\xff'</t>
  </si>
  <si>
    <t>b'l\x0f;L\x8c\xd2n\xf3|\xe4\x99\xa4\x8c{\xb5\xff\x875\xe6\x02\xf0S\xa5\x98\x8aii\xfa\x01\x16\xa9\xe3'</t>
  </si>
  <si>
    <t>b'S\xa1\x0e\xd7\xd3\x0cqi\x90~\x8d\x1aD7\x7f,~\xadb\xe02\x13\xca\xf0h\xa8\xb7\xc8\xb6\xe3\xb4\xb4'</t>
  </si>
  <si>
    <t>b'\x81o\x9b\xaa\xba\x16g\xda\xc2\xb94\xf8\xeaf\x83I@\xf1\xfc\x02\xe6\xbc\x1d\xb9\x8d[\x02&lt;bW\x8a\x14'</t>
  </si>
  <si>
    <t>b'}"\xf4\x82].:\xefs\xcf\x87\x1bS&gt;\x84s\xde\x1bn\x95\xf7\xa3\x827\xd1\xf7b\xd3)W\t\xea'</t>
  </si>
  <si>
    <t>b'\xe4\x93\xf9|(\xedM\xa8_\x97R\xe5#\x10&gt;\xb7\x05\x94aJ\x9d\xb1\xa1#q\xc0\x85\x90\xe1\xaf\xa0F'</t>
  </si>
  <si>
    <t>b'\xa7o\x9fi\xc6a\x08\x0b\x192\xd8\xc4\x16p&lt;\xbd\xbb\xdc;O\x0ek\x8f\xcd\x1epz\xb7\x02\x10u\xa2'</t>
  </si>
  <si>
    <t>b'zU\xa5z\x83\xb0[u\x9b\xea&lt;xC;I\x04\x13$&amp;\xbb/?=\xec#\xa1\xc7\xb6\x88r[\xce'</t>
  </si>
  <si>
    <t>b'\x98\xe99fQ\x9d&gt;\x12\xc9.\x1e\xf5\x18$\x0bX\xba\x89\x80l(\x9f\xd2\x893\x08\xce4\xf6\x1a\x1a:'</t>
  </si>
  <si>
    <t>b'\x11\xa8\xf8\xa6\xd0\x9d&lt;\x1f\xac\xe1\xaf/\xb4\x7f\xdfj\xf5\xa7jDX\xd3\xd2D\xbc.j\x90\xfd/\xcb\xc6'</t>
  </si>
  <si>
    <t>b'\xcf\xa10\x8co\xa5#\xfbT-Yk\x05\xba\x131\xab\x7f?\x95z\xffEja\x89\xe9\x19\x80F\xd9\xe1'</t>
  </si>
  <si>
    <t>b"JM\x07\xec\xba\xcf%\xef5'\x9c6\x9bWRM\xf4\x1e\xef\x7f\xee=\xcc\xdfh\xc2M~E\xa3\xda!"</t>
  </si>
  <si>
    <t>b'=\x0f\xd8\x94\xf9\xd2\xf5&lt;[\xd5\xce\xdd\xf0\xf2}H\x9d1kk\x1dl\xae\xd8-\xcf\xe2\xb7\xe7\x03\xabt'</t>
  </si>
  <si>
    <t>b'\xbb\xf7}\x9fR7\x91y\x94\xd1\x7f/\xba\x038\xc9fwjsw\xb8\xadX\xf3\xb03\xfc\xca\xa4\x9dJ'</t>
  </si>
  <si>
    <t>b"'A\xdfY\x08\xaa\xc6O\\\xfd\x12\xc5u`'Q\xd1s\xad\xfd\x07\xf5\xe2\xcf\xcbt\xd3\xe7\x10\xda\x97\x17"</t>
  </si>
  <si>
    <t>b'g\xdf\xb0\x9b$\x8c\xd8\xf8n\xa3\x8d\x871es*\xb7\x8b\xe6$\x81\x13\x00\x04\x8et\x0cq\xcc8\x7f&gt;'</t>
  </si>
  <si>
    <t>b'x\x1f\x15\xf8Dx\x18\xea\xb6\xe9!\x7f\x92\x9e^Sd\xff\xc52\xd6\x01\xecP\x9bO\xfa\x84V\xc7e\x85'</t>
  </si>
  <si>
    <t>b'^\xd1^\x0e*\x9c\xb1\x1f\x86\x00\xe4\xd3w\xe1\xb1\xbb\xa5\x94\x10\xe1fXLz\xeeJ*\xf5\xde\n\xa4['</t>
  </si>
  <si>
    <t>b'\x15T\x94\xc7\xc2\x9f{\x99\x94}K\xc2\xc9\x7f\xb3\xedZ\x94\xc0\x9bu\x10J;0\x1cE&gt;\xfcz;5'</t>
  </si>
  <si>
    <t>b'\xcf\x85-7\xb1f6\xb2Z\xe3\xe6\x12\xfe\x81\xa2z\xe3\xa2\xber\x08\xa4\x98T\xa5|l\xe4^\xde\xddV'</t>
  </si>
  <si>
    <t>b'\x91\x82@\x80e\xe8\xb0\xbfz\x04U\x8b\xbb\xc8B\xd1~\x7f\x10\xe8\x87\xa7XS\xfa\xcf\x8e\xc8\xfaEK\xee'</t>
  </si>
  <si>
    <t>b'\xfd:\xaf\x16\xde\x93\xca\xee\x13\xe7\x8a\xbc\r\x05\x8f\x91\xe4\xcedO\xfb\xb0\xd7B}\x1d\xbc\xb1\x1f\xdbX`'</t>
  </si>
  <si>
    <t>b'A\xcc\xd4\xb6\xd4D\x0b\xeaoV\x99?&amp;\x14\xd1\x0f\xd1h\xa4\x9b\xfeA~\x81G\xd0Y\x15\x0f\xeaJ\xf5'</t>
  </si>
  <si>
    <t>b'+6\x85,\xb3\x03?\x95k\x01^\xba\x9c9\xd9!\xeesLnv`\x06\x0bT\xdb\xd4\x140\xae\xb7i'</t>
  </si>
  <si>
    <t>b"8\xe4\xb8\xc7\x90\x05oW\x81\xef\xc7\xd8\xb6\x84'\xfa\xc5?Ox\xd9&lt;6M\x15\xa2\xe3&amp;\t\xe6\xaa:"</t>
  </si>
  <si>
    <t>b'-\x0b\xd89\x1e\x8d\xd5\xe7\x04,\xf9\xbd\xcd\x1f\x15{\x92x/\x118\x91\xdc\xf4\xd1\xb2\x86%\xa56\x8e{'</t>
  </si>
  <si>
    <t>b'%\xa4$\xa88\x11\x08V\xd2\xfc\xfbC\xc0^;$\x19&lt;\x80[\xc0\xff"OF\x9d{XJ\xb0\xf7\x88'</t>
  </si>
  <si>
    <t>b'\xef\xcd\xb4\xcf\xc9\x15\xbd)\xd1@\t$\x8bi\x1d\xa8\xdbMu\xba\x08\x81\xa2\xc0\xb9\xda$4\xb1U_?'</t>
  </si>
  <si>
    <t>b'\xe6g\x12k\t\xc34\xbc\x06\x07;^u\xdb9\x0b\xe1\xc4xg_\xbf\xc5y6\xfa\x9e\x08\x1f\x02%\xe5'</t>
  </si>
  <si>
    <t>b']&lt;\xa2\xe3\xad\xc0\xa7\x981\x0fu\x8c\xc5m\x0e\x18\xbe\x17\xefM\xbf\xb7\x98\x87\xeeD\xcb\xc6\x7f\xd1J\xe8'</t>
  </si>
  <si>
    <t>b"\xd4Fx\xe7\xf4\x02\xe8\xf6\xb1'\xa3}\x8a\xb9P\x86a\r\x1e\x12P\x98$i\xba\x01\xd0Q\x8e\xc03\x15"</t>
  </si>
  <si>
    <t>b"@\x1daW:4/Y\xb1\x1b\t1a\xbb&lt;\x1d\xa2\xa1~}\x92\xce2\x1dL'WYg\xa40\xea"</t>
  </si>
  <si>
    <t>b'\x18\x8f6\x94\x84\xaa\xde^\xd1B\xaf\xd4\xd4\xb7\x85v=\x9e\xc2\xdc\x13"0\x84]\xeb\x1f"za\xa7 '</t>
  </si>
  <si>
    <t>b']\x82p\xb8\x95\xc9[\x96\x94\x84-\n\xe3\xc4\xc5h|Vv\x1f\x8d\x95\x1ezI[-|}E\x9c\x1a'</t>
  </si>
  <si>
    <t>b'9\xc9\x89\x01\xd8D\x82\x95Cg.V\xcd\xd8=\xa6y\xc4\x1d\x8c\xfd\xb7\xa7\xd3\xbd\xb4\x1a\xc6+\n\xf40'</t>
  </si>
  <si>
    <t>b'\xa0\xc9\xc7\xdd\xc9\xaf\xe0DM\xab\xa7\x1fx\xd5\xbb\x1b\xe2\xb1\x0e\xee}^\r\xf7\xd8Yi\xbb\x9a\xcc\x14\xed'</t>
  </si>
  <si>
    <t>b'\xb2\xb7\xc6v\x8c\xe4\xe4\x13\x8fl/\xb0hO\x11\xfb\n\xa8&amp;\xa2Um\xf4\xca\x89\x9d\x16g\x1b\xd8\xa6k'</t>
  </si>
  <si>
    <t>b'\xc4F\x9a\xdf\xd6\x15\xe7\xd0@#[a\xe6*.\xf2\xc8\x95\xa9eQR;75\x89\x7fr\xcfL\x0c\xa3'</t>
  </si>
  <si>
    <t>b'C\xf6\xf1`G\xdb\xa6\x92\xf7\x11Y\x9f\xa3\xb7\x84\x86\xaa^7\x84\xca_T\x13\x95G}&gt;x\xb2"n'</t>
  </si>
  <si>
    <t>b'\x99\xe9\xb2\xcfg\xc0B~\xe8\x0cG\x98\xc8\t/&gt;\xd2\x87u\xd3\xeeaz\x06U\xfd\xb7S\xe2\x1f\xba\x87'</t>
  </si>
  <si>
    <t>b'\x17\xc3\xdf{\x8d%\xc1|\xa8\x16\xda\x9d\xea\x8a\xb5\xcc\xefs\xa3u\xc86T\xceW\x94\x94\r6\x11\xe5\xa3'</t>
  </si>
  <si>
    <t>b'\x83\x00\xe81\x92jM\xfc\xe6\x8f\x90R\x7fS\xe7`7c\xacV\x07dr\x05\x83i\xc9\xfd@h\xee\xc4'</t>
  </si>
  <si>
    <t>b'*\x95\xc4N5\x90\x92\xac3\x92\x8f\x1c\x86\xe9\x9e\xca\xa5\xa1H\xe2[\x0f\xe4!\xa9\x92!7\xfe\xe2JM'</t>
  </si>
  <si>
    <t>b'~\x0e\x1d\x80\xd3\xdf\x04n\xd1\x13\x80\xbd\x07\xd6\xddy\xf9\x1a1\xc7\n\x8a*\x04\x9e\x08$a\x98\xba\x18\x10'</t>
  </si>
  <si>
    <t>b',\xdc\x9c&amp; \xddfsR\xfb\xd0\xf6\xea\x81\xd1%\x99\x18\x19&gt;\xf3\xa6\x8e\xc4&amp;Lys\xe6t\xae\xbf'</t>
  </si>
  <si>
    <t>b'\x04\xcc*%\xc8\xf5\x04\xbd\xcd\xe0\x8e\xc6\x02y=\x18\xb6\x17\x90\xd6\x8fFP\xc8\xfe\xe6k\xe4X\xd4\x83\\'</t>
  </si>
  <si>
    <t>b",\xc0\xb2\xfb'/\x15JI\x10\xda\x0e\xa0&lt;\xdb\xd5\xea\xcf.\xa87\xd4\xa4\xc9\x17\x874T\xee\x03\xf3\xee"</t>
  </si>
  <si>
    <t>b'\xc3\x03\x8d&lt;\xbaAfO=5\x90\xeb\xae\x02\x9c\xd2\xbb\xc4YA\xad\xca~o\xbef\xf0l)\r,\x87'</t>
  </si>
  <si>
    <t>b'\xea\xdc\xcdpd\x13\xbd\xfa$\x16\xf8EY\xe9\xb0\xa7}\xa6\xe8\x95\x7f\xf9t\x8f\x12\xc8\x07\xa0_\x13)4'</t>
  </si>
  <si>
    <t>b'\xdf\x88K\xd2d\xfa\xcd\x88X\xf5\x1fx/\x83\x90\xa50 \x8c\xf4]\xd5Q\xf5\xfc{\x01\xb5\xd1\x1d\xf1\x01'</t>
  </si>
  <si>
    <t>b'b1@\x96;\xdf\x82\xfd&gt;\x18\x01K\xec\x85X\x00N\xc3\x079m=\x92\xf6\xe1\x1b\xcf\xe8\x88\xcd\xa2\xfe'</t>
  </si>
  <si>
    <t>b'\x02\x13\xdd\xe0\x18\x10\x8e\x9d\xee\x03h\xa1\xe2\xd1\xe5\xa3\x08w\xd7\x18\x7fe&lt;Dxv\xa4\xec\xd5L5\x17'</t>
  </si>
  <si>
    <t>b'T\xa4\x10\xae\xfc\x14\x91\xc3)^Wm\x02\x07\xef\xff\x02\x8d\x05\xc4\x1cq.\xc9~\x03\x8908\xcee\xa3'</t>
  </si>
  <si>
    <t>b'\xbeE\xc3\x87\xd1\xda\xc0\xa9\xc0f\xd3u\x1e\x82\xfe\x81\xb9\xad\xefTUdg\xea6\x10\xa4\xe7D\xda/\xc9'</t>
  </si>
  <si>
    <t>b'\xc5\xec\xc4d\xe9\x84\x83"\xf5\xf2\x19\xe3\xa4\r-\xf82\xf9lK\x1c\x94\x84W\xf0w\xe0\xe1\xe3\xc5I\xf7'</t>
  </si>
  <si>
    <t>b'\xe4l\x9c\x1er\\\xc3\x03~*\x92 \x03\xb3\xb4h\xfc\xb2\xf0\x94\xc4P\xdah\xfe\xb2Y\x94gp\x98I'</t>
  </si>
  <si>
    <t>b"_lnX\xb4\xd9TTm'I\xfaBd\xf8O\x83\xa3\x16\x05\x93\xf9\xe1\xfd[\xdc-uC\x99\x04\xb6"</t>
  </si>
  <si>
    <t>b'\xb6\xc7t?I\x13\xb2\\\xa7\x05\xc3e\n`\xcb\xf8\x99\xad\xb4\x08`\xe1l\x95F\x8a\x1a\xeb\xcd\xe9:0'</t>
  </si>
  <si>
    <t>b'\xbd\xea7\xbb\xa8;Y\x06yO\xe0g\x16 P\xf9\xd6\xf1,[S\xae\xd7\x95\x81:\xf8\xf1q:/\x99'</t>
  </si>
  <si>
    <t>b'v\xb5zmx\xdc\xe4Tua\xc5V~\xe7\x11i\x1bN\xaa\xf3\xc0\x8b\x88\xea\x0e\xd4Z\x0e\rp_\xa8'</t>
  </si>
  <si>
    <t>b'\xe9\x85G\xc9L\xe8~s\xc0(\xc0K.\xb8n\xec\xd4T=\xa5\x94\x87]\x9c\x03\xfc|\xf6\xfd _I'</t>
  </si>
  <si>
    <t>b'\xbf7\xe3\xa5\xb2\x8d/\x06\x06\xcbp\x80\t\x02\x8fF\xb6\xdb\xa0\xc4\\\xce\x83\xe1\x9f\x12\\O\xa4J\x98\xcd'</t>
  </si>
  <si>
    <t>b'\xca\x9czFbI\x14[\xb4\x8c^\x12`\xd4/\xa2\x1fp\x9eH\xc6]\t\xda\xe6!$8\xb6i\xf57'</t>
  </si>
  <si>
    <t>b'\x97\x88\xfc\xefl\xe6\xe7\x87\xa7\xb0\t#r \x8c\xf0\x84\x90\x8c\xfc\x87}\xa9v\xd3y\xc6Y\xf1e\x10\xf2'</t>
  </si>
  <si>
    <t>b' P\x8d\xae\xa8\x05\xcfv\x9f\x0f\xabs\x96\xc4\x87\xad\xd40\xa2x\x8a_\xe1\x04\x99\xf7\xcd\xd2i\xbe\xe3\x0e'</t>
  </si>
  <si>
    <t>b'\xc7\xdf \x96p \x0e\x8dr\xd0\xf2\xb5\x84Cl\x94W^\xfai\xda\x1d\xa48\xa8m\xe2\xea\n\xea\xbb\x8d'</t>
  </si>
  <si>
    <t>b'S\x91P\xf2\x1d&gt;\xe6\xf3\x04\xe3\xd0\xd1\xbf\x18\x12H\xf1cF\xd5p\x94\x1d\xbfu\xbd\xd1{\x14\x8aO\xe4'</t>
  </si>
  <si>
    <t>b'\xde\x96\x1d\xd3/])s\xa0\xad\xbe\x00\x07J.\xb3\xd8-E@\x86\x91\x01\xf3\x04\x8b\xa7~\xb9$\x94\\'</t>
  </si>
  <si>
    <t>b't/w\xbc\xc4\x0f\xf5\xc4si9\x8b\x9a@\xacF[\xca\x8a\xa4K\xfd\xcd\xf0\xc3E\xfe\xee\xc2_\xc4\x9f'</t>
  </si>
  <si>
    <t>b'\xcf\xd23\xd4f]\xfes{\xafgK\xd1^R\xcb\xd2\xe2O\x97\r\x11\x97\xa6\xe6\xed|\xe6\xbc\xdf+\xb0'</t>
  </si>
  <si>
    <t>b'\\)!\xe9\xa2K\x9f\xa7\xfc\\\xb8\xab\xf5s\xa6\x19\xe8&amp;\x8d\x99\x84,@\x842\xce(\xa9\xe9\x1a\xd0\xd7'</t>
  </si>
  <si>
    <t>b'&lt;\x10\xed\xa2&lt;\xfarvn\xa0[$\xc7\xa9\x8f.jM\xad\xafq\x02\x04\xb5\x19m\xa3\xaf\xc17|\xc4'</t>
  </si>
  <si>
    <t>b't\x8f\x82\x8d\xc6\x03\x03d^z\xc5\xe2\x9a\xbb\x96B\xa5\x9b\x88\xe2\\)\xe4fQA\xed\x12?\x9d\xb4h'</t>
  </si>
  <si>
    <t>b'\x06\x15\xb0\xa2G)!2\x8ctK\xb7A\x88\x92&gt;\xe5\xca?h\x9b\xb1\x01"\x127&gt;\xb3\xb0\x8f\xff\''</t>
  </si>
  <si>
    <t>b'\xdf\x9eW\xe7\x9a\x19\nf\xe1#\x8c\xf7\xa4^%\xd1\xfb\x9d\x94f*\x93Y\xe4%!\xa2\x8aFM\xaa\x9f'</t>
  </si>
  <si>
    <t>b'\xd9\xbe\x16\x9a\xa9qI\x8fUn\x8d\xa4\xf4*s\x8e\xb3\xb7kQ\xec\x82\xe2\xc0\x1f\x84A\xa0\xd3!\x95a'</t>
  </si>
  <si>
    <t>b'\xf7\xf4\xc4\xc0\xac\x91\xd5\xa7\x82\xd2}\xba\x10\xebvX#[\xda\xd2\x8cul\xe2\xdb\xe9[\xbb\xbe\x07\x1a\xa3'</t>
  </si>
  <si>
    <t>b'\x7f]\x00\x97\xca\xc4\x19\xe1\x80\xd5\x9d\\6,\x14\xc1\x84\x112\xd5\x7fS\xfd\xfe\x832\x9e\xff\xc4rZ\xed'</t>
  </si>
  <si>
    <t>b'\x85\x15l\x8b\xc9#G\x99\xcbr\xc8|\xc7\xe1\xed\xfa]\xac\x00\xbe\xc4tA*I\x04\xc8\xd7\\\xdaD%'</t>
  </si>
  <si>
    <t>b'\x18\xf0:w\x99xbA#\x95}\xfb\x05\xfd\xfb\xc00\xb6\xd9q\xf0\xbb\xa8P\xc1\x94\x7f\xdd\x96\xf3\xd7\xcc'</t>
  </si>
  <si>
    <t>b'\x19\xbbU\xc8\xfc\x84\x96\xc2\x81\x13\x9d\x00\x03\xfc\xf5\xd6\x80\xd8F\xfaM\x97\xbe\xcf\x9f\xf5/~\xc4=\xfc\xab'</t>
  </si>
  <si>
    <t>b'\xeeDH\xc2\x02\x95\x9d\xa2c\xdd*=C\xdd\x85\x17\x9a\x9fq\xcb&amp;m\xb0\x8b\x9b\xf3\xef\xcc\xf53\xee\xf4'</t>
  </si>
  <si>
    <t>b'F\x97\xd5-\'}."\x97\xb8$=\xe9\xce\xa9\xcf\x98\x88S\xc2\xc0\xc0&amp;\x12\xce|\x97\xab\x00@\xca\x94'</t>
  </si>
  <si>
    <t>b'\x17\xc4sC\xb6:\xf9\x12\x121\x0f\xc1u\x00\xc7\xefO\xb9\xb9\xf1\xa2&lt;\xb6\xa4j\xb9\x14\n3\x98\xdbj'</t>
  </si>
  <si>
    <t>b'%\xed;P\xdbx\x8eS\xe9\x9e\n#\xfa\xf2)\xcf\xc3\\\x88P\xd9\\D\x99\xb9\xea%\xf1i\xf6\x80\x82'</t>
  </si>
  <si>
    <t>b'fR\xa96V\xca\x03,\x10\x0f\xe4\xcf\x0b\xb6Y\x01,f\\\x1d\xb8hTg\x13Q7\x1c?\x8el\xe3'</t>
  </si>
  <si>
    <t>b'Q\xbe.\xd9\x97\xc6\xe2\xe6a!\xf7g\x8d\x178\x02\xf5}a\x18*#\xde&lt;\xce\x05\xd8:\xf3\x90&lt;\xe0'</t>
  </si>
  <si>
    <t>b'\x8b3\x8aqZ_v\xdf\xa5\xc06\xa1 \x06^WZ:\x1c\x7f\x1a\xf69n"ik?3\xf5\xd9\x01'</t>
  </si>
  <si>
    <t>b'\x8eU~ZX\x9d\xcd]\xeb\xebg\x91\xb9.sd^R|t\x81\x1a\xa0\xc2\x82\xb2\xfe\x84\x91\x1b\x0e\x83'</t>
  </si>
  <si>
    <t>b'\x82n\x8cuSB\xff\x15\x80\x169\x11\x8b\x83\xa7P\x0b\t\xd1\xd4\x88Q\xfc\t\xe4\xb9\xc1\x91\xd4,o/'</t>
  </si>
  <si>
    <t>b'm?\x0bK\x81\x0c\xda\xec\x04Ih\xe9\xfa\xc1\xdbjm\xd4\x13V\xb6I\xe8Y\x9a\xda#U}2\xa7,'</t>
  </si>
  <si>
    <t>b'\xb7\x982B\xedq\xc5\xbez\xa7\xb2\x84\x05"U\xba\xbb]\xb1p9\x89w\xe6S\xd1SL\xe4\xfe,4'</t>
  </si>
  <si>
    <t>b'\xd2\x81\x13\xfc\xf7{\x0c[z\xc8\xa3u\x1a(\xf1\xc9\xbb\x8cB\xc3\x0f~bJ\xd7Ca\xa6|j\xed\xef'</t>
  </si>
  <si>
    <t>b"j\xfa\x88\xd7\x06/\xa1K\x03(W~\x10\x16^%\xc8\xfcw\xa6O-\xd7\x00\xfb3\xdd\x92'\x04\xc7\x0c"</t>
  </si>
  <si>
    <t>b'h=\xa4N?&lt;\x86\xcdV\xd9\xcc\xea\xb5\xa30\xc66\x1b\xc2\xec\x11\x93}8\x98;\x17\xf08\x8aNA'</t>
  </si>
  <si>
    <t>b'Nw+2\x81&lt;\xf2i\xe3&gt;\xc1\x91\x01\x80\xf4C\xfcT\xfc\xdcG\x82\xbe\x05\x9a3/\xf7\x7f\xa5&gt;8'</t>
  </si>
  <si>
    <t>b'\xbc\xed\xfd\x03\xa5!\xcd\x96\xe5\x87)Eh&gt;2\n\xea\xb1\xcb\xf2\x9c\xadE\x9c?\xb6t\xfb*(%\x9f'</t>
  </si>
  <si>
    <t>b'\xc0\xd8\xa5\xd0e@\xdan\xc8*4*wS\xeeA\xc6\xfe\x11\x04\x11\xb9\xbdf\xf7\x04i]0&gt;\xb7\xe8'</t>
  </si>
  <si>
    <t>b'\xc8)\xc2\xf5\x90\xb4^8R\xfa\x1d\xa8^\x91\n\xc6m\x8f\x9c\xbdd\xe2\x19\x8c\xc9\xaf\xfa)\xd2\xab\x14\xf4'</t>
  </si>
  <si>
    <t>b'\x00\xeet0v\x95\t\xe3\x889\x8d\x98\x8d\xc4\xb9\xfa\xca|\x9d\xfbK\x10\xa5A\xd43\x9da\xd4\x8f\x8f\xa0'</t>
  </si>
  <si>
    <t>b'*\xe05\xf6\xfe\x018\t\xe9\xc2\xc9z\\\xf2B^\xe5^\x0b\xe4vse\x93\x16\xe7\xf3\x14\xb4)\x11\xf0'</t>
  </si>
  <si>
    <t>b'\xc5\xdaw\xaa\xdc\x81\x0e\xce\xa6\xc7\xea7\xbd\xc2\xba=E[\\[|\xfa.c\x90\xa6\xe4i\x97,\xfa\xc1'</t>
  </si>
  <si>
    <t>b'\xa4\xf2\xbe:\xc1M\xb7\xe3G\xde\x8c\xb1\\i\xff\xc2Ho\x98%\xa9A}\xb6\x97X\xa1E;V\x16X'</t>
  </si>
  <si>
    <t>b'9\xa7\xc89\x92\xedU\x91C\x19{\xd4\xcc\xdb\xb3N4\xd4\xa9/\xc5\x15\xa4\xe8\xa4\xb4\x01~\xb0\x9fP\x90'</t>
  </si>
  <si>
    <t>b'Z\x06B\x05k\xafV\x81\xd9E\xe58E\x8b\xe4M\xd5;R\xd3\x97\xfb\xf3NC\xee\x9c(b\xd8\xc8t'</t>
  </si>
  <si>
    <t>b'\xa8?R\xe0\xde\xe7\xea\xe4\xed\x08\x83z\x13\x8a\r\xa7\x89\xbe\xda\x0c\x8c=`\xcb\xde\xba\xb0\x05\x8c\xf0z\xe5'</t>
  </si>
  <si>
    <t>b'ov\x07\x98\x11\xae0j.\xa6\xce5\x93q\xd83\x95 0&gt;\x8f\xc4\x07\xf9\xe3\xa4u\xc5\xb27\xbf\xdf'</t>
  </si>
  <si>
    <t>b'o7\x1b\xc5\xedy]\x90\xcf\xde\x0f\xb1\x8c\xb7\xd7U\x15\x807\x8f\x00B\x8c\xb5c\xbe\x9f \x90\x0e\x81\xe1'</t>
  </si>
  <si>
    <t>b'b\x8a\xd8\x88\xec\x8f\xc2\xc5\x99\xa4\xf0\xf6\xa5\xf6\x81\x19\x98\x99\xe3\x0f\r\xce\xb8\xd1\xcc=\xef0\x91^\xea\xeb'</t>
  </si>
  <si>
    <t>b'\xffq\xa3-aN\xf4\xcd\x83\xbbi*\xb4\xd0\xc2\xb9\xaa\xa5B\xb2j@\xd4\xcf\x7f \xc6]\xc1\xc6\x80c'</t>
  </si>
  <si>
    <t>b'\xeb\xc3G3w\x94\xa2\xc4\xdc\x19\xef\xee\xaaUX\x18\xa3\x91zR\x05\x0c\x87\xcbY s\x82\x80hF\x8a'</t>
  </si>
  <si>
    <t>b'\xeb\x8aa\x12\x16\xcf\xddaf\xd1\x14my\xb1\x0c\xf7\x1d;\x0f\xaa\x915,\xc8,\xf9y\x99e\xfc\x1c\x17'</t>
  </si>
  <si>
    <t>b'o\xe9\x84f\x84\xb1~\xc3vV\xff\xc50^v\xe5\xd8\xe9\xca\xb3\x8d\x13\x06P \x1b\x7fk\xc6\xf9\xd3\x9c'</t>
  </si>
  <si>
    <t>b'.H\x15\xc4Xmbj!\xeb[\x10JH\xaf\x7f\xb2\x1f&amp; \xc8\xcb\x0f\x19[H\x12U\x88k\xab-'</t>
  </si>
  <si>
    <t>b'\xf1\n\xc3g\x90y\x1d\x83;\x82\xd3\xaf\xb9\x08h\x18\xb2\x87\xa1\xa4V\xb9\x1b \xfa\x85\x08k\xb7\xc2\x83]'</t>
  </si>
  <si>
    <t>b'\x98\xab\xe0\xa4L\x01+I\xd2\xe6\xaa\x91\xc2*Yi\xc0\xad*nz1\x16\x9ec\xd4\x19\x15W\xfc\x84\xc2'</t>
  </si>
  <si>
    <t>b'\xffu\xa0k\x9eH\x9bi\x97n\xd3&amp;\x7f\x0fjV\xd5\xff\xe2\xf4\x1b\x8a\x7f\xa7\xd0\xe6w=\x97Su+'</t>
  </si>
  <si>
    <t>b'\x94\xa5]wa\x15\xb1\xea\xc0\xa3\x0es\xdft\x8b75\x15u\xf1&gt;\xdeH\x12\xdb\x99\x90\xec\xe51\x9b\xfc'</t>
  </si>
  <si>
    <t>b'\x17\x8a\x0f\x857\x19f\xca\x8d\xb9Iz\xfb8\xb6\xb3\xbb\xac1Gt\x8c /\xc3\xe5n\x90\xae\xe2\xdc\xb6'</t>
  </si>
  <si>
    <t>b'\xea\xb2\xbc\xc4W\x1a\xd3\xf58O\x00\x07\xab\xf9\xf6\x87\xb8i\x9aa\xce"\xd0\xa0C\xd3\xea\x1cP&gt;S\x10'</t>
  </si>
  <si>
    <t>b"\xf7\x15AJ\x0c\x84\x98'B\x0bS\xbc\xa1?\x1c \xeft&gt;\x19l\x16\xa4\xbc\xdc\r]9\xaf\x01Yn"</t>
  </si>
  <si>
    <t>b'\x0e$|\x8d\xde\x9dK\xc3\x9a\x92\x98\n&amp;\xa4\xe4\x96\xe9\xf0\xe0\xc2|\x1b`\x1c\xc0\x15\xd9T\x08d\xf9U'</t>
  </si>
  <si>
    <t>b'\x01\xb1/V\xd7BA\xec\xce!\x81o\xcc\x85\x86\xe7\x0e\xbc\xbd@f-H\xdf\x1dh/\x19n\x1c\xc6\xc9'</t>
  </si>
  <si>
    <t>b'Q\xd5\xcc\x8d*X\x0b?W\xa1#\x8eS\xe5\xe5\xfb\xab2\x80[,3\xa7\xae^\xce\xef`r\xdd\xb4\xcd'</t>
  </si>
  <si>
    <t>b"'\x92`\x067PAl?'\xffA\xa1\xd2n\x00X\x1c\xfe-7\xc6\xb3\xf37\x94\x17w\xf1\xb2\x1c\xda"</t>
  </si>
  <si>
    <t>b'\xc2S\x8fmqOq\xb1V\x083\xf8\xfb\x0b\x15\xa9\x9a\x7f\tV4l\xea\xea|V\x86K\x9cM\x8cS'</t>
  </si>
  <si>
    <t>b'\xdcnc\x8f\xdae\xa3\xc2\x7f=\x0cBX\x0c\xc1}\x93\x17\x15w\x06}c~8p\xaf\x95o\x08\xc2X'</t>
  </si>
  <si>
    <t>b'I\x9f\xec\xd7\xca?\xa1#.\xd2[\xa4\xd1]\xbc\xbc|&lt;\xbe\xb6\x17\xd9\xd5\xebt\xb6As\x92\x02r8'</t>
  </si>
  <si>
    <t>b'\x15\xf1\x01\xe64\xa4Y\x18\xd5H\x889\x8eT\x044\xaf\xbb\x9f\xcc\xe2\x89\xc2\x92\xbbKzVgn\xe3,'</t>
  </si>
  <si>
    <t>b'\xca|b\xa9npL)\xe1X\x01alw\xbd\xbd\\\xcaE\x0e.\xde\x1a\x8a\x93\x91\x9b\xa1\xc1l]\xde'</t>
  </si>
  <si>
    <t>b'zO\x85Z&lt;qf\xa6J\x168K+J\xab\xdd\xaf\xb9?V\xb4\x81\xdfN\x0c\x04\xe1^\x9a\xfba\x0c'</t>
  </si>
  <si>
    <t>b'\x8b\x08U\xef\x97\xb03X\xcd\xf9\x03\x08\x1f\tP\x05\x8f\xf8\x92\x1e\xdd=l\x0c\x00Vc|,\xdf\x8d\x1d'</t>
  </si>
  <si>
    <t>b'\xe0\xb51\xa0\x89`\xa5P9\x9d\x9b6#\xc4\xb4\x14\x0f\xfc_\xd2\xc9\xe6\xf4\xca\x81\xe9o\xe7]\x17&lt;\xa9'</t>
  </si>
  <si>
    <t>b'\xc3-\xa2\x81\xa1\xf2N\x08,\x85\x8a\xe7\xab\x0c\xa4(a\x12\xa6\xc7\x16&lt;\x00p-|a\xadF=N\xdc'</t>
  </si>
  <si>
    <t>b's\xb7\xad#=T\xb6|\xa7\x1awwc\x8c\xe9\x14\xfcU\xf7\xc9/\x92\x9d,c\x89\x8a\xbe\x19\x81\x80\xbe'</t>
  </si>
  <si>
    <t>b'\x8d\x0f\x00\xf7\x9fd%Owl\xde\xdc\xd5+\xdd~}\xa5\xc2\x89LV\xcb\xad\x17\xf78\x983\xf7yB'</t>
  </si>
  <si>
    <t>b' \xea\xfaj\x05m!Y&gt;;z\xc8DP\xb7_$U\xcf\x976O\xdb\x0b\xcd\xa4\x01.\x0c\xc3\xedY'</t>
  </si>
  <si>
    <t>b'\xb7 \\&gt;\xc5\xb6Kz\xef\xa0\xcb\x99\x9f$\xc3\xe2Z\xab\x10\x84\x0557;\xfc\x06px6DC\x1d'</t>
  </si>
  <si>
    <t>b"&amp;\x02\xda\xa4\x1a\xec&gt;!\x9d\xe6k\x84\x17:\xe3\xaan\xcf\x816JP-!j\xbd\x01']\xdbO\x0b"</t>
  </si>
  <si>
    <t>b"\x8b0\x83\xf0DY\xff\x8d:P\x7f\xb8m\x7fr\x14\xb6Uw^v\xfb\xae'\x88\xa1e\x11\xf4\x84\xd7\xbe"</t>
  </si>
  <si>
    <t>b'Z\xdd\x01\xcd7\x87\xf3\x17\xb8\x00\x88\x19w\xc2\x91(\x12\x03\xc9\xb4\x85\x8d^\xbb\xdc\xeb0a-q\\W'</t>
  </si>
  <si>
    <t>b'N\x89\x0f;\xeb\x95\x96v^\x1c\x08&amp;M\xe1\n\x16\xc2\xbd\xf5\x0b\x00\x13x\x85\x17\xeb\x9bh\xe1~\xe2\xc3'</t>
  </si>
  <si>
    <t>b'\x84\x9a\xbef)\xf6\t\x1d\x00P=v\x06&amp;W^l\x07\xc5\x81\\\xbax\t\xf8\xf1*8\xacr|A'</t>
  </si>
  <si>
    <t>b'\xfc\xc0\xb1\xfb\xa2XY\xa0\xed\xa3\xacz0`\xdb\xdd\xadB\xb5\xbd\xa6\x01k]\xc8\x95\x17\x95\x92\xf3\xbf6'</t>
  </si>
  <si>
    <t>b'1/n\xcf\xed\x1f\xa3A\xd1a[%\xbdz\xac\xa5\xcdh\xe2\xb0U\xe3&amp;\xc2\x9d\xe3\xae\xed\x0cye!'</t>
  </si>
  <si>
    <t>b'\x9d\xe1\xfd\xedW\x92n\x17t6\xd7wBP\x9c*}S\xa6Z\x1e\xbdJ\xd6T\xed\xa1Q\x9b\xea\x91\xfd'</t>
  </si>
  <si>
    <t>b"\x92\xccPf\x8a\xb5\x94\xc3\xfe\x7fF\xcb\x83\xd4\xf1-',\xbf&lt;\x89\xdb\xd3S\xcbfx0\xd3\x03\x15\x14"</t>
  </si>
  <si>
    <t>b'\xd0\xbb\xea\xe1\x16A\t\x1c\xad\xf8\xa5,bU\xa9\xcc\xff#\x98\x93\xfa\xfbW\x0f\x96\xf8p\xad\xc0)\x8ch'</t>
  </si>
  <si>
    <t>b'\xea\xa4\x11A\x8a\xa9O6\xd2T\xfdwADWS.\x1d\xcen\x93\xc3\x87%\xa3\x11o\x89\xb2SB\xd8'</t>
  </si>
  <si>
    <t>b'\x02\r\x14\xff\x80\x05dpS\xdf&gt;\x0f\xb7\xa1Dt\xfd\xe2\xc2{&amp;0[\xf7\x86\x9f\x0fsLzH_'</t>
  </si>
  <si>
    <t>b'1\xb30\x93\x94\x0c\xd8Z\xd2Zj\x946%\xdar\x8cOV\xf2\x9dM\xd4\x05\xa8\xd7\x8c\n\xd3\xbf\xd1\x9d'</t>
  </si>
  <si>
    <t>b'\x89u\xbf\x9e\xc2\r\xc0PO\xbd\x9dFQN\xa0wW\xf3\x1e\x9a\x0fAs \xe6\x13\x1a\xc3\x1f#\xe0\xa6'</t>
  </si>
  <si>
    <t>b'-\x06\xa5\x7f\xd17z\xe3e\xacJ\x19\x97s\xa89\xf4\xed\xea\xc9\xeb\xfe\x08\x00p\xc2\x15\nr\xf4.\xae'</t>
  </si>
  <si>
    <t>b'\rB\xe1I\x94\xe64\x7f\x06\x82\xcb\xd5\xfe\x1f\xef\xd5\x8a\xf7:\xb5d\x95\x02\x9b&gt;\xa1\x99\x14\xbc\x1d&gt;u'</t>
  </si>
  <si>
    <t>b'(\xf5j\t\x10\x9d\xaa\xd6L\x03\x00Y}J\xa5B\x82I\xbcQ\x14\x8e\x96%\x8f\xaf\x90e:N\xdc\x1d'</t>
  </si>
  <si>
    <t>b'%\x0c\x0b\xeby\xbbg\x9f_\xbb\x13\xf8[ \xcb\xdd\n?\xe4\n\xc0|&gt;_\xb1\x1a\x1e\xca\xb9\xd2\x9bT'</t>
  </si>
  <si>
    <t>b'G\x1c\xbd\xb0\xfe \xed\x8e\xed|\xdf~\x83\xa5\xd6\xdey\xf8C\x87\xfd\xfc\xb2\xd7w\xa8\xb5\xfd$\xa9\xa3\x05'</t>
  </si>
  <si>
    <t>b'\xbc^\xe9I&lt;\xbb/\x88_\x07c8\xb8\xbfN7\x9etFP\xb9\xab\xbaG\xd7\x99K\x99\x8c\xd6t\x9e'</t>
  </si>
  <si>
    <t>b'9$\x04\xc5\x8cEZ5u\xaa6:\x14\xf6\x14e\xad\xc581\x01\x9a\x9a\xdf`^w,\xac\x167\xf4'</t>
  </si>
  <si>
    <t>b'\x87r\x8a\x1a\x9c}\xa5\xb2*(rH\x0b\xc9\xb2h\xc2}\xcf\x115\x18"P\'\xdb\xa81b\xae\xc0"'</t>
  </si>
  <si>
    <t>b'\xee6\xfa\xbaEJ\x8f\xf7\xff\x1f\xdc;\xd4\x05p\xc6z\xeeF;H2k\xa13~\x10PG\x8cl\xbf'</t>
  </si>
  <si>
    <t>b'oV\xd6y\xd1SgD\x9e_\x98\xe9\xb5\x08M\x06\xfb\x19\xd9\x16z\r\x9cu\xafD\xec1\x0c\xfa\xec\xea'</t>
  </si>
  <si>
    <t>b'\t$\xa9\x1f\x15\x8fX\x00{\xb2#\x9e]\xa8IM\xbc\x8e\xa0\x16a\xd6\xa6r\x9cp0\xcdi\xe90\x05'</t>
  </si>
  <si>
    <t>b"}4\x82\xc2t\x14\xad\xf8|$\xb6\xc1\x85\xaf\xb2\x8bL\tt\x0b'\x9c\xb5\xef\xbb2\xcf\xfb\x80k\x15\x92"</t>
  </si>
  <si>
    <t>b'\x88"\x96Om\x16\x95\xe2\x97r\x06\xa3\x01\xd9\x1b\x11\x19\x17C\\\x1a\x04\xaaVD\x95,\xf1\xd7\x06A}'</t>
  </si>
  <si>
    <t>b'\xd9Fa\x89\x1c`\x89\xac\xad\x0b\x86\x85~\xeb}~A\xf4\x8c3\xb8\xd6T\xb2\xca\x95\xd8\xa3\x01\x81"\xb9'</t>
  </si>
  <si>
    <t>b'\xc0\xa2\x90\xf5\x0b\xe7Q\x04\xa6\xe6\xe9\xb5$\x8c\x05D\xcf\x18,\x18\xe8\xbfSyST\xceU\xc2v\xee\x98'</t>
  </si>
  <si>
    <t>b'3\x80\xab\xf5~g\x82{*t\x1cx\xe8\xe1\x03-i\xf1B7\t(TK\xa7\xab\xd0\x0f\xad\xd7N\xa3'</t>
  </si>
  <si>
    <t>b'\xed\xcf@n\x01\xdei\xbdJ\x84x\xbe\x8a\xed\xae=\x1a&lt;\xf1;{\xe5\\"W&lt;m\xfe\xe3pL\xfa'</t>
  </si>
  <si>
    <t>b'\x1c\xb1\xf2ID\xbe\xc9\x97(z\x14\x93E3(\xb9\xa9O&amp;\xe6\xdf7\xa6\xec\x93\xc4\xc7\xd2\x08\x15\x04\xe0'</t>
  </si>
  <si>
    <t>b'\xe5\xf5\x97x\xc6\xe3m\xf0\xe4ziY\x1ed\xdcOS\x93\xabz\xde\x88\xdf\xb7\x0c\x81\xbcred\xbc\xfb'</t>
  </si>
  <si>
    <t>b"D\xee\xdc\xdf\xc3g\xb5\x9b\x8aJ\x9d\xdd3\xaeV-\x17I9?\xcb\x16\xbd4\x05\x86\xa4'_\x8f\x9dK"</t>
  </si>
  <si>
    <t>b"W\xdb\xbbI\x86tB\xd5\xa7g\x80\xaf\xdf\x05\x1bv'\xaf\xdd*\xbew&amp;\x99\xd5#U&lt;LO\x9e\r"</t>
  </si>
  <si>
    <t>b'j\xf1\xae\xef\xbbzg\xbf\xa4=\x8b\x16_\xbe\xf0q\rg\x14"\x8d\x1b\x0c\xf8\xcd~ \x16\xe8Q\x1a\x1e'</t>
  </si>
  <si>
    <t>b'\xa5\x94T\xe5\xdf\xcf\xc78\xbe2\xbfb\x86\x07\xbe{\xda8\x99&amp;\xb8sj(z\xaa\xfbr`\x1e\x7f\x08'</t>
  </si>
  <si>
    <t>b'\x8c\xdc*\tg&amp;xwQ\xe5\x01\x8cHB%\xeb=\xb1\x95\x97\xb1\xf0\xf3\x10\x8d\xb0X\x00\x85)\xd1!'</t>
  </si>
  <si>
    <t>b'\x7f\xc1\x92\xe5\x82w\xe9\x06\x8eE\x1f\x0b\x10}\xda#\xd4\xfb\x1c\xca\xf8i^O*\xce\xc2~ `\xa6\xa8'</t>
  </si>
  <si>
    <t>b'|\n\xd6\xf0\xf2HSy\r\xb8}\xe2\x96"U\'\xbe\x18Q\xc0\x05\xd3\xb1so\xf4\r\xa2*}\x94l'</t>
  </si>
  <si>
    <t>b'\x99\xd4p\x83"\x1f\xf1\xbe\xb1Wf\xa7\x131\x1am\x984J2`\xb6\xbc#\xa6\xbd,\xdf\xec\x17\xe0b'</t>
  </si>
  <si>
    <t>b'\xd5\x8e\xb4\xf9Q-p\x9e\x96cB\x97\xf5\r\xc5\xaf)T\xe4}\xd6\xd3\x1f\xb1/e%+\xef\xceK\x99'</t>
  </si>
  <si>
    <t>b's\xe2e\xb1\xe3\xf2\xa8\x19\xe3\xee\xba\xa9\xad\xf7DH\xe9x\xea\xc3;&lt;\x96\xf6\x10x*\x94TiJ&lt;'</t>
  </si>
  <si>
    <t>b'&lt;+\xadY\x0fO\x12t\xa7\xc9\x1b\x0e\x88pU\x8b@\x01\x8d:1!\xd0J\xc0I\xc6:[i\x07\xcf'</t>
  </si>
  <si>
    <t>b'l~\xca6jI+\x01\x93bT\t\xd9B\n\xa2\xc0\xe9J\x93\x93/[\x06\xce\x87BC\x0e\xef\xc07'</t>
  </si>
  <si>
    <t>b'\x10\xf7\xb2\xe9\xb7\n\xa5\xbd\xfe\xf9oW\x083\x01\xa0\xac\x16&lt;\xd5CV\xa0\xdb\xf0R)\xef\xe0\xf5Ae'</t>
  </si>
  <si>
    <t>b"\x1b\x11\x13\x0f\xac\x13\xe7z'0\xf2S)\x8f\xf7\xf7\xb2\x8d7\xde\xdbT\x02Y%\x06{\x80h\x91\xccR"</t>
  </si>
  <si>
    <t>b't\xcf)=!\xc1\x9c_\x95:\xc3\xe6\xa6Gr*MM\xa1a\x01Rv\x83VA\xea\xb5#\xcd{\x8b'</t>
  </si>
  <si>
    <t>b'\x8cg\x87W\xdd\x842\xcf\xbfI\xf9\x1c\xcd/\x8c\x94W\xc7\xf9\xf9\xab\x88\xae\xc6K,\x95/\xf3\xbc\x95"'</t>
  </si>
  <si>
    <t>b'\xa1\xaf*\x9d\xeb\x85\x85\x9b\xad\x1bjW\x0f\x9a\xe0J\xf8d\xdf\xdb\xffML2]\x82\xb6\xdb\xf4\xf1t\xdc'</t>
  </si>
  <si>
    <t>b'\x82w\xe5\xb7l\x0c\x14D\xe0&gt;pME\xb3=x!y\xea\xa4\x0b\x85\xa8\xd0\xb7A\x16\x95\x89Y)\xc9'</t>
  </si>
  <si>
    <t>b'\xbc{Q\xf0\xfc\x82\x1d\xf4\xfe!\x9f\xc5\xe9"\x8b$p\x81\x1bW4\xfe\xb4\x08.\xbc\x1dzu\xd9"\xd5'</t>
  </si>
  <si>
    <t>b"\xe0\xa3\xb2s\x00\x00\xe1'\xca\xc8\xc2\x8c\x8f\xa8\xcf\x94Df\xe4\x07\xc45V\xd6\xd8B\xcc\x13\x9f\xacz\xad"</t>
  </si>
  <si>
    <t>b'\xe4\x1eCC\xda\xdf\xbf\xfb_E~\x01\xa3\\\xc1\xcad\xfci{_^\x0fTVWq$Pk\xc8\x92'</t>
  </si>
  <si>
    <t>b'\xef\xf8\xa7D\x00\xd6N$\x9b_\xb9\xe40f9\xde\x8f\xb7X\x04\xbfCZcC\xf4e\xeb\xd4\xf33\xe2'</t>
  </si>
  <si>
    <t>b'!\x8c!SFd\xf8 \x1d\xd57c2K)0\\\xc7\xff9\xc4\xdd\x85\x1bF\xa6\x8c\xcc\xd5/\xef\x8b'</t>
  </si>
  <si>
    <t>b'\xa3L\xf0I\xc7\xaf\x7f\xa8\xe7\xc5\xd5\xb8\x98\x8aw5\x15\x9e\xeb\xd5%\x93\t\xbedRQ\xb9\xd9W\xa3C'</t>
  </si>
  <si>
    <t>b'\xad\x8a\xf6\xc7t{\xde\rWW{\n\x08\x97.\xbd=\x1a\xd8s\xe0N\x94\x92\xb6\x1f\xf4\xb9\r\x9c\xdc+'</t>
  </si>
  <si>
    <t>b'\x9c\xaa\x11S\x1ac\xb115Z[\x91\x9eN5\x92\x94\xf6\x01O\x80\xcd\x8d\xb14|-\xf5\xa5r\x9b\xfa'</t>
  </si>
  <si>
    <t>b'\xbaP\xf0\x94\x9c\xd4\xd1\xe6n\xa7\x8eE\xbc\xf6\x9e\x93*\xbd\x17\xf0%\xd3\xac\x04\x8d\x8f\xee\xdb\xe7:\xc0\xe3'</t>
  </si>
  <si>
    <t>b'\xd2\x13d6;\xad\xd3\x89\x1cp\x877s%\xb1\xebw\x81\xe30w/p\x8b\xc0\xf9?u\x98\x1d*\xa3'</t>
  </si>
  <si>
    <t>b'Vaq\xc2\x0b"65\xe5`Lt\xe92T\xd4=ts\t?\xf9(\x03\xc5\xf70\xb2\xb7\xbdE\xc5'</t>
  </si>
  <si>
    <t>b'\xd2\xcc`i\xb5\xca\xe2t\x14\xc4d\x1bP\x8a#%k9\xd0k\xaf&amp;oq\xe8\xfb\x8bJ|qK*'</t>
  </si>
  <si>
    <t>b'\xf2"\x0c\x90\xa8u\xd1\x91\x9c\xe0qZ\x9a\xb3\x89y\xda\x93L#\xe6\xcf\x80$\x91C\xc9\x9c\x87\x1fGK'</t>
  </si>
  <si>
    <t>b'\xb6\xef\x8d,\x97\x0b\x8d\xf4\xd8z\x960\xff\xa1\x1410\xffv\x94\x15\xc5\x01\x17\x9f4\xda\x84+G^\xfd'</t>
  </si>
  <si>
    <t>b'|&gt;3\xcf\xc6&gt;\x12\xb6\xc1\x18(CE\xd0\xfa\xe4\xce\xd1=\xdcE\xb9\xbfU\xa4\x9ca\xd2c\x80\xaf\xaf'</t>
  </si>
  <si>
    <t>b'\x9dM\xa71\x0b*\xcdU\x90\x13_\xb9\xd2\tO\xab\xb60\xa3G\x9c\x07\xd6B1\x8e\r99\xc6L\x11'</t>
  </si>
  <si>
    <t>b'\x15_D)\x87}\xf2(\xebOa-\xa8\xa8S\x8f\x9camo\xed\x04\x99\xff\x0e\x18\x93\xa5\xc7\xb2\xec\xec'</t>
  </si>
  <si>
    <t>b'\x14\xe1q6\x1aQ\xb9\x9a\xd2\xf8\x1d"\xe0,\xed\x863\xa7\x82\x9aW\'\xd6@\x826@\xfa\xe1\xe2\xe8\xd3'</t>
  </si>
  <si>
    <t>b'\xf8k\t\x89\xc7!n\x1c\x85\xe9\xed|\xc7\x7fjV\xdb\xd1\x88V\x8e\x87\xf4\xbbZ\xae\xb9\xc4\xe4\x84W\xb6'</t>
  </si>
  <si>
    <t>b'\xdf\xd2z\x02M\x81\xf1\x99\xaf\xceM\xdb\xe6I\xf9\xa3\xe3\xc3IYh\xe9Ps\xeb&gt;7v\x94\xc7\xb9\xa0'</t>
  </si>
  <si>
    <t>b'\xd0\x8f\xfa\xcbp?\x8b\x00\xd1\xa1\xf1$\x02:v\x88\x1f\x07d\x9a\xfa\x89\x0c\x14\x17\x0fW\x10\xa3I\x03\x8c'</t>
  </si>
  <si>
    <t>b'9\xf7p0\x8eW\xd3HJ\xfb\xcc\x15\xa1jb\x7f+\xaeht\xa2\xa8\xa7N\xb2*&lt;U\nnj['</t>
  </si>
  <si>
    <t>b'Y/\xab\x879\x05\x18\x8f\xaf\x047J\xca\xf6\x88\x9d\xb1\xb3\xd5\x83r\xf3a@%}\xefs\x97\x81\xd8\xe7'</t>
  </si>
  <si>
    <t>b'\xe4@\xd7\xd8)\xd4\x03\xcd\xa3X\x8c&amp;QW\x8cLE\x994\xa9\xe3/w&gt;G\xad\xf2\xbd\x90&lt;l\x10'</t>
  </si>
  <si>
    <t>b'PR\xae:\x18\xec\xc5\xa0\xe2\xb6\xb0\x01\x1a\x85\xa4\x81\x19*\xae\xd4\x1e|\xedl\x89\xd9l\x11\xd7\x9a\xbf\x9e'</t>
  </si>
  <si>
    <t>b'\x80\xef\xaaTA\x8e\xe1:sc\x8e(\x1e\x93\xef\xee\x1dB{}(W\x88\x8b!\x0b\xa6\xfa\x81D1\x87'</t>
  </si>
  <si>
    <t>b"\x88\x18\xb1\x0en'\xac`D.\xd7\x1d*\x95\xdd\x10\xb3\x90T\x9d\xa4v\x02=G{\x19w\xad\xcaS\x0c"</t>
  </si>
  <si>
    <t>b'\xa05\xb9\xce*L\x90I\xb9\xd8\xf3\xa5\xe4n\xc5}?\xb5@\x96\xf2\xc4\xd7&gt;\x8f+\xb7\xa2\xb2R\x8e\xa6'</t>
  </si>
  <si>
    <t>b"*\xc2X\xa02|\xf9\xb0\xcf\xeb\x7f6\xec\xa6\r3\xc3p\x9042:'U\xb8r\xdb[\xfb\x16\x83\xd4"</t>
  </si>
  <si>
    <t>b'F7\x8f51_\x15\xa3Gj0\x0fuRb\xf7J\rS?\x99|\x07\xea\xe7\xb1\x92\x8c\n\xca3W'</t>
  </si>
  <si>
    <t>b'\x96i\xccU\xd0+\xe8\x07\x8f*\x7f;\xda\x03\xce\xa6\\4\xe3\xe3&gt;\x88DQ\xbcQ\x8a\r\n-\xf8F'</t>
  </si>
  <si>
    <t>b'\xfa\xd9\xaa\xee\xb1\n\x82\xf0\xfe\xd0ZRRZC6\x90\x17\x83&lt;\xee\x95\xe7\xbcq2\xd9\xa0\x9b\x1e\xd0\xb2'</t>
  </si>
  <si>
    <t>b'\x80\xf5o\xf6\xd6\xf2\xb8i\xa0q\xb7s\xd0\xc9\xfe\xc4\xc0\xa7\x16\xe4\x8f\x87\x9f\xcf\x99\xb8\xa3G\xb7\xbf\xd3\x8b'</t>
  </si>
  <si>
    <t>b'\xfe\x8aw\xab[\x059\xe7\xfc\xef\xa7\x19\xf6\xaa9\xca\xf7\x02\xd8\xc5\x9f\xd6\xff\xef\x02\x1e\xd6~\xbb{\xa0w'</t>
  </si>
  <si>
    <t>b'\x8bj\x96\xd4\x97&amp;\xf0\xa0m\xaa\xc1\xe2I\x96Z\r\xfc&gt;2\xdb\xce]\xb1\x90\xd4\xb4\xcc\xa4:\x05\xe3+'</t>
  </si>
  <si>
    <t>b'\x91}\xa8\x99\x9a\xba\xe8w\xe5qh\x90\x8f\xe2\x1b\x8e\xea\xb7F?&amp;O\xaeo\x08d.\xe8\xf5\x15\x8br'</t>
  </si>
  <si>
    <t>b'\x02\xc3$4=\x1b\x96\xab\x18E\x80\xc2e\x99\x1c-Rl\xf5\xb5\xd2\x81a&amp;~2+\x18\xb9\x9eQ!'</t>
  </si>
  <si>
    <t>b'\x1edA\xdeY\x08/\xa7\x0cIs3\xfc\x92\xed\xcd\x8bP\xc4\x03\xad[\t1\xcf\xdd\x7f$y\xc6^H'</t>
  </si>
  <si>
    <t>b'\x0c\xde\xb9\xab\x03\\\x9c@E\xa6u\x1b]\xd1\xe2X=VD\xfb:R\xeb$\xa3\xb1\xf1fKD]&gt;'</t>
  </si>
  <si>
    <t>b'?\xdb&gt;.\xe2\xb2\xbb\x9c\x0e\x80n\xaeX\xf21\xda\x96qV$#*\xee\\4\ry\x89\x96x\xa5\xd7'</t>
  </si>
  <si>
    <t>b"'m\xb2\xea1\xe0UN\x9e\xff[&lt;n\xe9\xd0\x80e\xab\x8d\xef\xd8\xdd\xe1Re\x00\xdf|\x1a\xb2D\xe4"</t>
  </si>
  <si>
    <t>b'S\xe0\xd8@\x16&amp;\xf2}{\xc3\xf8\x84\x05\xb5%c~?\xcf\xfaH\x16,\x0fg\x99\xf7\xf2\xee)\n\x8e'</t>
  </si>
  <si>
    <t>b'U\x81\xbbE\x0fV*Cq5\xf7~\x93\xd8\xee4l\x8c\xe6IH\x0ej\x0e]G\xd2\xf2\xc4\xd1.\x8e'</t>
  </si>
  <si>
    <t>b'-\x14\x14\x13\xc4C\xcf\xd8\xb4x&amp;\xb8\xee\x9c\xaf\xb1)u\x02u\x83\x82!\x16\x8e;o\xe2\x9d\x93\x15U'</t>
  </si>
  <si>
    <t>b'K\x80L5\xd6*a\t\xbe\x1eu\xbf:\x83m\xe9\x00\xe1|\xd2/\xb3\xc2!\xea\xc3\x0f}&amp;\x9fh\xbf'</t>
  </si>
  <si>
    <t>b'G\x8cin\x00\xf4\xe2k\x12\x8c=\xcb\xa5\xb1\xea\xd4o0D:="\x04\x0c}\xf1\x9cLoIA\xc9'</t>
  </si>
  <si>
    <t>b'\xd2\xe9\xd7\x80ndE%\x01\xa1\xea\xc5\x9f\x02c\xb83+,\xeb@\xb8;(\x90\xa5\x8fb \xa7\xa8b'</t>
  </si>
  <si>
    <t>b'?&gt;Vm\x99&gt;\x8f"\x0b\xaa\xa7t^-\x8c\x9f\xf1\xf7q\xed}&gt;\x98\xb0r\x15P\xc7\x8c\x08\xdf\xef'</t>
  </si>
  <si>
    <t>b'\xb2\x8a\xc0\n\xda\x94)\xd1\x81\x19\xe7h\xa99.d\xbc\xb5\xf6\xaeH*\xa4\xb7\x11R\xa8\x1fzk\xa2\r'</t>
  </si>
  <si>
    <t>b'\xf5\xc5\x93\xc18_\xcd\xd0\x158\xae\xa2\xc0\xd0\x02I\xb1S={\xff\x06\xd7-y\xd6\xf8;=\x99\xa3X'</t>
  </si>
  <si>
    <t>b'\xb6\xc1\x12\xc1{\xcc\xb8{\xa5\n\x88\t\x83b\xa6I-\xe1x\xc9\x16A\x13r\\|m\xa4J\xad\x99\\'</t>
  </si>
  <si>
    <t>b'S\xc2z\xf1\x8e8\x00&lt;B&lt;\xd8\xe3O\x82\xcf\xca\xd8\xef\xa0\x1b\t\x18V5!}\xee\x19r\xe6\xf6\xa7'</t>
  </si>
  <si>
    <t>b'ILk\x97ZBY\xe5*\xec!\xb3Tf\x81X\x03d\xac3,[\xdc\xc3\xae\x02\x81\x95\xdc,\xe6U'</t>
  </si>
  <si>
    <t>b"u\xeb\x08\n\t\xe4\xd6\x01F&gt;\xc3\x14L\xabg\xaf'\xcc\xe3Ai\xb71W\x00e\xf0?:\x98e\x8d"</t>
  </si>
  <si>
    <t>b'\xe3\xda\xa0-\x92\xe8\x16\x14Rmd5b\x85\xd2\xdf6\xe4\x9a\x15\xdf\x9dK\xfa\xab\xfe\xc3\x14\x00\x93\xb9\xa0'</t>
  </si>
  <si>
    <t>b'\x7f]\x1c\xb1\xb4\xe9N9\xffJA7\xcc[\xe5\x92\x90\xb2\x88\xaaL\xb6Z\x0b\xd3\xe9\xf2\n8\xc8\xd6 '</t>
  </si>
  <si>
    <t>b'\xea\x1b\x03\x01\x01\xcd\xc5\x8bj&amp;\xca\xa9\xe9+\xa1\xb2\x9f\x9f\xeeU*\xe2Q%\x04\x02\x13\x84+\xa6\x1a_'</t>
  </si>
  <si>
    <t>b' \x01m*?\xea\x0cjf\\^@\xbay\xff\xbd"\t\x08\xbb\xd0gG5.\x8b\xac\x18\xd62\xeaB'</t>
  </si>
  <si>
    <t>b'\x8d\xdf.-\x0f\xe8\x13_|\xe4\xf0\x02\xa8XB\x83V\xb2Q\x9d\x00z\xe2\xd2&gt;\xe6\x02\x8d\xd8H\xc1\xdf'</t>
  </si>
  <si>
    <t>b'W\xa7:\x9b9\xe6i\x1f\xeel\xc1F\xec\x1e\x0b8u\x95\xf2\xac\x99\xca\x0c\x05\xf7\x8d^H\xf3\x82]\xa9'</t>
  </si>
  <si>
    <t>b'\xcf\x85\xb0\xfd\x1a\x84\xacv\xc5x\xf9\xbb4&gt;\xd4\x94\xed\x05\xa7\xaa\xd9\x12\x053\x8a\xf1\x14\xb8c\x99\xf3\xe6'</t>
  </si>
  <si>
    <t>b'\xd5\x9aI8\xfe\xf8\x1fI\xb9\xba(\xdf\xb0\xee\xf8\x98j@\xc7&amp;\xf3\xc1%\xec\x92L\x97\x13\xc1i\x88c'</t>
  </si>
  <si>
    <t>b'\x11lc\xc7\xb6V\xf2!\xb5\xd8i\x062\x94\xc4\xc94\xde\xd8\xb8\x9c\x08eOm\xb9\x85V.o\xd8z'</t>
  </si>
  <si>
    <t>b'Z:\x85\xee\xce q\\~\xf0\xa2q\x88\x1d\x00\xbcW\x88\xc5\x9f\x0f0;{\xa2C;\xc6y\xf03\r'</t>
  </si>
  <si>
    <t>b'\xee\x18\xce]\x17\xd3"\xde\xa7va\x07\xea\xd5b)V0J\x90\xea\xd0_4\xfeA\xde\x12\x8a\x8d\xd0\x1d'</t>
  </si>
  <si>
    <t>b'CX\t4f3\x10\xfb\xbd\xc4[\xd9\x18\xca9\x8e\xf9\x8fmy=v.\x81\xaa\xa7]g\x8c\x07\x83E'</t>
  </si>
  <si>
    <t>b'\x8e%\x12\x04\xe7\x97Gg=\x96\x0b\x88xfI\x06\x8e\xf8\xba\xea\xa0\x05:D\xa8T\x9d\x8e\xcd\xacW\xe1'</t>
  </si>
  <si>
    <t>b'\xe0\xd4o\xc1\x19\xf5\x14\xfc\xe1\xc7c\xde\xaeT\xf1x\xf9\x02\x86+\xb4\xea\x13\xaduq)\xdf?G@\x02'</t>
  </si>
  <si>
    <t>b'RC\xcf\xcb\xc3\xa9\xbd\x95G|/\xd3\x84\x16\x85u\xaf\x8fDl\xb0+xE\x93\xec\xc7\\\xbee\x8d\x94'</t>
  </si>
  <si>
    <t>b'\x82\x98\xbfJN\xca\xf65\xe5\x17\xe0T\xbey-\x98\x9c\x87\xf7\xb3M\xac\x13z\x94\x81\xfe\xfc\xfc\x8a\x98\xeb'</t>
  </si>
  <si>
    <t>b'\xc6\xf7\x89\xdd\xe3\x9a\xbe\x18\x0f\nz`\xa3\xc6Wuz\x9c=\x81G\xe4\xb6\xe1\xfb\x89\xab\xe7`Ho\x90'</t>
  </si>
  <si>
    <t>b'P\x0b\xe3\xc7#\x9d\x15;\\ \xd4!\x86\x99g\x101\xa8\x91\xc7\xb4"#\xa3d\xfc\x9bEp@\xd4\xc0'</t>
  </si>
  <si>
    <t>b'\xbfvo\x95\xec\x91l\x96\x9d \x94\xeb\x8a\x8b\x84]#\x13\x0c\x9e\xef\xf3&gt;$\xd0\x81\x93\xa5k\xc4\x12i'</t>
  </si>
  <si>
    <t>b'#\x04\x9d\xd6\x15x\xc9\xb6\x86xT\xf3\x12\x95"ZA \xb4UN\xb4E\xe1\xb1\x7f\xd9-\x9b\x1b\xfd&amp;'</t>
  </si>
  <si>
    <t>b'\xc15\xb1&lt;\xc7\xb9\xaa&gt;\x8b\xefa\x03 4\xa3Bf\xb7\x19s\xfc\xf2\x11\x1e\x98Fw\x92MX[\x0e'</t>
  </si>
  <si>
    <t>b'=\x07\x15s\x8b\xa8n+\xf9+\xfb\x9c"\xe76\x96\xd1\x1c\xbf\xc10^\x0eO\x8b\xe1T*4\x0b8\xb0'</t>
  </si>
  <si>
    <t>b'\xde\x19\xc2\xad\xba\xdd^2\x1aJ\x92\x14\x8c\xe4\xb9#\xeaj\xa3\xcd\xca\xa3\xf9\x97\xb1\x03\xabd\xce\x80\x07\x93'</t>
  </si>
  <si>
    <t>b'`p\x82\xabq\x86&amp;\xc2\t,T\x8e\xf2R\xd6&lt;\xe5\x8b\xfbG\xf3\xfe\xf5jV\xed\xc5O\xf3UQ\xc2'</t>
  </si>
  <si>
    <t>b'l\x8e\x0e\xa0d\xf9\xf6\xb1\xb8+\xf4\x90~-\x03^~\x94\x1c]\x12\x8f+\xd3\xe5\xd3\x93\xbd\x0f[\xaaz'</t>
  </si>
  <si>
    <t>b'\xfa\xe6o\x1cU8y,Q\x98P\xfa\x9a.Pbz&amp;\xdc\x10\xd9\xae$Q\xf3}\xba\xee\xec/\xc5\xda'</t>
  </si>
  <si>
    <t>b'\xe3&lt;5\x94\xe0\x9a\xe4\xaeCz\xda\xc2I\x9b\xae\xff\x89\xa7%*\xe1\xd7\xde&amp;\x11\xc6\xd34\xc7\xba\x04\x85'</t>
  </si>
  <si>
    <t>b'o\xab\x99\x84L\xfcr\xca\xf3\x8f\x16\xe3\xa4\x8a\xb0\xe0\xe8\xc8T\xea\xa0\xc0\xa0"\xa5Uo\x891\xa3\xcav'</t>
  </si>
  <si>
    <t>b'\xfe\xbe7\x9c:J\x19\x0b\xac\xae\xc5\xec\xb5/\\m\xf9\x7f\xf7x\xff\xb5\t\x8f;\xd5\x9d\x02c\rq\xfc'</t>
  </si>
  <si>
    <t>b'-\xaf&amp;\xfe\x9b\xec\x9f\x1dt\xb5-\x83O\xff\x8b\xc2\xe8\xb7Lg\xc6\xc2-|NQ(\x85\xf3\x10\x11Y'</t>
  </si>
  <si>
    <t>b'\xc6\x98H1YI\x04\xead\xb7\x11\x03\x8c+/\x162\x0f\x93\xd0\xeb]\x1d\xb8\x1fd[\x98=\xd8\x8ag'</t>
  </si>
  <si>
    <t>b'\xd0l\xdb\x15;1u\x0eS\xb2\xeaGQ8\x97\x8fV?\xbc\x9fQx\xd9\x8d\xadpQ \x82^\xc1\xc8'</t>
  </si>
  <si>
    <t>b'S8\xc3R\xce\n*\xfd-\xd5\x99\xb1\xa7}gn\xae\xccj\x933\x15\xb6a\xddK\xaf\x1d}\xd6\xd6@'</t>
  </si>
  <si>
    <t>b'\xcf\xdes\xe7q/n\xe4\xd9E\xdb\xa8T\x86""\xf0\xe0\n\xb2\xedH\xbd=I\xe3\xb7$\xc95\xf6\xaf'</t>
  </si>
  <si>
    <t>b'\xef\xa9c\x06e+\xc3\x9f?*\xb1\xf2\xbf\x0b\x8blk\x9d\xc7\x06)\xe0\x9e\xa87\xb7\x8cOZ\x13\x9d/'</t>
  </si>
  <si>
    <t>b'X\xc4i\x0b\xec\xebI\xe1\xabY\xed\xfb\x8e1\xc1DBj\xd9s\xb6\xddJ\xe4[\xbcj\xa27\x99\xdeQ'</t>
  </si>
  <si>
    <t>b"3\x8f\xda\x15!N\x83\xb1\n\xa7\xbb\xd9\xce\x82\t%\xe2b\xd7`'\xd0\xca\xa2Ut\xd6\xf4F\x98#\xe8"</t>
  </si>
  <si>
    <t>b'\xc3[:.RHVS\xe8\x82@\x9a{\xd5\xd5\xa1\xcbktG\xb6\xc6i\xee\xe3\xee\x0e$&gt;\xd1Q\xfc'</t>
  </si>
  <si>
    <t>b'@\xfd\xfd[mi\x8f\x80X=\x02\x93\xdb\x81{!\xc3\r\x14\x1eFK\xacU\xc1\x1f+\xa3@\x9c^E'</t>
  </si>
  <si>
    <t>b'\x1c\x15\x00\xa4\x8c\x8fe\xb4\x0fB\xdd\x1e\xf2\xce\xe5\x14!\xc3\xff#\x05\x06/n\x93\xb1\xfdz\xeej\xa1\xb4'</t>
  </si>
  <si>
    <t>b'\xd8\xe9\xfb1\x05\xfd\x99\x88\xcf\x80+\xbd\x9ey\xdfD\xc3\x94y\xd0h\xd5P\x08\xea&lt;f\x96\xea\xaf\x833'</t>
  </si>
  <si>
    <t>b'\xec"\xbd\xb8\x85\t\xca6~V\x10 /i\x13\x82\xe2\nQ \xc6\xd1\x1a6\x98\xa5X\xf0\xb0l6\xa8'</t>
  </si>
  <si>
    <t>b'k\x983\x1d\x15\xae\xaf\xba\x98\x82?\x9d9\xb6\xce\xd7z\x896\xec\x80\xf6\x9d\xe3\xdd\x13\xfa\xd9l\xba\xf9\x99'</t>
  </si>
  <si>
    <t>b'\xb6\x86\\M0\xcdO\xb8\xfe\\D{\x02I\x13\x7ff_\xae\xc4]}\x83DW\xb2X}\x17-\x15\xd1'</t>
  </si>
  <si>
    <t>b'\x13\xc4\xe5\xf23\x82 0\xb7\x8e\x1a\x9c\x1f;{w\xa8\x08\xe7\xf8D\x8c\n\xafH{cOd@iY'</t>
  </si>
  <si>
    <t>b'\x13\x9a!\x13P\x13y\xfe5\xf5 \xce\xb0\x83y\x81\x1e\xf5\xe9\xc2\x9a\xd2\xfdiko\xbe\x0f\x01h\x0e\xdd'</t>
  </si>
  <si>
    <t>b'{\xbd-;}\xa7\xd5D?\xbex\x00\xc2_\xb4?dd\x8d\xf1\xdd\x80\x89\xd7n\x0ekZ\r\xd0:L'</t>
  </si>
  <si>
    <t>b'\x86\xfdu\x8e\xec\xbe\xe0\x8f\xe9x\x90\x05\xaa*;o\xf6\xbc4|\x06\x92Y\xd7\x8d\xdd\x15\x84\xfb\x95\x8d\xf0'</t>
  </si>
  <si>
    <t>b'\xcdl\x98\xfa\x16\x81js\x99\x1aM\xb8.\x8b\xde\xa3\x1c\xcc\x985{\xb5\xef\xe7\x8cL\xed\xb6\xa7\xa7\x15\xc2'</t>
  </si>
  <si>
    <t>b'0\x81"p(\x93H6p\xed=\nD9\xdd\xc6\x04i\xecdr\xa0\xf8a(\xc0{W\xd1E\x9fC'</t>
  </si>
  <si>
    <t>b'#&lt;\x80\x0f\xbb\xfb5Si\x0b\xc2\x01G\xab\x14\xc1\xdba\xef\x91H\xef\xe4q"\xc1O \x892\xe7\x95'</t>
  </si>
  <si>
    <t>b"Q\x14\xd2\xdd\x00\x8a\x01\xc5 a\x85j\xcd\xdc\x85'\x1a\xc1z\x0c\xbb\x0fm-\x01\xa9+G\xb2\x1ck&gt;"</t>
  </si>
  <si>
    <t>b'Q\x13j\xdc\xc3\x08p\x8a`\xb1LT\xa0)\x0e\xb3\x8ci(\xdd"\x027j\xf2\x87\x07;dgg\x92'</t>
  </si>
  <si>
    <t>b'\x1d5\xbbK\x9c\xb8\xd1\x98E\x12\x8a\xfb\x8b\x0b/r\xd7\x07G\x1e\xd8C\xc8\n\x0e\x8bXo\x15\xde\xb5\xf7'</t>
  </si>
  <si>
    <t>b'\xdb^\xaa|\xd3\xc8\x9f\x8c\xce&lt;+\x87\xd6\xe0\x05\xbb\x9b\x82\xaba}\x81\xc7\xa9\x94\x1e3\x89\xd3\xca\x95"'</t>
  </si>
  <si>
    <t>b'EIWQM\x83`\xd2\xecL6b\xa5\xadl%\xa6*\rs\x8c\xe6\xe7\xf5\xfa*E\x08\xcdj\xb2\xdc'</t>
  </si>
  <si>
    <t>b'e\x86\xa4\xf0D&lt;\xc9S\x84&amp;\xf9\xbc\x04g\x99\xe6\x1e|\xf8\xe8\xda\xdd\x00%\x00\xfbb\x1f7\x96\xc1b'</t>
  </si>
  <si>
    <t>b"_5\xa2\xcb\xe2\xe9H)qY\x91\xc5Wt8\xea\x88\xdd\xc8y\xa6\t\x1f\x0e'\xbfT\x82n/\xbd\xcc"</t>
  </si>
  <si>
    <t>b'\xfa\xaae\xdd\xf1\xa6ZL\x8c\x07,G{W\x1b\xff\x0b}D\xb2oYJm\xd1\xce\xb2\xd6o\x9d\xe6\xe8'</t>
  </si>
  <si>
    <t>b"\xd3\xac\x94\xa4'\xb9\xac\x00\rx\xe4m\x81n,\xa1]\xe1\xc3/\xbf.\x8dj\xf7\\\x02B\xb9\xac\x03x"</t>
  </si>
  <si>
    <t>b'\n\xdd\xde\xf5\x83\xa11\xd9W\xd9\x92\xea{H\xc9\xc6\x13!\x8f\x843*\xf9X\x17v\xee\x8d\xa7\x0ei`'</t>
  </si>
  <si>
    <t>b"\xe3\xb5\x8c\x1f\xd5xh\xb5\x82pF=\xd9\xe9is\x1f\xaa\x84\x90O\x82\xfa|\x9a\x0b\xfb['Bj\xe6"</t>
  </si>
  <si>
    <t>b'\x8a\xb1vN\x8a\x82\xbd\x97\x08R:t\xa9\xd9\xd5\x93\xd1\x06\x06S\xc7\xd0\x12\xd4\x12&gt;\x88\xd6\x05\xa5\x06\x9f'</t>
  </si>
  <si>
    <t>b'\xeb\xb7\x0c$\xf2k\xc7\x03\x9f\xb2\xc4\xd5m\xcd,\xa1\x99\xe5\x0ecX\xf2\x87\x06v\xea&lt;@\x0e(\xee\xd8'</t>
  </si>
  <si>
    <t>b'?zS\x87\x0b\xfa\x7fo2\xe6\xb6\xb5\xed\xd7f\x8e\xf5vh\xef-\x93rn\x14 cW\xb7\xfd|R'</t>
  </si>
  <si>
    <t>b'=y\x0c\x9e\x92\xd0\x07{\x91\x8bY\x1a\xe2?\xe2\x98^\x93\x92&gt;\xc4\xfb\xe8\x92.\x9c#\n\xa9\xca\xbf}'</t>
  </si>
  <si>
    <t>b'\xff-\xf2n\xab\x07\xe2\x1b\xd8\x91T8\xe4-\xfcNej\xe3\x8c\xd4OS\xd3&gt;S\xae\x1c\xafc\xf8\xb8'</t>
  </si>
  <si>
    <t>b'\xa6\\\x1d\xba\xa5\x93\x12\xac\xa5\xb6\xce\xda\xbc\x04\xa1EBo\x7f\x08\x12&gt;\x19\xe5]k\xcf\xc3\x8dw\x99\x00'</t>
  </si>
  <si>
    <t>b'JF\xda\xb5\xab+\xa9\xd9{\xb1\xba_&amp;\xae|A|\x0b+\x98\xe1\xea\x03\x9e\xb4r_"a\xac^\x9c'</t>
  </si>
  <si>
    <t>b'\xcf\xe7P\x0eP}|\xb64\x0c\x01\xdd\x1eQ@\xfd\x9c\xbf\xea\x87\xedo\xa2\x1fB\x1f\xbb+5\xb8e\x08'</t>
  </si>
  <si>
    <t>b'@\xd4?\xc0&amp;\x8b\xe7&amp;\xf5\x7f\xb3\xa2\xd7\x97\xb6\t\xfd\xe1\x8c\x97Zp[\xfa\xca$\xd8\xbf\xf0\xb9PS'</t>
  </si>
  <si>
    <t>b'\xe9?\xdf\xcc\xf3j\xbb\xa9Q\xb0)\xbe|0\xd2\x01\xe7l\x9dPk\xfc\x05\xdd\xf1\xed\xb9\xc2-O}j'</t>
  </si>
  <si>
    <t>b'\xf17|mD^\xe4 g\xebHj\x10 \xfd\r\x91\xady\xb7\xd3L\x10+a\xef\xd4\x13\x10\xbd%8'</t>
  </si>
  <si>
    <t>b'\xad\x7f\x04\xc1&gt;9\xc0H=\x1a[\xd9X\x11\x9ekk\xa1\xb7\x1f\xf8\xc8Qx\x0e\xba{5u@\xce\xc0'</t>
  </si>
  <si>
    <t>b'\x0c%Pg\xa4\xd1\x82\xde"@\xaby?\xe8\xbe\x12\xf6C\xbc\xfd^\xb9l&gt;\x08\xc6\xc4\xa1\xce\xa7\x80:'</t>
  </si>
  <si>
    <t>b'S\xdc\xc35\xb8\x02\xa8\xcbs\x00\xfa7\x0fL\x81F\xeb`2\xfb\xbdnYp\x17\xa3 \xc6B\xb3\xdan'</t>
  </si>
  <si>
    <t>b'J\xd9\x88D\x95\x9b\xa770J\xb6\x97 \xab\xfb\x0bsCw\x19\xd1\xa46\xb5L\xe6Yt\xdbX\xd9\xf0'</t>
  </si>
  <si>
    <t>b'(\x02\x9a\x81:\xba:\t\xd4\x1bB\x00\x18/+\x83l\xd0L\xc9\x15l\x07\xa4\xfa&amp;\xe9\xd5\xf9\x12K\xb2'</t>
  </si>
  <si>
    <t>b'\xdc\xd5\xe7Pf\xa2&amp;\xc5sZQ\x83\x89\xc1\xee\xd1\x8d\x05\xcbO\x96\xf0\xa2\xb5_\x91\xb3F\xd5c/o'</t>
  </si>
  <si>
    <t>b'\xf5\xe9\xa7\x12\xbd\xd4v[\xc8\xf5\x164\x9d\x12\xf1\x96\xecu\xea\xcc\x04\xca.X\xd40\xad\x92\xd7H\x0f\xa0'</t>
  </si>
  <si>
    <t>b'\xf2\t\x12\xef\xeaox&amp;\x1a.\xac\n8Xd%\x1ds\x92\x10\xdf\xa3t\xf4gS\xc4)\x06H\\\xde'</t>
  </si>
  <si>
    <t>b'o\xcf\xa8\xc9#\xba\xe9I\xd8\x03\x84\x07\x0b\x95H\xc7s\xebq\xf4x\x06\xb6\x8b\xaab!j\x85\xf9\xde\xbb'</t>
  </si>
  <si>
    <t>b'\x17D.q\xbe\xa5\xb6Cg\xc04p\t\xa7\xd4\x93\xcc\xa7\xec:\xda\t\x9f-KS\x17\xcc\x01\xf2\x04o'</t>
  </si>
  <si>
    <t>b'\x17\xdd\x88\x03\x8d\xdc]\xae\x94?\xa6\xab\xc7\xc6\xbd\x16\xb6\xa7\xae\xe9T\xc6U\r\xfa$\x8b\x93\xeb\x7f\xaeH'</t>
  </si>
  <si>
    <t>b'x\x9c+\xac\xfd\xc75\xa7\xb6Km&lt;B\xea\xc8z\x07\xfeau\x87\xc6\xf3\x11b*\xc4(h\xab\x1c\xa6'</t>
  </si>
  <si>
    <t>b'a\xb4Ywi\x15\xbf`K\xa4\xca\x08\x8f \xf0U\n\xdeo\x0c\xc3\xf5f\x9a!\xf9\xaa\x01\x82p\x18\x89'</t>
  </si>
  <si>
    <t>b'\xa7E,\x9adi\x95\xfeTf\x13~\xbf\xde\x84N\xf2\xe2\x82l\xb8s\x18#(\x94|\xf9\xd3\xfao\xe0'</t>
  </si>
  <si>
    <t>b'3\x8em\xdc\x0e3\x91(\x99|\xa6m\xa9\xed\x9a\x897Q\xcd\t"\x08\x80\xaeb\xd7\xe2\xdfZg^\xb6'</t>
  </si>
  <si>
    <t>b'\xd1\xad\x90$l^\xce\xa1\xdf`s;\xdaak\xec\x8f\xcb\x0f\xcc\x1d\x14\xdbh*vtU(\x00\xbbl'</t>
  </si>
  <si>
    <t>b'\xc74\xae\x1cY\xc2H\xfdsh\xd8\x10\xa9\xd1=\x7fL5Y\xc9P/\x8f!V\xfd!M1\xe9\xf0\x88'</t>
  </si>
  <si>
    <t>b'&amp;\nGHt\xad\x94\xb6I\xfe\xb3\x98\x14\xa6x\x00\x14:0\xc42\xf8+D\xc4\xcc:\xf2\x82\xce\x80\xf9'</t>
  </si>
  <si>
    <t>b'\xfb\xf2[4\xc0&gt;\xaey\xec\x17\x1b\xf4\xb3\x0c\x1am\xc3\x00\xe1\xd1\x0c\xd1\xc3\x89\xc9\x196\x1eU\xe5\xc4.'</t>
  </si>
  <si>
    <t>b'\xc9\xad\x9f&lt;\x18P\xe3=f!f(Y\xb3\xd3\xf4\xa0\x9e\xcd\x99\xa0\xe6\x11\xc0\x1c\xc7\xc37\xaf\x11\x1b\xb6'</t>
  </si>
  <si>
    <t>b"f\x10\xa2(o\xcf\xc5T\xb1'fI\xb2\xb6\xa4\n\xcd^\x9fyF\xd0\xe1\xfb\x8a \xfd\xe1\xf4\xb7\xfaS"</t>
  </si>
  <si>
    <t>b'\x16\x022\x06\xcfax\x030\xcdWP\xdd\xc1g\xfd\xe9\xf9\xe8\xdfxE\xc1\xdb\x13\xfdS\x9f$\x18S1'</t>
  </si>
  <si>
    <t>b'\ry\x14\xcfy\x05\xbb\x19 \x1ft\xfc\x1c\x94y\xb5s\xc9\xec\xf2\xd7/\xb6\xbd0\xdf\x1a|`\x0c"\x03'</t>
  </si>
  <si>
    <t>b'\xa7\x02\xf2\xe4G\xd1\xe3\x97\xacE\xcb\xc5\xb2V\xe5\xe2\x11\xf3\xe5(\xa5s{\x02\x1d\xb9)L6\x92B\xc1'</t>
  </si>
  <si>
    <t>b'mS\x17b[\xa3\xe4\xa9(\xc3\x1f\xa1\x04\xccc1\x05pr\x1bo\xcb\xc4\x02\x05\x8aZSy\xb0\x18;'</t>
  </si>
  <si>
    <t>b"\xc9\xcc.\xdf\xd0\xe6\xab\x92\xa9p\x8f)\x9d\xcak\xfa\x81\xb6\xe0*\xd7B'\xc4\xad\x9fUPWrTm"</t>
  </si>
  <si>
    <t>b'\x1c\xc4\xf5&lt;\xef0M\xde\xe4\xdc\xde=\x13(\x01\xcd\xa7\x99I\xebO\x0bx\xb1r/\xf6Gc\xf0\x02\xd2'</t>
  </si>
  <si>
    <t>b'\xe9\xf9i\x0e\xd8\xe3\xd1\x17\x84&lt;+Qo\xac\xa8 \xcc\x06\xaf\xf4\xf6\x8eO\x8e\x87\x1dD\xefu\xa0e\x82'</t>
  </si>
  <si>
    <t>b'\xd2&amp;-\xcd\x03v\xc3o9\xdc\xaab-\xa6\xf8\x07\x17\xb9\x87\xc0\x9fsH\x04\x81\xa1:q\xc8\x83\x80\xc7'</t>
  </si>
  <si>
    <t>b'\xb4((\x0b\x0b\x07d\xc2\xda\xb5\x1b|y \xfe\xc3\xd7\x0f\xb4\xd8\x8au6\xe8w=\xd5U\xec\xa4H\x08'</t>
  </si>
  <si>
    <t>b'PH\xcf~\xfe\xf4\xf0/b\x0c\x9e\x1bX\xd6\xe8{\xadP\xa4\xf6\xb7\x94\xfc\x17\x86\xf1\xc2\xa4g\x1d\x1b\xf1'</t>
  </si>
  <si>
    <t>b'\x94z\xdb`{\xc7\xe9\x12\xd5\xa5\x08\xe5\xa3.\xdfyf\xf0\x14\x1f8\xcd\xee$k&gt;\xdc\x1b!cH\xde'</t>
  </si>
  <si>
    <t>b'&gt;\x9c\x85\xd4\xce\x86\xce]U\xcc\x15*\xca\xef\xdc\x91\xb4\xab\xe7\x85\xe2\xe9\x0f\xb1\xf4Z\x9a\x9e\x0f/\xdd\xc9'</t>
  </si>
  <si>
    <t>b'qj\x7f\xd8s\xc7\x07\xbe*h\xdb\x86\x8a]\xa0\xac\xc4Rf}TM\xe2\xf8g!P~\xb9c\xf3\xaf'</t>
  </si>
  <si>
    <t>b'\xad\x17K2\x10\xd4\x19Im\xe7v\xc7\nH\xa7{\xeb\x19iz\xd9\x04,\x91c2\x17o\xa5X|='</t>
  </si>
  <si>
    <t>b'+\x16\x08\xb2\xce\x07\x8d&lt;6\xf8\xfc\xa8e\xf5\xf0\xec(\xa7\n\xfb]\xec\x0c\x05(\x11\xb7\x07\xc03b\x87'</t>
  </si>
  <si>
    <t>b"\xa34G|\x1a\xb7n\x1c\x91=\xee\xf2{\xb1\x05c\x973&amp;\xa4\xa7\xb3\x03\xf6\xee\xfa\xb0v'N\xc2\x11"</t>
  </si>
  <si>
    <t>b'\xf5\xd7H\x95\x87\xedJ\xe13\xec/\x9ffdN\x93\x93\xb4\xd9\x7f\x91\xc9\x02\xc0\xf0Q\xa5pF \xc85'</t>
  </si>
  <si>
    <t>b'\xe6\xd8[\xdb\xfa\x83\xe6\xa7\x92\xfb\xc7\xd8\x00^\x1c\xbff\x9d\xba\x94\t\xed\xf88p&gt;\xb0\x183\\`\x89'</t>
  </si>
  <si>
    <t>b'\xa9\xe2y\xae\xef\xe6(}\xbe\xed\xca\x04i\xe7\x8e\xe8\x8a\xce\xb2\xbf\xb5;*\xdc\xac\x9e\xbc\xd2\x9f\xa0\xe1\xe2'</t>
  </si>
  <si>
    <t>b'T\r\xfd:\xc9\xa3w\x93K\xd2\xbb9Z\xbb\xb4\x13\xea\xf09j\x10D\x1e\x1b \xa1\xbc\xb1W\xa9\x04z'</t>
  </si>
  <si>
    <t>b'\xd7\xf3\xee\xdcC\x00\xeaO\xc6\xa9[\x9dHA\xc3\xa5\x89\x02_\xde\x8b\xd3#\xed\xe2\xcd\xdb\xc93?\x1c\xf5'</t>
  </si>
  <si>
    <t>b'\xd3\x87B\xfc\x02\xff\xc9u%mR\r\xc9\x9c\xe6\x97]\xc3\xb0D\xb3\xc2\x1ekD\xb2%-T\xc0\xbb\xfa'</t>
  </si>
  <si>
    <t>b'\x12\x19\xd8_\xa5\xeem\xcf\xe6\xe1r\x8d\xfa\xb00\x8f\x8a\xb6a\xc2\xff\x0b\xf9\xd0\xef\xbb\x04\xeb\xa6\xc8\t\x94'</t>
  </si>
  <si>
    <t>b':\xa4\x12\x1dLI$\xeb\'\x11*\xae\xf6\xe2"\xe5k\xcfn\x0c\xf8\x91;\x06\x9f\x9e\xbds\x121\x0f#'</t>
  </si>
  <si>
    <t>b'\x95\xcdt&amp;\x83J\x0cw]\xcd&amp;\x14\x97IG|\xc4\xdd\xecHn\x99\x12\x9f\xceY&gt;\x0eB\xce\x9f\xa2'</t>
  </si>
  <si>
    <t>b'(9\xfd\x10\x17I\xfc\xb6\x0bf\xdfyv\x957;\xa3M\xb2\x14\xc4\x97Yo\x82\xb5|n\xf9\x87A\x8d'</t>
  </si>
  <si>
    <t>b'\xa8\tPw\xd7\xb0\xd0a6\x0e+\x94\xb9\x08\r\x18g\x11;2\xc8\x19s\xcb\x8c\xb7\xc7\x8c5\x16\x1d\x10'</t>
  </si>
  <si>
    <t>b'\x0bx/#\xc7\xb2\x00e\x15\x7f\x04\x9c\xf4\xf6\xb2\xfa\x1aQ\xbb\x8bL\xe886a\x15\x12\xfct\x84:\xd7'</t>
  </si>
  <si>
    <t>b'6\x88\xf0\xe7\xa6\xd2\xd4\x9b\x9ev\x95F\x93\xa8C0\x12U\xe2\xf1\x93 \xc7\x98\xe7"Sr\xd2d\x8d\xa9'</t>
  </si>
  <si>
    <t>b'\x96\xbd\xc3w\xc2@e`\x9a\xb5\xd7m\xe9\x022Q\xe3WT\xac\xd7\xf3\x1b,\xfb)nx\x8a\x05\xb0\x0f'</t>
  </si>
  <si>
    <t>b'$\xdd\xfd\xf3;h\xf2\x1c\xbc-\xd0A\xb4\xa5\x15&gt;.~2\x1e\xde\x99\x04v\x9f\xc8&lt;";M\xec\xce'</t>
  </si>
  <si>
    <t>b'\x17Q\x03r4\x8a\xbf2\xc7\x90m\x19N\xe0\x06\xb1L\xbc\x8a\xd5\xd3!\xa7\x1c@\x91&amp;\x8d\x06\x8cI\xdf'</t>
  </si>
  <si>
    <t>b'C\xca\x82\xfa\x17Y\xb5n\x11\x8dm\xf5\xca\xbd~\xaa\xd9|\xcd\xc7\x13\xd8\x1f\xa3\xe0zV\xa1]\xf4y\x14'</t>
  </si>
  <si>
    <t>b'w\x1a\x89\xe3*\xc94\x10\tD\xf6\x9e9\xabD\xb7\xf7\x1f\xcf1\x11\x82t}P\x88\n9\xc1\rc\x7f'</t>
  </si>
  <si>
    <t>b'@0 \xcb\xcb\x0bz\t\xa8\x88\xabN\\a\x8b\xce\xa881\xe4vXU\x052+6rV\x17\xe7^'</t>
  </si>
  <si>
    <t>b'\x88\xd0\xbb]i\n&gt;\xe9\x1bP\xb3\xf8\xe5\xa0\x82\x0cj\x9d\x8d,\xb6\xf4\\6\x8e4\x85\xc9\xa8\xba]\x07'</t>
  </si>
  <si>
    <t>b'9 L\xc2\x837m\xd0\xd5\xec:\xa6Wf!\x08\xa3\x04\xf91\xda\x18He\xc4\xce`\x87\xb8c\x14Q'</t>
  </si>
  <si>
    <t>b'\xeeY\x88\x94#\x82S\xab\x0e\x816\n\x9fg\xef\x1c,B\x12cI\xb0\x0f\xeb\xf0\x1fx\x11 {,]'</t>
  </si>
  <si>
    <t>b'\x134%\xbb\xc1\xe6)\xdc\x05\xdbB\x7f\xa6\xdd+$\xff&amp;\x86\xd9F\xa3\x9f\x1a^$\xeaoB\x1fx\xf3'</t>
  </si>
  <si>
    <t>b'\xae!I\xe1\x8e\xbdo\xee\x14e\x8e#\x14\xc65Jn.\xb4\x9e2\x91\x96\xebf\x14\xb5,\x00\xb4\xc5\x9c'</t>
  </si>
  <si>
    <t>b'h3\xf1o\xbaY\xe2L*\x05`&amp;\xd1Q\xccA\xc6#\x90\x0f3\x81VuU\xb1\xe4\x04\x97b`\x01'</t>
  </si>
  <si>
    <t>b'\x0c\x7f\x11\xb1\x84|V\x1d \x14.\x0f\xd3\xa1\xe5M\xccQ\x14\x1f\x96\xc8.R{\xf7s\x90rN\xc9\x90'</t>
  </si>
  <si>
    <t>b'\xf6z;56\xc3\xa2\xe2\x02\xbca\x96T\x91G\xf9A\xc4\xa5\x9aL\xe9h\xea&lt;=\xb2,\x13\xef:`'</t>
  </si>
  <si>
    <t>b'\xe4k\xe5\x83\x82G\xde\xa1\xa3\xc7\xdc\xda,m\x81tb\x8d\xe4\xa2\x9ams\x82\xb6*\xe8\xf9{\xbd/\xbb'</t>
  </si>
  <si>
    <t>b'!W\xedT!\xf2JTU\xde9{\xaf\xb6\xc8\xd5\x861\x9b\x8aH\xb3\xfa\xcb\xaa\x1c\x86,|\x8c\x8e0'</t>
  </si>
  <si>
    <t>b'e\xb5/|\xf6%\x01\xa8\xb2\xfc\xff\xfd#\xde\xfd\x8b\xd3+ \x95\x92\x9a.\xbd\xfc\xf2x#\xc3\x8dp\xba'</t>
  </si>
  <si>
    <t>b'\x84\xf0\x81\xca\x95\t\xe2\x1c\xd2\xa9\xce?\xd2%*\xfc\xe1tSQ)\x7f\r\xa1\x87\xe2\xa0Z\xc9X\x18\xfb'</t>
  </si>
  <si>
    <t>b'\xf0\xa5\x0b\x19\x10\xee\xea&gt;\xdd\xbc1\xc4\x11Z\xdc\xf6\x0c&gt;\xa73|!\xbau\xd5hc\xbe\x86\xf8\xc1\x8c'</t>
  </si>
  <si>
    <t>b'5Ks\xbd\xbe\xc6\x8a\xf6Fn\xed\xd8C\xdcD\xed*\xa3!Qat\xd7\xb4\xa1\xa4\xc3\xb1\xf3\xd2\x03\x8d'</t>
  </si>
  <si>
    <t>b'\xef\x1fKN\xa1\x9et\x96\x13\xb0W\xc3\xae\xd6u\xd5\xfc(\x9fO\xc9\xf4\x07\x9c\xdc_\xba\xb8]\x97Z\xca'</t>
  </si>
  <si>
    <t>b'\x98\x95\x19=\xda\xe0\xcaC\x12\x90\xa8~\x9b\x89\xc8"\xe8\x06\xfe\xc6\x0b0\xd9\x15\xda\x9a5\xb4\x05\xbb\xe2`'</t>
  </si>
  <si>
    <t>b'-{\x1f^\xa7\x8a\xe5\x81\xb8y\xfe:\xc6e\xea@xM\x13\xf0\x9f@\xa3@\xa5\x93\xd2N\x15\xaed\xcd'</t>
  </si>
  <si>
    <t>b'8(\xa8\xfe\xd3@\x1b\x97p\x9e\xec\x03\xf3\xca34;\x0f\xf2T\x98\x8b\xf4\xb3\xd9\x06te\x00\xd2\xc8o'</t>
  </si>
  <si>
    <t>b'\xad\x93\x9b\xd4\x9f\x88e\x17\x81\xf7=\x86\x8cyG\xd8\xe4H\xf0\xc4qn\x03\xd3\xc8\xc2S{!\x1c}\xfc'</t>
  </si>
  <si>
    <t>b'\x93\xe8V\xf2x\xc0b=i\xbb\xd7\x8d)kk\x12T\x91*\xcc.\x0fm\x1f\xc5\xcd\xe0\xed\xde&gt;\x82\xcb'</t>
  </si>
  <si>
    <t>b'\x82\xc2\xbf\xca\xf2?F\xbb\x94\xc8\xc4\x04\x8e\xbb\xdd\xc9\xbb;:1\x04Q\x037\xe5y\xbd\xeb-\xfcv%'</t>
  </si>
  <si>
    <t>b'e3\x92\xd7\xedC\xb6\xfb\x9b\xf0J\x1a.\x88\xd0\xab;\xb9\x95Un\x81cG\xa7\xc6\xa96\xb0qVy'</t>
  </si>
  <si>
    <t>b' \xbd\x11\xbf\xa8\x12Y\xca\xf3\xdeG\xf5*\x18\x84\xd8\xf9t|\x99\x11\x8b~\xbfMF\x84,j\x8b\xb9\x08'</t>
  </si>
  <si>
    <t>b'\x97\xd6t\xb6v\xf4\x9a\xbf\r\xe9De\x04W@S^\xfdV\x8aV\x95b?\xf4\x18\x8c\xd8\xa6=\xc5F'</t>
  </si>
  <si>
    <t>b'\xcf&gt;\xc8\xd6\x99\x84\xd9/\x947\x0bz&amp;\xa5\xca\xb52\xcet\xbd\xa7e\xec\x05\xd4\x16\xd7\x18\xff\xb3e\xe7'</t>
  </si>
  <si>
    <t>b'?,,Y}U\x1a-\xcb\x0e\xd3\xe9\x87\xf5SoX\x97\xc3\xbf\xd9\x80\xb8K\x94\xcd\x06\x8b\xafK\xb5U'</t>
  </si>
  <si>
    <t>b'\x90\x941\xc8\xe1\xd3()\xc1\x00\x0cFa\xcb\xe1\x8b\x03\xef\xeb\x05qHTUf,\xcb\xb1\x99\x81`\xf9'</t>
  </si>
  <si>
    <t>b'\x1f\x89\x1c\xb2\x8b\xaf\xf8[\x92\xd1\xdb\xd8\xca\xf4\xcd\x1a\xdc8\x9c\xc7\xe0*\xef\x9f}\x19.@n\xa9\x86\xda'</t>
  </si>
  <si>
    <t>b"\xa2\xcd\xebi\x9c\xc0'\xc7\x8c\xdaE\x87\x1c\x06\x88Q\xa4\xa9:O&gt;\xcd\xbf\xaav@M\xf4 \x12\xce\x99"</t>
  </si>
  <si>
    <t>b'\x17S\xfd\xb8\x95\xae\x04=\x90x:\x86I\xc1\x02\xb3E\xe5n\x8b\xaf\x84\xf0\xc6a\xc7\xa9\x18\xcd~\\\x1f'</t>
  </si>
  <si>
    <t>b'3A ,\xb32\xa4\xf6\x89\x99\x04\x92\x96\xea\x8fE\xda\\%\xc50\xff\xa7\xfd!\x04\x0e\xa3\xe7\xe2\xe6\xc6'</t>
  </si>
  <si>
    <t>b"\xbf'\xa5\xa0)\x06\xcd\xad\x8f\x93MQ\x95\xf4\x85\xbb~\xea`\xb6\xe1\x80E:\xde\x85\x9e\xcer\xadh+"</t>
  </si>
  <si>
    <t>b"\xa5X\xa94P\xb6'\xa6R\x89\xbe\x17\xd6\x02+\x8d\xa1\x90\xc1\x91\xc1\x92\xd0\xa7\x19\x0b\xdc\xa8Y \x19\x1a"</t>
  </si>
  <si>
    <t>b'\x92y\x8f7X\x98#\xc2\x1d\x89\x1fd\xe5\x94\x19B\x98\x19\xdd\xe7\xe8\x02^Oy\xa3&gt;\xd5P\xbe\x15\xa4'</t>
  </si>
  <si>
    <t>b'e\xd8\xd2P\xc9\xa2S\xfb\x0f\x80\x96\x1e\x91\x1d2\x06M\xf6\xc6A\xc5\x02"\xd7\x17R\xf6\x0f\xf6=\x01\xad'</t>
  </si>
  <si>
    <t>b'\xc7\x02\x81\xbe&gt;\xea\x94\xd5h\x0bA\x8f\xbap\xb4|\xdc/\xaf\xa8\x08(\x19~\x107\x9c\x9a\xca\xad\x00\xa4'</t>
  </si>
  <si>
    <t>b'\x89\xb0\xbb\xe6l\xa0A\xf4|\t\x93\x8fgm\x16\xedx\xf1\xf8\x05\xed\xf8a\x88\x7f\x1c:\xd2\x06\xeeG\x8c'</t>
  </si>
  <si>
    <t>b'\xc3\x81`\xcbjn\x96\xd5\x1b\xc9\xf5\xb5\x94)c\xc3w\xd5\xd8\xc3\x956\xd5\x90\xabD\xfd:\n\xfa\x88k'</t>
  </si>
  <si>
    <t>b'I\x7f\xdc7\x9f\xb1a\xcd\xf5\xc9\xd5\xce\xc18\x93\xbd\x0b9\x82\xafS.l\xd5bd\xa3\xd9W\xc4\xbe\xa9'</t>
  </si>
  <si>
    <t>b'\x7fH\xc3\xaf;_\x06\xebLuGv\xf99\x8c?\x81\xb8\xc9#d\xdb\xf4( z\x16\xd1\xf6\xb9S\xab'</t>
  </si>
  <si>
    <t>b'\xc7\x83\x17\xdf2\xd6t\xc7\xc2\x1e\xe0%\xd4\x86\xca\xf6P\x1d\x04E\xad\xa2\x08b8\x1f&gt;\x19\xf8\xd4\xf1\x96'</t>
  </si>
  <si>
    <t>b'\xeb\xf8\xee\xbd\x19=\xb7\\q\x01\xff\xfa\xa3yD,p\x1b\x07\xdeB\xe1l\xcb\xd2\xcc[\xb956\x98\xc2'</t>
  </si>
  <si>
    <t>b'*\xf3\xbf\xd8H5P\x08S\xac\x80\x8d\x0b\x88\x99\xb9]Y\xd9\xdcm\x1e?\xf0vo\xb1\xcc\xdd\xac\x03\xc5'</t>
  </si>
  <si>
    <t>b'\x96\xf1xCm,\xc2\xade\x9d|\xd5\x0b\xcc@\x83R\xc6\xe9\xfdC\x0b\xad\xdd\xc4\x0f0\xc7\xe93%\xc1'</t>
  </si>
  <si>
    <t>b'\xe1\xaf\xd15\xdb\xa7\xd1\xaf0}\xce\xfa#\xd7a\xaf\xc0&gt;\xdd\x1c\x0eFm\xf0S\xc3y&gt;\xab\x8e\xcbh'</t>
  </si>
  <si>
    <t>b'\xb0R\t\xfd\xf2\x88!7g+6\xf887\x9c\xa1\xcc\x08lI\xdewT\xeenQ\xd5o4.\xbf\xb2'</t>
  </si>
  <si>
    <t>b't\xb5\x18\xdb\xc0\x85!g\x9f#Ia75\xdbwvC\xcb\x8c{\xf5\x91zuEk\x86\xb0\xe3\xf5\xdf'</t>
  </si>
  <si>
    <t>b'\x0f`\xa6V\xcf~\xe9\r\x04*D\xbd]\xa6\xf9\xf2J\x17u\xdf\x93\xac4\xa6\xdda*\xe3+\xe4\xf3\x83'</t>
  </si>
  <si>
    <t>b'5\xa3\xf9\xa9\xc0/}IC \x8f\xe6x\xd5\x08\xf4\xc0i\xa5\xd0\xe2\x01Y\x0f\xdb&amp;%\x9d4\x95F\x12'</t>
  </si>
  <si>
    <t>b'\x80{V\x14\xcd\xc93H\x891I\xd8?\xad,c\xb7\xbd\xe8:\xb4\x89uZ\xf7f\xab\xee~\x9a_#'</t>
  </si>
  <si>
    <t>b'\xcb\x87\x97\x11\n\xd1^s\x9f\xf57%\xa3kF]Fz\x94\xda\x11&amp;X\x81\x80X\x03F\xa1*7\x7f'</t>
  </si>
  <si>
    <t>b'\xe6+\x02\xe8,cX\xdeV\xbfUA\xe2\x1fU\xc7\xc27\xe3n#\x9d\xc4\x07 \x8c\xb8\x1a\x0b\x11\xf8k'</t>
  </si>
  <si>
    <t>b'\xb4\xe9\x9a\xd7k\x96J*\xd5\xa0\xb6V",\xdc"\x03\xb5\x93\xa1\x14\x9d\xbf\xdca\x17\xf9\x9e\'H\x05Q'</t>
  </si>
  <si>
    <t>b'\x8e\xe9\x8f\xf9\xe5\xf4\xcd\xed\xf6\xdc\xa4\x91\xbc\xd4e\xfc\xcd\xa6\x9f3\xc9&lt;\xcbm5*\xc8\x90\x13\xcc\x95\xf9'</t>
  </si>
  <si>
    <t>b'o\xb5\x05\xc9\xfd9\x90\xc1\xf8R\xd8d\x9d\xf3\x03(\x7f.\xc6,\xf1\xdb\xdc\x9e\x84\x04!\xb2\x85\xc8\x82C'</t>
  </si>
  <si>
    <t>b',\x96V\x1c\xfaE\x1c=n\x17\x02\xe8U\xc4\xfa\xb8\xbc\x07\xe7\xb7\x0ef~\xc5\x18:M\x1f\x9f\xec{*'</t>
  </si>
  <si>
    <t>b'nyR\x95\xc8L\xa0:O\xad\xe1{\x02\xc4\xa8\xca`A\xa3\x08\x1ev\xd8\xdb(\xac)\xf0~\xba\xd5\xce'</t>
  </si>
  <si>
    <t>b'7?\x8c\x01\xe3\x11|d\xf8\x95_\x8b]\x8f\xcf-\xd0{9\xb4\xa0\xb5\xb6\xeeDG\x19\x8c\xb5\xb0\x98T'</t>
  </si>
  <si>
    <t>b'\xe6,\xd1\x1b[\x02\x7fn\xe0\x00cr\xe8\x07Nd\xc5\xbc\xda\xae{\x16\xc8\xfagd\x0e\xee\xf7\xa8\xc1\xa5'</t>
  </si>
  <si>
    <t>b'+`\x00U\xb3F$\x8e c\x86\xa6\xb2\xc1\xe3\x07\xa5\xfb\xd1\x13\x99\xb3 \x11\xa6\n\xb4\x9d\x18\x95\x03\x83'</t>
  </si>
  <si>
    <t>b'g\xc5N\x17\xd1*\x1c\xe3\xd5AE\xf9\x7f\x99T\x8d\x11\xd3\x8e\x01\x0f\xad-]!\xf4\xd0\xc9\xb6]\xe3G'</t>
  </si>
  <si>
    <t>b'=\xf8\x82\xcbG\xf4|\x1b%Q9\xcd\x85\xd5\xb4\x07\xbcp\xf3]\xc3\x17\x97\x96\xe7\n&lt;\xb4\x12\xf1#)'</t>
  </si>
  <si>
    <t>b'C\x16\x89E\x89I\x1bw_\xa8\xd6\xe4G\x88\x10\x16Q&lt;\xe9~\xe8\xb0z4;o\xd8\x10\r\xe6&gt;x'</t>
  </si>
  <si>
    <t>b'\xe1&gt;C\xa9\xab2*\xe0\x0c\xaaP&lt;\x1dI\x14P\\\x86\xf0\x18\xde\\\xe0\xf8^N\xfc\r\xe7\tM0'</t>
  </si>
  <si>
    <t>b'\x98\xe1\x17:p\xd6@\xb8F\xfe\xec!\x9aWEN\xef\xb7\xe9\x02z|\xd8\xedS\x17\xfa\xc5TF\xe7\xe0'</t>
  </si>
  <si>
    <t>b'AJ7\xe1\xed\x1e\xb2gg\xac\x12\x9aT3\x915\xec\xe5Q\xb6\xab\xfaFh\x97"\x0b\x13\xd3e\xe25'</t>
  </si>
  <si>
    <t>b'\xc1=\xe5\x0f\x14\xa0\x954\xa8"\xbd\x17XE\x11\x0ft\x15\x08%\xf8d\xb1\xcc\xd5k\xdb\x0c\x10,\xfd4'</t>
  </si>
  <si>
    <t>b'\xe8GU\x19\x11\xb5^\xf4yc\x90\x9e3\xf9\xeb\xca\xe5`\xf9\xdcB\x90\xc5\x10\xd7i&lt;\x7f\xce\xf2X\\'</t>
  </si>
  <si>
    <t>b'{\xc0gISBp\x8d\x11\x00\x9f\xfc\x99\xdc\x9b\xcb{7\xd8DQ\x8d6\x05G\xe1\xdd\xb9\xe0\xd1j\xb6'</t>
  </si>
  <si>
    <t>b"\x9c\xc35\xd6\xebx\x8a\x1e&amp;q\x03V\xec\xdfc\xa2\xd1OT\x9aR\x94\x88\x7f9#\xf2'\xceZ\x13J"</t>
  </si>
  <si>
    <t>b't\x8f)\xe2r\x8c(\xc3r^\xad\xb5.\x94\xf9Jc\t\x82\x19&amp;\xddM\xed\xf9\x00\xa1`\xad\xca;c'</t>
  </si>
  <si>
    <t>b'\xa2\xbe\x90\xf5\x12\xe4!\x9a^\x1b\xe8@K8b\r\xb7z\xea&lt;\xc9G\x1dFK\xfa\xf7\x07Z?\xbch'</t>
  </si>
  <si>
    <t>b'\x1b7\x84\x7f\xe5\xcd\xf7w*_O\x87PF\x82N\xf3x\xa9\x9b\x17\xd6VA\xffI2\x9dR\xc3]B'</t>
  </si>
  <si>
    <t>b'\xcb|\x06V\x17H?\t\x05\x96\x94\xec\xbe\xce\xea\x82QQ\xb2\x81_\xa8L\x01\x9f\x82\xaa\xe5\x83;\xd4\xb5'</t>
  </si>
  <si>
    <t>b'A\x18\xe2\xa9\nr\xc0\x95\xc62\x8270J\xd70`R\xf2\x15%L\xcc\x87\xdd\xe8\xee.TK\xfd\xc2'</t>
  </si>
  <si>
    <t>b'\xf0\x0cq?:g|AJ\xd3\t\r\x91\xfb\x15\xfahe~\n\xaco\xde\xbb\xfb\x07\xbb\xee\x91s\x86,'</t>
  </si>
  <si>
    <t>b'P\x18\xb7\xa1\x86t\x12)C\xae\xf0F;p^\xd1\xd6)&gt;P\x87\x97\xf9~\xb1u\xb0|GsgV'</t>
  </si>
  <si>
    <t>b'7B\xeaX D\r\xf2\x1a\xbb\xe8\x87\xc8"\xa1\xcfy\xe9\xc5\xce)\'\xa6vs\x89\t\x10\xd5\\\x88\x05'</t>
  </si>
  <si>
    <t>b'd\xfdn\xaa\xff\xcd\x12c\xd2\x16\xdc\x9e]ey\x87\x1do1\xa5\x1f\x8d\x9a\x7f\xc6\x12\x81\xd8\x9b(I\x1f'</t>
  </si>
  <si>
    <t>b'.\xfc\x8eO\xc6\xfe&amp;c\xa1\x0f\xa6\xbb\xc4\x11_\xb3\x12\x16\xf0\x98\x07"\xb0\x8au\x9e\xc1;]\xe6\xcf\xdb'</t>
  </si>
  <si>
    <t>b'\x89\xa0P3\xa2\x95\xd5A\xee\x14#\x7f\xab3{S[\x95\xa6\x1eMeK\x82\xf1\xb3\xe3*\x96\x19(\x9a'</t>
  </si>
  <si>
    <t>b"\x0e\xcc\x9f\xdd!\xf9\x07H\x94e\xd8_\xa0qHg\x7f\xc9X\xe8fQ\xd5|\xf2\xe5\x8b\xfb%\xe0'w"</t>
  </si>
  <si>
    <t>b'3u\x9b\xca"\xb0\x03\xf4\xf81 \xfa\xfex[J\xad\x1c\xfd\xcec|PP\x07\xed\xc7\xa4\xdd\xdb\xcf\xb5'</t>
  </si>
  <si>
    <t>b"\x0c\x06't$\xa5\xdd\xb8zdv`\x07\x06ju\xf9n\x1bJ\xfe%\xa0\xe1\x99e`q=B\x14p"</t>
  </si>
  <si>
    <t>b'\xb6K\xb27N\x11\xbe\x00\x1e\x8f\xfa\xcf\xf6R\xe8D\x00\xcc$\xfe\x8a\r\x84\x01N\x90z`\x89\xe4F\x9b'</t>
  </si>
  <si>
    <t>b'\x06\x01I,\x1c\x88S0\xe0\xe0\xee%\xdf\x8a!\xec\xcdM\xb1!&gt;\x9d\xdb\xa2&lt;=\x8a\x9c)r\x92B'</t>
  </si>
  <si>
    <t>b'\xb4{\xc5\xbe}e\xd7\x9e\x81\xf9\x89\xf5Z,\x8c~\xe9\xba\xc3p\xff\x10\x1f\x16\x87f\xb9\x903\r\xb7\xa6'</t>
  </si>
  <si>
    <t>b'\xfa\xb0M\xbc&amp;\x8a#\x88P\xd3\xeaG\xe1\xa8\xa4\x10\xf5\x1b_fkP\x16D\x86B\x05\xe2\x04\xf1fg'</t>
  </si>
  <si>
    <t>b'\x0cy\x068lt\xf7N\x1b\x11r\x86G\xc3\xe0\xbc\xd0r\xf7&amp;\xcd\xd2\xe5\xf0!s\xbfD\x1b&lt;\xa1\x84'</t>
  </si>
  <si>
    <t>b'\xa3\x94\xae\xf5)\x01\xbf\x9dV\x82\xb7\x0f\x19\xf0\xe5\xbb\xf4h\x1c\xfb\xce\x818|@\x0e7\x8e\xd8\x9a\x90\xd2'</t>
  </si>
  <si>
    <t>b'\xd5\xdc\tW:\x16\xbc\x1d\xff\xc8\xdd`\xaf\xe4\xf6\xa5$\xfeFc9\\\xb9&gt;\xe3\xf6IS\xd1\xf1\xbd\xe9'</t>
  </si>
  <si>
    <t>b'\xb2\xc2\xad\xd83g\x9d\x8d\xfd\x00`#xg\x05\xe6\xb8M\xd6\x12H\xd5i\xaf`0b\xd3\x8c\xb2[B'</t>
  </si>
  <si>
    <t>b'\xe5\x87u\xb9{b\xe8m\x98\x9d\xe76\x0cv(\xf2\xebJ\xce\x86\xe2\xd2\xe1\xeej,&amp;q5}\xde\xa3'</t>
  </si>
  <si>
    <t>b'YO\x18V\xf0`\x8cj\xc1\xd7J\xae3\xc0\x85\xe1\x0f\xce*F\xcd\x03\xcf(\x0eVj\x95$\xcd\xe8A'</t>
  </si>
  <si>
    <t>b'\xd1\x11\x99r\x96I\xda\xf1J(F\x99+\xd4]\xa4\xb0]\xa2\xe4\xf5\x80L\x16\xec;`Y\x87\x91\x98\x92'</t>
  </si>
  <si>
    <t>b'%6m#\xcd\xa9\xabd\xf4\x99\x1eR\xfe\x1c/!.n\x1b\xe7\xc3\xde\xb5\xf2\x06\xbdb\x85\xfa\x028\xb7'</t>
  </si>
  <si>
    <t>b'[\x1b\x85\xc6e4\x83\x0c\xf3\xebln\x8c\x14U=f1J\xc4\xaf\x1a\xa1\x1d\xd5\xb4\x8a7\xd1\xf7\x92\xf4'</t>
  </si>
  <si>
    <t>b'\xd3\x0c%\x8a\xab&amp;\xec\xf0|,\x1e5\x89\xe0\x08l+s\x85L\xcd\xc49\xaa&amp;\xc0\xf2\xb3\xd0t\x861'</t>
  </si>
  <si>
    <t>b"\x04\xeb'\xfb\x98N\t\xf1g\xeduC\xfb\x92\x05\xce\xfe\xf2\xa9\xafD\xc8#%\x05\x0bk\x9e\xb8\xab\xa2D"</t>
  </si>
  <si>
    <t>b'\r2\x1b\x186\x9a\\\xf4^\xc6\x93E\t\xa3\xdb\x85\xd9\x07\xd4\xeft\xad\xa4\x96*\xbf\xc2\xa43\xbf\xcb\xcf'</t>
  </si>
  <si>
    <t>b'\xca\xd0"\x0c\x12\n`4\x94\xf8D\xb8$\xc9\xf6\x13&gt;8R&amp;i(\xbdg\x03}N\x81\xc61,|'</t>
  </si>
  <si>
    <t>b'$\x9a\x0c\xa6\x85\xfa\x14\xe4!\\p):\xe7\x80\xf6\x1e\x9e\xbe\xed\xa5v\x1f\xba\xa1\tBG\x02\x06\xfa$'</t>
  </si>
  <si>
    <t>b'\xee\x02&lt;\xb7$ \x1b\x14^\xdb\x96\x07\x0b\x93\x1bn\xb3m\x17\xf05\xc0\xae\xd2\xeeYWnyMoS'</t>
  </si>
  <si>
    <t>b'\x80\xec\xc3\xcdj\xc1\xbd\xdb\xa1;\x1f\xc7o=\xf1\x7f\xfe\x16\x16\xdc\xbdVo\xa1\xe7\xf5\xb6\xaf\xf6\x81P\xc6'</t>
  </si>
  <si>
    <t>b'TVH\xb4\xc2\xfe\xd9\xec\xfb\x88\xa83\xc1A\x94!\x1bar\xc9\r\x1b\xfe\xb9\xd6\x13=\x11\x9cj\xa9\xff'</t>
  </si>
  <si>
    <t>b'\xb4\xf8\x18\xc1\xef\x9c\x00|\xad\xe7oS\xb9i\xec\xcc[\xa48\x10\xe4U\x8aw\xa9\x9c\xf9\x13Y+E|'</t>
  </si>
  <si>
    <t>b'\xcf:}\xdf\\\xf2\x1d\x9a\xd5!\r\xfbG[\x9fJB\x94\xad\xec,\x82,\xf3OK\xdf\xb5v\x8fr\xa1'</t>
  </si>
  <si>
    <t>b'=\xa9\xb3jc\xd1\x8f\xce\xb2z\xf9\xc2\xef_\xe8\x97\x1c2_\x1d\xec\xe1`\xbb\xf8s`\x98\xaa\x1a\xc4\x1a'</t>
  </si>
  <si>
    <t>b'M\xd9\xbf1g\x88\x1cfq\xdb"&gt;\xa2\x0eo\xa7\x81\xcf,\x1c\xcb"F\xd1f\xdf\xc6!\xe7\xbaQ\xd8'</t>
  </si>
  <si>
    <t>b'\x86{#+s\nO\x01\x99\x94\xfdX\xc6\x88!O\x9f\x10\xd0L\x1a\xe5\x0bB\x91\xdc\x86\xc5.L1\xce'</t>
  </si>
  <si>
    <t>b'\x87\xd6\x1d\xf1\xbekr&lt;+Th\x13\xf9\xf4\xbd\x8exn\xab7\x93\xe8\xb2\x1d&lt;\xaeK\xf1\x00&amp;\x19d'</t>
  </si>
  <si>
    <t>b'\xa1E\xf5\x13\xdb\x06\x18\xa3m\xdc\x16\xf2\x82\x96u\xd7\xf0\xd4duH?\xa3\x9d\x7f\xbax\x93\xbbIh\x16'</t>
  </si>
  <si>
    <t>b'-\xb2\xe9\x92\t\x84\xbc\xcb\xe3/\x07#\xd5QJ\xdeEh#\x02I\x07\xcea\xde7\xda2\xd3\xc2\xfa\x86'</t>
  </si>
  <si>
    <t>b"d6'|E\xf8\xb3qI\xd3\x8f4*J\xf1w\xe6z\x03\xef\n\xc1/\xb4\xc0\xdd\r\x86\xdb+\xe7\xf7"</t>
  </si>
  <si>
    <t>b"\xc4\xfbu',\xfbVC6\x12\xaa\x85\xa8w}\xca\x82L\x80\x88$n\xdd%rJ\xc2\x8fC\x8emh"</t>
  </si>
  <si>
    <t>b"\x01'\xc0\xde\x9c\xf32\x19\x85\xc5\x1b\xb7=O}\x86\xc7Vq+\xe0\xfdO}\xd9g\xad\x0fy[\xac\x94"</t>
  </si>
  <si>
    <t>b'\x1c`\xa9l\xcd\xfd\x8d\xa7!u\xf6\xb5\x8d\xd6\x0c]\xa3\xa6\xc3v\x7f\x1c\x14\xc1Tc\xebJ\xfa6\xd7\xd5'</t>
  </si>
  <si>
    <t>b'\xa7\xd6\x14\xc1\xb0\x91\x0f\x90\xd4\xb0x\x98\xd6\n\xa0Z\x1b\x87\x1c\x86\x04\x02\xe2\x90\x1f\xdb\x1c\x01\x99@\xb9p'</t>
  </si>
  <si>
    <t>b'\x8e\xaa\xa8js\x8c\xa1\x84S\x82\x8eT\xa4\x16\xb8r\xa8D\xef\xda\x12\x04\x9a^\xe7\\\x7f\xbba\xcf\xf4\xaa'</t>
  </si>
  <si>
    <t>b'_wb\xbfW\x85\x18v\xdbyCb@u:\xc8\xaf1ML\xa5\x06[D\xdc!\x9d\xb5:&gt;\xde\xba'</t>
  </si>
  <si>
    <t>b'\x8e\x11h\x1a\xf4]\xad\xfb \xa6\xf7\xd5^\xfbS\xe5\x81\x02\xf3\xd7\x0b|\xb3\xa0\xff\xaf"s\xd2\x92\x8b\xa4'</t>
  </si>
  <si>
    <t>b'y\xf5l&gt;\xd7?@\x047I\xe70\xedv\xb6\xb6\x1a\xcb\xb4\xbf\xf0\x0b\xaa\xb5\xd9\x92\xc8 \x0e\xc4\x1d\xa0'</t>
  </si>
  <si>
    <t>b'\x89\xc7p\xdei\xa7\xed\xa1\xb4\xed\x94\x07\x17\xd0\x04\xfd\xc9\x8d\xbb\x13Z\xdc\xee\xb1\x90\xd7T\xf0\xf3K&amp;\xb7'</t>
  </si>
  <si>
    <t>b'\xba\x91\x86)Q\x03\xe8\xe8\xb7\x88\\cG\xe4T\xf5xX]\x16\xfc$" j\xccBY^L\n\x0f'</t>
  </si>
  <si>
    <t>b'\xb9=\xf41\xed\x8a\x10z\xb1\xa9\xda7-\xb1\xdcK0\xb0*g7\x9b\x15Sd\xb3I\x120a\xa9l'</t>
  </si>
  <si>
    <t>b'h}D\xd6+G\xd1w\x8ck3\xac\xd6\x10\x03\x135\x04\xd2\xb0\xda3\xabR&gt;\xcf\x1dL\xf4(0\x9b'</t>
  </si>
  <si>
    <t>b"\x03P\xca\x84\xd7]G\xde\xf8\x9bF\xba\x06\t_`\xed\xf7\xe4XW\xd7\x93\x01\x8ad\xde#|'\xb5\x04"</t>
  </si>
  <si>
    <t>b";\xa3\x92+\x15\xe7\xed,\x9d3'{q\xa6\x13\\\xf5}j\xb7k\x8e\x181?\xab\xe3\xe2wGc\xbd"</t>
  </si>
  <si>
    <t>b"/\x86\xed \xddhI=\xec\xb1M\x11T\xca\xd7\x05S\xea\x90*8\xb4\x19\xce\xbb\x0c\x08\t\xb3'\x1d\x8d"</t>
  </si>
  <si>
    <t>b'\x96J\xc9\xb9/Cr\xe8\xfcU\\\xfb\xe0\xe3\xd9\xd4\xb6p\xcd\x8d8\xb5\x15\x1eu\xda\xac\xdc\x80\xe2\xc2\x11'</t>
  </si>
  <si>
    <t>b'0\xfc\xb2g_6E6\xc8(d\xa2L\x9b\x11\xd8\xc9;C\x8c\xec=\xc5\x01n\x88V.\xa1tYZ'</t>
  </si>
  <si>
    <t>b'P\x10\xef\x01q\xedK\xab\xf2\x0b\xe5\x8dg\x8dL\x0f\xba\x1f\x9bI\x0b\x8b\x91~w^\xb7zv\xd8Vc'</t>
  </si>
  <si>
    <t>b'^\xdc?W\x18^K\xf2\xbc\x17\x05\x06\xf4\x14\xa4Eq^\xcck42\\\xd1\x04\xd4=; \x16\x9e*'</t>
  </si>
  <si>
    <t>b'M2\xe3\xf7\xe0\x89F\xe1\x9c\xbbo\xda6q\xa7\xe6\xa5\xc2\x9d\x03\x06\xed92\x08\t\xb8\x99\xf1c:9'</t>
  </si>
  <si>
    <t>b'\xb1%N\xa3\xbc\xa9\xd0\x97\xc1\xf6\x02=\xf9q\xb0;a\xa9\xa7\x0f^\xbc\xd0B\x9b\xf3\xd9~\xaf\x9d\xc2\xb0'</t>
  </si>
  <si>
    <t>b'\x1esdi\n\xfb\x16\xab\xef\x9b\x19+\xbe\xd4\xe6(\x0b\xda;{az\xaf\xeb#?\x1f9t\xb4!S'</t>
  </si>
  <si>
    <t>b'\xd6\xdbkb\xa1\xab\x92\xd1\xd2\xb8\xee\xa4\xf4\x04\xea\xce\xfd\x1a\xb3b\x11X\x12\xed\xd69\xdc\x96c\x91\xbe\x81'</t>
  </si>
  <si>
    <t>b'\xfe\xbe\xec\xe5o\xc5\xcb\xef\t=\x962|*Z\xbe\x97.\xfa\x93\n\t\xe5\x02\xa9\xe1\x1b\t\xa0\x82\xc9S'</t>
  </si>
  <si>
    <t>b'\x93\x05#\xa0X\xc2\xfe4\x82\xab{\x01J\xc6\xdd\x9b"S\xefn\xa4\xfb\x11(\x0f"X\xce\xcf,\x0bO'</t>
  </si>
  <si>
    <t>b'3\x1d\xd3\xf6\x1e\xf6\x15\xe7}\x82\xa4\x16\xfcbv\xe9\xd9\x048S\xe5\xc1-\x8b\xf3I\xb5\xda\x11Ke*'</t>
  </si>
  <si>
    <t>b'\xd6\xf0\xd3N\x8cs&gt;\x11"\x95\x05\x03a\xbb\x97`G\xaf\xb1\xa9n\x93\'\x06\xb2:\xc9\x81\xae\xe1\x02\xc5'</t>
  </si>
  <si>
    <t>b'\x918\x9d\x91ip\xd4U\x97uc\xd3\xbd\xc1G\x8c\xec\xb9\xff\xbdW\xf8\xed\x95]\xc74l(\x99\xa0\xc8'</t>
  </si>
  <si>
    <t>b'\xe4g\xc4E\x88c\xf9\x99\xb8\xc4L\x0b\xd4\xbe\xb7\x80\xc6\x934\x81m,\x94Oc\xb2Z\xaf\xb96\xcb\xf4'</t>
  </si>
  <si>
    <t>b'.\xbd\x8e\xefJ\xf1\xfeN\xfb\x86\x91\xec8&amp;&gt;\x0f&lt;\xed\xe4\xe7\xc1\xa9\xe6(C\xf7\xa4;\x8c\xe9\xce7'</t>
  </si>
  <si>
    <t>b'jB!\xe1nC\xd56\xa2OJ\x13\xafI\xec\x90\xf8Y\x89r\x95\xe7t`\x16D\xb43&amp;\xbf\xc6='</t>
  </si>
  <si>
    <t>b'\\0\xda\x0b\x1cL\xf6a\x0bD\x94\x89\xcc:\xd0&gt;\xfe1\xa5\xd0\xb8;\xcd4\xa3\x19\x9e\x15z\x01\xc4C'</t>
  </si>
  <si>
    <t>b'\x02\xccxK\xc6y\xeey,\x08\x91\x07k\xac\x8d\xfd\xab\x8fE\xeaT\xda\xc4C\x10\x96\x9a\xb4Z\x0cr\xbb'</t>
  </si>
  <si>
    <t>b'\x1c\xef\xb4\x1eo=]zH&gt;\xcd\xa7\xc9\x82\xef\xb0b\xeef\xc5\xc0K\xd6q\x08\x15\xa6\x7fI]\xfd\xda'</t>
  </si>
  <si>
    <t>b'\xbb]\xb2\xfe\xa0\xf4\x18uh\x9b\xe6\xea\xe9i\xde\xf3\xa0\xb2j\x9a\x9c\xb1\x1d \x05\xdd\xc7\xb0\x18\xd2\xb8y'</t>
  </si>
  <si>
    <t>b'G\xd8Iz\x8d\xc7\xd4\xa0\xc5\x987\xa63\xef\x04\x92/\xc3\xe5\x80\r\x96d\xd8\xc9\x85\x1d\xc7B\xdb\xe5^'</t>
  </si>
  <si>
    <t>b'6\xc0y(\x1e\x83\x0e(V\xba\xef\x8d\x896\xd90\x0c\xc8\xa0&gt;\xb2a\x0fR\xe2\xe1C\x02\xc3\x9a\\\xf6'</t>
  </si>
  <si>
    <t>b'\x10\xf4\xafSiD\xbe\x07\x1c8g#\\\xde\x0b\x99\xe8(\xf8\xab\x7f\x13_\xe0\x90o\xd1\x9a\xc0\xaf\x8d\x85'</t>
  </si>
  <si>
    <t>b'\x9f\xe4.i\xae\x9d\x0eKX\x07*\xe2\x99\xf1@b~\xbd\x9d\xfa%*\x81a\xa8\t\x10\xc3\x82\x7f7\xf3'</t>
  </si>
  <si>
    <t>b'L\xbfk\x93&lt;.\xc7\x93\x9f#\xa7\xa8\x1c:\x16\xf1\xc1\x95O\x11;\xd6\x8c\x8f\x8d\t\xa0\x15\n\xf20\xfe'</t>
  </si>
  <si>
    <t>b"H\xe7\xdd\x7f\x01\x18\xa8\xcb\x9a\xd7\x00\xe8\x0ciw\n'&gt;\x19\xf6\xd8\x18\xc8\x0e\xa4f\xcfR'\xe1U("</t>
  </si>
  <si>
    <t>b'#\x89\x8cr\xde\xe2\xde\xbd\x010\x9fi\x16\x07\xdd\x82\xd2w]\x8abWh\xc8\x80\xa7\xfa\x9et.K&amp;'</t>
  </si>
  <si>
    <t>b'\xea$\xea.&lt;\x93\xdem\xd6\xd2\xe0\x16E\xd2\xe4\xad\x04\xf4\xeb^R#\xb6\x99[J;\x1f$P\xb2\x05'</t>
  </si>
  <si>
    <t>b'\xc9&lt;D\x9dN\x15\xb0\x06@Kxh\xed\x95\xbe\xec`d\x80\x085\xc9X{3\x19x2lX\xde\xdb'</t>
  </si>
  <si>
    <t>b'\xc6\xfc\xc3\x97\xbc\xf0\x86\xb5\x81\x89Gd\x97\x08\x9b\xeb!(\xb2\x12,3\x9b\xa7b\x9f\x18Ne?f\xb1'</t>
  </si>
  <si>
    <t>b'\xc5\x14W\xc13]\x17}etH\xbeW\xd8\xa2\x19j\x94!\\\xd6\xa0n[^\xa6\xf8\x89xI\x93y'</t>
  </si>
  <si>
    <t>b'5\xcf\xd5)\xbd\xff\x91\x9e\x8eZ*\xf1\x95\xc3GVY\xa2\xf4x\xb1\xd2\xa7\xe1\xf4T\xb2.\x7f\x82H\xf0'</t>
  </si>
  <si>
    <t>b'\x87\xc3\x1a\xfa\x11x\x18O\xb7~\xbfz\x11\xb1\xd7\x80y\xf8\xb7i\x9a\xb8\x1c,\x1a&lt;\xbbL,\xd8\xba\\'</t>
  </si>
  <si>
    <t>b'\x1b\xb1\xb2\xe9\xa7n\x11\xa5%U\xf7\x01b\xf2\x8b)@\xfd~tv\xc8\x9d\xb3.\x9f [\x16g\x81X'</t>
  </si>
  <si>
    <t>b'\x04\xa3S\x0ePw#~\x0b\x93\x00eLy5J\xb3%\xae$z0\xb4\xf9\x18\xc7A\xbb\x8c\x17\xcb3'</t>
  </si>
  <si>
    <t>b'\x96m\xfb\xaen\x05u\x04\xca\x028t\x00\xb6P\x909\xef\xd2\x1e=\xb2\xf1f8:\r`.\x93\xba\x82'</t>
  </si>
  <si>
    <t>b'\xfc\xfb\xcaJ\x7f`)^\xd2\xe7g\xae\x15\x1e\xa4h\n)h\xc8%u\xee&gt;#\xaeV\xeb\r1\xb9\x9c'</t>
  </si>
  <si>
    <t>b'\x8b;\x89\xef\x8d\xde\x08~+\x02\xcb\x94\x19@w\xcbg@e\x99\xc6S\xb1\xe3^\xc7\xef\xa8\xf0\xa6\x8a\x13'</t>
  </si>
  <si>
    <t>b'#\xe3uM\x97\x96\\8D\x10:\xe1\xf1\r\x0f\x94\x9f\xcb\xef\x98\xf8\xee\xb9\t&amp;\xfd=\xa6.\xfa)g'</t>
  </si>
  <si>
    <t>b'L\x08\x1bHvd\x0bSn\x9a\xcd+\xc8\x12`\xa0\xfd\x9b\x86\x96\x01\x8f\xa2q\xcc\x13K\xed^\xf8G\xfe'</t>
  </si>
  <si>
    <t>b'\xc7\x86\xba\xa8uq2\xd0\n\xb9s}R+\x00\xedV\xf4\xac\xee\x9e\xeb\xed*\x80b\x82\x87\x80.|1'</t>
  </si>
  <si>
    <t>b'S1J\xbe\xd9\x0b\xa7\xc5\xcc\xb7&gt;\x12b=\x060\x90\xc5\x06\xe10Ef\xdb\x15\x04\x04R\x07,4\x85'</t>
  </si>
  <si>
    <t>b'\x04\xe05F\xa4-N\x1a\xe8i\xb2\x04\r\xd9\xcf\x0b\x9f\xe6\xe2\xc3\x00\xce\xac\xe3\x94j\x10\xf0\x86)X"'</t>
  </si>
  <si>
    <t>b'\xd2\xee\xca\xdc2$\x1f.g\x9d \t\xb4\x1c\xe1R\xae\xc7-\xd8FvH.&amp;\x98\xa6\xd7\xbc\x0e\\\x97'</t>
  </si>
  <si>
    <t>b'\xe8\rw\x9d\xban\xb9`\xb5j\x97Pk0\x0fN\x9bbJ\xa9K\x08\xf4\x91\xc1\xf5\x82jH@\xec\x87'</t>
  </si>
  <si>
    <t>b"\xb1\xae'P\xad\xbehf\x7f\x8c\\\xa2\x90\x9a\xaa^\xb6O\xc1\xd9\xeeL\xe4\xcb`\x9c\x04\xfe\x12\xe4^8"</t>
  </si>
  <si>
    <t>b'\xef\x95\x9bw=qi1}F\xb7\x7f\x06\xd6\x82\x1f\xf9\xf1\xf8\x89\xad\xe3\x0ezY\x12\xeb\xdfDWF\x08'</t>
  </si>
  <si>
    <t>b'S\xbd\x8e\x1bv\xc8E\xabg\x8e\\\xc18\xdc\x84ff\x828\x8f\xac\xa3yQ&gt;\xd4g&amp;\xc8\x86\xea\xb9'</t>
  </si>
  <si>
    <t>b'\xc3\x00\xa3\xab\xf5n D\xac\xa0/\n\xf2&amp;}\xdd\x91\xa5\xf5RlW\xfa\xf8\xb8LEN\xefVV\xa7'</t>
  </si>
  <si>
    <t>b'\x127\xc3\xb3i\xfb\x8ft(L\x8d\xd9\xedZ$\xb2\x05D\xf5\xbc\xbdWl-\xbc\x82\xa5\xb1[i\xd3\x8e'</t>
  </si>
  <si>
    <t>b'\xfd\x93W\x11Q\x94\xff\xf3\x95?z0\x85\xd095\x9f\xe0\xba\xab\xa4\x17\xf8\x1fOe\xb4r2\xaeW@'</t>
  </si>
  <si>
    <t>b"n3S\x97b\x19/\xac\x8eN\xd7f\r\x0e\xad1\xdcir\xb5\x8aTW\xf1\xd2'\xe45r\x05GC"</t>
  </si>
  <si>
    <t>b'\xc7I\\D\xbe9\x7f\x1a\xa9\xf5\x14\xd0caF\xbf\x1c\x18\x83\x0b.*D\xaf\xda\x0e\xc0\x1c\x19@qf'</t>
  </si>
  <si>
    <t>b'1\x97P\xf5\xc7Df\x12E\xdc\x92\x88\xe0\x97\x9ec\x96]Q0\xef\x96\xe5\x97\x0cs\xf0y\x94\xacfi'</t>
  </si>
  <si>
    <t>b'N\x7f\xfa\x95\xacc\xee0,]\xcf$c,L\xc4/\x16j?HCjs\xcc\x9eB\xa6e\xa6\x04K'</t>
  </si>
  <si>
    <t>b'Px\x05V\\z\xfeL\xc3Z}\xfa^r\x19\xf6\x13\xdb\xf6\xce\x98\xfa\x96q\x1ej\xa0\xae4\x93T\xe3'</t>
  </si>
  <si>
    <t>b's\xd7B\xe7\xd3\xd6`\x97\x9f\xdf\xca\xb7\xca\x81\x8a)\xa6\xaa#g(bv\xe7\xa2X\x84+^\x94\x12\x8f'</t>
  </si>
  <si>
    <t>b'KW\x92nl\x04\xec\xfb\x07\x86\xa6\x96\xb1\xda\x13\xb4C\xc5=\xdf&gt;\x89Q\xa88G\x94\xaayP\xa30'</t>
  </si>
  <si>
    <t>b'w\xf8\xbcv\x9d\xba\x11\x16\x10\xa0\xd8X\x0fn\x1c\x14\xbd\xd6yd\xfb^\xdf\xdc\xcel"\xd8\xd1c\x9f+'</t>
  </si>
  <si>
    <t>b'\n(\x93\x81\x814\x9e\x83qp\xeeu+\x03\xff\xb3\x04\xd1\xdbI\xd8IR\xd4.3\x0e\x1d\x99\x9f_\x7f'</t>
  </si>
  <si>
    <t>b'K\x9f\x1c\xea#8\xc9tt\xac\xd8DO,\x87\xc6.EH?c\x9e\x1d\xdf\x88GS \xbd\xc59\xe0'</t>
  </si>
  <si>
    <t>b"Fk\x89\xc2\x06\x0fY\xec\xd6\\]\xb6'\x0e\x15\xd0)\xbe\x85B\x87\x83\xbd\t\x12\x99m\x15Qv\xae\x91"</t>
  </si>
  <si>
    <t>b'C\xbaT\x17\x97\xf5q\xa4\x1b\x03\xd4\xb5\x1a\xc5\xa9\x04\xaa\xc8\xcd\x93\xd5\x10,\x97\xf1\xe9\xa3\x8d\x8c\\\xb5\xd8'</t>
  </si>
  <si>
    <t>b'+\xf3T\xd8\xafN\x1fp\xee\x95z\xdf\nQj\x82p\x87\xc2\xf8\x9b\x81t\x14m\xedg\x14\x93\xc8\x95\x7f'</t>
  </si>
  <si>
    <t>b'\x8a&lt;b\xde\xce\x95\xf4T\x1f\xb6\xf3,S\xed\x94\xe6\x04\xce\x1b\xd4\xa3\x96t/\xd9\x13\x8ctu\xb2\x0fP'</t>
  </si>
  <si>
    <t>b'\x04\xea\x9d\x07\xe4U\x0c\xe8\xfd\xe4\xa71\x0cG\x03*\xfc\x9b\x18\x0fU\xc4\x86\xc0/\x9a%B!\xdb\n\xbc'</t>
  </si>
  <si>
    <t>b'\xa6\xb3i\xe7\xf4z\x17\x88\x8c\xe6v\x86\x93\xdds\xaaF\x8b\xeco\xd6\x0eOo\x93w\xec\xf3$\xc8\xbe\xbc'</t>
  </si>
  <si>
    <t>b'|\xbe\xa7\x1f\xa4Q\xcfp\xbci\xc4\xba\x8aJ\x8b\xe9d\x9a\x07\x9cu\x1e\xb1\xfa\xf5\x93\x8d2\x8f\x1a\x8e\x03'</t>
  </si>
  <si>
    <t>b'\xbfq"\xb4\xb4M\x93\x98\xae(\x15\xae2\x80&lt;3\xc9\x87\x1c\x08\xdb\xf7\xfe\xefg\xe1-\xa5^\xc1\xa1\xc2'</t>
  </si>
  <si>
    <t>b"'\x91\xb7'R\xa4\xf2\xc6\xa1\x11`\xfd\xfbi\xa2\x12c\xf1\xdb\xf3\x11\xf2&amp;t\xf5\x95\xa6\xfb'\x025\xba"</t>
  </si>
  <si>
    <t>b'\xd4e\x87\x8c\xdc\x14\x12\xf49O\xef,\xaef\xb1\xd6]\xfcw\xf6 c%Cr\xa4\x0b\xccf)\n '</t>
  </si>
  <si>
    <t>b"Z'\xf6\t\xe3\xd4\xe3S\xf5`U\x84\x9a\\GY\xb5\t\xf5\t\x10kX\xb3'J\xb4\xafJ*\x0fw"</t>
  </si>
  <si>
    <t>b'\x16\xcff\x99\xc1\nv\x8c\xd2&lt;Z\x11\xdc\xeb\x9b\xfen\xc3\xbauNm\x11\xd9i\x1a\xeb\xd1\x1f\xd9\xa3\x1d'</t>
  </si>
  <si>
    <t>b'\xa0\xf7\r%[\xd8\x92\x06p\xd8a\xb3\xf5\x9eD\xb6;\x0b\x86\xf9\x05h\xfe\xceEW\xbc\x8df\x81\x96\xae'</t>
  </si>
  <si>
    <t>b"\x05D\xa8\x1a\xd0|\x19\x02\xc6\xe0\xa6\xd7\xb0\xe9\xcbq}\x86x3~\xb4VYk?&gt;\x9a'q\xb6\x12"</t>
  </si>
  <si>
    <t>b'\xc3\xb2\xf5b\x96\x9b\x8b\xb8\xaei\x1aXW\xc3\xbd)i\x95\xcb\x0c\xca\xb6\xd3\x90\xe7\xd7\x84\xe1\x86\xf4\x8b\x0e'</t>
  </si>
  <si>
    <t>b'\xcf\xa99$\xe8\xe0\x11D\xf3|G0ltqF\\\xb9|G\x7fU\xde\xaa\xb0\x8fE\xe4\xe8\xb662'</t>
  </si>
  <si>
    <t>b'Uk\xbb\xcd\xa8\x14g?\x82\x9b\x8bC\xb3l\xf1$\r\xb5%\xa2#\x99\xecH1\xb2\xfe\xe1kT\xe2\x97'</t>
  </si>
  <si>
    <t>b'M\x19Z\xd2oUIT\xc2J&lt;o/.\xdc\xcbfq\xf9\xd9yp\x89\x12\x7fp&lt;\xa0g\x12\xf1\xc1'</t>
  </si>
  <si>
    <t>b'\xd3\xc0\xb7#\x19\x9a\xb8k&amp;\xb3Z\xe0n\xf0S\x83\xd3\xf4\x195\xd4\xa7&lt;\xe4.=\xe1\xec\x89\xb0\xb6('</t>
  </si>
  <si>
    <t>b'\xb8\xd9\xa4:2\xcc\x90s\xc9A\t\x84Q\xa8T*\xb8m\xcei&amp;Xu]\x18;\x07Wn\xc7\x14\xdd'</t>
  </si>
  <si>
    <t>b'CS\x81\xe9\xc5\xf5=$&amp;!-\xa8\x92\x93\xe8\xa1\xb8$\xa3\xf4\x81\xe19\x14\xfe\xe2uv\x16]\xb0\xd6'</t>
  </si>
  <si>
    <t>b'(e\x16\xbav\xf4\x7f\xc5D\x19\x96\xd55\xacZXhfT\x80\xe3\xf6\x83\xee\xa7\xa9z\xdb\xbb\x15s\x8d'</t>
  </si>
  <si>
    <t>b'b\'\xc8\x9c\xb4\xcb\xc8\x05\xeaO\r"\x91\x8f\x91\xcb\\\xed\xb6w{\x14\t\xf22x\xe5I&gt;\'Xu'</t>
  </si>
  <si>
    <t>b'c\xab(\x8aS\xdb\x96\xcaNl\xfd\xd9Jg!\xed%\x99\xb2J.\x92\xf5\xe6\xfd\xe7e\x9d\x83\x82\xeb\x85'</t>
  </si>
  <si>
    <t>b'\x8etpH\x9c\x9e\x82SY&lt;6\xf3\x8f\xa8\x11\xeeN\xf1\n\x00\x8c\x87\x84Rjt=\xb3\xe1\x87\x80\xc5'</t>
  </si>
  <si>
    <t>b'\xc9\xd9A\x870Nw*\x8d\x10\xbd\x8a\xb0n\xbb\x9b\x8b\x91\xdb\x06,\xf3\x8f\xc4\xc0\xfe\xe3k\xbbt\x7fp'</t>
  </si>
  <si>
    <t>b'\x81\x03\x97\x17\x8e\xd1\x1d\x04e\x8b\x13\xb5\x07q\x92\xd8c\x88\x8c\xad\x10^yM\x14\x94O\x1d RHo'</t>
  </si>
  <si>
    <t>b'{\x03\\w\xec\x98\xb5\xa9\x19z\xa6.l!\xdfY\x88\xdf7&amp;$\xb1\xc3\xdea\x81\xfb\x8f\x02.\x00\xd9'</t>
  </si>
  <si>
    <t>b'\x17\xf35&amp;&lt;\x00\xa5\x06\xa0Z_[1\xc1k\xa9\x87fwe4\xda&gt;b\x03\xd1\x19\xe4f75\xb4'</t>
  </si>
  <si>
    <t>b'\x01L\xb2\xb00\xb4\x92y\x1d~\xd3}\xcb(8 \xcd\x9f\xaa\xda\xae\xf7P\x96\x00[\xde\xc8\x89\xeb\xa0\xdc'</t>
  </si>
  <si>
    <t>b'\x0c$\xdd\xb0\xfeR\xda\xa3d\x06\x08\x1e\x90\x1bg\xac\x1bs\xdf/\x85\\\xcb\xa5&gt;\x9c\x8b"Z\xd4g\xb5'</t>
  </si>
  <si>
    <t>b'\xed\x96\xf6,\xb0\x12#\xe6e\x17t6\xc5O\xa5\x12\xd2\xab\xee\xac\xb8\r8\x90C\x93\xae\xf7\xc7\x82\xd4m'</t>
  </si>
  <si>
    <t>b'\xb0\xa32\x916\xfd\xc4\xbaO@1G~\xa0\xd9*\x1fE\xbbO\xa4\xcf\x16\x13$f@|\x10\\P\xc4'</t>
  </si>
  <si>
    <t>b'\\;\x1d\xe8\xc6\x80\x1b\x9dgU\xc1\\\xdb\xad\xd5\x88\x9d\xd0p\xa4"\xc9\xe9%\x94\xdc*u\xb8\xf32\xeb'</t>
  </si>
  <si>
    <t>b'\x1d\xe6\xc1\xbb\xf7\x8b4\xe5}\xb6\xe0\x0f\xdc\x97\x9c\x1et9\x0e\x16\xc7\xc6\xebv\x84\xe4\xd74\xdbx\\\xd4'</t>
  </si>
  <si>
    <t>b"\xee\xb9\xfbh\xd1i$*\xfc\x9a\x1d\xd3\xf6\x80\x1e\x89\x95\xb4\x96\x8f'rb\xf5\x90i\x81\xe4\x82\x8c*R"</t>
  </si>
  <si>
    <t>b'`\x8c-\xa6\x12|\x08\xa9G\xbe\xf9\xbd\x16\x8c\xc2}S\xec\xcc[\x07dUP\x94\x0c\xad\xd6!\xbb\x8c\x86'</t>
  </si>
  <si>
    <t>b'/N!\xd342o\xa45\xe69\xb9\xf9&gt;\xbe}\x0c2\xfa\x98\xab\xbc\xea\x10\x18\x8c\x0e*;\x12d\xaf'</t>
  </si>
  <si>
    <t>b'\xb6\x7f/\xab\xdd\xdc\x13f\t\xdc\xc6\x8c\xe2\x93:\x05\xf2\xf2\xf0N\xde-\x04\xe5\xed\x1c\x05a\xb0\xbf\xe2\x9a'</t>
  </si>
  <si>
    <t>b'\xd8\x99SlDL{\x93\xf4WYv\xd8\xf3\xf1\x8aH\nf\xdb\xcc\xf9\xf2s\xb8T\xfeV\xdf@\x9dp'</t>
  </si>
  <si>
    <t>b'\xbd\xefI\x89\x86A0R\r\x1c\xa9\xab\x87\x83\xe2)\xf4\xff\xa7\x15\xb2n\x84\xce\xa6\r|V\xcc\x8c\xc6\xaf'</t>
  </si>
  <si>
    <t>b'zT\x04G\x99\x0b\xcc\xfa\xfds\xd4\x91\x063&amp;\xcbU\xa0a\x16\x7f\x12\x16z\x08\xb1\xbb%\xbc\x8f\xd5\xf8'</t>
  </si>
  <si>
    <t>b'3\xbe\xb4\x0f+\x06?\x85\xc0^o\x85\x90%\x1cQ\\\xba\xf1*\xdc\x88xc\xe1}\xb0\x14\x84+5\x8e'</t>
  </si>
  <si>
    <t>b'\xf1\xf9\x15\xad\xad\xdfM\x85\x91\xe4(\x87@\xd9N\xa0\xa2\xac\x12\xe4x\t\xba\x08!\xa0\x1b\x0c\x9b`\xd4\xd6'</t>
  </si>
  <si>
    <t>b"d\xb5\xa9p'\x87Xl\x0c\xfasw\xf4N\xbdB\x93\xea\xe5O\xf5\x8b\xfe\x8e\x94R\xf2\xa3Q\xae\xf4\xd0"</t>
  </si>
  <si>
    <t>b'\x1b\xd2KaUk\xce\x80\xfa\x06\x90!\xa1B\xa7|\xbc\x8e\xcdR\xf1\xec\xeb\x8e\xbfi\x1a\x10\xeayT\xab'</t>
  </si>
  <si>
    <t>b'\xaa_\xb9_|A\xef7\x8e\xd4\xe5)\x00H\xd9\x93coi\xef\xa5^a\xa1Z\xa0\xf4ro\xc5d\xa5'</t>
  </si>
  <si>
    <t>b'T\x15\\\xfe\x8a1\xea\x7f\xbf\x11Orv\xed\x0e\xde,b\x9a}\xb1\x06R\x13\xbc3\xd2\x0c\x8f\xea\xb5U'</t>
  </si>
  <si>
    <t>b'\xc3\x19\xc7\x80B\xd5\xaf\xa7\x8c.\x19\xfel\nFh\xe1\x9f\x9f\xa0\x927\x0b\x88\x9bN\x84\x81\n\x04\xc8\x92'</t>
  </si>
  <si>
    <t>b'f\xc5\xf7f\x88\x14s\xed\x9da\xe5Aj*!!\xfa\xe7\xbe\xdd\xba\x11\xf4\x0f\x11\x88\xa2\x04\xa2R\xbe\x9e'</t>
  </si>
  <si>
    <t>b"\x13'\x8f\xf0o\xa6\xf86Q\xd04\xd0\xe5ui\xb8\xac6\x10I\x88K\xd6\xd6\x06\xf1\xdbf\xea\x83\x85\xf0"</t>
  </si>
  <si>
    <t>b'CB;\xa6s\x80N\x94\t\x9a\xfa\xad:1\x92\xf2\xf9\x96x\xb4\x11\xea\xda\xaf\x9d\xf7\xb6\x1c\xf0\xf8\x03\x13'</t>
  </si>
  <si>
    <t>b'\xdaRQ"\xdd\x81\x85L\x98&amp;H\x9f\xf6\xaf\xdc\x11\xe0k\xa8\x8c\x86c\xff\x16\x9c\xc0~\xa0\x15\xb9\xd6\xbe'</t>
  </si>
  <si>
    <t>b'b\xb5.m\x1bu\x8f\xebt\xb5x\xf2\xeaFa\x80\xdb\xa0\xc3\t\x90ew\xca\x07\x8bc99U\x00\xa9'</t>
  </si>
  <si>
    <t>b'\xa41t\x8e\xbb\x0f5\xc0\xaf\xfd[v\x92\x87\xf3ui\x04\x86\x84\xf9\x80\xbbh\x1f\xda_\xbfa\xf9\xd9\xff'</t>
  </si>
  <si>
    <t>b'\x0e\x1b\xb2m\xc6\x12\\_nGB\xeeLT\x00\x8f\x01:\xe9\xa1\xcc1/\xdb\xd3\x82\xf2+\x90\x15\xdb\xff'</t>
  </si>
  <si>
    <t>b'\xb3\x89\xd7pQ%\x00`9-\x06H\x96\xf9t\xd5\xb3\xe7\xf5\x98\x88\x14\xa5\x9a{r8\x9e.\xa8\x1fB'</t>
  </si>
  <si>
    <t>b'C\xfc\x19\xf6eT+\xbc\xec\x96eX\xee\x9dI;\t\xd4^;\xc1\xf5r\x19\xcf\x08\xd0\xc2\x9d\x80D\xfe'</t>
  </si>
  <si>
    <t>b'Z\xa3\x81\x0b\x95F\xd8\xa9\x1a\xf5\x0e\xef/lS\xbd\xc6B\xbed@Q\x18\xf7[\x80\x90\xfc\xd8\xe97\xdf'</t>
  </si>
  <si>
    <t>b'x\x11\xb5\xd2\x97\x96\x1bL\xdf\x04\x15\xc0\x9bdL\xc2z`y\xbb\xb5\xb9\xf3\x9a\xab\xaf\xdcCQ\xe2\x85\xe7'</t>
  </si>
  <si>
    <t>b'\xad\t\xbe\xec@\xbc\xa0\xc6\x88\xd2\x93F+\x91u\xc0\xa1\xd45\xe7\xa4\xdd\x11\xc3z\x0f\xc0\x06$\x80\x908'</t>
  </si>
  <si>
    <t>b'@\xf7\xa2\xcb\xac\xe3\x14\x1c\x02\xc4\x92f\xddx\x9b\x87\xc3\xa6\x17*\x93{\x02|\xd9q)\xb5\x86\xc6\xa9\xe8'</t>
  </si>
  <si>
    <t>b'\xd5\x94\x0f\xfe\xdb\xb4\xed\xda\x91\x93Rv1h\xb8\xffO\xda\\\x0e#q\xef*c\x1c\xb6\x8a7&gt;(-'</t>
  </si>
  <si>
    <t>b'\x1f\r\xb1\xa5]\x8dZ\x19\xd0`w+O\x1dZ\xb4\xb6\xcf\xdc\x8c\x0fa\x93\x0fp8G\xbb\xb2r{#'</t>
  </si>
  <si>
    <t>b'\x04\x91Si\xb4\xe6\xe9\xa3\xac[\xf9Vd\xd2E\xcf\xf1\x12x!"9\xf1\xb7\x04\x85[\xa6\xa0\x1bh\xfa'</t>
  </si>
  <si>
    <t>b'\xc7\x0ce7\xe3\x86\x80\r;y\xaf\xbf\xd5\x95\xd5\xbc\x95\x14\x8d\xa4*\xd0\xbe\xa8l5_\xfa#]\x7f\xe3'</t>
  </si>
  <si>
    <t>b'\xc8\xb1\xcc\xfc\x18\xf0\xcc\xbc\x85\x87Z\x14:\x8f\x98\x05\xd7c\xf92\x97\x00\xe7\xe1.\x07\x10\x9a\x99?\xf4K'</t>
  </si>
  <si>
    <t>b'\xf8wN5\xbf\xb6\xe1\xa9\xdf-\xa2/6Ic\x8b\xe0Q\x01\xdc\xca\xc4\xb9\x88,\n\xe8\x0c\xf0|\xb5\x8b'</t>
  </si>
  <si>
    <t>b'\x9b\xba\xaa%.\x82\x90\xbd\x19\xbb_\x18\x85x\x99\xccTB \r\xbc\x11?OUy\xc1\xd1\xcc@&lt;\x19'</t>
  </si>
  <si>
    <t>b'UG\xd7\x0cY\x02\xd2\x9aPM&gt;U\xd7\xb7S?"\xdcP\x0f\xee\x89\xab\x80\xa1w\x18)\xa2\xc8\xe3m'</t>
  </si>
  <si>
    <t>b'@\x8cA\x85\x84+x\xf3\x92d\xfe\x97\xc6\xd5:V\xe9l2\x97\xda)\x00/\x90\xd0vA\x8aw\x8ae'</t>
  </si>
  <si>
    <t>b'rk\xcc\x13\xe0\xab\xff\x9b\x02\xd2\xe7S\xbac\\\x02&gt;\xa2]\x15\x84L\xdc\xd8\xe7A\xc0\x98T7\xd0\xfa'</t>
  </si>
  <si>
    <t>b'\x16\x18\x9d\x9aYCCr\xe2m\x84\xf1,\x89\xa2\xcc\x18\xc9\x9b0\xa6\x1a\x8c\xae\xa0\x14\xb5\xcd2,\xbc\xd2'</t>
  </si>
  <si>
    <t>b';\xec\xde\x83\xca\xf7U\xee\xfdy%7\xfe\xfdr8\xffi\x00/\xc1:K\xc0\xa9+\xe3\x04\xe0{\x170'</t>
  </si>
  <si>
    <t>b'\x14\x95\xd3\x9c\x04nE\xab\x81\xa5\xa5\xd6\x83\x84 o\x92YF\x85I\xde=\x1c\x06l\xdc\r \xff\x05\\'</t>
  </si>
  <si>
    <t>b'\xcc{(8\xac\xa0\x0f\x12e\x11\xccA\xb5\x1b\x06:,d\xd2t/&gt;\xb3\x90\xa6z&amp;yi\x92\xfb?'</t>
  </si>
  <si>
    <t>b'\xf5\xf6Il\xee4I\xb1\x8c\x16-@2\xf2\x82a&lt;\x92J\xf8\xc9.shCw\x17\xce\xcc\x03Z\x13'</t>
  </si>
  <si>
    <t>b'8\xa7\xf9\xb8\x94w\xb5\x12\xf3\xbb\x8a-P\xdf\xd67.M\x80\xd2\xc8\xf9\xd50u\xc7\xd5w\x98\xcb\x9f\xfe'</t>
  </si>
  <si>
    <t>b"'\x7f\xd2=(\x11d\nIj\xae\x8b\x86?`\xba\xb9\x12|y\xd20\\\xb8\xb7\xaaVmkZ$\xe6"</t>
  </si>
  <si>
    <t>b'\xc0\xfd\xc9\x85\x85\xc76\r\x9b\x1a\xcd\x95\xb4\xbb\x0bDS\xb6\xfc\x1e\xbd\x85HN\x18\x7f\xc6\xcb\xf7Wq\xa1'</t>
  </si>
  <si>
    <t>b'\xd6X\xe2(N\x98\x91A\xe7\xeb.2\x98\x9eO\x00\xe0\xd2\xdd\x862u\xfb\x89\xa5*\xcd4\x8ay\xb26'</t>
  </si>
  <si>
    <t>b'\xdb\x99\x0c7ei\xf5\x03_\xec\x97\x02\x0c\xdbBW\xe4\x9d\xfe\xdd\x8ev\xcb\x96\x06[\xe1\x18@\x94_\x00'</t>
  </si>
  <si>
    <t>b'?\xe1o\xdf/e7\xdbxq\xc9\\ \xcbd\x80\xbb\xc7\x94\xe1o\xb8\xee|\x12\xf5\x8e88\x89\x83\x8c'</t>
  </si>
  <si>
    <t>b'\xa6jo\xb6\x8a\xe4@\xf64&gt;\x95\x85\xc0Q\xdf\xd3\xa0e&lt;.\xd5\x95t\xa7\xaf\x82`\xce\r \t\x15'</t>
  </si>
  <si>
    <t>b'\xca\x9dz\xda\x89\xae\xf8\xa8\x1e-\xf8zZI\xda\x12v\x17h\xde\xe3\x15\x80\xa1X\xc8\x14\xd1c\xa6\xbe\x87'</t>
  </si>
  <si>
    <t>b'G\xbaM+\x97\xea\xe9\xc4&gt;Hin\x80\xab\xb6\x19\xa1JB\xaf%\xddh%\xd1\x96\xbe\x8e\xba\xb7\xabX'</t>
  </si>
  <si>
    <t>b'\xae\xefJ\xc6\xd6@\x7f\xcf9\xba\xdb\xa2%6\x07\xba\xd4\xa8\xe7\x93\x03\xd1\x84\xce\x00\x9d|G\x92\xa7\x95\xda'</t>
  </si>
  <si>
    <t>b'\xa4\xd5\xc4%O_&lt;\xbe\x1d\xa5\xd3x\xeb\xc9\xce\xcc\xbbQ\xe9\xe7 d1\xfb\xce\t\x89\x03\xd6\xd9\x8f\xea'</t>
  </si>
  <si>
    <t>b'\xb5"\xda(\xa3\xbbB\x9a\xf6\x14\x93vV\x93\x84\x84\xf4/\x87\x13\x18\xb5\xf9\x1fH\x87\xa2t\x03\xc7\xe7\x86'</t>
  </si>
  <si>
    <t>b'\x8b\xa3\x02\xd3\x96\xde\x1f%L\x8d~"B\xdc\xf4\xc3m-\xf0x\xae^\xad\x00FVS\xd8;\x10\xb9\x03'</t>
  </si>
  <si>
    <t>b'@D[\x9aw\x982+\x12\x1a\x94N\rH\xef\x85=\x8e\xc4\xf4\x0f\xf9\x01\x18\x85\xed\xd1\x04\xa1\x13%\x03'</t>
  </si>
  <si>
    <t>b'P)\x93\xea6!\xbe\xf1\xa3s\xd4G\x85E\xb6\xea\xc0-\x91\xb3\xed\xf1\x0e\xfc\xe1\xcf\xe9=\xe9\xc71\x94'</t>
  </si>
  <si>
    <t>b"\x06u\x1d\xeeKF\x9d6\xbf\x00T\rS\xf7\xc2#\x83|\x01o9\xe6\xdb't\x17\xbenE\x0c\x1e\xba"</t>
  </si>
  <si>
    <t>b'\xa9\xb3\xa8v;\xbac8:c\x94\x01 \xee&amp;`\x8b\xd5\x94\x00H\xb1\x9c$j=\xdb%\xc5wU\xb3'</t>
  </si>
  <si>
    <t>b'y\t;\x8b\xf8\xd8\xe8^\x84\xad\xc9\x158h\x92\xb4&amp;\x9e_1:\xc3\xdb\xee4\xc4\x04\xe2\xd4\xa5\x98`'</t>
  </si>
  <si>
    <t>b'\xfc\x9e\xb9\xfd1\xc4\xd2FC\x14E\xb9Y\xcbh\xf4\xa5\x97\xce\xa6lc\x1f\x1d*\xb7\x19\xf3\xc0\x0f\xcf\x9b'</t>
  </si>
  <si>
    <t>b'\xf0u\xe4\xd6\xf6\x002\x9e\xdbRH\xb4\x8d\xa3$d6VS\nh\xa1\x1cP\x97\x92\xfe\x83\x04\xaa\xe2\xf0'</t>
  </si>
  <si>
    <t>b"\x13`\x01\x1c\xf0\xfd\x9b '\xf1\xe07\x86\xe7|k\x9e\x0ci\xc8\xd3k\x8f\x1a\xb3n\xc2\x18\xd8\xfc\xf0\x08"</t>
  </si>
  <si>
    <t>b'\x16\xaaE\x88\x14i\x89\\\xab\x8b\xc0Rb\xc4\xb1\x85\xff\xc4w\xf0`(\x08*&amp;\\g\x96\xfa\x1c\x8c\xc8'</t>
  </si>
  <si>
    <t>b',\xe9j\xac\xf7#@\x7f[T\xf7 \xcb\x12\xf3\x9b\xe4\x8c\xd1_\xe5\x06\x16\xeb\xe2\xa3\xbeH\xc5d\x9c\x17'</t>
  </si>
  <si>
    <t>b'&lt;v\x1em\x81\x97\xd2\xba\xe1\xd5\x80I\x0b\xec\x8a\x86Y\x0eG\xeb\xfa\xbb\x1f\xf7O\xa5Q\xac\xea!S,'</t>
  </si>
  <si>
    <t>b'\x93z\x92@i\xdd\x17^\xe5\x91\xe4\xd5\x82AB\xe2R/\xb3\x8c,+\x14zB\xed\xb3\xa4\x1d\n\xf6\x1e'</t>
  </si>
  <si>
    <t>b'\xc1\x9b%\xfb(\xc0\xbdX%\x97F\xbb\x8b\xe27\x15\xee \xd6R\x07\x14]\xf5,B\xee&lt;\x17\x95\xf1\x18'</t>
  </si>
  <si>
    <t>b"\x84\x19\xd5\xeb\xe0\xc7 \xb258\xaa.\xfd\xd9\x8d\r*\xb0\n\x95G\xe4=\x7f\xb9\x8e\xbaO\xf3\x85*'"</t>
  </si>
  <si>
    <t>b'\x86d\x98\xfb\xce\x152\x8c\x1e\x1a[\xaa6L\xc3$`\x00\xdc\xfb\x92N-\x92\x97#]\xf3\x05\xb5\xaa\xde'</t>
  </si>
  <si>
    <t>b'\xac:nZ\t\xa9\xd6\x0eq,Dz\x99s\xa5-\xb0&lt;o\xf1\xa4X.a4rsz\xb3b\xc4a'</t>
  </si>
  <si>
    <t>b'\r\xf3x\xe5\xa8\xe4\xf7\xa8\xecE\n;\xd1\r\x12\x01\xcf\xe2\xc1z\xc3#\ry&lt;)\xbe\xc0b\xf9Z\xec'</t>
  </si>
  <si>
    <t>b'\xbf\x92\xfe\xc24\xc3\x0c\xabmJ\x17\x8d\xba\x1f\x195y\x86\x03r\x0b\x93\xd0\xec\xdb\x02.\xd8\xfb\xdc\xba\xd2'</t>
  </si>
  <si>
    <t>b'\x1e7=\xf9\x81\x89\xa0\x19\xeb\x91\x80\x15\xe4\xc3\x87\xee:\xddm\x92\xfd-\xfcb\xbf\xc3\xc0\x13\xf2\xd8\xf4^'</t>
  </si>
  <si>
    <t>b'\x99i\x1d\x1c6&lt;C\xdf\xe9\xd4f\xc6@G.]\xfd\xde\xae\x05:\x19C\xfa\xd0a\xbf\xcb\xabR\x1a$'</t>
  </si>
  <si>
    <t>b'y\xc2\x8d\x14\xf3,|\x87\x8d\xb3\xa9\xd3Oy\xd7u\xeb{\xed\x14\xe9\x19\xf1_\x98\xbf\x87Sr\x9c\xb7B'</t>
  </si>
  <si>
    <t>b'Z\xde\xd8\xc4b`\xb1\x01\xe1\xc3GT\xa0k\x19\x16\xa6\xaa\x92\xb5\xfa\x96\xe6\xb0\x88@\n*!\xf3\xec\xba'</t>
  </si>
  <si>
    <t>b'Yns\xdf\x87\x84\x1e\xd6j\x02+\x99d=\xd5&amp;`IE\x0c/6\x86n\xde\x88}`4\xfb\xaf\x8f'</t>
  </si>
  <si>
    <t>b'B\x8a\x1f\xbf\xdd\xab\x90\xab\xd6\xd8\xfb\xe8U\xc1u"\xd0\x1b\x01IBA?\xff\x99~\xa40JU\x1e}'</t>
  </si>
  <si>
    <t>b'\x8b\x15\xb1\xaaX,v\xacjr3\x8b5\xe6\x02\x1ff\xa9\xbd\n\xb1\xb7,y(\x8dD]l\x17o\x17'</t>
  </si>
  <si>
    <t>b'#\xf8q\xf4\x96\xfa\x81\x07\xb7v\x89b\xbak\xf0&gt;\xc7&lt;\xc3\x18\xf7\xe6\xd1y\xb8\xdck\xf8\xb4\xd6\x139'</t>
  </si>
  <si>
    <t>b",C\xd8\x15\xb2\xe5\xac\x083\x88\xa0'\xfc\xb0q\xbf\x1b\x92jwK\xd8U\xa8\xc1BN\x81\xf4\xb4\xbc\x8f"</t>
  </si>
  <si>
    <t>b'\xa2\x93e\x14\x94\x14\xd9\xd0&amp;\x0c\xa4B\xab\xf7\xe6\x00\xfd:&gt;S\xd4@\x91\xfb\x9d&gt;\xea7|\xab\x84\xb1'</t>
  </si>
  <si>
    <t>b'e-z\x8e\xf4i\n\xc4\x81\x13x5\x18]5\xdc\x95PPKBmK\x0e\xa6\xeer\xae\x83\xe2\x8eE'</t>
  </si>
  <si>
    <t>b'\xde\xb4\xf0\xf2\x84t.\x9c\xe3\xa3d\xaa\x98\x1e\x83\n\x08\xbf*\xaf\xc1}\xc8\x02^Z\xd6\xfa#A\\\xbe'</t>
  </si>
  <si>
    <t>b'\xa8~\x16\xde!\x01s\xcd\xf6Z\xce\xfb\x9d*\xba\xcb\xf8\xea\x94:NL\x90\xdaB-\xde\xdd\xb6?\xe7\xb8'</t>
  </si>
  <si>
    <t>b'\xc4*\x08V\xe5@\x9co\x9e\xf2q\xfbcY_\x8b\xb8D!\x98\x83\xafv\x0b\x9e\x08#JKK\xf0\x9d'</t>
  </si>
  <si>
    <t>b'\x81I\xcc\\$\xda\xc3\xc9\x99\x15v\xf0\xce\x89?k\x7f\xba&lt;\xd5\xb2u\xb5\x16\x7fv\xc7\xda\xa2^\xaf\xc9'</t>
  </si>
  <si>
    <t>b'\x1d\xc3)\xea\xa03\x07\x85*F2:\xc7\x97\xaa\x86\xa9\xca\xa8\x87egD\x9bn\xff\x18\xc2O\x8f\x1b\x85'</t>
  </si>
  <si>
    <t>b'\xe7\x81\xf5e\x95\xec\xc8\xcf\x11\x9c);\xa0\xf9\xef\xa8U\xa0\xf1\xbd6UHR^\x91a_]tT\r'</t>
  </si>
  <si>
    <t>b'\x00\xad\x15\x03\x0f\xb7\xc2\x8f\xc2\x95\xf9\x8bW\xe1O,\x00\xdd]]\x17[K2\xbd9\x14\xd1\xf1\xa2\xad\xd3'</t>
  </si>
  <si>
    <t>b'~E\x15\xb2$#O\t{\xd9\x1dP/\xb4x mo\x05\xd28\xe4\xf0,\xfd\xb4\xe5\xeb\x06\xa4\xea\xfe'</t>
  </si>
  <si>
    <t>b'\x99\xfa\xc5A~P\xb3Ct\x15\x7fq/\xbedMo\xd2J&gt;\xf7\xdd{\x01\x98\xb1\x02\xb7*\xb0[t'</t>
  </si>
  <si>
    <t>b'\xce\x84\x1cc\xb3p\xda\x96\xfa\xf1\xd4\xb4L\xce^4JF\xc8~\x9f"Qn\x1b0\x19E\xd1\x1b\xb7+'</t>
  </si>
  <si>
    <t>b'\n\xdeP\xf05\xa3\xef\xe5\xa0~\xb4G\xa8\xc4\xdb*\x1c1\xf3\x8b\x1a\x97\x17$j\xe1\xdc\xb5\xf6\xf5HV'</t>
  </si>
  <si>
    <t>b'\x9dP\x8c\xb9\x9c\x82zI?\x87\xe9\xdeA\x96q\xbf}G\xd2\xd4\x19\x0e\xf8vg\x02g?\x94\xfdV.'</t>
  </si>
  <si>
    <t>b'\x98~\xe0\xb7\xbbQ9\x13\xbbe,\xa7BJ\xe1\xab\x02m\xc3\xa0\xf1"\x91\x0e\xbf\xa1~o~TK\xf1'</t>
  </si>
  <si>
    <t>b'\xa6\x9c\xe1\xebD\xa0[c*J\xfe\xbcy\xd1D\x82;\xc4\x98\xd9\x99\x1e\x8e\x17\rH\x15\x1eX\xf0\x0c\x06'</t>
  </si>
  <si>
    <t>b'7oo\xed}\xbf\x00\r\x04\x160:\xd8w:\x868\xfb\xc2+\xc4x\xb9"[t\xc7!\x06\xb7\x01&gt;'</t>
  </si>
  <si>
    <t>b'm\x81\x1c\xea\x0c\xf5\xf0N\xb5\x04*\x9b~\xad$-Z\r\xa6\xc8\xcesY\x82\xb1\xfa\xee+\xca\x12IS'</t>
  </si>
  <si>
    <t>b'\x8e?\x0c\xcc\xb2%P\x96QG\xdfI\xe0\x9eLZ\x1f\r\xa2x_\xeeR\xb7\xfd_\xf8. W\xf2\xb7'</t>
  </si>
  <si>
    <t>b'\x81\xb4\xeb\xd6\xa9\xf2D\xab\x8a\xbb\xf9\x92|uz\x0c3%\xd3M7\xf9\x99!E\x90\xbd\x89w\x1f\xd0&amp;'</t>
  </si>
  <si>
    <t>b"\xbb\xc6uy*\x06\xa5\x04\xb2&amp;\xd4\x0b\x84[\xb2\xff\xec\xd8\xb0\xb9\xe5sI\x89'\x11A\x05\xa1\xf3\x99\xcb"</t>
  </si>
  <si>
    <t>b'h\xb4\xb3\x05\x118d \x0e\x08\xc6\x1b\xe5\x84ij\xa7&amp;\xbf\x90y\x05\x95r\xab\xdb\xdeU\x94\xd3\x9d\xcb'</t>
  </si>
  <si>
    <t>b'}\x9b\xa8\xdf\x8b\xbf\x96\x00\xf2b#\xe6a)\xc5\x8c_\xa2\xb05\xa3\x19)P\xe5;k\x1a\xf6\xfe\xe9U'</t>
  </si>
  <si>
    <t>b'x\xf6\xac\x80\xeb)\xdb`Q\x01\xbc\xb0\xads\x8e\xaf\xf3\x0b\xefzN\xd5*ZlF?\xd3L\x95\x8a8'</t>
  </si>
  <si>
    <t>b'\x97C\xfcEE}\xbf\x92\xe4y\x1a\x1fXyr\xc3p=\x83\xae\x9c\xcc(5d\xa5gX\xa3\xa0\x15\x87'</t>
  </si>
  <si>
    <t>b'\xb9g\xf6\xffo\xa1\xae0f\xc0\x82\xf4\xd9\xcc\x1f\xb8O\x86\x94\xd28\xc9\x8c\x1a\x850\xdf\xab\xc6\xc9\xaa\xc5'</t>
  </si>
  <si>
    <t>b'\xaa1\xd0\x9fx$\xea\xdf\xb5oy\xb2\xa4\xd0[\xee\xfbj\x1f\xee\xc3*\xd7\xda\x85\x17\x1c\x02\xfdk\xb3f'</t>
  </si>
  <si>
    <t>b'\xae\xeez\x1f\x88\xd8\x88\xaby\xaa\x97{`A_C.\x8f\xc1\xfc{\xf7\x0fc\xa7\x82b\xc2\x1e\x03C\xf3'</t>
  </si>
  <si>
    <t>b"\xb2'\xed\x14\x9d\xd2i\x9dC\x1d\x98\xbc\x9f\x17\x9dN\x9a\x1aT2\x1f\xeb\xcb\x8b$a\xdc\xe7\xfc\xfcQ\xad"</t>
  </si>
  <si>
    <t>b"S&gt;\x05\xeb\xde\x94\xe7\xa4v\xd1A\xab\xdc\xbe\xfc\xd0\xc0\xcf*\xd8\x81\x900cN\xca\x89\x02'=\xed\x16"</t>
  </si>
  <si>
    <t>b"\x15\xe4er\xaea\x05\x19'\x07\x83\xa1\xe6\x85H|7m\xc3\xcb-\xf0/\xe7\xa9/\x0c=q\x00N\x00"</t>
  </si>
  <si>
    <t>b'\xda\x02\x1f\xa9\x023\xbf?\xb2\xb4/o\xec\x95^\xa4g\xe4\xee&gt;\xc2\xbe\xb48\x95\x07\x11H\n\x13\xea\x1d'</t>
  </si>
  <si>
    <t>b'%\xf09HI\x82G\x91\x9eW\xe9\x82\x0b\x02\xed\xd5J\t\x96?\xad\x04U\x92[\xbc\x07`\xbc\xf1XV'</t>
  </si>
  <si>
    <t>b'\xf4n\xf7X\xcb\x11?\xc1\x0f6U:\xaar\x98e\xdc\xd6Z.\xc7\xdc\xd5\xab\x0fS\x9d\xa2\xb7njB'</t>
  </si>
  <si>
    <t>b"5\xac\xb6\xae6\x91&gt;\xc5b\x01\xb5\x18\x7f\xac\xa0T\xceRp:\xbe\xcbM`\xc6' I\\\x96\x00\xf6"</t>
  </si>
  <si>
    <t>b'\x1cu\xe9\xaf\x8c\x87\x05\x9aH\x1cr\xc0\x8bB@\xa4\xdd~\xe2\x0fq\xa0\xea\x14\x99\xf6\x075\xea\x11\x083'</t>
  </si>
  <si>
    <t>b'\t:V\xacz\x94RY4\x98\xb9\xe9}\x08\x14L\x99u\x17GD\xe2\x90\x1b\xfcq\x8d6}\xef\x80\x8a'</t>
  </si>
  <si>
    <t>b'\x1f\xb8()\xa2\xb3\x90\xcd,?\xc4\xa2\xa7t=e\x8dC\x16;\xc5\xe2tl2Y\xba\x0b=\x99.\x00'</t>
  </si>
  <si>
    <t>b'\xda\x82zq,\x10\xb3\xe6\x12t\xc4\xda\xd0\xd1D\x01Lq\xfapC\x15\xa7M\xe1\xd9\xc4\xde\x08\x96&amp;\x14'</t>
  </si>
  <si>
    <t>b'\xee&gt;U=$I\\\xdca\xb6\x99\x15\xd1h\x9dE\x88\x1b \x13\x9a\xd5*\xffu\x96\x91F\xd1\x85\x90\xec'</t>
  </si>
  <si>
    <t>b'\xd7\xbf\x9e\xf61\xcf\x8c\xa8/\xca\x8fe\xe6\x86\xb9\xf0c\rn\\\xe3V\xc6\x96\xdb\x9c\x16\xf8\x89e\x11g'</t>
  </si>
  <si>
    <t>b'\xf2\xa4q\x15\x17\xa5\xe6Ue;\x94\xe9\xe2\x82\xbb\x07\xadDs4\x08L\xa6\x12:W\xfd\xc9\xaa\x9e6H'</t>
  </si>
  <si>
    <t>b'\x85\x18\x1bj,\x98o\xe7O\xea\xe4\x87\x0c\xbb\xbd\x8b\x03\xa5\t\xa3\x9d4$#0\xeeEI\xe2\x0f\xd6\x9b'</t>
  </si>
  <si>
    <t>b'c\xe2\xc4\xdd\x95\xb2\xa2\x17\xd6\xeeq\xaa\xaa\x90\xc5\xb89\x01b\xc9\xb9\xf9\xe6k#\xd5l6s\x99\x94\xff'</t>
  </si>
  <si>
    <t>b"\\\x96\x8d'\xee\xe9\xf4\x05\x9f\xf7.Ea\xab\xf9\xaf\x1c\xc1Cm\x0b\xc6E\xa5,\xb2\x11\x02\x1c\xbbo\x17"</t>
  </si>
  <si>
    <t>b's\xb4I\xb4er\\\x06\xc4\xa6\x02\xd9\xa0\xb3\xe5\xf3\xe5U0g\x99{&gt;\xad+\x91\x04.\xa19\x1b3'</t>
  </si>
  <si>
    <t>b'\xeb\xd3\xc3\xd3\xda\xde\t\x10q\xd1!s\xb8\xff(N_4}\x8b\x95\xce\xcc\n\xce\xca9"\xfeX\xe4\xfa'</t>
  </si>
  <si>
    <t>b'W\x16?\x9b\xa3\xe2\x95\xf1&lt;U\xe4&gt;\xael\x86\x05\xab\x0c\xa3O\xb3\x9a\xfel&lt;\xe2&amp;w\xa6h\xce\xd7'</t>
  </si>
  <si>
    <t>b'\x14\xf2&gt;z\xb9\xf1b/\x8fXw\xf5\xe9 ],\xdfc\x8d{B\x87\x18\xa7\x9c\xbd\x83a\x16\xc7\x1c\x9f'</t>
  </si>
  <si>
    <t>b'\x0c\xbf\x9bX\xb4\xb6\xa2\x92\xb4\x10\xa6D\xdc\xe1\x15\tH\x01\x19F{=\x9c\xd4\x1du9@\xb1\x0fF\xcd'</t>
  </si>
  <si>
    <t>b'a|\x88w\xf7\xe8S\xd0-6\xdd\x93I#\xfd\xfa\xf8H\xdb\x9f\x88\x8bc\xdd\x92\x81\xf5\xce\x83\x08R\x91'</t>
  </si>
  <si>
    <t>b'\xc5\xab$\xce\xe0\xec*\x86\x0c\xa4^7\x00\xb9\xaa"\x8a\xc0\xef:\xa0\x0fi%\xee\x86&amp;x\xe2\x9e\n\x94'</t>
  </si>
  <si>
    <t>b'#\xea\xc0H\xf9\x98\xb4+xj\x80\xd0E\xffd|a\xa0\x9d\xa1q\xde\x1b\x99\x8cv\x0f\xb5\x94\xd0\x99L'</t>
  </si>
  <si>
    <t>b"\x1a\xf4/\x81q)\xe9\ngFL,PHa\xb4\xc2R\xa1/\xae'v8Q\xdc2F\xec\x14\xe6\xa8"</t>
  </si>
  <si>
    <t>b'K\xb5\x8d\xd7N\x1b\xbf\x9b\x96\xf4}l\x02\x19\xe7\xf9\r}w\xcfa9O\xfd\xaa\x93\x86\x82\xf9\xab\xfa\xb4'</t>
  </si>
  <si>
    <t>b'\xd5\xc48\xb2\xee\xd1j\x81%\xe7TgTx\x89A\x0e{\xba\xa9\xddH\xab\xb8\xd9XJe[\xd87&gt;'</t>
  </si>
  <si>
    <t>b'\xe7\x7fo\xbe$\xdbd\x9d\xdf\x83\xe7n\xdd\xbd\x81&amp;c&amp;x\xbc_\xc9\xa9\x9a&amp;T\xb2\xd5\xaa\x83\xe6\xe5'</t>
  </si>
  <si>
    <t>b'%\x86\xdcu^~\xc4\xf0\x18\x8e\xf7\x9b\xa5\xfa\xe5(6AQ\xf6s\xb6\x11:\xf8\xbd\xc9\xbe\x899\xc1\x8e'</t>
  </si>
  <si>
    <t>b'h1\x0e\xde\xbc\x192\xe5i\xd9q\xc8\x07\x9f\x10J\xe8Yv\xf6?YN\x9e`tk\xc7\n\xab_\r'</t>
  </si>
  <si>
    <t>b'\xf1\xe9\xcal;\x01\xd42\xbd\x933\x02A! \xe4\xe2I1\xfb\x12Q\xbcX\x16\xd5\x87\xb4\xcfg\x9da'</t>
  </si>
  <si>
    <t>b'\xe7\xaa\xda\xbdX\xc1\x1e\xd4\x19/\xd1\x7f\x12\x9f5NEC\x82\xe5\x13z\x8ah\xadXD\xbd\x8b\xb7\xe6\x7f'</t>
  </si>
  <si>
    <t>b'\xe3\xdc\xad\x94\xca\xd3\xbf\xef\xa68\x07ey\x1a\xee\xc3\x86\xf6\xd7\xd0\x84Z\xca\xe1\xe3;\xc5\xb5N:\xc3"'</t>
  </si>
  <si>
    <t>b'P\xd4\x16~p\x84\xf3\xd4\xb2\x02\xc4\xba\xe1\xcd\x94\x88\xee\x97\x07\x9a\x16\xca1\xd5\x8e:m\t\x92\x01E\x8a'</t>
  </si>
  <si>
    <t>b'\x8b\xa6\xa0\x97(\xba\xa2\xf1v\\O\xa7\xac\x9ea\xb1\x97\xcb\x9aa\xb0\xb0\xe0\xed\x8c\x9b\x03l\x02\xbb\xe6\x00'</t>
  </si>
  <si>
    <t>b'\xf6\x14\x84\xec\x8de\xa7\x86\xe5t\xa3\x17\xc8\xf1\xbf\x9b\xce\xe7B=&amp;@\x10rW\xf7\xf6\xd2&amp;G\xcc\xad'</t>
  </si>
  <si>
    <t>b'\x1f\x10\xa3\xa9\xc3\x9d\x18\xa5\x89\xb1\xa7\xcdL\r\xca\xba\xb5\x14X5~\xda?\xf6\xfayW\xd4\xa5XG\xbb'</t>
  </si>
  <si>
    <t>b'\x81\xb0\xd3\xab&amp;\x82\x9bP`U\xf3\xc2&amp;%\xb4\xa3\xf8\x1ec\xedQlz\xa7\xcb\x96\x80\x97.\xa2o-'</t>
  </si>
  <si>
    <t>b'4\xb2/\xd3&amp;-t\x1c\xc8\xbb\xf5b\x9c\xc64\xd0\xf9zz\x84\xff\xbe\xcf\xfc)g2v\xe5u\xa6\xa8'</t>
  </si>
  <si>
    <t>b"4A\xb1\xc2\x99\xbd\x997\xf9?\x198\xd4cN\x87\x9bJ'\xd0@\xf4\xf1\x8d\xc7nN\xcd\xee:B\x0c"</t>
  </si>
  <si>
    <t>b'_\xfb\x80\x06\xd6 gWJ\x1b\xa7\x90]OG\xed\x98\x9cz\xbe\xb3\xb7\xc0e\xe1\xe3\xd7\x84^\x97+\xf0'</t>
  </si>
  <si>
    <t>b'!\xd0\xfdH\xd1v\xfd\x15h~\x8b\xf86]\x85\x135\xf1\x9e\xad\xee\x05}\x05\xd7\x03\x82\xe5\r!\xe7\x97'</t>
  </si>
  <si>
    <t>b"\x89\x88\xde\xfc\xa9o\x83\x0f\xa5\xec\x1b\xe15\x83\x13\x83\xec\xf8\x96d\xado\xb6\xf6\xa5^`\xee\xe9'\xccM"</t>
  </si>
  <si>
    <t>b'\x8bZ\x9c\x11\x14\xe9X\xc3|\x9b!A\xe3\xd2cCs\xac\x9b\x89lrH\xf3P\xfb\xf8\xd4/\xbaw\xd9'</t>
  </si>
  <si>
    <t>b'\xeb|~\x8a(\xac\xb8J?\xefL\xdb\x07\x92a\xea\xf8?\xd3\x1f.~-q\x08t\xa0m\xe7\x00?N'</t>
  </si>
  <si>
    <t>b'\xd8\xc9\x1b\xb7\n\x1b\n\xc9\n\x7f\xba\xd9h\x85\xd4\xec)\xe0\xcd\xb4\xcc6\xf5\xf7\x881\n\x81&lt;5k!'</t>
  </si>
  <si>
    <t>b'\x1e\n\x93\xdf\xf5W\xdc\xe7x\xd8u\x15x\x92\x95\x16\x0b\x18\xe3"f5\xad\xe4\xcec\x95\xd8\x1bq\xaf\xc0'</t>
  </si>
  <si>
    <t>b'{8\x02\x87\xf5\t\x97\xcb\x10\x97X\xec\x9c\x0b.\xf9\x13\xdc\xdb\x14\xa6\xeb\x0b\x8c,\xaa\xa5\xaf\xfe\x10\x1f\xb4'</t>
  </si>
  <si>
    <t>b'\xdeBt\xf7\xb6\xfd\'\xd3"\x86\xbff\x9e\x8f\x1a\x11\xef\x03\x8e0\x9aP*\x97\xeeI\x99\x03\x12s\x95\xe9'</t>
  </si>
  <si>
    <t>b";\xca\xed}\xfe]^\xcd\x97Q\xd4\xd0\x83H\xd8\xcb?\x17\xca\x85\x05'\xbd\x0f\xcev7\x0f\xf1\xec=\xba"</t>
  </si>
  <si>
    <t>b"\xac\xd5U'\xe7&lt;\xe8\x0fR\x9e\xe3\xa1\x08b0\xe4\xcb\xfco\xff\xb5E\x9c#\xf1\xdbE\x0fB'\xa38"</t>
  </si>
  <si>
    <t>b'\xac\xa8\xb7\x19\xcbF\xbfy\xf5&amp;M#\x1d\xc5S\xd2P\xd4C\xe2P\xfa\x05q\xf3(Mz\xb8E\x02\x8e'</t>
  </si>
  <si>
    <t>b"4\xe7\xa7\xe1'7\xf2~de\x18\xf9\x0f\xddt\xde\x87^\xdc\xa44`\xf5\xc5:/t\xe4TF\xe68"</t>
  </si>
  <si>
    <t>b'V\xb1\xeeC"\x08I\xe6\x88\xf9k\xaa\xf89@\\\xaa$\xfd\xf2]\xed4\xc4\x9d\x0f\xc1V\xfb\xd0\r\xb7'</t>
  </si>
  <si>
    <t>b"6\xd9\xc3t\x08a\xcd\xcc\xa9p0\x1d!\xd7.\xb3\x8c4\xec\x93\xb4\xe1'g ^\xfd\x90\xc5\x10y\xd6"</t>
  </si>
  <si>
    <t>b'@\x90v\xe1\xb8\xfd\x80l\xed\x15\xa4\xe8m\xd3?#\x89y\xcb\x19\xdf\x8d\xe2t\x89\\\x0cmc\xd6%\xa6'</t>
  </si>
  <si>
    <t>b'\x13\xf3\xd4H\x8a\x96\x92my7\x0e]rf\xbei\xa2I\xa5\xdd\xfa\x0f\xf9)yR$\x0e\x17XT\x8d'</t>
  </si>
  <si>
    <t>b'c\t\x8at\xb9\xa5\x01\x84\x80(\x8b\x9e\x93m\xcb\xbb\xce\xf47\x93I\xf9\xe2YI_\xcd\x169t\xb5\x04'</t>
  </si>
  <si>
    <t>b'5\xdbq`(\x9e\t\xca\xb2\xa5@;\x05\r\x00a#\xd65\xda\x0b\x9e09\xebE0E.\x92\xcf\xaa'</t>
  </si>
  <si>
    <t>b'\xde\xa1\xe8\x1f\xd8\xa5\xe2C\x18\xb8\x8e\x0f\x97\x08\xbbm,\x0f\x19&gt;\xd1\x85&lt;?\x1c\xe5_\xf43&lt;\x19&amp;'</t>
  </si>
  <si>
    <t>b'\xbb\x88p7\xc6_\xdb\xe2\xd0:&gt;hH\xbf\x1d\xfbk\x8cvO\xbe\x90\x94\xea\xf1\xe70R\xbd\xff\xeba'</t>
  </si>
  <si>
    <t>b'\xf3Q\xbfK\x0bs\x06n\xc2\xf0\x05\xd9\x82\x103\x91UJ\x9ag\x81\xaa\x80\xd5@aH\xdfF.\x8f\x8f'</t>
  </si>
  <si>
    <t>b'\xef\xc23c*\xcc6n=\x13X\x7f\xf2\xdcy\xdeV\xb7\xb2n\x07@\xd3\x06DD\x9e6\xa9\xb0D\xe2'</t>
  </si>
  <si>
    <t>b'H\xb0\x0ew8"\r\x8e\xff4\x11\x00\xd1\xb3\xd3\x8a\x8c\xce\xee\xea\xcf\x99\x14\xce\x0c&lt;\x8e\\\xa4:\xe2\xb3'</t>
  </si>
  <si>
    <t>b'\xbb\xb0\xb8\x16o-;Ni\xf0\xe9\xddJ\xb4\xef\xa8\x93\xb1\xc4\xff\xda\xe5\x16\xf9\xfaRXs\xa5\xdcSV'</t>
  </si>
  <si>
    <t>b"\xc3\x8d'j.\xa2c\x19\xdd\x0ff\xd1\xfa\xa1\x8f\xed\xa8\x06\xe5\xaa\\$B\x82\x11\x86^\xc6\xe4\xa1\x87\xf1"</t>
  </si>
  <si>
    <t>b'\xec\xeeX\xda\xf3&gt;\xa9\x9c\xdfk\xaf\x9f\xce\xe8\xba\x16i\x0b9\x05\xa4\xce\xe4:\xeb\xdd-\xa0\xdaF\xe5\x19'</t>
  </si>
  <si>
    <t>b'\x95p{\xad\xe4R\xba\xf9\xdd\x83\xf9\n\xcd\x90i\xd2\xbe\x99\xeb-\x95o\x90\x84\xd2\x160\xb3\xfcw\x84\xbe'</t>
  </si>
  <si>
    <t>b'\x01&amp;R\xc0C\x078{\xae9\x06[\xa3\x06W=\x87\xb2\xd1FvMQd\x05\xcf\xbf\x1b\x81\xf1L\x8f'</t>
  </si>
  <si>
    <t>b'\xa2e\xa3\xfb\x9aHJ^z^.\xe2\x0c\x19\xaeg\x90qc\xda\x8a5\xb2\xa8\xf6\\\xce]l^\xfda'</t>
  </si>
  <si>
    <t>b'\x93\x07\xdf\xb9\x8cq\x97x\x83!\x1d\xd9\xa5\xbb\xb7\x97\xd7t\xea|q=bQ\xa3J\xbb\xb0wJ\xe8\xdf'</t>
  </si>
  <si>
    <t>b"\xc6b\xbb\x16D\xb1\xe7\x96\xa9\xc6\x8b\x95\xaa\xe1\xf3\xcb\xd2'\xdf\xce\xa2\x80V\xb8ZQ\xb9\x99\x11\x8c\x94\x93"</t>
  </si>
  <si>
    <t>b'\xa7\xe7\x0e\xdd8\x8b\xba2\x8e\xf2\xd1\xe5\x88\xff\x1a\xb80\x97\x82\x92\xc4\x99;~P\xdb\x1e\x93e\x89p!'</t>
  </si>
  <si>
    <t>b'9\x11\xd8g\xdaU&amp;\xe7UF\xbf\x87\x85\xe8\x13\xac\xbc\x02R\x80\x04\xa2!\xb2\xf8%?\xea5\xd2p\xbf'</t>
  </si>
  <si>
    <t>b'\xbc\xc3T\xd5\x9d^\x8e\x89\x85\xc5\xed \xafz[9\xad\xad\xbeo\xf3I\xfb\xbd|\xfb|;\xe4W\xd6\x1a'</t>
  </si>
  <si>
    <t>b'\xec9\xd3\xbc,\xdf\x01\n\x87\xee\x0f9\xba\x84\xdf~&amp;\xd7\x9cC\xac3~7\xe5\xa4\x9d\x17/t,\xea'</t>
  </si>
  <si>
    <t>b"\xa2\xdc\xec(\xc2&lt;)\x8b^4\x957\x9cG\x93N\x1c4\n\xb4+\n\x0b\xf3\xc7\xd1\x1a\xce'\xb2\xd0\x0b"</t>
  </si>
  <si>
    <t>b'\xbao\xbe\x14\xdd\x90\x91\x0f\xf0tyvXx\xf1\x96\xafe\xd5\r\xd8K\xbc\xe7T\xc2q\x04k\xa9\x12\x87'</t>
  </si>
  <si>
    <t>b'\xcf\x0e\xdb\xd5\x80\xf8\x81\xf4\x1e#\x9d\xd0f\xa2\xc9\xd5\x1d+Tt\n \xf8g\xcb\xf2O\xe5\x84]\xfd\x1f'</t>
  </si>
  <si>
    <t>b'=\xf8&lt;\xd9\x8dT\x18\x89O$\xb6N\xda\xd6y\xd8pz\xa2\xc9\x13\x18\x87\xd2\x95\x8fh/cW,\xa7'</t>
  </si>
  <si>
    <t>b"5\x0b\x89\xbaS!\xc0\x00\x06)\x9d\xb7\r\xe5T;}#`O\xd84\xaf\xea\x08\xee\xd6\x9c\x80N'\x95"</t>
  </si>
  <si>
    <t>b'CsV,\x86\xd4\xd09\xfbf\x8e\xe3\xd9z\xa2\x02\xa0\xfb\xba-\x19\xb8\xc5\x16c\xac\xb2\x05S\x90UU'</t>
  </si>
  <si>
    <t>b'\x8e\x87\xe6\xec\xfd\xe4\x182s\x8dhp\x8f8pL1N\xe5]\x13H%*-\x13\xaeu\xf5\xa1\xfd\x9f'</t>
  </si>
  <si>
    <t>b'\x86\xfaU4\xf7\xc0\xc4\x96\xa9\xc1j\x06k\xa5\xa1Q&gt;\xbchr\xaf\xdd\x11\xa7v\x1cZ\xf820\xc8\xc8'</t>
  </si>
  <si>
    <t>b'\xcb\x00&lt;\x1bT-\xa6\xab\xd3X\x19\x0e\xd4\x8a\x16s\x8f\xbeAsHW\xf3\xa3\x85\xe8kZ\xcb\x16\x80*'</t>
  </si>
  <si>
    <t>b"\x0f\xa7-\x9aW\x1fp-\x8b=\x9a\x0f\x9fd')\xb0\xe0E\xd5\xa6\x1dj?\x1a\xa9\xe6\xc3\xa5\x7f\xd5@"</t>
  </si>
  <si>
    <t>b'\xb0l\xb3\xa1\xd0\xbaZ\xa0:\x94+\x8d\x11\xd5\x83\xf18\x8a\x9c\xf5\xe5J\x01\xfb\xac\xf7^P.\xed8 '</t>
  </si>
  <si>
    <t>b'\x99\x06#\xf1\xb9\xd4\xd9\\V\x85\xcfQ+\x8d\xd4og\x7f\xecO\x01Rl\xc1O\t\x16\x85\xa1\x7f\xc1\xd9'</t>
  </si>
  <si>
    <t>b'-\xb7w\xe2\x0fe\xd7j\xbd\xa3JS\xd3 \x06\xdbbD\x90\xd94\xa0\xa8@\x86\xe6[\x89\xfa\xf2\x08\x17'</t>
  </si>
  <si>
    <t>b'\xc9\xe9\xc9\xce\xfc\xce\xb6\x16\xe0*\x8249\xae\xf2\xfd\xcc\x0e\x14\xe1\x86y\xcf`\xea\x08:X4\xe0\xd0\xae'</t>
  </si>
  <si>
    <t>b'\xbf\xa20\x04V\xc28\xae\x87\xd0&lt;\xe2\x9e\xd3\x96\x04\xb7\x01:+\x7f\xc7\x81\x9b/\x17f\xd6\xc6:k\xdc'</t>
  </si>
  <si>
    <t>b'@\x1f{\x1b\x95i\xae\x0f\xfe\x94\x07lv\xac\x1a\xd9&gt;&gt;\xa4\xa9\x1c\xb4\xe2=\xcatX+\xf7\x1b\xdc\x0f'</t>
  </si>
  <si>
    <t>b"\xd2\x86\xa8\xa4\xe9\x02\xd6\xa7[#\x01\xcc\x88^2\xffT\xcc\x90\xe0\xe8\x83!$n'M\xb5&gt;0\xe7\xfd"</t>
  </si>
  <si>
    <t>b'\x10p\x80\xcdD\x01\x83\x95\x97\x0c\xb7\x84\xeb\x94\xd7\x17\x19p\xba~\xff\x00\x97\xe8p\x8e\xfc\xce09\xdb&gt;'</t>
  </si>
  <si>
    <t>b'WK\xe6\x94\x9f\x04\x98\xaaw[$\x19\x03\xc9\xac\xd6m\x0b`4S\x97\x02\xf4t\x15\x8d\xc5\x04\x96]\xd1'</t>
  </si>
  <si>
    <t>b'I\x87\x16S\x7f\xaf\xc3\x91+\xda\xe5\xfd\t\xe6\xad\x90\xbb\xbc\xa98\xa1\xf5\xaeW\xe3\xcf\xe3\x88\xcb\x9e\xd9\xee'</t>
  </si>
  <si>
    <t>b'\x0f\x99ep\x8e\xd7\x84\xaaL70,hH$5i\xe2\x84;\x8aq\xca#nz\xebs\xabyok'</t>
  </si>
  <si>
    <t>b'\x8d=1\x1c"\xcc\x9aN\xafX\xc9\x0c\xaeE\xba\xf4Q?\x91\xce\x16\xf3\x16\xce\x93\x07\x08\xc1\xa9e\xe1M'</t>
  </si>
  <si>
    <t>b'\x044\xd0\xa7\x00\x03\xfa\xea\xbc\xc4K\x9bCR\xce\x14\xba\x13+\x04\xb4&gt;J\xc7ajR\x898\x9c\xb34'</t>
  </si>
  <si>
    <t>b'\x92\x97c\xe8\x9aAk$\x83i\x1b\xf9G\xf4\x88\xe9h\xd6\xa2,k\xd5\xb5^\x9cX\xff\x91=/\xef\x85'</t>
  </si>
  <si>
    <t>b'bB\x10n\x13\xf2\xf3o\xe1\x10_\xeb\x965\xee\xcf\xb2\xd3+\xcf\xd5\xb0\xa8\xae\x96\xc1\xda\x1c\xb1\xa8\xe5\xa4'</t>
  </si>
  <si>
    <t>b";t*\xb6\x91f-\xc2\x8cJ'\xa7\xb1\xb8\xb2?\xbe\xf5H\xac\xed\xb1\x11\xd7\xac\xb4\xfcZ\x02\x81(="</t>
  </si>
  <si>
    <t>b'&lt;\x16}\xe2\xcd1P^Q\x86\\\xb8P\xd0\\:\x8a\xe9\xd3\xbbXV\xcf\xa5\xe2\xb0\xed$8\x9a\xea%'</t>
  </si>
  <si>
    <t>b'0|\x1d\xe3\x8f\xa0F\x19\xf7\xd1\xec\xb33\xfcc`\x8a\xe4\x1eh\xe9Xg\xa4\x15\x08\xf8\x88\x07\xf3\xe9\xbd'</t>
  </si>
  <si>
    <t>b'\x8e\xbc?*{\xa1\xd2\\.\xc5\xef\xfe\xa9\xa1\xab\xc3\xbd$\x85\x04\xd4\xd0\xa4\x05C\x91\xf3SZYR\x13'</t>
  </si>
  <si>
    <t>b'\xf2b\x15y\xb1\x1d\xc2x\xa21d\xf2\x05{\x98F\x06\x96\xa2\xc0l\x8d\xcf\nO}\xd9*\x9e\xec\x0ei'</t>
  </si>
  <si>
    <t>b';\x93\xd8\x9acE\xd92\xe8\xc6\xe9mR\x8a\xe3\xb2\xea\xf6\xcb\xae\x9e\x14\xea\xe0{\x01\xca\x98\x16\xc4\xb1\xe8'</t>
  </si>
  <si>
    <t>b'GA\x11\xe7\xed\xc0\x10%:\x07\x8f\xc9\xc1\xbe\xfc*\xb7\xef4\xc7\x86\xa1\xdb\xff\x00`JC\xc8;\x84n'</t>
  </si>
  <si>
    <t>b'\x08Jr\xfe#\x9a\xce=\xb0\xb8x\x9a\xacd\x17k\xea\xde\xdc\x12Z\xa2\xca\xe5\x8f)9\xaa\xc8\xbf$\x93'</t>
  </si>
  <si>
    <t>b'\tx\x0e\x84\xc7u\xd6\xe2\xea\xa6\x9b%O\x14\xed\xde\xd10\xdaO\x16\x16\xf7\x8c\xa2 \x10j\xaa\xba]6'</t>
  </si>
  <si>
    <t>b'&lt;\x0f\x9eJ\x8d\xb6=}W5o\xd1\r\xf8\t\x9a\xa3\x0b3+\xc2\xd9\xa8g\x05\xb2\x14\xf4\xe3\x06M\xb5'</t>
  </si>
  <si>
    <t>b'}b\x8f\x12v\xe8\\\x0e\xfa\x11\xc9\x18\x92\x87\xb3\xdf\xb89\xfd\x02F\xe1\xce\x01\x07]\xa9(D\x07\xab\x17'</t>
  </si>
  <si>
    <t>b'\xe5\xf5\xf2v\x8b\x06"\x9a\x11\x13\xc0\xf67\x8b"\xa8\xe3\xcb\xee\x17\x86\x8d+\\\xe4\xf1y\'\xf7\xc7\xea\x8a'</t>
  </si>
  <si>
    <t>b'!\xb6\x04\x1c\n"\xe7b\xbaY5\xa2\x83\xe4\x98\x1d$\x19\x7f\xd8h\xbdh\xdc\xc2\x87\xae\xda9F%\x19'</t>
  </si>
  <si>
    <t>b'\xff\xe4j\xf1K\xad\xe0\xa7&gt;\xef\x93k\xe5\xccq6\x86F\x7f\x94u\xd0\x80\x1cM\\\xcf\xc9\x8e\xe4(n'</t>
  </si>
  <si>
    <t>b'\xf2\\\x95\x06w\x9fu6\xa17\x91\xcd\xd4cqv&amp;\x00\x0b\x80\x12=R\xdbCW\x9b7\xf9\xa3R\xda'</t>
  </si>
  <si>
    <t>b'a\xa8\x0c\x16@\x81+\xc4\xb4u.\xa5o\x95\xba\xb8\xc6W\x8d2~C\x9d\x95zvi\xc9Z\xe4\xc6\xbd'</t>
  </si>
  <si>
    <t>b'dC\xb2\xc7\x8dnd%\x16#1\xe96UIo\xaf\x99K%\x98\x16\x98D6\xa2\xb2\xec\x9c~\xdc\xaa'</t>
  </si>
  <si>
    <t>b'\xde~\xf2\xf3t\xaf\x98&gt;%\xb3\xda\xb2\xe4\x94\x9e\xdd_\xdcTr\xdfX!\x7f`\xa9\x0f]\xbfS\x06\x0e'</t>
  </si>
  <si>
    <t>b'&lt;\x125\xcea\xb4.\x1fM&lt;\x05\x1d6\\\xaa\x16q6Od\xe6\xd8\xfc,\x94A,z\xe7ZY\xb0'</t>
  </si>
  <si>
    <t>b'W\xbeVg\xa0\x08\xc3\xac\x923\x0fd\x9b\x01T\xe2?(2P\tP\x18\xd2\xb4\x0b\x0c\xdd\x1euY4'</t>
  </si>
  <si>
    <t>b'[\x83\xbec\xe9\x0c\xbd\xa50_\xae\xc5\x97\xe3z\x9d@\xc8\x08\xb0\x7f\xfd\x88\xdf\xb6\xffaO6nEJ'</t>
  </si>
  <si>
    <t>b'\x11\xa1\ne\xc8TgQ\x8b\x0f|\x9e\xe6\x99\xa3\x15\xbf\xb0\x17\x01\x1861\xb7\x13\xca*\x0f\x7fhS5'</t>
  </si>
  <si>
    <t>b"'\x1f\x16\xeb\xfa\xbb\x07=\xd8o\xc9z\x02a\xf1\x0fc\xc7\xfa\xcf\xb2\x16(\xacN\x10\xac\xb8,#t*"</t>
  </si>
  <si>
    <t>b'\xaa\xf2\xd4\x86\xf0\xce\x8a2\xf3\xba\xd4\x8az\xae\xd6\xe1\xfc\xf3\xe0\xbe\xd4\x89SG\xaa\xce@\xc3\x8e\xbd\x02\x87'</t>
  </si>
  <si>
    <t>b'K$!F^\xb7=\xde\x0fT\x9f\xec\xba&gt;7\xb0\x90\xf7h\x08\xe5\xb4\xab,J$)\x0c9*f\x97'</t>
  </si>
  <si>
    <t>b'\x9auU\xb7\x05D2L\x80T\x05\xa0\x18\x14f\x81B\xfbK\x02\x8d\xa1\xb9\xd18\xd1\xb7\xcb\xdf\x97\xc1\x13'</t>
  </si>
  <si>
    <t>b'F\xb9\'WZ\xb7\x1f\x94""\xd7oWr2\x1a\xa4\xa3U\xd6\xc1\xd3:\xabPO\x1c\xa9\x16\xfc)*'</t>
  </si>
  <si>
    <t>b'\xab\xfd\\\xf0\xc9\xff\xfd\x08\x10\xfbC\xf9\xdd\xcc\x0f\x89\xd8\xf1;\x169\xe7\xb8t\xedV.+\xcaD\x1bx'</t>
  </si>
  <si>
    <t>b'\x13\x01\xc3|\xd46;\x0f\x8fXb\x8a\xce;\x84\x87\r\xd8\x18\xf3\x8a3\x8f\x88I\x86\xa0\xa1\xcd\x7f\x7fm'</t>
  </si>
  <si>
    <t>b'\xe6\xe5\xa8P\xa8\xbd\xb2\xbf\x15t \x18\xab\x12PE\x98\x0bGE\xbe\x04\x16\xa0\x0fzo9d\xe4\xac\x82'</t>
  </si>
  <si>
    <t>b'o\xa1p\x92\xe3\x968\xfb\xacf\x96\xf9\xbe\xd2\xd0\xd7\xa9\x1e\x00[\x17=z\xfa\xa7&amp;\xa0\xecw=\xfb\xad'</t>
  </si>
  <si>
    <t>b',\x8en3\xdd\xe2!\xfb\xa3s\xc2\x10K@\nO\x0e\x88\xb4\x8a\xcdh\x00\xdf\xb2U_\x17G\xafD\x93'</t>
  </si>
  <si>
    <t>b'lr\xe5&amp;\x91\x86i\x08\xb4\xbeY\xfd!0!\x8d\xab\x91J\xae\x07\xed\xbd\x02\xe0:\x17\x11\xe8\xe1\t"'</t>
  </si>
  <si>
    <t>b'6\xc8"zVD\x83\xfa7iC\x0b{\x0f\xfc\'1\xf7.w\\*j:\xee7Z\xb7\xed\xffI$'</t>
  </si>
  <si>
    <t>b'B\x89\x9d\xb1 3&gt;\x01\x90\x85(\x1e\x86c\xa8g\xa3?\xb0I\x91Kk\xe06\x01\xaaH\xaf\xa6\x97\x01'</t>
  </si>
  <si>
    <t>b'\xbd\xe0t\xb2rN\x7f@\x85.s\x85?\x8a\x17\x14\x00\x08]\x1fg\xe6\x83\xd2\x86\xf0\xf7&amp;\x03h\xc05'</t>
  </si>
  <si>
    <t>b'\x99t\xef\x81\x18\x89\x14o\xda\xedU\xd9\xcbA\x05\\0M\x0b}/\xad\x99\xbb0\x05B&lt;^\xbe4\xf4'</t>
  </si>
  <si>
    <t>b'\xd06\xb2u\r\xdf?H\x1951\xb7\x1bL\xe7\xf4\x9e\xc4u\xa0\xfb\xebq\xa3&lt;\xa8\x1af\x0b/\xcd\x15'</t>
  </si>
  <si>
    <t>b'ib\\\xd4)\xc9\xceo\xa4\xee\xb3o\xc2\x0c\x8d\x94FCa\x1c\x968T\xf3\xf3E=&lt;\x01\xf7\x1e\x1d'</t>
  </si>
  <si>
    <t>b'[\x07\xe2\x81\xbf\xee\xb1\xd7\xbe"\xbe\xfa\xc3\x068\x17\xc6\xbc]\x9c\xb4R\x8c\x0e\xcd\x19z\x7f\xa7&gt;\xbf\xb3'</t>
  </si>
  <si>
    <t>b's=\xbf\x07Z\xe6?\xcfss\xf9/\x0eM\xf9\xa9\x9c9\xa2v\x1c^\xa6\xc3\x82\xe4\xc7\x9c\t\x8c\x13\x8a'</t>
  </si>
  <si>
    <t>b'\xbawGL`\xf1\xaf\xea\xe6\xed\xdf\xf5\x90\xfb\xb2\xd0p\x0f\x12\xf7w\x1d\xb4\x95\xef\xee\x9c|/:\x81\xc8'</t>
  </si>
  <si>
    <t>b"\xe6\xb0\x1b\xbfr\x87\x94\x93B\x9cR~\x12#W`E\x10\xfc\x19m'\x00\x99\x11\xf08&gt;M\xb5\\S"</t>
  </si>
  <si>
    <t>b'y\x8f\xf0:\xd0d\x8fV\x9a\x10\nTA\x02s\x99\xdd}#\\\x19\x82#wJ^/`\xdc\x8bU}'</t>
  </si>
  <si>
    <t>b'\xa4&lt;\xc4\xc5\xd9%\x82\xc6\x1b\xd4\x0e\x16z@\xce\x88\x07\x11I\x9d7\r6\xde\x800j\x00:\xe1AH'</t>
  </si>
  <si>
    <t>b'\xc0\x1c\xb2|\xec\xcburA\x97m9\x03q(o\x8a\xb2\xabQJ\x1c\rNtS0h\x13\xc3\xb0\xf9'</t>
  </si>
  <si>
    <t>b'Mn4\x8f\tp\xab\xbdz\xd2\xf3W\xb5\xdfD{\x95\x80\xd4E\x84\xfb\xd6a\xbc\x9d|\x7f\x84{.e'</t>
  </si>
  <si>
    <t>b'Ul\xd1\xc5\x90\xd2\xec\x02\x1d\xd7M\x82yIf\xb6\xa3[^U\x8e\x8f\x84\x13^\xc4\xe7V\x8e)\x83O'</t>
  </si>
  <si>
    <t>b"\x1d\x91\x9c\x03~\xc3\x8c!g\xc1\xee]\xcaJ\xe3T&lt;\x1fY!\x12\xa9\xe8\x8f\x96\xd9\xd0\xeat\x93\xc2'"</t>
  </si>
  <si>
    <t>b'{?\xc2a\x7f\\\xc6\xb9\x96\xc9U\xdfw\x9b\xde\x02\xa1\x8ea?\xc10\xbf\xc0\x1a\x10\xffp1\x9f\xe9\xe7'</t>
  </si>
  <si>
    <t>b'y\x05\x1fPc\x18\xe9i[\xf1\xae\x0c\x85\xb5\xe1\xd6\x8a\x89\xc5Z\xe9U\xff[W\xeb\xe5\x98\xc1y\x1d.'</t>
  </si>
  <si>
    <t>b'\x9e)\xa6\xd3=vF\x86\xffY\xa3MD\x9de\xbe\x89\xf8\xbe\x03,\xb5\xcf\xd8\xad\x9d\xdb\\\xdc\x98\x98\xca'</t>
  </si>
  <si>
    <t>b'K$\xe2\x12R \xd5\x0c\x86\xdb\x94\x08\x1c3bc\xe7\xa9+\xf02\xb2BO\x98\xd0J\x1e9&lt;n8'</t>
  </si>
  <si>
    <t>b'\xf7~(\xeb\xe1k\xd4\x9e^\x10\xe2\x03G\xd5VD\x87i\xc2\xc2y/z\xd8R\xa6\xdbO\x8b\xa15\xc4'</t>
  </si>
  <si>
    <t>b'or\xf2t\xf4+u\x08\xe7\x0c\x91AJ\xd5\xbf\xcc\x1d\xbd\xf1s\x97\x15\xb9\x9ag\xeci4\xf0\xba\xea\xbd'</t>
  </si>
  <si>
    <t>b'\xd4\x06kj\x13eR!A)J\x8b\xd9\x1f!\x10\xcb\x00.\xd6p\xf2\xf3\xba\xc1\xeb\xb5\xee\xe0JP\x9c'</t>
  </si>
  <si>
    <t>b'\x00\xc9\xb5%#\x91~L\x04\xe7\x8dS\xa1\xf7\x9d0\xfa\xa6(\xfd\xa9U\x82y\x13\xeb\xdc\xf4g\xf9\x14v'</t>
  </si>
  <si>
    <t>b'\x11\xa1~$\xea\x8bI\x05#\xa4X_\xc3\x01\x10\xc6\xfe)\xba~\xf9z\xefm[\x83/\x14\xa8\xfc\xa7\xf8'</t>
  </si>
  <si>
    <t>b' H]7\xc1\x1e\xc4\x8e\xb2\x97\x97\x0c\xf5bf*\xd10\xa1\x15\xf3\x82\xf7\x99\xbd`l\xaf\x97]6\x96'</t>
  </si>
  <si>
    <t>b'\xc4\'\xcf\x010\xd7\x8a\x97_\x07\xbb\xdd19\xbc\x8e\x83\xeay\x01\xaf\xeb"\xc5-\xcb\x8dRgX\x83\x11'</t>
  </si>
  <si>
    <t>b'\x88\xa8\x04\x84\x05#\xbc\xc8\xae}"\x06\xc8A\x16\x8c\xc5=\xbc\x9d\x82\xf0\x94\xcaJ\xe3\xfcA\xdd\x96#l'</t>
  </si>
  <si>
    <t>b'\xca\x7f\xd8;fD3&amp;_\xaa\xaa\x81\x16\xb1\xcc3\x8f)# \x88\xd5f\xb9\x14\x13F5q\x9c#\x8d'</t>
  </si>
  <si>
    <t>b'\xe81\x00\xa9\x19\xd2\xcc\xb2\xb1\x8d\x97\xcc\x96\t\\\xa9\x0b\x9b\x98\x11X\xe5\xd6k\xdd\x91\xd83\xc1\x8dj$'</t>
  </si>
  <si>
    <t>b'\x80\x86\x98T\xd7\xae\x14\xf0\xc4\x07(\x01-\xd5\xff\x83\xf7\xf8\x8d\x16\xcf\tyn\xaed{\xa0\xa0\x1fyL'</t>
  </si>
  <si>
    <t>b'\xd8\x97;|\xb03\xfe\x1d6\x8b\x13\xf9\x1c\xb0y%\x03\x18N\x126"\xf0\xfa\xfd\xabQ\x11\xc8\xb4\xfb\x9e'</t>
  </si>
  <si>
    <t>b')\xc5\x1b!}\xc4&lt;\xb2st\xab\x0cN\xec\xf7\x05\xe0H\x19\x88S2\xe0\x0cE \xfdk\xfdwEg'</t>
  </si>
  <si>
    <t>b"P\xd3\xc2WO\xdb\x9a\xdc\x8d\xabu~\x82\xf2\x8c\xf4\xaePyke\x16\xb9f\xc4b'\xad\xea\xbbE\xfc"</t>
  </si>
  <si>
    <t>b'\x1e_\xe2\x1d\x8f\x98\xcfA;iRk\xb0\xa8\n\\`\x16\xdf\xbeCv;\xd3\x8c5\xc8\tA\x1f\x1dW'</t>
  </si>
  <si>
    <t>b'\xff\x8f\xb8\xf3I\x99\xe5\xac\xd0\xce\x84\x8e|\xd9KMO{|;\xbe\xc0\x16V\x1fK\xe0\xbdD\xe5zM'</t>
  </si>
  <si>
    <t>b'|\xcf-4\xc4*Gj\x0c\xd6\xfa\x06w5\xd0h\xd8[\xda\t\x07\x7f\xe5\x1a\xd84\xc8\xd9S5j\x06'</t>
  </si>
  <si>
    <t>b'/\xb6\x82+\x01\n\x00|\xeb\x9cP\x93\xe1\x8a\xa5\xfa+\xc3za\x94\xfc\xa4\x7f\x17\xf5\xd6\xf3\xda\xc3qW'</t>
  </si>
  <si>
    <t>b'\x80\xcbI7\xdd8&lt;l\xb6;\xb2R\x05D\xc33I\xa1\x0b\x1c\xac\xa1Y\xd7g)\x187\x87\x894\xb3'</t>
  </si>
  <si>
    <t>b'\r\xa1\x1b\'\xde\xa9B\xbd\xf6Z\x03\\\xba\xe6\x9b\xc4\xb4\x84\xbd\x92f3\x1bi\xa0"\xdb^Z\xe1\xfbD'</t>
  </si>
  <si>
    <t>b'\xf4eha\x1a\xde\xb1n\x8d1N&lt;\xe2\xbb\xa9\x9f\xba\xdb\xb0ilS\xda\xcd\xf1\x98\x92\xd8\xfae\xbf\x16'</t>
  </si>
  <si>
    <t>b'\x9f\xf8\x14m\x90\xbe\xde\xf0\x16\x86\xa3\xd5\x18\xdb\xf8;c\xca\xad,kp\x08\x95t\x158W\xfa\x92\xb1\x14'</t>
  </si>
  <si>
    <t>b'\xa5\xad!v\x0f\xcd^\x88\x03\xb3\x83f\x01\x0e\xccQ\x94\xe4\xb3H\x98x\x11\xab\x90\xc7\x0f\xee\xf1\xb5\xcb7'</t>
  </si>
  <si>
    <t>b'\xb8\xe9\x18-s\xf3p\x1b\xdbt\x05\x18\xa1\xa9\xed\x8c\x03\xd6\x94\xf5\xdf&amp;\xbd\xde\xe8O\xba\xc3%^{\x02'</t>
  </si>
  <si>
    <t>b'\x8c\xd0H\x9f\xd5\x1cb\xe0.{\xa9\xf7\xa7\x13\xf1\x1c\n\x0b\x84\x9d\x18\xe3\xca\x95\xa3\xe4Y\xaf+54\xc2'</t>
  </si>
  <si>
    <t>b'U\x8eO\x17\xfaa\xa0\x92=\xf5Y;\x82\x8a\x9fK\xa2&gt;\xf2Fas\xbfu\xfe\x81\xd1\x1c\x04\xbczE'</t>
  </si>
  <si>
    <t>b'@\x14L\xce2)&amp;\xe0\xc4I]_%S\x1c\xc7p\xb5zjq\xc6Gj\xaab{\xe2\xb3\xae\xbf\xb8'</t>
  </si>
  <si>
    <t>b'\x95\xef\xa2Y\xdf\xc1\x1bO\x8f\xf83\xb9,[X\xa63\xa4u\x96\xf1\xa5\x06\x15Lu\xae\xf0\xe4-\x9a&amp;'</t>
  </si>
  <si>
    <t>b'\x91\xb2\xac]\x95aS\xde&lt;\x1f\x85\xb4\xe4\xea\x0c\x80\xfdx\xa2\x91%!C\x83\x9d`o.rD\x7f\xba'</t>
  </si>
  <si>
    <t>b'\xf5\xb6X\x11\x953=\xc3\x94Zw(\x83\xd7`\xa9\xdc/\x84v2\xd2]\x9b\x17\xadVu\x0b\xc8\x92\x97'</t>
  </si>
  <si>
    <t>b'\x19p\xbb\x916\xf4\xddV\xcf;\xbaC\x9eu$\xdb\xbe\xf6\x00\x0c\x07\xf5\xb36\xddu\x16)]\x0f2&lt;'</t>
  </si>
  <si>
    <t>b"y\xd7'\xa7i\xe3\xfa$9 b\xed\xef\x0bi\x19I\xd2\xfd\xbe\xb56!\xbej \xaf\xe6\xaa\xc9\xc6\xfe"</t>
  </si>
  <si>
    <t>b'\xd7\xfe\x17z\xa3e\xbf\x1d[\xa9\xa0v\xcfR)g\xfb"\xc2MG0E\xbd\xf2_\x0b6%\xc0\x815'</t>
  </si>
  <si>
    <t>b'\xb5\xaa\xdd\x05_#\xc2p{!\xd4C\x99\xa8\x81\xfc\xbe\xba\xde\x89\xfe+\xf5\xc5&lt;(#y_\xbbo\x8f'</t>
  </si>
  <si>
    <t>b'\xa2\xb7\xb23\xed\xb3s\xbb\xba&lt;\x846\xca\xf6]\x99\xc8\x93\xb1\xf8\xa6\x7fYvbB%\x82\xf7e\xb7\xe0'</t>
  </si>
  <si>
    <t>b'\x893\x91\xdc\x95 \xc3\x9d\xf9G\x9d\x19a\x15\x18\xf2f|zQl\xc4\x130w\n\x9a\x0by\x96\xbe\x86'</t>
  </si>
  <si>
    <t>b';\xe3(\x81\x0c\xef&amp;\xdd\xd0\x0c\x08\x86q\x83\xc4w\x9b\xc4\xee\xd7%@ \x1d\xd7hM\x8c\xf7\xfc\x88]'</t>
  </si>
  <si>
    <t>b'\xef~j\x1d\xeay\x01\x07\xa3\x92{_\xbbm\xb0\xcd]\x1bC\x9e\xe6\x05\xff\x16F\x82\xe3\x8e\tv\x1cb'</t>
  </si>
  <si>
    <t>b'\xcb\xc2\xbf\xed\xaf\xbfC\x8d\xe1c\x1f\xcf\xbc1\\\xfc\xc5\xc7\xed\xc2\xf1\xa0H\xca\xd0\xa7\xaa\xc6S\xebJ\x8a'</t>
  </si>
  <si>
    <t>b"ax4A\x9e\xb6\xcbrO\x10}T\x80u\xf6h';\xfd\x16\xdd\t\x12\xd6\x8a\xe4\x8c\x15P\x81l\x95"</t>
  </si>
  <si>
    <t>b'9U0&gt;\x81\xc5\xe1P\xc5$\\\xe3\xc2\xd8\xe1\xbd\xd2\xef3\x07b\x12\xa8q\xe6lL\xf6"\xaaQ\x98'</t>
  </si>
  <si>
    <t>b')i\x99YK\xaf\x80E\xcb\xe7\x9a\x1090V%Y\xba\x91\x04\xeeypx1o\xbd\xb7\x85\xd8|\xbd'</t>
  </si>
  <si>
    <t>b'\xf06\x9e\xe6p\xa9\xa1SD\xe3\xad\xb2p\x99\xf3\xafw\xaeC\xda\xd08\x86\x92\xb4\xc5\xc3\xaci\xca\xd9\xd3'</t>
  </si>
  <si>
    <t>b'\x95\x90\x9fL\xbdr\x95r\xe5h~\xc7\x8d\xc4\xf9@\xb4\r&amp;i\xf9{\x06\xc6c\x1a\xe9\xec\x82\xad\xcc\xa4'</t>
  </si>
  <si>
    <t>b'8[6\x1e\xc8\xf9\x98\x02\x07\xdc\x9b\x17\x00\x01Em4\xf5/q;!QD)\x11\xe3\x95%:\x05\x9f'</t>
  </si>
  <si>
    <t>b'\xf0\xac\x89\xe5\xda\xfcee[\xa5\xe7\xb0i\xf1\x005\xa6\x95\xa1\x0f\xa8\xe8\xcc\xd1\x00\xb1PT\xd0\x8c&amp;&lt;'</t>
  </si>
  <si>
    <t>b'\xef4\x7f\x15J%aL\x04\xb2\xaaz\x08~\xd7\xfd\xb2\xbd\x9df9\xf3\xc6\x8a\xfc h6N\xf5\xcb\xf3'</t>
  </si>
  <si>
    <t>b'\x061&lt;!0\xaa\x80\xd9\x84\xc7\xf2\xb9\xe7\xdc7\xbd\x013\xe8\x06&amp;\xc6\x00\xaa\xdd!3_\xcb\xfc\xd9#'</t>
  </si>
  <si>
    <t>b'\xa8e\x05\x1c\x1b\x84\xb1\x16\x80\x8e\x11w\x11\x9e_\xa8\xac4j(s\xf2\x8d^\r\xda\xda\xef\x06b\xd8\xf8'</t>
  </si>
  <si>
    <t>b'_\xfdDR\x13x\xfd\xdd\xf4_\x1b\xcfz\xa8\x85\x1dH\xdc\x1e+\x98l\xeed\xab\x16\x99\xc3\xae$P\x0b'</t>
  </si>
  <si>
    <t>b'\x11\xfb\xa0\x93\xd4\xe9\xeeR\x9c\xdeTQ$X\x88\xb9\x8d\xfa\x90Fo\x18\xa7I\x04W\xb1"\xbd\xf0\x84\x96'</t>
  </si>
  <si>
    <t>b"\x145\x06\xb1\xacW\x99LpAm\x8d\x86\x17\n\x0b\x0f\xb4'\xcc^\xb0\xe0u\x17\x87\xb8\xa4L\xf6\x83\x1c"</t>
  </si>
  <si>
    <t>b'o\x07_\x90\xea\x80\xfb\x03\r!w$t`X5\xab\x9e\x88\xa3\x88\x1f\xa1\xfd"\x9d\xb05\x80\xceA\x04'</t>
  </si>
  <si>
    <t>b'e\xf2\x99\x82Y6\x8eb\x1a\xd2\x9f~\xf73\xd4\xfe\xc9\xe9\x9e$\xf0\x1d\x82A\x0f#v\xb8\xddI\xd7A'</t>
  </si>
  <si>
    <t>b'L\xe0);`\xf9\x85\x05\x97\xa5s\xf0\x80 \xa5% i\x854\xc7m*\xf6\xbb\xd6F%F\xa9\x11\xb2'</t>
  </si>
  <si>
    <t>b'c\xd7"\r\tk]\xd3O-\xf3\xc6\x97\xd0/\xcd\xcfb\xd8\xcb\xe0\x86\x19#[\x152i\xcd \xf0\x90'</t>
  </si>
  <si>
    <t>b'\xec_jp3\xb3P\x04\x97\xbd\xe9\x00\xb2\x00\x1a\xf2\x84$\x9erHno\x1c\xb2h\xda]\xc48\x0b\x7f'</t>
  </si>
  <si>
    <t>b'\xba\x19\xe99\x97\xc5\x10\xcc\xecq\xa3\x81O8\x8e\xaf\xb0\xc4\x9b\x93\xc2\xc9\xdb\xdcN\x10dB\x90\xb3x\xe7'</t>
  </si>
  <si>
    <t>b'\x87ra\x03V\x0f\xa0\xf7\x92\xfd\x83\x8c7\xb8\xa2\x9d\xd5Eo\xbe\xdf@\x96\xfc\xa3u\xc1\xc4\x1fp\x04\xe6'</t>
  </si>
  <si>
    <t>b'EN~\xea"(\x1bN\xa5x\xe9\xf7\xa0tw\xd5\xf7\x93\xa1b\x91\xe1\xd0\x00\xf1P\x02\xaa\xb3\xc4\xa5\\'</t>
  </si>
  <si>
    <t>b'\x17\xd1o\xf0\xa7\xc8\xf5vXe/g\xe7\xb7\x80\xd7\xb3\x95\\\xfe\xc3\xd1\x82\xdb\xba\xf6\x1e\x14@\xb3\xf09'</t>
  </si>
  <si>
    <t>b')\xd3\x92E\xde0.E\x9f\xad}\x8a\nua3\x1cG~b[5\xcdNi\x8d\x7f\xec=\xde\xee\xa0'</t>
  </si>
  <si>
    <t>b'\x99\xb5p~@\x9a\xd31\xa4_v\xa4\xe4\x83\xf5\xd9\xd3\x05\xa5X\x93\x13\xd5\xad]+\x1d\xffS^\x90\xa8'</t>
  </si>
  <si>
    <t>b'\xc0b\xe3\xe4\\2\xcc\x0bL&gt;\xf8Xy\xc2\xca12\xa0\xee\xce\xba%ds\x91\xff\x8a\x15\xb6F\x14o'</t>
  </si>
  <si>
    <t>b'A}R\x94c\xdd\xf6l\xc5\x16\xfd\xe9\xaa\x8c\x0fmT\xdb\x92\x9e\xef\xc8g.~\x00O\xc2\x17Jy\xb1'</t>
  </si>
  <si>
    <t>b'&gt;\x04\xc5\x15l\x02O\x0e\xd3\xc7"\x96\xd6j\xce=\x9a\x1c\xd2\xb5\xd9\x99\xc5\x1f\xd1\xc1\x964\xcc\x84i\xb5'</t>
  </si>
  <si>
    <t>b'\xcc&gt;\xae\x88\xa4\x18\xf5\xe6\x18\xce2\xa1\x16\xcb\xbasa\x81\xfa\xee\x1c"O\x18:\xbd\xb3{\x15$\x9e\xc3'</t>
  </si>
  <si>
    <t>b'\xd7\x17\x9b\xf9\xc7\xe6y\x12\xa3\xe9\x1c#yZ\xcdh\x0b\xc4\xe5\x8c\x06\xb3R\xfb!\x07K\xbbm@Y`'</t>
  </si>
  <si>
    <t>b'b\xac\xb1\xdb;\x12\x1e\xb0z\x80\xa5\xc6K8\xb7\xad\xc3\x99\x9e\xbc\xfaL\xdeT5\xa5\xef\x1e^}\xd3\xa5'</t>
  </si>
  <si>
    <t>b"\xcc%\x064'\x08\xc0*\x81\xfe\xf2\xef4\xdba\xaa\xdb\x13pN\xed\xfb\xbf\xa5I\x08wI?A\x8a\x94"</t>
  </si>
  <si>
    <t>b'Y\x81\x02\x85\xd57\x17\xcd\x1a.Y\xf5+&gt;\x91\x11`\xe5\x1f7\x04\xec\xd9\x88\x8b\x8c\xc8Z00\xc4\xdc'</t>
  </si>
  <si>
    <t>b'Cv8j\x96\x85\xcc\xe8:\xa5\x99Ha\x80DC\xab\xd8\n\xce\xc3\x82\x9b\xbf\xb9\xf7t\xc6\x82\x9cFL'</t>
  </si>
  <si>
    <t>b'e@/\xa07C\xa3/ \xb3\xee\xd3\xd9\x04\x11\xec(\xf7E\xa0\x05j\x91\xf0\xf9e+\xea4\xa0\x91='</t>
  </si>
  <si>
    <t>b'\xd4T\xeb\x0e%\xe4\xc8\xbe\x8a\xb3\xe1w\xa9\xcf\x05Z\x8c\xce\x00\xe9\x8a\x0e\xb7\x9av\xe6X\x1e\xc0\xd3\xfa\xfd'</t>
  </si>
  <si>
    <t>b'\x8c4\xbdTb8\xfas\xdd@\x8fYR\xcd\x08M\xfd[\xa0\xbb\xe8NV\xb2N\xad\xee\x1e\xde\xb3\x1d9'</t>
  </si>
  <si>
    <t>b"\x02C\xae\xectG\xd4\x97\xb0\xde\x01&amp; \n\xb4\x89\x11R\xda\xf6;\xe9\x04'*_\xc7\x97\x9d\xe4B\xad"</t>
  </si>
  <si>
    <t>b'K\xabEr\xed\x95\x7f\xb6\xb0&lt;\x9f\xc0\x8b\x02.5\x916\xac\x0f6iI&amp;H\x81\xd7\x8d\x1b\xe8\xe1\xaf'</t>
  </si>
  <si>
    <t>b'\x157,\x80\xcb\xff\xdd\xa0\x80r\xf3s\xe5\xcc.\xdev\xcf\x9fF1\xa5\xdcb\x05`\x92\xa4\xdc\xbf\x01\xc8'</t>
  </si>
  <si>
    <t>b'}B\xd5H\x87\xcc\xfb\xc5\xb4/\x9c!\xf73\x08fT\xbf&amp;\x87\xa0\xd8?\xaae&lt;\xf0\xa1[\xd3\x19\x8c'</t>
  </si>
  <si>
    <t>b'\xcdV\xd1x\rV\x97`\x8d6\xb8U!\xdfIb-\xa7\xc0X\x87.\xda\xd1\xdb\x84"\xc0FK{\x9c'</t>
  </si>
  <si>
    <t>b'5}\xbd\xd0\xddE4\x11=F\xe6\xcb\xe1\xc4\x14\xdf\xe2\xa6\xd8\x92\xba\xc2\xff4\xb1g\r=S\x84\xf3\x93'</t>
  </si>
  <si>
    <t>b"\xc04{\xed7@\xff\xbc\x91\t\xe7\xe8N\xe7'\xa7\xea=\xe0\xe4oM\x8f\xb4\x87)\x914\x8d\x97\xf7\xf1"</t>
  </si>
  <si>
    <t>b'\x9b\xc6\xc7]\xb3NA\xe5\xc9,\xf4Hm\xfc*\xe1\xd3\x9f\xb0\xb0\x89\x88\xe2\x9d&lt;{&gt;\xfc\xd97\xc3\x0b'</t>
  </si>
  <si>
    <t>b'\xec\xf3\xbc\xa1\xa3n\xb5\xa2\x0c\xef!\xb1\xf6\xde\xd3\n\x0ec\r\xbe\xcd\x0e\xca&gt;\x98\x1d_\xe4\x8b@i\xba'</t>
  </si>
  <si>
    <t>b'\xd7"n$\x91k\xd8{\x1d\xcf\t\xe5 zNs\xdb\xa4E\x17\xdd\x0e\xf5/\xdc\x15\xc0\x17\x9d\xbcy\x17'</t>
  </si>
  <si>
    <t>b'\x8a\xb7U4\xe4\x1eY\xdd\xfc\x85\x89\xe8 \xa36\xa2B\xc0\xfb\xbe\xde\x9f\xd5m\x99\r\x05\xbal(\x9b\xd9'</t>
  </si>
  <si>
    <t>b'\x97#;\xe9:v4F\xd1\xfa\x05\xefm(\xb08:\xbd\x03\xd3\xd0+\x99e\x10\xd8\x1e%i\x04\xe4\x12'</t>
  </si>
  <si>
    <t>b'\x0bY\xb4\xb5v\xfb\xc9\x8c$\x80s\xa9\xe2\xaeh\x08\xabd\xee\xc3I\xb8 \r\xb1\xb5\xe3\xd9O\x0e\xf7\x91'</t>
  </si>
  <si>
    <t>b'\xe9\xc6Bj\xd9\x80F\xd9\xd7r\x91\xa8\x89\xbc\x14VI\xde\xdb\xbb\xc4U#\x06\xa5\xecQ\xf0\xb0\xee\x9eZ'</t>
  </si>
  <si>
    <t>b'\x08\x14\xc1C\xfe1\xd6\x0b}&lt;O\x87\x11\x9e\x9d\xf6\xd9\x8b\x0ef\x95\xbb\x18\x9c\x03e\xe7\xdc\xda\x1f\xb0\x94'</t>
  </si>
  <si>
    <t>b')7\xcd\xd5t\xe8\xc9\xd8\xa8mQW\x8b\xbf\x06/C^\xfe\xd0\xb0jE{J\x19\xa7\xf1\xb7N\xca.'</t>
  </si>
  <si>
    <t>b'\xe8\x9f\xf1?\x10\x8e\xd3\x80\x1e\xee\x1d{!q\x8et\t\r]\xb4!\x926\t\x90\xb1\xc6\xeb,\xcc\xf0E'</t>
  </si>
  <si>
    <t>b"\xdc\x8c\xd7\xab\x17\x91\xc7\xb7\xb5\x91\xd8\x86\xc5'\xcc@\x86{\x14\xa8\xfb\x86\xbb\x8a\x9b\x90%b\xde\xdde\x8f"</t>
  </si>
  <si>
    <t>b'#\x13\xcaMkt\xe8\xb6\xeb\x8ct\xb9\xcb\xd4B\xe8\xc1\xea\xc6\xc2\x85\xb8\xe4\xfc\xd1B\xffsZ\xc1\x7f\xa1'</t>
  </si>
  <si>
    <t>b'\xf6\x0e\xd9\x80\xea`[\x16\xfb\\\x8f\xb9\x86.\x14\xfe\x8cY\xbb\x0c\x1f&amp;\x01\xdc\xc9\x17\xd7\x90\xab\r\x9e\x8f'</t>
  </si>
  <si>
    <t>b'\xc0\xc2\x80\x8aY\x0fu^\xed\xb9  \xf3\xd1\x07\xff\xd4\xeb\xcd\xa0?\xa7\xb2$zhm\xeb|\x1b\xae\x06'</t>
  </si>
  <si>
    <t>b'\xf9\x1dW\xb9\x89\xba\xeaP$\x92\x90p\xc5G\xc5\xc2L\xb5C.\xf0\xe8\xc1\x17\xc7\x0c\xc0\x1cY\x16\xda\x80'</t>
  </si>
  <si>
    <t>b'\xe7\xa7O~\xf7\xce\x80K|Lr{\x89\xae\xe5\xf8\xd8\xebmZk\xfa&gt;\xf8\xed9/sOe\xb3\x93'</t>
  </si>
  <si>
    <t>b'\xbc\xf8L\xf9:\xd7)\xc2\x866A\xf34f\x8c\xd9\r\x8ekpLT\xc8\xda\x92\x15\xa8l\x05X\xe8\xfe'</t>
  </si>
  <si>
    <t>b'0\xae\xb9{\x04\xa2d\x1cQ,\x94\xfe|\xabPU\xad\xdfrJ\xb1#\xc5\xa2\xe1\xd0\xb7\xa3\x0f\xbcq\xdd'</t>
  </si>
  <si>
    <t>b'\x82\x84|\x0b\xd0\x8a@\xd9r\xaf\x1aK\xab\xb8\xc7\x81X\x98mv\x1d\xae\xeaXC\x85a\x11T\xbc\x07\x8b'</t>
  </si>
  <si>
    <t>b'\xff_\xe0,\x12[\x81\x03V\xa7\x00\xb3Sg&amp;\x06~\xf4\xd6\xe9\xf9\x1c\xd4\x05\r&amp;8\xd4\x7f\x87\xf3\x85'</t>
  </si>
  <si>
    <t>b'YGk8\xcdi\x1e\xc8\x9f\x04\xdf\x93L\xc0\xa9\x99Z\xedQ(\xd6rag\xcd\x08\x19\x8c\xb3\xee\xc5\xf3'</t>
  </si>
  <si>
    <t>b'\xfaS\xdbx\x97\xf0z&gt;\xa9\xc1|;\xfc\\E\xa0\xeejy:X\xf8&amp;\xf51\xefx\xf1\xc7\xf8\xa16'</t>
  </si>
  <si>
    <t>b'\x87\x16\x11{\xaeWjRO\xb5w\x15J\xcfL\xedO\xba\x96\xd0\x94i\x15\x16\x07]\xff#\na,\x8a'</t>
  </si>
  <si>
    <t>b'&lt;\xae\x87\xb1\x86V\x00\x05XENM\x82V\xc5\xac\xab\x85\x93\xd8\xffD\xd4\xa1ZkkL\xf8[Ab'</t>
  </si>
  <si>
    <t>b"\x07\x91\x1dR\x99\xdd1\xbd\x9b\xd4\x12\x12[w\x8aq\x83~s\x00\nP\xd2\xe7'QJ\xe3\x9b\xf9\xf1\xea"</t>
  </si>
  <si>
    <t>b'2Ds9%\x9f3\x0caf$\xfc^\x81\xe4\x89-A\x0e\x84\xf8\xcc\xeajs\xef\xe7N\x81\xabWg'</t>
  </si>
  <si>
    <t>b'4)\xb5e\xab],U\xfb\xd0\xd1\x94\xeb\xaf\x90\x03\\\xfc\x03V\xbc\x99\xca8Z@H\x1a\xd1\x1d\x9b2'</t>
  </si>
  <si>
    <t>b'\x12Rz\xdc\x93\xd5\xbc\xa3\xf8@\xf4\xcd\xb2u\x9b\xd7\x1by\xf5\xf2OLl*\xac\x08\xb4\x0f\xa2t\xd5\x9e'</t>
  </si>
  <si>
    <t>b'\xae*3\xf9GP&gt;`\xa1l\\\x82\xd7\xb8\xe6\x949\xaf\x90\xc8\x07\x96\x19\xcb\x98\x15\xbb\xf1\xd5\xbc\xa4\xeb'</t>
  </si>
  <si>
    <t>b"\xe5\xa2[\x1d\xcb\xa2O-\x96\xed\x0c\n\xf4'lK\x86i\x1fpx\x1a!\xf6\xf3YN.mth\xf9"</t>
  </si>
  <si>
    <t>b'|\x16\xc0\xf2Rvxi\xbcN\xe6\xad\xbc\xd4\x00s\xc3\xd3\x8a2\x0b\x88\x96y\x90\xa6\x87\xb8\xd4\x80\x15,'</t>
  </si>
  <si>
    <t>b"%o\x9f\x82\x82c~\xe4\xad\xaeU\x9eM\x1b8'\x12\xf7\x12\x07^\x02$\xaf^\xe26Xh\xdc|\x13"</t>
  </si>
  <si>
    <t>b'\x88E\xcf\x87\xda\x1a\x12\x12\x01\x8a\x02\x94\xefH(\x8c\xdb0s\x9b\xb6|\x02\xa8\x8d\x19o`\xa6bVe'</t>
  </si>
  <si>
    <t>b'\x9fP\xac\xe0^y(\x1bD\xc5\x00\xf3r\xf8\x06c\xf8\xd5\x92\xc1\xfdg\xea\xaa\xb3\xd5[\xc57vz\xd1'</t>
  </si>
  <si>
    <t>b'L\x83ya\xf7s\xc6\xfe\xec\x93\xcd\x08.\xce\xe7\xd81\x9d\xc1\x08}\x17\xca]\xb6d\xb3\xb0J\xb3\x87T'</t>
  </si>
  <si>
    <t>b'=\xe0\xa8\xf4ThN\xe8\xe5\x009\xfb\x0c\xd7\xcb\xcd\\\xb7\xba"h\xf2rQ\xcd\x84\xb1t\x9c\x0fr\xa4'</t>
  </si>
  <si>
    <t>b'\xb6\xe6b\x99\xad\x0c\xddG\xe7\xee\x82PF} \xf0\x98\x82\x1c\xec\xb5\xfd\x9d \x0f\x8c\xf9\xb3\xd7r\xdc\xa2'</t>
  </si>
  <si>
    <t>b'm\xbf\x94lA[\xf4f\x93\x9d\x8e\x145\x1c\xa3V\xfaV\x9fj *f\x1be\x81\xc2\xaf"\xd6Q\x16'</t>
  </si>
  <si>
    <t>b'\n\xab\x8a\x02\xce\xb3\xc8\xed\x93\xdc\xfd\x06\x91\xac\x11\x95\xfd&gt;y\x888\xbf\x90\x9b\xe8\xfc^\xcf\xd4\x90\xff\x9d'</t>
  </si>
  <si>
    <t>b'n\x05\xb8\xa0\xcdU\x0b\x1e\x04\xa2z(\x10\x99b\xf3\xf5d\xd0\xd0*\xe3\xad\xf38\x08\xf0\xde\x87\xc5\xf4|'</t>
  </si>
  <si>
    <t>b'\xb5\xe6+\x83\x04\x91\xa3\x8c&lt;\xd6\xcd\xbbw\xbd\xa9e\xefba\xa0\xca#&lt;\xbc\xf9\xa9\x84\x07\xc9\xf4\xbf\xdb'</t>
  </si>
  <si>
    <t>b'\x81\x15\x97\xfc#\xab\n\xe6\xed*\xcc&gt;;7D\xe6Hu\xefu\xfe\xcb\xfc\r\xd0\xbd\x15fmd\x963'</t>
  </si>
  <si>
    <t>b'F\xde\xe6q\x87\xcc\xba\xe7hjRBH\xf7s\x1a\n4\x89\xde|\x8e\x9f\xaa\x1d\xec6\xea\xae\x04\x14S'</t>
  </si>
  <si>
    <t>b'\xb2\x02\xc4)\xc1}\xce\xf0\x92\tt+ZP\xee\x1f\xfbe;"\x90\xba\xc0L%e\x14\x04\\\xf4\xdb1'</t>
  </si>
  <si>
    <t>b'[\x9a\x80\xaf\x9e+\xddx\xa9\x9fY\xa4\x82\xdf\xc4y\xedG\xbe0\xc9\x0c\xe4\xdee\x11\xd4\xb8\xf3\xf0\x94\xaa'</t>
  </si>
  <si>
    <t>b"\x15X#\xa5He\xb5\xcaBj\x03\x94\r\xc7\xfa\xbb=Z81J\x05\x8ay\xbc\xe6'\x03\x02\x16\xdey"</t>
  </si>
  <si>
    <t>b'\x90\xf52Tu\xact\x01\x90\xc6\xab\x9c\xab\xa8^V\xff\xb6\xd1\xe9\x05\xcb\xcd\x9c\x13\xb6\xe5\xc4%K\xfa\x17'</t>
  </si>
  <si>
    <t>b'Q\xc7H\x80\xc0~\xdd\xc1\xaa\x89\xe3\xb5\xfc\xf1\x8d\x14\x05\x0cM,\xe1\t\x8f-\x8b9\xb8\x01\x18\x1a\x92\xe4'</t>
  </si>
  <si>
    <t>b'\x02&gt;\xa9&amp;\x99\x1e]\xc9[u\x0b\xfdc\xd5\xb0\xfc#\x03\x87\x89\x0c\xaa{\xa9d\x8a\x8fo\x93\xd0\x8c#'</t>
  </si>
  <si>
    <t>b'\x1b:\xadDp@1U\x9d/\xd0W\x08\xb6\xfc\xfdA\x00\xee\xbcP\\\x89\xba:xz`\xab\xac\xed\xa1'</t>
  </si>
  <si>
    <t>b'\x94\xf1J\x13\x90\xcb\xf2\x94\x94PD\xef,\xe0\xc1\xc7N\x03\xd3\x1a\x83\xf0;\xacw\xa6d\xdc\x06\xd1"\xd7'</t>
  </si>
  <si>
    <t>b'\xdd"\x11AAr\x06@\x1e\x96H\xb3\x85\xf9o\x9c|h`\x83\xed\xb6\x81Kg\xcd\xcbt\x85r\xc7b'</t>
  </si>
  <si>
    <t>b'\\X\xb3\x8d\xe9y\xe3\x8d\t"|\x1e\xf6\x12L\xbb\x8d\xbd-\xaa\xda\xaf\xc7]\x03u\xa5@?\x94\xc9\xdb'</t>
  </si>
  <si>
    <t>b'^\x8dTM+\x0fh$\xd4\xe8\xff\xed\xec\xcf\xb6f\xc5\xcf\xf2\x9b#\nR\xd8\xa7\x10B\xd5oE8q'</t>
  </si>
  <si>
    <t>b'\x8e\x1eD\xc3\x7f=\xe9z\x97Eq\xcdz\x99\x93\x9an\xb2\xa7CX[\xf8\xb3\xe5[\xe51\r\x92B\xbb'</t>
  </si>
  <si>
    <t>b' \xc7\xf6\xb9\x88\x15\x19N\x86\xcf\x14\x89!\x0bc\xa1\xcf\x8aX\x96e\x99\x90+\xde?\xd7\xab\xb2n\xc6_'</t>
  </si>
  <si>
    <t>b'w\\*\x0f\xf1\x8a\xdd \xdb\xfd\x1diNo\x19\xec\xce\x1e\x81\xa1;NHu\xa0\x92\x91c\xd6\x89e:'</t>
  </si>
  <si>
    <t>b'\x7fs\xdd\x00\xfc\x8d\xc0\x96\x15!\xc3x\xcbH\xe6\xd6\x17$[\x06(\xfbU\xaa\xd0\x05lo\x053\xdbQ'</t>
  </si>
  <si>
    <t>b'\xd2\xcc\x1b\xd0hc\xa2\xb3\x89\x07|\x14D\x8b\xf2\xd4\x0e\x88\xac\xf3\x8e\r\x1d\x9c\xb6\xd3\xdckS\x92*\xc3'</t>
  </si>
  <si>
    <t>b'\x9ePu\xeb\xe6\x98f=\x13\xde\n\xea\x00\x7f\xa1\xe9B\xd0\x00\xea.\np\xb6\x81\x01\xe3\xa7w\xd6\xe1B'</t>
  </si>
  <si>
    <t>b'\xd1Z\x9f\xff\xc1\xde\x1f\xaf\xa2OCV\xc6x\\\xa8}\xedH\x96`\xb4.\xd0\xaa\xb4\xc7\xe1u\xe1\x0c\xf5'</t>
  </si>
  <si>
    <t>b'-\x7fH\xd8\x95\xf0h)\xec\xc8\x01\xa7\xecX\x8f\xab,\xd6+\xe9\xa9"\x82YP\x1a{L\x91~\xfd\xab'</t>
  </si>
  <si>
    <t>b'q%k\x02\x91\x97\xbfn"\xd8\xccY3\x8d\x1a\x89N\x1d\x87\x86\xab\xa9:\t@h\xdd\x93\x0b0`\x1d'</t>
  </si>
  <si>
    <t>b'~L\xd4\xae\x12qJ\xee\xbe\xf2[\x1a\x80\xa7\xe38/\xf1\xe6\xc2\xd2S\x90\xd3&lt;g&lt;#\xa8\xb2\xd0M'</t>
  </si>
  <si>
    <t>b'\xa9j\x1e\xda\xa1-\xbcA\x0e\x05\xa4\xd5\xa1Z\x8c\xa9\xbd&lt;\xe9\xfc\xa2N\xb2\x85\x9d\xafl\xd7\x10\x8f\x03\xd1'</t>
  </si>
  <si>
    <t>b'hc\tk\x822{\xdb_\xfa+\xc6\xc0\x00@\xaf_\xf6\x8a\x92%\xfc\xdf\x02\xea\xa9\xbb\xec\xeed\x94^'</t>
  </si>
  <si>
    <t>b"#\xf0g\xb5\xb5a\x06\xdep+\xe2\xe8Mb~\xa8\x85\xdf\x9e/\xa8~k\x01\x18\xb7\xf8'0\xd9\x84W"</t>
  </si>
  <si>
    <t>b'\xb6\xff\x1d\x8f2\xaf\x9c\x8c\x89C:m\x89x2\x90g\x88\xee\x9e \x0b\xaa!\x05\x82d\x1a\xfc\x93|`'</t>
  </si>
  <si>
    <t>b'};)\x06\xbd\x95\xaf\xe9!f\xd2\xe91\xc0X\xcfU\x8a\xef\xd9%\x15\xce *\xf5\x9b\xf2\xf6\x8d\xe0\x1f'</t>
  </si>
  <si>
    <t>b'=N}\xfepQ\xf5\x94R\x7f|\x05)\xea\xa3\x12\xc7UH\xd5\xbdg\xd9Q\xda\x1b\x9d\x0biE\xdf\x1c'</t>
  </si>
  <si>
    <t>b'q\xa7D\x02\x7f\x1c\x1c^\x9b^\xda\xb2\xa7&amp;\xb7\t\xa3}\x1c\xef\t~\x8f\xfcG\xd0k|\xa7\x84z\x9c'</t>
  </si>
  <si>
    <t>b"\xa0'\xcfa\xeeJX&gt;(\x0e\xd0\x1d\xdd\x88C\x83\x94+\xf07\xaa&amp;\xf5\xc8\x07b6\x1bV\x0bY\xa2"</t>
  </si>
  <si>
    <t>b"\xfb\xc4ptu\x1fiS\xfba\xd6\xacS\xb2\xe32\xa8w\xe8\xdcM\x80\xbf\xca\xe4g~\xb9W'\x98\xba"</t>
  </si>
  <si>
    <t>b'\x08\xf3\x0e\x12\x8d\xb0r\xa0*\xdd\xd6\xf1\xae\xa0\x88O\xc1\xc7\x14\xb1\x983\x1d\x86\xb2\xe6\x00w[Ic\x0f'</t>
  </si>
  <si>
    <t>b'\x05%\xb1\x11\x90\xadz\x9c#?\xe3c}\xd2\xc2\xc08#\xd7\xb1\xc4\x96\xd1V\x90@\xad\x9b\xe6n\x95V'</t>
  </si>
  <si>
    <t>b'z\x05\xaaoi\xd8?%\x1e\x87\xb0\r4\xc2\xeb\x8b\xb8{\xd4\x90\x8cO$e\xc3\n\xf8\xf7\xcd\xc9\xa9\x1e'</t>
  </si>
  <si>
    <t>b'\xf4\x14+\x9cV\xfc\xe7\xb0\x0fA\xbcP\xcb\x93G\xeb\x06\x86\xce\xae\x9b\xc8\x8d\x84&amp;\xfbwI\x96q\x10\xcd'</t>
  </si>
  <si>
    <t>b'\xe9\x86\xd7\xd5\xf4\xfb\x95zv\x1eJ\x80\x02\xfc\xe6\x8f\x9c\xd8(8\xd9\xf2\x0e\xfb\xf1C\xef\xe0\xf5\xa1\x15\x17'</t>
  </si>
  <si>
    <t>b'\xc1\x08;\x95&gt;\xedE\xcc\x15\x1f\xdf\x8b\x93\xa2f\x15d\xd4\xe1\xa7\x13L\xc3w\xdf\xe7\xb7\x04\xcd\x93\xda\xed'</t>
  </si>
  <si>
    <t>b"\xbe\xe8p\xba\x9a\xaa\\'\xa6\xfa\xf8\x8e\xde\xfb\x8f\xc6_\xfb\xe45\x06\x1c\xd2\xa5\xe2\\\x16\xe6\xd4p\xb6-"</t>
  </si>
  <si>
    <t>b'\xbf\xd30{\x18\xed\xce\x82\x1e[\xe8tT\xc4\xad\xd7\x05Z\xcaS\x19\x0bO\x0b\x90\xed}Jf\xd9\xab$'</t>
  </si>
  <si>
    <t>b'P\x8f\x96\xc0\xb3\xfb\x11\x9a\x92\xa0ij\x85\\}[\x85S\xd1\xedP&amp;\xd8\x96[\tO9\xdd\x17\x1fN'</t>
  </si>
  <si>
    <t>b'D\xb5\xb2\x7f\xd3\xb0\xce\xb0O\x05\xc0e\xf00\xb8\x86\x0c\x92\xa3E1\x0b\x8aI\x97\xcd\xe9T[O\n\xfa'</t>
  </si>
  <si>
    <t>b'j\xc8%\xa12t\x9d\xf6\x8c\x9c\x9b\x07\x1at\xe0e\xbe\xd2\xa1\x87\\\xb9\x0b\xda\xb4\x13\xdc\x0f\xb5\xad\x14G'</t>
  </si>
  <si>
    <t>b'X\xfa\x9fm\x84wC8\xb0a\xf0--\xff[\xee\xdc\x0e\x9aB\xd2\x18\xc0\xb5\xe0\xce\xcb^%* D'</t>
  </si>
  <si>
    <t>b"R\x12\x01b\xf1n_\xfc\x0b4\xf4\xbb\xc3\xe5*\xc9\x08\x0f\n\x9bf\x7f\xd25\xc6\xbf\x1c\xb6S\x0c'\x8d"</t>
  </si>
  <si>
    <t>b'H\x0b\x8f\xbd\xb5?\xc4\x83V\xaf\xb1\x9e\xe1\xfe~\x12Bt\xefg\t@\xc3\xf0D\xb7L\x80?+\x7f\xda'</t>
  </si>
  <si>
    <t>b'&amp;\x0f\xe1\xafd\x12\x14\xbf*\x8c\x14Ua\x02\x015\x9dXJ\xae\xf5\x91\xd9\xa7\xf6\xd0G2\xb2\xe4\xaf\x0b'</t>
  </si>
  <si>
    <t>b'\xbeM\x84\xcaf\x85\xd1\xf4\xfb&amp;\xae\x12\xc9u\x07\xa5\xdcQb\xf6\xc6\xb5xe\x93h&lt;\x1e\x017\xb4\x08'</t>
  </si>
  <si>
    <t>b'\xb8\xadQ\xa3\x11\xd2{"\x10\xf4\x03`\x86")\xc4571\xce\xd8PV\xa1\xe4 `\xe4\x9d\xb0\x05\xf6'</t>
  </si>
  <si>
    <t>b'\xb9\xbc\xe4-UV\xb4G\xa2w\xda\x85\xb79\xe4\x16\xef\xa8\x8eT\xfdF\x0bqb\xf3@\x06l\xe9\xa1x'</t>
  </si>
  <si>
    <t>b'V\xb7KY\x8f\xf8\xc5-\xaeN\xb3m@1\xec\xb7\x07\xf2\xc5\xcbf\x90;\x02q\x12!b\xba!\xc3`'</t>
  </si>
  <si>
    <t>b'\n\\9\x92+R\x10vd\xfc/\xec\xca!\x00 \xc5\xee\xf5\xf6GGD\x1d\xcb\x9e\xe4m\xad\\^\xc0'</t>
  </si>
  <si>
    <t>b'\xd6&lt;\x18\xd1s\x0e\xf4~7\xa3\x0f\xe4-&lt;\x8b,\xf4?\x8d\xba\xfa\xf8\xc3M\xbfh\x8f\xacC\xb9\xb4\xca'</t>
  </si>
  <si>
    <t>b'\x81F\x15[T\xbf4\xae\xfe\x13\x95\xbc\x86\xbem=\x8d5Q\x95\xd0\x96\xa9\xf6e\xa3,^\x95`y\x8d'</t>
  </si>
  <si>
    <t>b'\x95\xc4C\x82\x08\xd7R\xddK\xec\xb9\xecDf\xe21\xf1P`&amp;ll\xf2WH$\xe7)bx]\xf9'</t>
  </si>
  <si>
    <t>b"\xfd\xa9R\xbd?\xfcp\xb9\xab\xcf\xd3T\xde\x05\xb5\xe6ck\xa8\xe4\x83\x12t\xe7\xfe\xc0\x8e\x1d\x07\x9f'\xcb"</t>
  </si>
  <si>
    <t>b'\xfaj\x8a\xeef\x8f\xab\xff\xd5RA?)\x86\x10_\xd4%\'\xda\x0eF\xa0\x85"\xaf\xad\t\xc6\x87\xd1\xcc'</t>
  </si>
  <si>
    <t>b"\x7f\xab\xa3\xc9\xd3\xc9&amp;\xb7\xafr\xd9\xd9@?\xc87\xd7y:\x88\xff\x9a\xe1\xb9\x04\xf8c\xbbZ\xf9\xc4'"</t>
  </si>
  <si>
    <t>b'\xbe\xb3&gt;\xa6\xae"\xab\xd5\xb5\xde*2\x90D\xca\xf0"\x18V\x03Ed\xf0\xa3\xa5*p\x05,#\xe5X'</t>
  </si>
  <si>
    <t>b'\xf9\xd9/\xfb\x12\x10\xa1W\x1b\xd0\x01\xaa:\x91\xa4\xd6)\x148\xf3\x18\x9fq\xa9\x9b\x149j\x99\x9d@\xc5'</t>
  </si>
  <si>
    <t>b'\xe0q\x93\xd2\xeb\xad\x0c\x15\x1c\xf0\xa9\x1e\xfd0\xb8zc4\xd4\xa1\xe6\x06\x1a`\xf3@\x16\xd4\x1c\x12U\xe6'</t>
  </si>
  <si>
    <t>b'_5\xb2\xe9\xb5\xdb\xf7\xb5\xd3+\xcc\x87\x00\x08y)\x86\xf7\xc1\x1d\xdf\x84\xcb\xa5&lt;t\xd2\x8f\xfb)4\xf7'</t>
  </si>
  <si>
    <t>b'\xc6O\x1ep\xbb\xd7\x8a\xee\xfc\xad\xaa\x10YD\xcbH-\xdc\xc6b-o@{\x15\xbeKyM\x15\xcc\xba'</t>
  </si>
  <si>
    <t>b'\xd1\x95V\x90\xb6\x97)rs\xc2\x18 \xf2g\x99?X\x86P\xf7\xbf\xb0\xdd:?q\x11\xb7\x82\xa4\xdeP'</t>
  </si>
  <si>
    <t>b'Q\xafF2!Eq\xdb5s\xfb\xe9\xaeO[\x05tu\xaes\x80d\xb4\xbasp\xa9\xd8\x98\xed\x81U'</t>
  </si>
  <si>
    <t>b'X-\xc5J&gt;\x8e\x07\xd0\xbc\x9d\x05\xbct\x17Hk\x8cK\x91M\xec\xb1D\xb8\xff\xf6\xd8s\xf5\x07\x8e\x80'</t>
  </si>
  <si>
    <t>b'\xa3\xd1\t-\xd4\xb9i\xe0b\xbc\x816e{\xbd8\xb5[\xdd\x10=M\xc5D\x9e\xa2\x1b:\xe9+\xa9w'</t>
  </si>
  <si>
    <t>b'A\xfeC\xa1P\xe2\xfd\xf7\x16\xc2\xab{s\xb3\xb8\x8d):\x1e\xce\xfc+\xa7b)\x16\x0f\xd1\xc6A\xf1h'</t>
  </si>
  <si>
    <t>b'S\xbb\xc87\xb6t^X=\x089\x89\xbe\xf5\x12\x8a\x1c\x11\xb5$\xe33\xa1\xa3\xcegw\x96\xa8\xcb,\xb4'</t>
  </si>
  <si>
    <t>b'v\xa9\x89\xd8\x97\x9c\x12\xea\x98L\x08S\xb9X\x90\x9b}\xab\x8e-M\x0f\x10\x81\xe1t\x94\x15H\x8c8\xb5'</t>
  </si>
  <si>
    <t>b'\x8a\xc3\x0fY8\x8f\xc0\xeb\x7f\xdd\x1d\xb7\x06\xf9\xb66pgv\xe8\xa7\x10\xfe\xa8\xc9\x05\xdb\x0bW\xb9\r\xec'</t>
  </si>
  <si>
    <t>b'\x1b\xb4\x07o\xe9\x06G\xbd\xb8\xab;8p\xf9\x82:\x17\x7fJ\xdd\x8c\xa4\xaf\x9b\xeak\xbeO\x9f\xf0\x83C'</t>
  </si>
  <si>
    <t>b'\x9e|\xe0uD\xf3|\xc5\xd5\xdd\x9cx\xdaB\x1a\xb7\xde\x99\x8b\x9cJ\x8f\xd4\x1c\xf4a\x98\xc6\x8d\x81uw'</t>
  </si>
  <si>
    <t>b"\x05/r \xc0\x1e\x96\xb9y\xc1\xc2i\xea\xc2\xdf9t\x03J\x92D\xa4\xccJGUe\x87\x0f\x83'$"</t>
  </si>
  <si>
    <t>b'\x1d\x7f\x95Q\xed~\x7ft\xc4j%pp\xce9\xce\xbc\xbf\x93\xb8\xaa&lt;}H\x9a\x8d\xe2\xa6\x8a\xf3\x86y'</t>
  </si>
  <si>
    <t>b'!\x03\xec\xe8K\xde\x06\x8dc\xd8\xb2\x1b\x99\x1f%;rQ\xfa\xc4\x94\x1a\x80\xb3\xb9\xd7\xd7a[\xb3\xcc\x14'</t>
  </si>
  <si>
    <t>b'\xdd\x14]\xca\xb1\t\xc1\x82V\xca\xb6g:\xb8[\xddj(+8\xa3\xec\xfd\x9a\xe8MCh\xb0\x9be\xdd'</t>
  </si>
  <si>
    <t>b'r\x04\x90D&amp;\xf9\x8a~\x85\xab\xe8\x10\x86\rN[lD/\x13\x06F\xa1\xba\x95=\xed3\x1f\xfb\xbaB'</t>
  </si>
  <si>
    <t>b'\x0b(\xb2l\xb8(?5\xb1\xae\x15T\xf3\xc5p?i\x18\x11\xaa8\xd3\xa4\xf3\xa7\x7fI?\xa9\x80\xab_'</t>
  </si>
  <si>
    <t>b'\xa24\xedK\x98$\xe2\xdf\xd3\xc1\xea\xaf\xdbV\x95\x96\xc2(\x86\xa9}\xef\xb7\x19\xc5X\xee|_\xbb\xfcp'</t>
  </si>
  <si>
    <t>b'1\xd0\xaa[u\xc6\xbc\xc7\xaf\xb14\xc4\x16\xe1\xdc\xb7r\xca\xaf\xcd\x97J\xde\x1fy\x93\x17\xd7w\x0c^E'</t>
  </si>
  <si>
    <t>b'\x9f\xb2\x14\xfeC\xf6R\xa8v\xea5G(:\x18\xde\x14^\\\xe2\x08\xb3I\xc0j\x86&amp;\x18\xc8\x99\x8e\x7f'</t>
  </si>
  <si>
    <t>b'?\xd1BN\x8bp\xea\x90\xaf?%tu\xc6\xeb+\xcf\xf7U/\x07w\xb0]\xf4\xcb+\xe6M[\x1cu'</t>
  </si>
  <si>
    <t>b'\x0e\xd3\x84g\xf9&amp;\x0eF\xd5\x83\xea\xb2\xdb\x91\xc8\xb28P1\xe1\xf6\xa7\x92\x11^\xd7\xde\x07\xf9\x07\xc8~'</t>
  </si>
  <si>
    <t>b'\xbe\x935}\xc9\xe1\x1bf)\rB\x9e\xcd\x00\x19[\x80\xac\x83_\x92\xc3\x8a\xd0\xaa\xda#\xc6m\xfbI\xf4'</t>
  </si>
  <si>
    <t>b'%\x14\x87\xe1\xdd \xc2\x96f\xcf\xddo"\xbd\x9b\xf2\xf7\x9e\x1c\xd0\xb7$\x8c\x80\xf1!\xdbHge\xeb2'</t>
  </si>
  <si>
    <t>b"718\xa7\xee\xffM,&gt;\xac\x13A\x8d2\xdb\xd5n\xc8(\x89'E\xd0\xb8\xc8W\xff\xb2\xe7\xfax\x8c"</t>
  </si>
  <si>
    <t>b'\xc8t\x11 -;M/\t\xdf\xce\x97\x8c\x8b\xdc\xa6\xe5\xe0\xd9\x7f\xf8@`\x97}\x9eI\x08\xd8E\x98\xd7'</t>
  </si>
  <si>
    <t>b'ND0K\xe1\x12\xce{?U\xb0\x8e\xa8)\x94g\xd4^v\xcb\xfeak\x8e(Z\xf2\xa8\xa0\x15@\xd9'</t>
  </si>
  <si>
    <t>b' \xbb\xda\x05\x92T\x07\x19\xc9\xadu\xa8\x18\xd8x\xb8\x0cev\xe5\x013`\xa5\xbd!\x1a\xc5\x9b\xc2mq'</t>
  </si>
  <si>
    <t>b'u\xb7\xad\xffA\xac\x01\x04\xbf\x1e\x07\xf4\xd51,\xfa\x0c \x0c^\x8c\xa1\xfam\xeb`Q}Y\xa5&amp;\xd1'</t>
  </si>
  <si>
    <t>b'&gt;\xa6\xe3\xd3\x19\xcah\xbb\xe2z\x88\xcf\x89g\xaa\x98\x94e\x9a\xd0\xd9\xec\xe7?&lt;I\xc2\xe3\xff\x96\xd0\xf5'</t>
  </si>
  <si>
    <t>b'\x9d\x7f\x8c\x7f\x16M\xfe\xa6\xdd\x9d\xf9S\x8b\xa8#u\x80\x1c\xc8\x7f*\x94\x8f\xba/\xf2{y\xa4v\x9dY'</t>
  </si>
  <si>
    <t>b'g\xcf\x19\x05\xed\xcd\xbc\x05\x03\xc4\xd4x&amp;\x91\x97z\xd0\xa7\xabh\x85\xcc~\xf3R\xbf&amp;]\x0c\xa6\xe2T'</t>
  </si>
  <si>
    <t>b"\x08s\r\xa1\x02p\xbc\x9d\xf4\xb0zI\xf7?!\xfd\x95\xe6\x08\x7f\x1f'\x17\xd7qS5\x87\xb5\xcf\r\x90"</t>
  </si>
  <si>
    <t>b'6\xfd\x0b\x0bh\xe7\xc4\xd4*Yf\x1b\x0b\x14\xe6\xf2A\x15\xe6\xb5\xbc2\xb2\xb8\x1cQG\x10#LS\x9d'</t>
  </si>
  <si>
    <t>b'\xe2{e\xe9\x19\x88q\x88\x03\x1f5N\xde\\\xb1i\xde\r\xe4\xc1H\xf6 \x9e\x0f\x11\xa2\x15\x7fcko'</t>
  </si>
  <si>
    <t>b'\x02\xd2\xda\x86\x18\x10"t\x83d\x8b"\x12\x8b\xfa\x98\xbe\x90\xc6\xd0\x9b`\xf1\x06\x86;\xc4X\x04\x927t'</t>
  </si>
  <si>
    <t>b'\x11\x87\xa0\xe9\tF\xebdkB\xb7\x10O/\x8a\x1a\xfeR9,\xeaW\xad;&lt;\xbf\x05\xf1\xffj\x83\x1c'</t>
  </si>
  <si>
    <t>b'"\xbe\xf4@\xa4\xd8\xd7\x0f\xde\xf5l\xe6\x96Y&lt;\x01v98-\xb7\xc6\x91\xa7\xb4R\x06\x97t\xc1\xce%'</t>
  </si>
  <si>
    <t>b"j\x1f\xe7\xad\xfc\x00\x11e\x13&gt;\r\x07\xbfZ#\x1c-2\x83\xecN\xe5\x08tr'\xb1\xc4\x9fJS\x85"</t>
  </si>
  <si>
    <t>b'\xae?up\x90\xbd\xf8\xb5*\x04\xaaD\xa2~\xf7\xeb\xa54\xebg\xc7_\x80\xd5H\xc1\x83\x16 )\xbe\xe1'</t>
  </si>
  <si>
    <t>b'\xc3[3~IG$N\xc6\xf5\xa6\xb3\xf3\xe6\xb4k\x89\xd5\x8ce\xbcMp\x0f\xa5\xf7\xc2\xca\xb28\x11\xdc'</t>
  </si>
  <si>
    <t>b'T\xa2v\xd6\xc2HA\xd3\x12\r\xf6\xb0\xc8y \n\x03\x87J_\x8e\xde(\r\xc8f\xbc|\xbb\xc7\xce\x80'</t>
  </si>
  <si>
    <t>b'\xdf\x8e"\xf4\xf7*\x90\xbdui\x17\x91v\x83\xc6\xb0\x1c\xf7\xcfQ#G*\x1dn(\xbf\x8f\xb5\xa2k\xa0'</t>
  </si>
  <si>
    <t>b'n\x17\xcf\xe0\r\xc1\x93\xb3!\x19\xed\xca\xc3C\xd2\x10\x9af\xcf6\x80\xbd\x93\x9e\xd2\xeb\xa4\x12\xd2\x96\xc5\xa7'</t>
  </si>
  <si>
    <t>b'\xec*&lt;\xfc8\x9b\x1a\x9bN\xb6{~\x8f\x05#\xcfN\xab\x0c\xc9\x8c\xae\xfd\x88s\xa1\xf2\n\x8c\x9d\xb2\x0f'</t>
  </si>
  <si>
    <t>b'$\xc4~\xc8\x8a$\x88\x8cll\xe1\x1dE\xc2\xf4\xdf\x99r\xcf\xb70\xa4\x82\xa1\x06rv`r\xbap\xe6'</t>
  </si>
  <si>
    <t>b'\x0b(\xfc\xf4\xe5\xd5J{z\x9f\xb0bQ\x9d\x7f\xa1&lt;\xf2\xfa \xc7\\z\xf9\xde\xf5\xc9JU\xa6q\xd0'</t>
  </si>
  <si>
    <t>b'\xa8\x8f\xcb\xa7\xe0\x1bxaD\xcb1W~\x9cZ\xb0QAXEG\x05W\x12\x96\xc8\xcd\x95\xf6\xc6\x83t'</t>
  </si>
  <si>
    <t>b"\xc1\xec\xcaeE;\xf7nM(\x08pi\x11f\x1ax\xc8\x101\xbaY\x89\x96j'\xed\x0b\x02\xf2\x82%"</t>
  </si>
  <si>
    <t>b'lT\x7f\xeeH\x08\xf6\xa5m\xf78\xe3i\xcb\xbf\x81\x8fclis\xa2uslE\xfe\xab]B\x0b0'</t>
  </si>
  <si>
    <t>b'AIp\xdb_l\xda\xad\xa5\xf2\xd2\xc6\x90\xa3\x02]\xa4cc\nf\xf9\x87\x8c\xc6\xbdM2\xb6qU&lt;'</t>
  </si>
  <si>
    <t>b'\x80\xeft\xc9\x1a\xc5\xe8\x1aYC\xd4\xb7h\x86+\xfcG\xd2s\x89\xaa\xc6\x96&amp;\xb4\x9bI\xe8F+\x8c\x8c'</t>
  </si>
  <si>
    <t>b'\x0e\x82\x1a\xe0\xbe\x01\x0b@\x9c\x1a\x89Gy\xc2a=\xd7\xbb\x80]\xdd~\xc9\x9a\x83S\x04\xa6\xe2H:\x1a'</t>
  </si>
  <si>
    <t>b'\x9d\xad\xb9+\x18\xa7\x95\xae\x97\xaa_\x87\xb1=\xbc\xe6n\x00\xa8\xeb\x95\xcfjy\xe4\x1d\x0f\xcf\x08\x08\xb0A'</t>
  </si>
  <si>
    <t>b'\x8aI\xdc&lt;\xf7\xea\x9a\xb1\x15g m\x99\xcd4q\xc0&amp;\xac\xb4\x1aF\xfa!\x94\x04\xaf0\x9b \x92.'</t>
  </si>
  <si>
    <t>b'hd\xd6\x982\xf9\xf5\xa4\x9d\xe8e\x8f\x8e7\xc8sD\xd1\xb6D\xe2\xa0\xb5\xb0\xd8u\x99qk?\xd4 '</t>
  </si>
  <si>
    <t>b'a\x19:\x05jq9\xb4p\xb4Lu\xa9\xe3\xad\x9cL\x8d\x90\xe2\x89#\xf0\x89\x0c {J\xd6h,Z'</t>
  </si>
  <si>
    <t>b'&amp;]@\\=\xf2{\xee\xdbJd\xc5C\tSQ\xd0\x0e(\xd8`\xd7\xa6_!\x03D|(J\xcaj'</t>
  </si>
  <si>
    <t>b"\x08\xd9\xda\xe7\x0c\xac\xca\x93\xdeS\xc3!TG\xb3\xb5\xf5\x8e\xa1\xe9\xf7\xba.'\xa9#\xd4\xb9\xfd\xe4#\x93"</t>
  </si>
  <si>
    <t>b'9p\xde\xdf|\x87\xe1J$P\xd5\xe4\x1a\xa2\xf8\xd2\xa1\x9c)@F\x93\xa7\xc4\xb0*\x8c\x0bN@\x08n'</t>
  </si>
  <si>
    <t>b"xE\x00\x83C\x0eL!\xa33\x8dde\xe1\x1e\xd6F'\xb3T\x0bY\xc0\x11\xe5\x80l.\xb9\xc9\xd2\xb7"</t>
  </si>
  <si>
    <t>b'"\'u\x99\xe40B\x08N\x13\xc8\x89\xf0F\xdef91\x1c\xaa1F\xc63\xce\x01t\x06\x93\x0e\xbcS'</t>
  </si>
  <si>
    <t>b"+D4\x93\xad2\x18\n\x1c\x0e\x18`\x07a1\xae\xacd\xd4\xba\x1f\xa6.\x80\x98\xfa\x1a\xe9'\x1e\x9b\x0c"</t>
  </si>
  <si>
    <t>b'\xd8\xa6\x0f`\xd4\xbd+\xe6\xbe\x10s\x08\xe2\xa3\x15\xda\x86\x1a\xd13\xf2\xc2\x96R\x19\xcaeK\xf7\x14\xc5&lt;'</t>
  </si>
  <si>
    <t>b'\x98\x7f\x90\xc4\x16\x82\x10\xd3lru\x11\xb8i/c&gt;\x19\x90\xb4e\x06\x81F\xefa\xa7\x7f\xbf\x05\x0b"'</t>
  </si>
  <si>
    <t>b'\x8a\x08\x8atU\xdb)\xc9wn\xc9\xa0Y\xb4\x84@\xd5\x9aL\xc7\x18\x1c\xaa"\xa0\xcap\xfc\x98+\xbb+'</t>
  </si>
  <si>
    <t>b'\xbc\xb9t\x94\x91\xd5\xb4\x0e\xd4\xd1D,-X\x94gH\x040\xa5H\x87fX\xc1\xd4aS\xac\xd7&lt;z'</t>
  </si>
  <si>
    <t>b"\xcf\xcat\xd4\x15\xbc\x91X\xa3\xaaw\x00'\x1b{L\x95\xd2\x7f%A\xaa\xc7O\xe5t\xeb_\xe2\xca\xa3@"</t>
  </si>
  <si>
    <t>b'\xbcK\xabVj\x8c\x07q\x9b\xcf\x8c\x9d\x1b\x9f\xf2q\xaf\xcd\x9eR2\xa8C\x8fow\xaa7\x05]Z\xc1'</t>
  </si>
  <si>
    <t>b"\xe8G\xd51*pq\\Z\x1a\x04'8[\xa1\x80\xb3\x0f\xcb\x9d\x1e{\x10\x0f\x06B\xe8\x8f\x96&amp;g\xe4"</t>
  </si>
  <si>
    <t>b'\x7f\x8b\xb1\xc1\xb9\x1c\xaeN\xbc]{\xefd\xdfa\x0eP}\xea`J\xfb\x91\xa1\xc9\xbb\xaf\x1f&lt;\x925l'</t>
  </si>
  <si>
    <t>b'=a\x9c\xc1\x19\xac\xfd\xfc\xf3\xc9r\xe8\xaf\x88\xef\x1a\x06\x9f\x1f@o\xcf\xdc\xcb\xeerT\x9b/\xc6(Z'</t>
  </si>
  <si>
    <t>b'&amp;V\xcb\xed\xce\xc6hZ\xdb\xde\xee\x8coV\x0b\xd2\x9cropx\r\xdfu=VE|\xed\x1b\xc5\x1a'</t>
  </si>
  <si>
    <t>b'K\x87\x7fNQ\x04\x85\x0c\x1b\xf6&gt;\x86\x1c\xe1\xba\xa6\xea\xb04\xf5\xe9m}&amp;\xe3\xdaQ\x02{\xfb,\x80'</t>
  </si>
  <si>
    <t>b'\xc5\x964=\xc3\x9ew&amp;\xa1\xd7\xc9=*\x13\x9d\xcfa\x08\xf2\xec\xeeO\x9cjA\xb8\x95\xfc\x0eu\xa6\x1b'</t>
  </si>
  <si>
    <t>b' z\x08\x96"\xb5\x15\x91=\ns\xc5\x0fsX\xfat\xfdp\xb4\xbe\xf4\xbbA&gt; \xca\xc3\xeb\x8e\xd6j'</t>
  </si>
  <si>
    <t>b'P\xaf\xbc\xd7,\x0b\xb9\x1c\xb64?\xfc\xd2Z\xbc\x19P4j\xdcm2\xea\x08\x03\x08\xeb\x00y\x12\x0e\xd0'</t>
  </si>
  <si>
    <t>b'\xfdgZt\xee \xd0\x8c\xba\xdb\xe5Af\xe1\xbd\xe8K\xc6i4\xa9\x8a/\xfb\x98FS#\x10\x00\xb8\xe7'</t>
  </si>
  <si>
    <t>b'A\x1d}\x1boE\xa8W\x00\xf8\x80zAc+\xa5\xf3\xb8\xce@\x8a\xc6\xa2\x1bs\xc9AE\xa2N\x10/'</t>
  </si>
  <si>
    <t>b'\xeb\x0frz\xab\x18\xb3m\xbc&lt;\x1e\x8a\xba\xd4u!\x91FZ\xb0\xbav\x8c:&amp;\x81_PTq\x01|'</t>
  </si>
  <si>
    <t>b'4\x8b\x14\x0c(\xe4\xff\xcf\x05p{\x11\xb1=\x10\xbaM&lt;\xfe\xf2&lt;\xe2\x9a\xc2\xddxl\x00\x8c\xba\r\x04'</t>
  </si>
  <si>
    <t>b'\x97\xb22\xfe\xb6\x04\xad\xd3\x91\xceBNl9Dn\rv\xfb\x9fO\xe3\xe7\xcf\xb8\xdcZ\xd5\x9fY\x96v'</t>
  </si>
  <si>
    <t>b"\xacFlc\x94\xf3\xc7Zf\xe5\x08\xa1\x9b\x98\xb2v'?e\xbcR\x7f6\xaam\x96A~p4Ou"</t>
  </si>
  <si>
    <t>b'[G\x9a\x14\xfc\x95\x9c\xda\x1dP\x94\xf6|\xc630\xc4ZQ\x8eO8\xc0\xbc\x08\xff+~\xd75\x86\xe4'</t>
  </si>
  <si>
    <t>b'\x16L\xe7\x88\xaa %\xc7\xfb$\x94^f\xdd\x9e\x0f\xbe\xbe\xed\x0f\xed&lt;\x0fR\x94\xdcR\xe4\xc7q\xb6p'</t>
  </si>
  <si>
    <t>b'o\xd0\xfc\xac\x04\xe0z\x81\x9c\xbdp\xc4\x0b\xd8u\xcf\xabu\x98\xa6\xf3\x1d\xc0\x92\x95\x187j)x\xed$'</t>
  </si>
  <si>
    <t>b'_\xdd\x1d\xe8Nju*\xe3\x8e\xfb\xa9\x11\xe2B$\x057\xc9\xe2`X\x82\x13I\x8c\xbd\x89wN\xd0\xd2'</t>
  </si>
  <si>
    <t>b'%\x93\xae\xbe!\xc0\x90a\n\xafK\x9b\x82\xa8]\xf6\xaf\xcd@E5(Lg\xe8\r\xb6\x99 ^\xa5$'</t>
  </si>
  <si>
    <t>b'\xe0\xbc2@\xc0U!6L\xb1M\xbd\xce\x95\xdfC*y\x04\x04j\xf6\xa5\r\x8f_\x9a\xd9\x991\x08\xc3'</t>
  </si>
  <si>
    <t>b'\xc6/\xb5c\x9c\xfb\x88\xde\n\x00V\x98/=R\xaf\xf9\x92/\xa8\xd3\xc1\xff\xe1\xcf\xe5t=\x17\xdaBb'</t>
  </si>
  <si>
    <t>b'\xb2c\xc8x\xe3\x06z*$K-\xf7\x8e\x08e\xad\xe6\xcd\x01l\xfe\x8f\xb1Gg\xa7\xf0\xb7\xdeBn\xeb'</t>
  </si>
  <si>
    <t>b'\xd4\x90\xdf\xda\xd6\xbfA\x0b\xd3?y\n\xd1\xf4\xa8\xd6\xbd\xa4$\xffC\xcf\xf5\xa9\x9dt\x01\xd1\x0e\x85K\xef'</t>
  </si>
  <si>
    <t>b'S\xae\x80\x7f\xa4\xca\xa4s\xb44\xb06TP\xdd\t\xf5@5Y\xf1@\x08\xb2\xe0\x88\r\\\x94\xcaA)'</t>
  </si>
  <si>
    <t>b'\xfeK*|2\xea\xcbF\xb3i\xb3\xeaL\xf0)\x1a\x86Q\xd4\x19\x17\x10im\xc6\x86\x98\x91M\xa8P\x88'</t>
  </si>
  <si>
    <t>b'p\xd6\xbc\xb66\xdfz\xbd\xcf%\xb8%^\x1e\xdf\x02/\x9e\xd0\x1a\x8d\xec\x820\xde?I2%8Z$'</t>
  </si>
  <si>
    <t>b'%y\xa3L\x0c\x10\n\xa1\xd7\x9c~\xcf\x99zd7\x8c\xdcT\xd4\xe2W\x7f\x97\xf1\xf2UE\x17\xd7\t\x99'</t>
  </si>
  <si>
    <t>b"s\x7ft\xbd\xcb\x8c&amp;p\xf3\xecG/\x98'\xd1\xcc,\xb9\xb8/\x1a\x8a\xf4O3lU'\xb3'\x87\xfe"</t>
  </si>
  <si>
    <t>b'\xc2\xf9\xd6\x8c\xb5\xfd\r\x08v|\x99)\xfe\xd4\xf0\x0c\x8f\xd2\xdd\xe7#\xcf\xaa:D\x0f\xc9W_\xce\x85\x97'</t>
  </si>
  <si>
    <t>b"'\x8d\x81s\x15\xde\x8euc\xfe\x0by\xc6O\x19e\xf5\xfe\x1c\x89I)\xa8&amp;\xb36\xce\xfd\x14\x91\x96\x03"</t>
  </si>
  <si>
    <t>b'x\xb0\n\xc5\x04\x19GS\x12\xf1\xfb&lt;\x165}\x11\x9b\xedt\xb40xI\xd4\xf3&gt;\xbb\xce\xfb\xf4T\xa6'</t>
  </si>
  <si>
    <t>b'm\xab2\x04O\xe7:\xe3\xca\x1d/\xd8\xd6 \xc5l3\x8d\xdeM\xe82\x8dM\n;Y\xe6m\x06j\x10'</t>
  </si>
  <si>
    <t>b'\xa5\x00R&lt;c\x11\xa4\xba\xc3\x97F`\x020\x95.\xb9B\x89\xbe\xf1h=\xf7T\xedd\x1d\x05\xde{*'</t>
  </si>
  <si>
    <t>b'\x9fo\xbby1A\x17\xf5bAS\x04Qz\xe8\x1a\x10\xbe\x12\x8e\x82\x93\xbb\xac\xe4\x19\xed\n\xad\xad\x8d@'</t>
  </si>
  <si>
    <t>b'\xe9~\xfcyu(\xd2\x9a\x08\xf9\xb2\xb6\x8c\x93\\^&gt;\x95\x98io\xc1\x18T]W\\\x7f\xe4\x7fs\x98'</t>
  </si>
  <si>
    <t>b'\xcf\x868m\xcc\xda\x07aWmS\x16\x0ch\xaa\x075\xb1,&gt;\xce\xed\x17DH\xa9Gx\x1d#f\x15'</t>
  </si>
  <si>
    <t>b'\xdf\x7f%\x03F\xd1\xa7\xd7\xf8\xb3\xcc\xa2m]\xbf(\xc5\x1c\x8eV&amp;\xfb\xda\x8f\x83\xd3\xdc\xd1\xc2[\x8cM'</t>
  </si>
  <si>
    <t>b"%\xbdX\xf0?\xed\xe8\xe2\x7f\x98\xc5\x9b\xbb\xd5\x88'\xf2\xd2M\x80\xf2tJE8V\xe9@\xadq\xa1y"</t>
  </si>
  <si>
    <t>b'\x98s_9\x8a\x8eV`\x9c!\x7fb\xa3\xdfC^l\x16\x8f(\x99pG)oK\x1fH\xf4\xa4Z\x91'</t>
  </si>
  <si>
    <t>b'\xfe\r,e\xe8B\xad\x1f\x0b\t\x1b\x177m\xea@\x03+=-N\x8b\xdc\xfd\xa8j\xb2\xc7\x18\xa2\xd7\xb2'</t>
  </si>
  <si>
    <t>b'P\xcax\xf8(\xd0\x12X\xbc\xff\x9f\xd7(E:\x02[D:\x14\x18i\x93u\xc2\x8c\xd9e\xe8\xc5\x16\x8b'</t>
  </si>
  <si>
    <t>b'\xccG\\T\xb2_T\xb3^\x0f\x90a\x82\x0eF.^j\x17\x88\xb5\xeb\x1b\xfc\x7f}2\xdf\xc71\x11\xd8'</t>
  </si>
  <si>
    <t>b'\xb4K\xfe\xbf\xf0.\xa3\xa8\xf3\x8e\x81j\xcb\x80\xed\xd7\xa4\xce\x8e\x86\xba\xfa\x10\x8e&gt;rv\xda\xd0Y\x0bI'</t>
  </si>
  <si>
    <t>b'\x15E\xbf\x18\x1e{\xdd\x19\xaar\xf8n 7\x16\xef]\x96/\x10\x84 W?\xff3b\x91\x1a\xd5\xe7\xb4'</t>
  </si>
  <si>
    <t>b'g\xe5\xaaW\x17\xd2\xa1\x11)&amp;M\x95@\xa2z\xc1\\"\xaf\xea\x119\x15\xc9\x9ac\x8d\x18D\xa1\xd3\x87'</t>
  </si>
  <si>
    <t>b'\xb6cV)|\xd5:#I\x04\x87bO\xdc\x83be\x0e\x9a\xa7\xd0x\xd7!-\xff*o \xf1\xaf)'</t>
  </si>
  <si>
    <t>b'$\x93\xdf\\\x01\x95\x92\x9b\x84\xee[Ls\xe3(sF\xca\x98\x86\xdf\xb5\x15\x93:\xed\x96gO\x11\xa7\x91'</t>
  </si>
  <si>
    <t>b'm\x0f\xdf n\x16\x98&lt;\xa1l\xeb0\xef\xe9\xfab^F\xb0+\xc7\x8e\x05\x91\xef9\xc0\xe5\xcf\xc1Vk'</t>
  </si>
  <si>
    <t>b'\xfd\xd9\x12d\x1b\xfa\x1fJ\x90\xe4u\xbb\xf8\x15|\xc7\\\xa0\xb3\x18\x1b\xe07\xbf\x91r\x08o-uI\xa1'</t>
  </si>
  <si>
    <t>b'\xb3Y\xe0\x18\xf3\xe8\x94tLg\xdb:\x05C\xb90npm\x17\xcd\xf2Um\xbc\x1d\x96p\x96F\xde\xe5'</t>
  </si>
  <si>
    <t>b'\xf5`\xe9\xfa5\x12\xdfD\xf8\xda=\x07}E\xae\xa4\xf9\xa6]\xf6b1\xd0\xb1\xa6a&lt;\xc0\xc8\xae~d'</t>
  </si>
  <si>
    <t>b'\xb6\x9aUzX\x94\xf1l|\x94\xd3o\xa9\xeb\x875\x9f\xf2?\xbd\xfblmd\xcak\x94\x02\x9dv\xca\xed'</t>
  </si>
  <si>
    <t>b"zB\xeb\x1b\xfe\xc4t\x8f\xf3\xab\xaae\x11\xb8?'\x996\xb7\x18Rd\xfa\x17%am\xa8\xf1~\xb9\x80"</t>
  </si>
  <si>
    <t>b'\xf2\xa5J\x8a\xf5\xa8\xaf\xa2P\xc1\x17\xb8\xca\x95\xc47C\x03\x99&amp;Gb\xc3\xc2\xea \xb9\xe0\xec^,\xca'</t>
  </si>
  <si>
    <t>b'\xa3\xf5x\xdb~\xe7CvE\x9aZ\xc4S,\xec\xc0\xb6\x9e\xf1\xe2q\x07o\t@\xf7\xa4\xb7\xc2@\x82I'</t>
  </si>
  <si>
    <t>b'\xbbLD\xff\t!t\x1d\xba\x0e\x84\xd9.\x95\x1cd\xf9]9\xfb\xaf\x08\xca\xbcNbA\xceRX\x17\xac'</t>
  </si>
  <si>
    <t>b'\xc4t\x91\xdbk\xb9\x9f\x12&gt;F\xeb#\xf4\xbf\x8e\xf3\xd8\xbf\x90\x80P\xd3\xc7~\xe2\xd0&gt;\x19\xbd]\xd2\xa9'</t>
  </si>
  <si>
    <t>b"\xaf\x12\x8b8f\xbe8\x96I\xc3\r\xcc'_\x9b\x85\xf1\x94\xa8ag\xfc\xa3\xc2\x94\xbe4 \xfb\xce:\xfe"</t>
  </si>
  <si>
    <t>b"\x02\xb9\xfdf\xf0\xe2S\xd1\xfb\xa4\xe0I\r\xd2\x1d\xea\xeeF\xaa\xf2\xf7D\xe4QWJ\xd3L\xc7\xe7\xa0'"</t>
  </si>
  <si>
    <t>b'\xd7\x9d\xbdm-\xf8\x15NT\x11\xcbP8U\x88\xa69\xe0w\x8e\rS\xab$k\x83\xacW/7\x9f\xf7'</t>
  </si>
  <si>
    <t>b'\x14-:@\xc5\xc2\xad\xb8\x14\xc1\xdc8\rO[\xc2\x9f\xcd"\x85\t\xc5\xf0\xb1\x1c\xcf\x0b#\x0cNo\x0e'</t>
  </si>
  <si>
    <t>b'\tPu_\x19\xe1\xf9\x03"\xb7\x9a+\x99;Na\x02/\xa9\x08\x94e\xf5#\xc6uW\xf7\x1f\x07\xb3\x1c'</t>
  </si>
  <si>
    <t>b' \xd1\xd6\x9b\x13F\xf9[\xce\xc3J\xf4\xea\r\x90L\x05\xb80\xf5=\xb5\xb7S\xd6\xe5\x06"\x89\x15]N'</t>
  </si>
  <si>
    <t>b'!\x80\x17\xa5\x17\x81\xe5\xe6\x15\xdd4\xb3v\x9a\xb7r\xef\x9e\x98\x97\x7fS\xebp\x1c^\xb5\x8aSt\xf9L'</t>
  </si>
  <si>
    <t>b'\xae\xdb\xae e\xd0\xdc{b\x8b`\x9c\xf7\x8c\xb7\r\x8f\x00J\xf6\xe2iV\x9b\x89\xb7,\xc44\xb94o'</t>
  </si>
  <si>
    <t>b'\x9bO\xfa;\xe9w\xf9\xf5?UJ\x8aS\xd7\xf7\x03&amp;\xb1\xdb\\R\xd9K\x0b\x99"\xdd\xcc\xba\xf6.\x9b'</t>
  </si>
  <si>
    <t>b'uX\n\xaa{\xc9\x11\x19\xc02\xe2\xb1ISO\x0cU\xdaH\xc5\x1cX\xcb\xe9i\xb0\x94\x12l\xf0g\x8c'</t>
  </si>
  <si>
    <t>b'\xa3\x12+\x7fB\xf5o\xc2c\x02UL\xa4N6\x00 UTo77H.X\x1a\x97l\xb6i\x95\xad'</t>
  </si>
  <si>
    <t>b'\xca:\x9b1\xd4\x1f\xe6\x08.p\x05\xa5\xfc4T~\xdbsH%\x9f\x88|\x9c}\xb6[\xefy\xba\x90X'</t>
  </si>
  <si>
    <t>b']\xa1\x18wO\xbb\xcf[(\\\x90\xee\x10wp#ZQ7;0\x95\xb0\x1f\xf1\xd2\xcd\x18\xd1\xa95\xd2'</t>
  </si>
  <si>
    <t>b"\x9d\x9d\xd7\xa2\x88\x00B\x8cx\xa8\x11\xd2\xeb\xd6jb9/\xe7$\xf9.\xbf'\n\x19Y\xc0qmL\xd2"</t>
  </si>
  <si>
    <t>b'\x9f\xfaA\xb9\xf7\xe4m\x01&amp;T\x04\xa8lg+\x8e\x81Zom%\x93\xb8\x07V8\xed\xde0$\xfa\xfd'</t>
  </si>
  <si>
    <t>b'\xaerD\xf97\xc4\xefz\xe4I%\x12\xd3\x1bn\xa4\xbe\xcb\xe5\xd3:7\xb7y\xcf\xd5\x9fS-\xeb\xea\x97'</t>
  </si>
  <si>
    <t>b'+\xd3p\xcc`U\x9a\xa9\x97O\xdf\x96\xf9\x8by\xb1G=,\x88s\xf1"G\x87\xe8\xf2\x06\xfe\xca\xf7\x96'</t>
  </si>
  <si>
    <t>b'\x84\x85\x9e\xcdg\xfc\x98\x1e\x86\xb6\r\x85\xbc\xd1\x17\xf1\xf1t\xb3\x87\xfbK.\x9eV2\x01*\x18\xf1\xaf\xf6'</t>
  </si>
  <si>
    <t>b'v\xe2\x02G\x85\x9c\x1e\xc2\xbf\xf1\x06c^\xc1\x13\x0c\x08or\xab\x84\xf2\r\x1fs\x8c\x15\x0e\xb5\xf6\xa2\xdb'</t>
  </si>
  <si>
    <t>b'*\xba\xcb\xf6\x07kF\x91\x9cM\xa8\x1cb-\xc7BJC-\x9d\x91S\xbb\xc6\xd4\xf2w77R{d'</t>
  </si>
  <si>
    <t>b'@\xd25\xee\x0eyS\x84\x18+\x88\xee\xd2\x8a\x04\xf6-\x98\x02k\xfe\x01\xa3{\x80-NX\xd5$\xdbg'</t>
  </si>
  <si>
    <t>b'\x8c)\xeb\xf0X\x89c\xc7\xb5\xc4gn\x030\x98d\x83\x138\xbe4\x99\x97\x91X 1\xb8\xe6\t8\xf4'</t>
  </si>
  <si>
    <t>b'\x87\xe9^)gp\xb9\xe8s\xf4t\xf8\xbc\t\xb5\xe6\xf4\x99\x11\xbe\xb6wg"\x83e\xb9S(\xeb\x82C'</t>
  </si>
  <si>
    <t>b'\x03\x15\xc6\x8cE\x1c\xc5\xaf\x08\x1b\x89Q\x87\xac\xe1\x83;\t\xc7kN\xa8\xbe\xf1\xae\x8c\x99\xe7\xecM\xc9\x10'</t>
  </si>
  <si>
    <t>b"{t\x03\xb1Z\x8fG'k\xd4\x8f\xa8}|/\xb8Mi\x0f\xc9\xf9\x1f\xce/\x8b\xc7\x8a\x19\xe4.E\t"</t>
  </si>
  <si>
    <t>b'\x83\x00\x98\x08\x9a\xa4\xb8\xdeX\x84\x1f\xf9\xc7+\x86\x17\xaac\x19\x89\rL\xdd+\xa2\x1a\xf7\x8a$\xce\xdd\x0b'</t>
  </si>
  <si>
    <t>b'&gt;|\xe9/\xcfh\xa7R\xd6\xd9\x11\xcb\xc5\xf8\xecX\x80\xb2\x0f\xc3csl\x8a\xe1\x19\xd3\x9c!\x9c{,'</t>
  </si>
  <si>
    <t>b'\x1ag\xc3\n4\x04\xc1(]D\x08\xc8\xe9r=\xdf\x1d d\xd5\xb2\x8d!\x1dP5./q\rp\xff'</t>
  </si>
  <si>
    <t>b'\x1b\xf2\x90\xed\xe6\x15\x8b\xbe\xa53,JZ\x81\xff\xd9|g\x92\xba\xa1\xde\xb2\x15\x90/\xee\xdbx\xeb~\x03'</t>
  </si>
  <si>
    <t>b'KJR\x86\x1b\x96K`2\xdaT\r\xfb\xa0D\x97GD\x11\xff\xb6\xa4v\xbf\x1b *\xf3\xcc\xfb\x81\xe6'</t>
  </si>
  <si>
    <t>b'\xb6;m\xc3\x12\x96\x1f\xb5\x81W\x12\xdd\xd6{\x03\x0fG\xa2\xaa\x87\xb7@#\r!\x0e\x89\xe5kD\x12E'</t>
  </si>
  <si>
    <t>b'\xd7GH\xb8\xd1\xc0\x86Xw\xc0\xc5\xb4l\xcf?\x04NJ8c\xd4\xcf\xb1b\x87f\xaa\xf7\x9f\xe6\xfa{'</t>
  </si>
  <si>
    <t>b'/\x04\x0c\x08\xeb\xe6\xe1 \xd0\x82\x9b\x8f\xf3\x03\xfd\xba\xfez\x96V\x8dSlX\x84=\xbe\xaei\x11\xff\xba'</t>
  </si>
  <si>
    <t>b'\xd4\xc1\x01\x9f\x92\x02\xbc|\xc5\xeeJ\xc4\x80i\x8bY\x9d\x90V\xf8b\x0f\xc9\xa9\xbf\x87\xe2t\xc4\xe7\x0b\x18'</t>
  </si>
  <si>
    <t>b'&gt;\xaf8\x0f\x16\xef3\x05k\x13\xb8\x7f\x81\x84\xdeC\xcda= jB\x8f\x9d\xffV\xf8D{\xd5\x9cs'</t>
  </si>
  <si>
    <t>b'\xc0$/\xf7Zp\xb5M(\xae\x15\xb9\x8a\x98\x85`1Y\xcb\xe4l\x91\x96E\x95\\\xc8\xf5\xd8\xb4\x8b&gt;'</t>
  </si>
  <si>
    <t>b'\x87/\x0cg+$X\x9bY\xb6\xd3b\x94\x07\xfd\x0bN\x07\xb9)\xe6\x19\x0f\xa0\xf9\xa6\xb0Y\xd8\xfe\xaa\xf3'</t>
  </si>
  <si>
    <t>b"@\xe3\xf8\x9f\xdefw\xf8Q\x9b\xb4\xdd\xaf\xf1\x8bH'3\xb8\x9f~=H\xc9:m\x94\xf7\xbfb2;"</t>
  </si>
  <si>
    <t>b'\xddl\xf7IR\xc6\xf6\xcaG\xdb\x12\x94I\x08\x1bH)\x84\xf5\xb7\xd5(C\xd7\x14\x19\xe9q\x18Y\xf47'</t>
  </si>
  <si>
    <t>b'\xd5\xc3\xfaN\xa1\xf6\xfd\xea\xd7\\\x0b\xab&lt;\xea\x9c\xdf\x04H{sN\x87\x88\x01\x85\xa0\x02\x96be\xff2'</t>
  </si>
  <si>
    <t>b'\xb1\xe8\x80+\x93\x01O\x0b\xa1~w6v\xd1a\xfb\xb7Z\x8ei\'\xed\xf5\xc8\xd6"\x0b\xdet\xff8\xbb'</t>
  </si>
  <si>
    <t>b'\x03\xfdO&amp;&amp;\xb1\xebQSo\x18\x14l\xc3\xc3\xcd\xe3\xdf\x9e\x16\xa3D\xfd\xf2\xcb\x85\x1e\x10\xdc\x02\xb2\\'</t>
  </si>
  <si>
    <t>b'\x91P\x1b\xfb\x9a\x01\xf8Td\xf2o}\xfa\xbf_\x83\xab6\xd2\xdb_\xb0\xd2\x7f\tY!\xf5\x94\x1b_ '</t>
  </si>
  <si>
    <t>b'\xe5.~\xef\xa9\xc0k!\xb6\xcc\xa9yV\xb6\x9a4\x14\x12\x14\x80oS\xe1|\x05\x12\xf5`jJ\x8a\xa1'</t>
  </si>
  <si>
    <t>b"C\xa4\x96\xd7'\xfe\xa5[l\x030\xb4\xcc$@z\xd0\xa2\x06\x13\x16\xdbt\xc8\xd2,=\x1dP\xe7\xbeQ"</t>
  </si>
  <si>
    <t>b'\xa1V\xe3\xc79M\xc3I\x7f\xa6.\x05\r\x85\t\x188\x15w\x07\x9b\xea\xf50\xcc*\x12T\xc9\x83\xad\x1f'</t>
  </si>
  <si>
    <t>b'\x1aM\x1d\xec\xa0\x8au\xdc7\xe5t\x88Kd\xce\x96\xa3\x9a\x1d\x04\x14\xd5\xb7\xf5\x02\r\x04\xf5i\xb3\x88\x1c'</t>
  </si>
  <si>
    <t>b'8a\xd3\xb0bBg\xce\xcc\x02\x9c/\xb5\x13\xfeR\x14\xfd\\\xfe\xd1\x03\xe2\x0edO\xca\xf1~\xb8\xdau'</t>
  </si>
  <si>
    <t>b'\xf0\xfc\xcesl\xf1_a\xbc\x15\xe4f\xa6_Qu\xa6\t\xdfr\x03\xbe\xcf\xbemWA6\xfe{i\x1c'</t>
  </si>
  <si>
    <t>b'\xd6\xee\x88\x1cO\x1a\xf7\xf5z\xde\xda\x8b\xc9\xdc\xc7\xb1P\xc6/\x15\x13+&amp;\x17\xee\xe8=\xc1\x04\xaa\xb3\xee'</t>
  </si>
  <si>
    <t>b'\x0f\x1e\xc7\x84\xbc\xf5"\xb3w\xb5\xd5%\x81\x11$\xb3\xdfP\xab\x15\r\xc8\x8d\xc7\x8bc\xfd_z\xdd\xf6a'</t>
  </si>
  <si>
    <t>b'\xa4\x8b\x06\x1c\xc37B\xe1\xd2\xb1\xf8\x17\x1f\xef\xd1\xcd\xa8\r\x8a\xea\r\x96$x37\xadaq\x0f\xbdI'</t>
  </si>
  <si>
    <t>b'Fpd\xe72\'Q\xf8M\x93\xee"@%\xfb\xd3\xf0s\x87\'\xd4\xad\xfe\xd8V\x9fS\xe2\xea%ag'</t>
  </si>
  <si>
    <t>b'y3\xea\x1b\xa8\x8d\x8b!\xc5-\x98g\xab\x8a\xb1\x01\xa0\x98$\xd5\xab$y\xc0m\xab\xd0\xe3d\x0eWJ'</t>
  </si>
  <si>
    <t>b'l\x15\x81X\t\xd5\xec\xef)+R\xf9\x81\xfe1\xfbZ.\x8aj|\x92\xefE\xfd\x8a\x88\x04z\xf9\xfb1'</t>
  </si>
  <si>
    <t>b"\xe6\xce\x90\x01(v\x05\x0f\x8c\x0be\xab\x99\x9d\xf0'\xecW\xb4\x0b\xa5sA\xe3\xa0\xb7\x14\x01\x80\xf3\xdd\x9f"</t>
  </si>
  <si>
    <t>b'\xe2\xf9\xc4(\xb7rN\x0eV\xb0\x0e[Y"\x86\x0b\xedwj\xeaF\xa0\x88\x05\xf5{\x99.\x1e\x81P.'</t>
  </si>
  <si>
    <t>b'\x89&gt;\xe6\xb9h%\xd7\xa5\x97O\x18\x97\xf9\xdc\x143\\\x1c\xb9\xff\xf6\xfa\x17&lt;\xc6X\xa3\xc9Z\xf2\x0f\x95'</t>
  </si>
  <si>
    <t>b'\x8e\n\x06\x0c\x82\x81\xc6\x18\xce\xf7\x94\x83\x05\xe7+\xdd!n\x19\xb3\x87\x16\x92\x7f\x12\x00\xd6}\x9b\xcb\x8e\xc7'</t>
  </si>
  <si>
    <t>b'\x0fVS\x93\xa6\xf2/p\xf5"\xa3\x95@\xe9\xed\xea\x02+\xefl1}g\x82\xad\xc4P\xd5\xef*D\x14'</t>
  </si>
  <si>
    <t>b'\xc6\xd7L\xdb\xff\x90\xe4#hA\x82V\x8a\xeb\xcf\x89&amp;\xfcx{y\xc2,\xda\x7f\xbb\xcf\xab\xda\x1b2('</t>
  </si>
  <si>
    <t>b'\xce\xa9\xb0\xeb\xdaN \x8b\xfaIN\xd5|H3Y\xbe\xef\xe7\xeb\xc4\xb4&lt;+\xc6\xa3\x8ee,f2r'</t>
  </si>
  <si>
    <t>b'\xed\xb2o\x98\x03\xc4\xdc\xcb"m\xe8\x0e\xc8\xc4P\x14\x85\x10\xda\xd1\\\xe6\xab\xb5\xb7\x9c\x03^\x1dGE\x06'</t>
  </si>
  <si>
    <t>b'\x7f\xabY-/\x98\x88a\xe3\xb4\xb6\xa6pr\xf8^\x8bv\xc5z\x98\xb8&gt;\x16\xf9\xb3\xbb-\x06\x18\xaa)'</t>
  </si>
  <si>
    <t>b"\x94\xd3\x86\x83\x9a\x9e\xfc\x85n\xb0^~\x02\xd2\xcf'\x8b\xc4\xae\xebl\xcc \x8d\x95\x8e\x9a\x19l\x96u$"</t>
  </si>
  <si>
    <t>b'\xc7\x89K\x1d^\xe8\x90\xeb\xd3\xbe\xc9{\xed`\xef\xa6kB\x0e\xb3\xb2\x9d\x7fq\xb4B7\xd1\xa1\x8d\xf3{'</t>
  </si>
  <si>
    <t>b'\xb4\xf2E\\\xfc\xabv\xa6d\xab\xed+?\xff/\xd0\xee\xd6\x1f8\x87\x91x]\xd5\x9bR\xe3\xf5-F\xc2'</t>
  </si>
  <si>
    <t>b'\x02\xdb\xc4\x90\x96\x8fh\x85o\x91j\xc4w\xb8h\xf4\xa39\xee\xa8\x06\x1c\xb4\xd3\x17\xd7\xb6Y\x13\xf3\xe3\x9a'</t>
  </si>
  <si>
    <t>b'\x9f\x89\x1d,:@b\xeb\xc4y\xbc\xe0m\x8e\x18\x94\x10\xf4\x9eVQ\xeco\xd2n\xaf\xcf\xc1\xe1S?\xa2'</t>
  </si>
  <si>
    <t>b"\x1b\xd7&lt;\x0b(\x88 6.\x08\x9d?\xd4e\xdf$M\xad+dBzW\xde\xa4\x1e'\xb09N8\x87"</t>
  </si>
  <si>
    <t>b'q\x8c\xc1-+\xb5w\x9a\xb8\xdd\xd1\xd8\xfae\xdd\xca\xb5G\xbf\xa2\xd2\xafm\xd6\x85\x8e\xb3\x02z\xc2\x0c\x9b'</t>
  </si>
  <si>
    <t>b'O&gt;5\xdd\x90H\xabB\x7f\xe3j\xf9}o4\xdc~\xd0\x91\xb6\x82\xf2\x95\x8b\x82e\xef\xff\x1d#U\xa7'</t>
  </si>
  <si>
    <t>b'jM\xb1\xdd\xabD@&gt;C\xe5\xc0\xba\xd4\xc1o\xd0\x93 C\xa7&lt;\xfe\x19\xaedb{\x1e\x91 _\x86'</t>
  </si>
  <si>
    <t>b'f\xb0P;\x04O\xb3\x9a}\x06\t\xd33CO\x1f\xad\x10\xc8\xd8\xee\xba[\x10;\xe3\x9b\x0bI\xd7\x03\xe8'</t>
  </si>
  <si>
    <t>b'\xafz\x7f\xdb\xee\x02b\xcba\x88b\x9c\x8fRY\xfc\xd8\x14\x98*q\x90Y"W\xbb\x04k\x8d\x86^\x9f'</t>
  </si>
  <si>
    <t>b'\x0c]\xd4\xfb]*\x1d4\x08\x926\xfa\xf2\xb5\xad\xbb\x95\xcc"/\xf4Q\x87\xfc\xf8\xc6a%\xcf\xd6\t\x14'</t>
  </si>
  <si>
    <t>b'\xec1u\xef\xab\xc2x\xf5\x11\xf5\\\xa6=#\xf0\x0b\x18}\xcd\xccSd\xd14\xbe \xae\xde\x80\xa5\xadv'</t>
  </si>
  <si>
    <t>b"\x8f'Y(\xbfq\xfd\x81!VS\x85(\xf7|\xec\x80\xb3\x00\x94\xdbW]\xe9T~\x80/\xe1\x85'\x17"</t>
  </si>
  <si>
    <t>b'\xdc\x7f0`H\x9bf\xca\xa3\xe3:\x1bx\t\xd7IZY\xb3)\xda\xdc\xd9\xd2\x80\xf5\x97\x19\x10\xc8\xfeU'</t>
  </si>
  <si>
    <t>b'\x864\xdaf!\xd5\xfe\xe0Z\xea_\xc4\x9aTv\x93+\x82\xc5\xbc\x9d\xf4~\xdb\xc3\xd0\xf5\xd4\xce*\xcd\xb6'</t>
  </si>
  <si>
    <t>b'\x92~\x94\x8e\x0cV\x1f\xef\xb5\xc7H\x89\xdf,T\x05&lt;P\xe1\xb0%\xec\x1e2\xf0\xe3\x84\x0b\x8d\xa1\x9b\x02'</t>
  </si>
  <si>
    <t>b'\x93\xb6%3.\xf8Y\x08\xb3)\xc8\x07\x1c\x92\x1aZ\xa8\x92Z\xfe\x9b\x1e7\xae\xfb\xe8&amp;M\x92\x1d\xe1\xeb'</t>
  </si>
  <si>
    <t>b'\x99\xac")\x18{\x95\xf0\xb6\xa5\xb2\xdfE\x07\xda\xee\xa7\x8a\xd7\xe6\x1f\x0fT3\xad\xc4`P\xa08\x8a+'</t>
  </si>
  <si>
    <t>b'\xc2\xd4:\x81\x1a@-\x92rJ\xcc\x13\xc9\x9eN\xe0\xd4\x9fX\x82\x8d\x10\x9e\xd5j\x97\x15[\xa7\x91a.'</t>
  </si>
  <si>
    <t>b'\xd9\xaeTpIR\x89\n\xe1(\xfd4\xa5\x81\x7f#\xbc\x14c\x01\xdcI\xb7\x13\x9f\x00\x06_T\xa5L\xeb'</t>
  </si>
  <si>
    <t>b'\xbbO\x13\xdc\xdb\xfen\xe2\x0fN\x02j_X\x10\xc8\x9d\xa5\xd8me}\xb0\xa8!\xd7\xa2\x9a\xd0\x1d\xa2\xcf'</t>
  </si>
  <si>
    <t>b'\xe7\x12\x18\xa5\xf4\x80\x92\xbc\xd8zy\x90\x03\xc8&gt;\x8bd\x14V\x15(_\x0f\x18i\xdeU\x7f\x9e\xc8\xf0X'</t>
  </si>
  <si>
    <t>b'\xd5\x86\xf8\xf3\x8d\x8e\xff\x9c\xaf\xa2`\xf0\xbe\x96?\xd0\xd3\xf5\xb3\x0c\xd7\x0b\x02\xdc\x83\x05\x1dF\xf5z\x0f\x95'</t>
  </si>
  <si>
    <t>b'}\x10\x8d\x7f!C\xa9\x8dhfGq\x93\x98\x86\xfff^\xed\x1d\x83 \xfc\xc1;\x9d(\xbd\x13\xea\x04C'</t>
  </si>
  <si>
    <t>b'7Z-AL\x88\x9foA\xbc)\xf2\x82"4&lt;\xad~~\xb7\'L\xab\xff\x17\xb7\x0et\x968^V'</t>
  </si>
  <si>
    <t>b'\x16S\x92n(\xe6\xac\xc1K:\x19i\xec\x02O\xbe\xae^\xde?\x95\x13.\t\x86R\x15\x8f\xa5\xd6\xb2\xd4'</t>
  </si>
  <si>
    <t>b'\xe0UM\xf7\xff\x9b)\xb6\xba\x869\xbc\xb2\x16\xc7e\xf7\x9c\xa4\xba\xc5\xf6\x19\xaaCn\x9cK\xc5\x87\xbd\x8f'</t>
  </si>
  <si>
    <t>b't\xd4\xf5:4Vx\xb2y\xf1`H\x7f\x1avX&amp;xY\xd4g\x7f\x00\x92\x80\xbc\xdc\x05g\x1c\xd68'</t>
  </si>
  <si>
    <t>b'#\x14\x8a\xf1\x02\t&gt;\x84\x84\xa8\xa4Y\xb1F\xa1\xae\xaf\x97\x98y\x8a\xf4+\x06\x86Nlx=\xa1\xb3\xcb'</t>
  </si>
  <si>
    <t>b'\x06F\xb4\x12\xbe\xc4\xde\x9a\x8em\x9b\x9e\x82Id\x91\xea\x86`\x0f\xd7\xfa\x93#\xd9o\x1b\xe8x4O\x1d'</t>
  </si>
  <si>
    <t>b'\xef&gt;\x1e\xcc\xc4WP&gt;\xeb(fX\x03G\xdc&gt;v\x12\xeb\xf9)\x87#\xbc\x13u\xb4\xbe\xb5\xe7\xce '</t>
  </si>
  <si>
    <t>b'&amp;\xe8\xe08\xf8\xb7kH\xe2&amp;8\x0f\xf2=\x82Wj\xb8\x0bq_\xad_\xb4wf\x8e*\x8a\x10\x12#'</t>
  </si>
  <si>
    <t>b"*\x8dW\x96\xb2*Qd\x91\xb8h\xe9'\x7f\xe8o@v\xc3\xdeO\xcb\xb4.\xf7\xeaJ\xb8i\xb5&amp;\xff"</t>
  </si>
  <si>
    <t>b'\xad\xda\xfb\xfc\x84D\x9e\xa9u\xf1~v\x1d\xb1\x82\xb5\x0e\xa0\xcbt\x89\x16@\xab~\xfer\x11\xc9M\xd3c'</t>
  </si>
  <si>
    <t>b'b\xd4\xa5\xd7WI\xcd\x8bO\x9c\xf2\xd7&gt;\x10iR;\x84\xc1\xc2@\r\x0c&lt;\xc7\xb9\xb5G\xe8+\x18('</t>
  </si>
  <si>
    <t>b'Z3\xd3E\xc5N\xa3u\x15#@&lt;\x07\xae\x80,\xc4\x9d\x0e\x17|\xe6E:p\xa7zF\tp\xf6\xeb'</t>
  </si>
  <si>
    <t>b'\xacEd\xa8\x8b\xe6_c"\xb5\xa3)e\xa4\xec\x9b\xcb\xcdL\xb5|I\x15q\xa5\x9a\x0f\xb3\xb8\x83S\xb8'</t>
  </si>
  <si>
    <t>b'\x0c\x05(_\x13\xbf\x05!\x88]\xd0\x0cdC\x14\xca\x8e\x00\x0c\xe4\xd9\x18\xb2\x07\x1a\xd8c\r\xfc\xea9\xec'</t>
  </si>
  <si>
    <t>b'\xeftb\xcd\\\x13\x8a\xf6\x9e\x9d+M\x89\xd5&gt;LxP\xa2f\xd1\xc4\x1e\x8f\x93U\xc1\r\x07G\t\xe4'</t>
  </si>
  <si>
    <t>b'&lt;\x84\xc8?x%3\xbd\xc8nH\xe0\x8c\xbe\x060Z.@p\x11\xee\x03\xe4\xe0T\xb9u\x18\x14Y\x01'</t>
  </si>
  <si>
    <t>b'\x1fRl\xe2\xab\x03W\x9b\x88\xf8l\x89\xa5H{\x04\xb1)\x13\xce3\xc1o\x07D\xb7\xb1\xbf\x9e.\x06\xe3'</t>
  </si>
  <si>
    <t>b'm}\x8e\xef\x9a\xfb\x0c&amp;\xfaWw8\xac@}\xc0\xe6j\xe1\x11\x03F\xfb\xed\xf7\xfa\x00*][rC'</t>
  </si>
  <si>
    <t>b'\x07.\xf8?\x02P\xec.\x0b\xae \xcaR\x97\xb32\\D\x92\xa1\xcf\xd1N;\x92_-}\xbf[\xd8\xb4'</t>
  </si>
  <si>
    <t>b'\xa4\xb1\xf9\xf1\x8b6v3\x9e\x9b\x98\x05\x94\x8c\xd8_[\xc9\x86$\xcc\xcd\xab\xf5\x96\x13\x8b\x7f\xc5}\x05\x8d'</t>
  </si>
  <si>
    <t>b'\xd2(\xd4\x8bX\x0f\xc0D3\xe2\x02Xcs\xbbO\x11(\x8eS\x97\xd5\xbd\xce\x7fRJ\xe0f\x94H\xac'</t>
  </si>
  <si>
    <t>b'\xc9;\x1b\xa7\xb3\xdf\x7f\xba\xbe\xbdn\xcb\xb6\x94\xf7Yw\x97\xd0\xac\xf4_\x0cS\xe8\x1d\x91\xbb\xe1\xc9\x12"'</t>
  </si>
  <si>
    <t>b'\\[84\x8d\\{\xd9\xa8\xd4`\xbb\xee\xe1^\x82\\\xe3u\xd4\xdf)3\xd4\x9b\x1e\xf5f\xa5\x98\x85.'</t>
  </si>
  <si>
    <t>b'_T#\xb3e\xcdx\xfb\x97\xdb7\xd0\xe9A\xcd\xc0\xb9\xd6j{\xc8\xc4\x8a\xa0\x8c\x06?^\xe4F\r\\'</t>
  </si>
  <si>
    <t>b'\xa2E\xda\xa62\xd8D\t\xbac\x98\xf7-(&amp;q\x7f9,Eq\x105\xa2\xfa\x8e\xe4\x8c\xd8-*\xd6'</t>
  </si>
  <si>
    <t>b'Kx\x17f\xdc\x0c\xae@E\x10v\xdcE\x10n\xa4\xf1\xe5\xed|{w\xaf\n\x8b\xf5\xbda\x11\x1e\x98\xa8'</t>
  </si>
  <si>
    <t>b'\x0cx\xb8\xf2\'6\x9a\x9f\xabA2\x91\x12\x84\xd8|.\'\x05z\xf6\xd9\xf0}*\xdb\xaf"\xa6\xd8\x04\xfc'</t>
  </si>
  <si>
    <t>b',\x92\x97 N\xfc;pjK\x08\xf3\xeb\x9bn\xf2\xe1\xbf\x1ft\x8arH\xc5\x02\x0c\x0e\xfd\x06\x13\xad"'</t>
  </si>
  <si>
    <t>b'\xbdaFN\\K\xa6~y\xf9\x85\xbc\x14\x08\x93{\x87p\x95\xe5\x16\xda\xc8\x15\xa8b\x01\x1a$0G\x14'</t>
  </si>
  <si>
    <t>b')\x7f\xf3\xd5x\xff\xf7\x17\xc7c\x8a\xc4Y ]X\x11\xa4R\x8e\x11\x0c\x1a\xfd\xbd\xcdA~\xa4\xa7\x8e\xcb'</t>
  </si>
  <si>
    <t>b"HK\xd0\xd77\xd8\x8a\xbc#\xecP'\x10\x9ai)\x12\x93\xe9\xde\xfa\x1e|w`],\xba0\x82\xc3\xfb"</t>
  </si>
  <si>
    <t>b'F\x1d\xe8n\xc2\x8f\xb7a\xcc\x9a\xc9\x97\xfa\xbc\x89\x1a+k\xb3\t\x96\x1e\x0fK\x14\xbe\xb3\x8c\x9b\xd3\xce\xc9'</t>
  </si>
  <si>
    <t>b'\xf6\xcdJ\xd5\x97\xfdT=\xae\xfd\xb4\xb3qn4hei\xb2*H\xcc\xbc\xdb\xe7\xccj\xc1~&amp;c\xc9'</t>
  </si>
  <si>
    <t>b'\xd9\x19\x81\xd7\t@_\xe8\x82\x19JU\xd2\xcc\x90\xd9\xb6{\xbd$\x1c\xe6\x18r\xc7\x85\x11\x91\x03\x14\xd0C'</t>
  </si>
  <si>
    <t>b'\xf2\x0b\x1bDt\x06\x83\xe5\xcaS"\x9f\xbe\x1f\xa1\x1ac"\xdeq\xc5\xb9\x1c\xc7\xcb\x88k\xe21\xac\xaa;'</t>
  </si>
  <si>
    <t>b"\xc6^:\x8f'BG\x8do\xe1k\xe6Z\x94:co\xb5I\x93\xa4\x8c/.x\xa6&gt;\x1d\x8f;\xbdR"</t>
  </si>
  <si>
    <t>b'\xeb\x16\xb2\xa74\xafb\x7f\xe8\xba\x9e\x19\x13\x0b\xcaJ\xb8^\tPF\xd9\xe7\xe4\xafi\xa0\xd6\x06\xf4IK'</t>
  </si>
  <si>
    <t>b"Vu\xb7\xd5\xfb\x8c\x13'+\xaa/T\xe7\xf7\xb4=\xb1\x9f\xc9W\xc2w\xe6\xc6\x91\xd2\xdbfj}\xc3\xed"</t>
  </si>
  <si>
    <t>b'\x86`^\xac\xbbF\x99X\x02\x05Yo\xdd\x00 \x8a=Q!*C\xb7w3\x0b\xdfu^\x10\x99\xc2&lt;'</t>
  </si>
  <si>
    <t>b'\xdbldq\x91vE\xd4$\xb7q\x9ei\xb4\xfa\xcc\xaf\xc1[\x15\x86\xd5A9\xcag\x0f-\xe9R\xe0,'</t>
  </si>
  <si>
    <t>b'53\xef\xa6\xbd\x96\xa4\xc2M\x82\x84\xc7\x1f\xd8\x8e\xe4Z\xe0\x0c\x10\x94_\x12\xd5\xdb\xe2\xcc\x19\x17\xf3t\xfa'</t>
  </si>
  <si>
    <t>b'\xc1\xee\xae\xf0C:\xd3\x9f;m\x7f\xde\x8e\xa5\xc3\xf7\x116\xc6\nQ{\xe5\xa7\x8e\xd1.\xc8R\x9c\xba\x0e'</t>
  </si>
  <si>
    <t>b'!,\xd7\xf4P\x91+\xcd\xb4\xa9\x98\xad\x9b\xc2\x8ejH\x1b\xab9\x04\xb4\xab}=\xb0\xa2_jU`\xd0'</t>
  </si>
  <si>
    <t>b'#Gg\x99w&gt;0\xf4\xdf\x8c\xff\x1c\xdat&amp;\xfd\xcaS\t\xef\xc8\xc4\t`s\x8c.j\xb3\xd9\x9a$'</t>
  </si>
  <si>
    <t>b'\xbd\xbfjm\x1f\xd2\xe7\x9b\xbbk\xde\xe3:\xe0a_\xdbwE$\x07\xbch\xfb\x9d\x07\x13\xc7\xd4\x81\xabG'</t>
  </si>
  <si>
    <t>b']DL\x9d5m\t\xe6i\x9c-\xb6,Z\xa6\xc39\xa3\xab\xc1\x16\x10pR\xf5\x05\xe55qnZ1'</t>
  </si>
  <si>
    <t>b'{\x08\xab&gt;\xf2\xed\xb8\xbc\x8e\x12\xebO%\xb7*kK\x0fh\xa7i\xb9\x1f\x8b&lt;\xa2&lt;\xaf\xf4\x89J\xc5'</t>
  </si>
  <si>
    <t>b'/!\x95\x08\x81\x141\xa1\xd0s\xf5h\n\xbfnC]S\xf6P\xd8\x9e\xca\xffQ\x99\xdb3\x90WL|'</t>
  </si>
  <si>
    <t>b'\x84H\x14\xe6\xcemP\xf1\\\x16\x03\xd7\x99\x8b\x00\x8ei\xafGi\x8d\x85\xf4k\x13\x97?\x83`\x1a\xbe\xb7'</t>
  </si>
  <si>
    <t>b'\xd0u\xc7\x85\xabI\x0c\xecW\n4SX\xb0\x1a\xaa+\\\xef\x10\ra+\x9e\xba\x7f!\x91\xd4\xbc\xa7('</t>
  </si>
  <si>
    <t>b'\x1d\x98\xf5SK\xd3\x01%FA\x17qqi\x0b\xae0\xbc\xbb\x93\xf9\x12l\xbc\xdf\xa8oY\xee]\xfe\xce'</t>
  </si>
  <si>
    <t>b'\xf6\x13\x124\xd7\xaf\xc7\xf2\x89\x8a;\xef\x18E\xb9\x02\xdb\xb9\x9a}\x1fv\x18\xb9\xf1\x94\xaa\x17b\x01\xc2`'</t>
  </si>
  <si>
    <t>b'\xb2\xb9\xf9\xda\x90\xc4\xf80H$\xceXj,\n\xc5\x19\xb1[`u\x96wl\x9b\x99\xd0d\x04\xb2\xb7@'</t>
  </si>
  <si>
    <t>b'\x9e\xbaiq\xde\x16{d\xcc\xe6\xf8t\xb66\x85"\xf3o\x0cr\x8dj[\xca\xb9\x1e/\xcd\xa1\xf9\xe1\xea'</t>
  </si>
  <si>
    <t>b'\xa3&lt;=\x81\x1cW\x03\x13\x00\x04\xf3\x14\x9e\xd4\x97xcg\xdbZ1\xa1/H\xac\xb7\x0cs\x17L\xaa\x99'</t>
  </si>
  <si>
    <t>b"\x0f\xd9Z\xa7'\xbe^\x8bQ\xbe\xdcVq &gt;v\xfe\x1dQF\xe3\xcf\xe0{\xb2\x97\x9a\xe3;\xd8\xa7\x92"</t>
  </si>
  <si>
    <t>b"Ec\x86\x1d\x1eS\x98\xa4\x8a-Y\x96n\xf0'\xf6\xb6Q\xf6I\xcai\xad\\\xed\xeeK\x02\xe2t\x9d\x1e"</t>
  </si>
  <si>
    <t>b"\xf4\xf8oq\xed\xba\xd2\t\xee'\x92W\xa0&amp;\x1c\xeeb\x8a\x12\x00p|\xb5R\xd0C\x83J\xa0\x13\xc0\xfa"</t>
  </si>
  <si>
    <t>b'\x12\xdbk\xef\xdfc\x91\xf5\xcc\x19\x9a\x073\xf97\xaf\x97\xa6n\xf3\xddJ\x8e2we\x12X\xe3+a#'</t>
  </si>
  <si>
    <t>b'O4{\xac\xe2d\xf8\x87\x12\xfa\x9c\x07\xe4\xa92\xd4\r_\x02sT\x1cYt\xccrg\x82\xaa$,\x8a'</t>
  </si>
  <si>
    <t>b'.\xce\xb1\x7f\xa8\x86\xa33K\xf2-\xfc_\xa31\x90\x02\x82ia\xab\xb3.C\x07\x00\x04\xf6\x93\xe8\x9bc'</t>
  </si>
  <si>
    <t>b"\xaeC\x94j\xf3\xfc\x0fx\xcf\xf3\xb60\\\x7f\xff\x04\xef\xb8\xc0\xfe\xa9\xdf'\x9b\xc3\x1f[\rK\xa3 t"</t>
  </si>
  <si>
    <t>b"Z\x14,c\x07\xb1\xc8N\xeb\xff\x83\x1f-\xe9H\xf7\t\xe1\xb7\x90:\xe0\xc8'\x106\xc0Q\xe7\x96\xaf?"</t>
  </si>
  <si>
    <t>b'\xc3\x1f\xf8\x92\xbb\xe2\xfbr\xe0\x94\x1a2\x89:z\r\x13\x89U\xd2C\xba\xb0\xfa\xf9\x84\xbb1t~\xa7l'</t>
  </si>
  <si>
    <t>b'`2\x01\xc6o\x1ai\x11\xe0\x82Z\x83\x92I}\xd6\xb7\xc8\x07\xc8EP5&gt;\xa2\xa1f\xba\xdd\x07@\x99'</t>
  </si>
  <si>
    <t>b'\xba\xf3\xd1v\xeeW\xea\xdf\xd2T1i\xe7/O\x1ezpl?\xed%8\x93\xf5\xe3\xa00\xf2\xb4\t\xc8'</t>
  </si>
  <si>
    <t>b'\x1c\x86C\x99\xe9\x8e\x9d&gt;\xb6Tc\xcb`\xb6\xa8\x9b\xde\x0c\xbe\x1bo\x83\xdd.&gt;DJ\xdbt\xd3\xe3\xd0'</t>
  </si>
  <si>
    <t>b'\x1f\xba\x83C^\xfaI\xf5)Y\x8f\xe4\xec\x8e \xe6*dx\xb4\x8cP\xaa\xf2\xd8,\xfbK\xb3\xa2\x1cY'</t>
  </si>
  <si>
    <t>b'\x0e(\xc2U\xf7\x8d\x8d\x17\xc7\xcc\xcb\x8e\xd1\xa6\xf9\x9e%~\xcc\xcf1_ k\x9bR\xeb\xcd&amp;Z\xbc?'</t>
  </si>
  <si>
    <t>b',r\xddq\x03K=\xfePu\x0cK\xde\x17\x8c\r\xf7\xc9\x1eS ox?\x12\x19\xd6}\xa1D.\xd8'</t>
  </si>
  <si>
    <t>b'\xd0\xa2\r}\xec\x7fg\xd2O\xf5\xbcG\t\xba\xb1\xc9=\x07)\xd1\xf7l\xd8=\\\x91\x0e\xc0Z\t$Z'</t>
  </si>
  <si>
    <t>b'\xca\x12w\xa02\xb3\x11B2JV!\x01\x8e\x07SM\xce\x93\xb4\xc1a\xff\x93\xb2\x80\xac\x8ew\xa13S'</t>
  </si>
  <si>
    <t>b"\xc6\xf4\xea\xd3\xe7y'?\xc3\x14\x08p\x01;b\xb7t\x9c$ \xb1\xf6\xf0\xc6\x02\xc2C\x88\x0f\xb7O,"</t>
  </si>
  <si>
    <t>b'\x98\xa0\xe9\xe2#IS\xa4\xa9G\xb6c\x0e0&lt;\x89g\xce\x13#W\xc1X\x1b\x83\xf3\xe3\xdfEw\x8cz'</t>
  </si>
  <si>
    <t>b'\xa8U\xc3\'\xd2Mgy07\xbf\x18"mWK"\xac\x8b\x15\x91)?\x1e&amp;S[\x10\xbe\xd2_\x89'</t>
  </si>
  <si>
    <t>b'K\x0e\x93\xfa\x91\x96\xeeU\xc4\x1d!\x97\x8a\xfb\xcbH\xbc\x85\xbe\xf5\xd3t\xf3H\x959\x8b\xe1\xf9\xa7v\xce'</t>
  </si>
  <si>
    <t>b'\xdc\xbbD\xf9\xc8#\xc5\x82]\x1bV\xd3\xe6\xbfk\xee\x8e\xcc\xf7\x11R\xd7\xe3\xf9?c\xb6^\x04\x0f\xba\xc5'</t>
  </si>
  <si>
    <t>b"\xc7\xc0y\xa23{\xc0\xe9\xf7m\xd3\x96\xe0m\xaa#\xd16\xfc\x1cM\xcdD\xe4\x19\x8b*'\xd5\xae\x86J"</t>
  </si>
  <si>
    <t>b"\xab|\x949Qx\xb4't\xaf=\x98\xe2/\x12\x9f\x9a\xf2.\xd1\xb58\x8e\xda$2\xdbN\x08\x16\xf7o"</t>
  </si>
  <si>
    <t>b'm\xc1\xfa\xb72\x14\xb7\xa7\x04\xf1\x9fY\x1e\xe1\xbeRf\xebY\xd3NT\x06\xfb\xba\xca\x8b3Q\x05t\xd0'</t>
  </si>
  <si>
    <t>b'\t\x85`\x98\x1c\xab\x1cc\x11f|\xcd\xf6\xbax0\xd3aW\x9bpk\x88\xc9y\xd3\xdf\x18/\xe5h\xa0'</t>
  </si>
  <si>
    <t>b"Gn\tr\x97)}b9 n#\x037\xeb\xdb\xcc\xbc\xae\xf2\x99\xee)B'\x86\xde?\xc0\xc1\xa2\x99"</t>
  </si>
  <si>
    <t>b"F\xee\x05\xb5\x9dN^\xf4uz\x92\x95~\xb8\xb9^(\x1f'\xdf\x17\xe1~H\x94;\xe6\xaa\xb7\xb9\xec\x92"</t>
  </si>
  <si>
    <t>b'\xab\xeam\x9d\x03-\x1b\xed\xb8\x95\x0f\x06}\xddom\x04F\xbcxK\xadV\xfb;h\x82p\xc7\x14\x97\xbb'</t>
  </si>
  <si>
    <t>b'M *\xe8\xc0%\x03\x99#\xdd$i\x82\xad\x96\x999\xd1\xda\x03\xf9\x1e\xa2c\xdc$\xa2\x10\x0b\xe5\xe6\xe3'</t>
  </si>
  <si>
    <t>b"\xb4GT\xe5\x18\xfdl(\x92\x03=\xdd\xd6\xcd\xbfn$\x10'!'o\x93@\xdf!\xea\xadqz\xb3["</t>
  </si>
  <si>
    <t>b'\x95t\xeb\x17\xba\x1c9\xbd\x1f\x03NI\x11\xe5\n\xbf\xf9\xd0\xcb\xea\xe01\xb8\x89\xf2C \x88\x8f\x1e\xc0\xae'</t>
  </si>
  <si>
    <t>b"O\x10\xf0y\xc8U0F\x9f\xef\xbf\xd9\xb2\xb0\xd8\x13\xd4\x7f\x86\xd6\xd1\xf2y';\x1a9\xf5\x9b\x8fS\xdc"</t>
  </si>
  <si>
    <t>b'5\xad\xba\x9e\x8a\x1a\x0f\xdeO\xba\xf5s\xbf\xfa\xbc{\xf9t\x07]\xb1=\xd0d\x9c\xe1\x90\xa4Ar]\xdf'</t>
  </si>
  <si>
    <t>b"cj\xc3o\x06=\xecq\x049\x86\xd3\xd3iG\x80'\x08/\x9c\x8a-|L=\x84I\xafr\xa37\x93"</t>
  </si>
  <si>
    <t>b'.\xbe\xb9\x9dR\x1c\xa3\x08\x1e \x9a(x\xe6\x84\xd4\xaag\xf7r=\xcb\x86j\x7f*%U\x91\xd1\x18-'</t>
  </si>
  <si>
    <t>b'\xefUg\xbf\xeb\xe1\xdaVg\xbf\x9a\x8a\x11&amp;\x89\xfb\xb8\x0f^r\xa2m\xd6$\x0eJs+\xfa\xaf\xbc\x03'</t>
  </si>
  <si>
    <t>b'\xf7v\r\xff"BS\xf1\xb3~&lt;\x98w\x98`e\xc9SI\xff\xee{\xe3\x0c\xe1E\x91/\xed\xbf-\xc7'</t>
  </si>
  <si>
    <t>b'\xae\x9e"n\xd5\xa6\x11\x9f0\xe9\x83\x07G\x14\x85\x82\xce\xeb.\r\x02\xfe\xe7\xd1\x8a#,\x9f\xd4\x96Z\x03'</t>
  </si>
  <si>
    <t>b'\x9c\x9aM\x1e\xac,\x9eF8\x90\xb5\xcc\xaa\xe9]\xef%\xcau\xe3\x90\xe0H\xe3\xa4[w\xcc\x9a\xbf)?'</t>
  </si>
  <si>
    <t>b'\x04Oe8\x1b\x95\x1d\xa4\x91\x1f\x83\xb5L6\xb7\xb9\xed\x06\xd6\xa9[\xf1\x7f-\xb8\xa2\xf9 \x9c%\x0c\xf8'</t>
  </si>
  <si>
    <t>b"\x8f\xaf\xd8\xec\xcf(Ox\xadU\x91\xcdJ]\xea\xech\x0bBF\xa0'\x14\xc8\xe69nl\xe0\x16,t"</t>
  </si>
  <si>
    <t>b'(\x87\xb7&gt;\x13\x0f^\xd0o\xb7\xf7xrx\xce\xf8*\x9dP\xa1\x07dg6\x10\x84\xeeA\x88d\x92`'</t>
  </si>
  <si>
    <t>b'8B\xa3)Q\x8f\xda\x02p=[\xa7S\x9f@g1\xe8\x89Kl\xd3Du\x0eysuX\x0b+&amp;'</t>
  </si>
  <si>
    <t>b'\x9c\xbaz]\xab\xb2\xd1\x01\xdd\xae\x07E\xca\x13{\x82&lt;\x91\x8c\xb7\x05\xe3\xbb\x1f\xe7\x97|e\x80`\x1f\xbc'</t>
  </si>
  <si>
    <t>b'\xeb\xb0\xb8E\x97\x99\x1c\xb0\xa9\x87\x89:\xc1\r\xd7\xa9\x17]U\x92\x83~"e\xe0&gt;\xccv\xf1NcU'</t>
  </si>
  <si>
    <t>b'\xcenhC\x89\xe2\xfd\xad\xa8Rq\x18\xb8\xc7\x04\xa7\x1a\xdd\xe5\xa1\xe1\xda\xa1\x1e\xa2o\x9e\x12A\xc4\xba5'</t>
  </si>
  <si>
    <t>b'\xbc4+x\xb7S\xf4\tg]\xd5m\xc1"\x05\xaa\xad&gt;R\x84-U\x89\x88{XT\xc7x\x9b\x0e-'</t>
  </si>
  <si>
    <t>b'\x97nu\xba\xd6\xb69Z\xb6\x94=\xaby\xd5\xee\xf9;\xe5\xd6Nh\xb1\x0f\xca\xaf[8G\xa8oiE'</t>
  </si>
  <si>
    <t>b'\x9a\x1a\xe7-\xa1S\xdf\xa3\x02\xd5/\xef\xef\x9cJ\x12\xe1\x99\x04a\x18\x86\xcf\xe490ui\xf2q\x1eD'</t>
  </si>
  <si>
    <t>b'\xa5\x8e4\xee\xaf\x19Of\xae\x0f\xae\x95L\xe4\xf3oQ\x9e\x19\xdeg\x9b;y\xd0\xc7\xfa\xffJ{1\x96'</t>
  </si>
  <si>
    <t>b":\xac\x89\xc1\xcce\x0c\xa3\xd7bcW`\xfe\xb9w\xba\xc9\xa1\xc0m}\xbf\xcf\xdc8\xfc\xf1'\xc9\xb9\x9d"</t>
  </si>
  <si>
    <t>b'\xf2\xb5 \x99\xd7~\x8e\xc5\xc2X\xd7\xd5\xd6\xd9Y\xe8\xf2c\x1f\x10]\x97" h\x05\x99\xb2"\\\x8f\x84'</t>
  </si>
  <si>
    <t>b'\xc05\x94\xf4]%\xbb\xca\x8f\x96{\x8b\xdd\n}!\xd6/\xeb\xf5qp9yF\xaa@\xfd\x89\xc8\x92{'</t>
  </si>
  <si>
    <t>b'{d\xa8Lh\xdc|\xef\xf5\xd4\xf11\x98T&lt;\xe3\\e\\\r\xee\xfe\x82r\x9aQU\xef\xd6_*\x04'</t>
  </si>
  <si>
    <t>b'\x80\xd0w\xcf\x87\x92^mx\x9ar2R9\xb7\xcb\x96)+\xea\x9ax\xc7\x8e\x1a\xbb5\xa4t\xd7\x84&gt;'</t>
  </si>
  <si>
    <t>b'\xc4O\xc1\xbd\xb2\xa3I\x1b\x01G\xd1\x99\xe9\xb2\xf4\xb5&lt;\x8d\xd3O\xd9:d\xfa:n\xfb&amp;v\xd1&amp;-'</t>
  </si>
  <si>
    <t>b'\xc5}\x82\xde\x1d\x9d\xf8[\xc6\x1dw\x92\xeb/\xba\xf8\xb3\xce\xd6\x06\xf3\xe2z\xd2\xd1\x98\xb5\x82\x9d+l\xc2'</t>
  </si>
  <si>
    <t>b'{\xee\xa3\x10A\x87(]\xa9\xe2\x90x\xd0\x8f\x10\xea\xe4%\x9d\xac\xc4\xc6vFJ\xdf\xb4\xb9&amp;\xb2\xbd\xca'</t>
  </si>
  <si>
    <t>b'\xc2\xb1\x03\xf2\x85_(\x8df+\x11}\x885\xe0i\x1a]\xe5\xfb2T\xa6\xd6\x9f\x96\xd9\xc4\x14\xff\x858'</t>
  </si>
  <si>
    <t>b'\xb4\x89xfR\x1d\xc0\x8f\xd5\xb5\xcd\xc5\x83\xa8\xad\x1fT\xba\xa8\xe4&amp;\xab\xd6&gt;\xfa\xd1\xf8\x9e`\x1fG\x04'</t>
  </si>
  <si>
    <t>b'\xf3"\xdbJGL\x1cS\xd6\xca\r\xb2\xeb\xa6Z-\xc1!\x90\x89\xba:\xc4\xfa\x11\x8a\x82\xaa\xe7\xc2\x1f\xf9'</t>
  </si>
  <si>
    <t>b"\xe3\xd1'_1'\x14\x99i\x86c\x7f\x16\x94|\x8c\x86\xa3\x91\xf3)\x179\x18'\xcb\x0b\xae*\xee\xac\xb1"</t>
  </si>
  <si>
    <t>b'U\x1b{\xac\t\xf5\xf5\xaa\xb5\xf4\xeeO\x1e\xedN\xf5\xb2\xf3n\x1dy\x8d^\x9b\xa1\xf9\xc2@{\x86Y('</t>
  </si>
  <si>
    <t>b'\x17\x11\xfb\xdf?X1\xea\x8d\xcdik\xd7\xfc\xf6\xa2\r\xc3\x931/\xcbM\xe3\x15r\x05\x94vlO\x92'</t>
  </si>
  <si>
    <t>b'\xd5\x92%\x05\x0f%\xc1\xb2AE\xfdL\x1b\xb79\xab\xfe(\x99\xb7\x00\x96G*xf\xec\x95c\x13\xaaw'</t>
  </si>
  <si>
    <t>b'\x8b\xe2\\k?\x9e{\xd0\xa2\xf9\xbc\xf2\x92\xd8\n2b\x1d\xc5n/\x86w\x02u\xc4\x99\x1c\xfdO\xfb\xfe'</t>
  </si>
  <si>
    <t>b'y\x93\ri\x9eU^\xcb\x81\xdaAC\xe8\xc4\xdf\x95Y5\x18I\xba:zG\x00\xdc\x8c\xc0)\xacl\xdb'</t>
  </si>
  <si>
    <t>b'\xee(,\xc6\x8d\x8dKA\xb6\xb3\xfdU\xe5\xd4\xfe$\xe0WW3h\xf7\x99\x97Wx\xc5\x02&gt;\xad7H'</t>
  </si>
  <si>
    <t>b'Yh(\x8fg\xf5\xa0\\\xbf\xdc\x91xb\x9f\x1e\xda&gt;\xf9\xa6\x80\xf1t\rS\xdd\xe5\xaf\x17\xa29W\xeb'</t>
  </si>
  <si>
    <t>b'\xc8\xa4\xfe\x84\xc3\xd2\xd0\xcfU\x98\xe7X\x98\x9fz\x99\xb6F\xba\xc1#\xcc\xb0\x1a!\xb3\xf2\xc3\xbb\xa4\x7f\x8c'</t>
  </si>
  <si>
    <t>b'(\xa7\xb1\x14\x8d\x0eb}\x0c\xd7#\x16\xa8\x07Hn~\x8a:%y3\xf91\x91\x85^\x99\x97\x16\xf6\xf5'</t>
  </si>
  <si>
    <t>b'\xc7#$s\x17W\xd1\xfd\x1a\xce\xc5V\xe9A\xd9\x999\x1b\x91\xa8#\x02p\xd8\xd0\x82\x7f\xfc\xa1\xf3\xa7\xb0'</t>
  </si>
  <si>
    <t>b'N\x126Q\xb2)}\xac\xbc\xa1\x85_RW j\x06Fk\xca\xdf\xf3\x1fy9e\x1c\xf0\xbe\x8c\xbdo'</t>
  </si>
  <si>
    <t>b'%\x05ha\xdf\x02\x0cD\x8d\xea\xdc\x8f\x16x\xe6\xed\xdf*L\xa7N\x1c\xe7q\xd2,\xd1\xcdI\x12\xbd\x9b'</t>
  </si>
  <si>
    <t>b'\x1c@rW\x9a\x1fMy3\xab2y\xa6I\x0cH\xe6\xe5_\x10&amp;\xb5T\xb2\x9dIa\x18/,Z\xab'</t>
  </si>
  <si>
    <t>b'_\x00Y\xea\x01J\x02t:\x84oP\x12\t\xbc\xa6\xfd\xf1\xcd\x98th\xb8y\xcc\x85\x82\x1d\xa5*\xb7\xc5'</t>
  </si>
  <si>
    <t>b'\xef\xb5b\x11\xd2@\xb2\xdb\x97\xc6\xa3b\x19\xda\x05\xaf\xa6\x80iN\xfdG\x1e\x8bE\xa3"\xa5\xfc\x94\x7f3'</t>
  </si>
  <si>
    <t>b'\xfd\xe9\xacsBjs"\xe0\x80\x0eH\'&lt;\x90G\'\x9f\xbaX\xb33\xb4\xf5\x13\xe0\xb2\xca\x08w\xe7\xfb'</t>
  </si>
  <si>
    <t>b"\x9d-\xee\xdb\x84X\x14\x8a\x84\x82\xe1\xf9\xf3\xe5\x92'b\xbd}\x15\x9a\xad\xca\x05\xa7r[\xcf\xef$@\x1a"</t>
  </si>
  <si>
    <t>b'\xb3\x0e]\\\x1b\x16S\x9b\x9c\x86\x9du\xc9J\xe2"\xc4\x8bY\xd5\x91\x11\x90C\xb2\xd9\xd2R"\xe1\xa5\xa8'</t>
  </si>
  <si>
    <t>b'\xae\x8a\x8e\xfa\xf8\xb2MX1\x89\xe9t\xf8\xcc]iw\xc9C\x02d\x92\xa9\xd3\xdf\x9f\xee\x1d\xdd\xd5}\xc1'</t>
  </si>
  <si>
    <t>b'\xc3\xa4b\xa6\xa6@\xcd\x1d\xef\xc5\x8f{\x1eEB\x9c\x03\x81\xd6\tq\xac:\xb1\x82\xeb\xc6\x8f\x95\xd0\x0e\xe5'</t>
  </si>
  <si>
    <t>b'\xdep\x8f\xa3\xae\xe44\xd79\xbb5W\xcf\x00u\xf82\xd27\xa2r@\\(\xa6L1Y\x99\xcd\xb61'</t>
  </si>
  <si>
    <t>b'\x12\x1b\xd9\xe0\xc8(\xfd\xf2\xf0j\xec[\x016\x07\xc1\xf2\x9b\x85\xc42\xc5^(Wg\xe4\xd1\x82\x19\x15"'</t>
  </si>
  <si>
    <t>b'\xf5\xddAj3D0\xa6\xf41\xd9\xb1\x0b\x0b\xceA\xd4\x1d\x9f\xeb\xec\xec,\xa8a\x0e\xfbm6\xf2\xf3\xea'</t>
  </si>
  <si>
    <t>b'M=\xd9M\x00\x06\xab|i\x87S\xfd\x1a\xa7\xc0w7\xf7\xdf;|\xca\xf3\\\x18\xbc\xfeGY\xb4(M'</t>
  </si>
  <si>
    <t>b'mQ6\xb5\xd0\xdb\x9bV\xa7\xe5\xdcp\xc0\xd5*\xc7\xbc\xe5N\xe1\xdc\xd0\x0b\xef#\xfc\xd3\x84\xedm\xa0\xa1'</t>
  </si>
  <si>
    <t>b'1)9\xcf\xdc@\x96\x86\xdb\x80\xff\xe5H+\xdfI\xd1\x1dm\x8f\x95e\xee:\x928\x1b\xc6\xcb\x12\x002'</t>
  </si>
  <si>
    <t>b'\xd8\n~\xd3\xa9\x03P\xc4&amp;DE\x1c(`\\\x13\x0e8\xae  k\r\x9a\xe8\xd2\xcb\x08\x8c\x0e\\\xd1'</t>
  </si>
  <si>
    <t>b'~v@\x19\xf7\x93\xe5=]\xceYVM\x1a!\xec\xe4}B\xab\xca2GA\x9co\x91\xf8+\x04\x16\x16'</t>
  </si>
  <si>
    <t>b'\rX\x81\x1bXx\xc1#w\x1cT\xb7\x89\xdd`\x1bi\x95\x1f\xc8\x0c\xb3r\x05\xfb\xff$\xf1I\xff\xa1\x86'</t>
  </si>
  <si>
    <t>b'\x04\xfc\x14k=D\x1f]\xe3\xb8\x8d\t9^O\xcd\xb0FL\xe9\xc5U(\x1f\xa0\x13\x84e\xfa\xb7q='</t>
  </si>
  <si>
    <t>b'n\xd1\xa9{\xd6"1H\r\x1b\x83\xb1\xe3\x86\x84\xb7Q\xb5\x80\x8c\x9d\xca6-H\xa3\x8b\x88\xbe\xa3\xb7\t'</t>
  </si>
  <si>
    <t>b'VHK0\xda\xe7\xff\x7f\x01\xea\x9e\\$N\t\xfah\xd4\x9bJ\xb7\x1cn\xd6[##\xaaurw\x97'</t>
  </si>
  <si>
    <t>b'j|8-\x9b\xf6\xaf\xf2IF\xdd\xa7 \xf3\xc1\x9f\xf0u\xa0&gt;\x08K\xa1W\xc4\xb8\xedLr\xb4\xe4\xee'</t>
  </si>
  <si>
    <t>b'9A\x16w\x18S&gt;3T\xfc\x92D&gt;\x9c4Z\xb1\xd1W\xe4\x15RMAJ\x95\x0c\x868\x0c\x01\xfe'</t>
  </si>
  <si>
    <t>b'O\xa5\xca\x03dr\x18R,&gt;\xc9T\xc5\xd6\xb5\xdf2T\xd0a\x02\x9ckf\xcb\xd4\xbdH3\xe8z\x98'</t>
  </si>
  <si>
    <t>b'\xbc\x8f\x9e\xc5\xaf\xe1\x88\x0c~\x82\x06U|\xc3\xa2}\x07\x05\x13\x16u\xc8IXS+\xca\xf2q\n\x97H'</t>
  </si>
  <si>
    <t>b'\xa79N\x98cN\x15{\x85\x94\xac{l\xe1\x03\x951\xe86=\x05\x072\xe9?\x86i7\xf0#\x01Z'</t>
  </si>
  <si>
    <t>b"f\xfdw\xe6\xe0m\x1b\xf6&lt;GZ\xaa\xa5\xd5\xdf\xebL'\xc8\x93\x03\x1c\xc70\xb4\xfeG\xa8\xb5W\\\x10"</t>
  </si>
  <si>
    <t>b'\xff8\x13\x8cG\xb3g\xea\xd2\x10\x87A\xf8\x18\xe9\xfe\x08\x80\xda$A]\x88a\xff\x8a\xf4\xe7Nb\xc8I'</t>
  </si>
  <si>
    <t>b'\xb7\x94\xda\xdd\xcen+\xba3\x9d\x9aRh\xa0;,\x8cV\xc1\xb5p\x17\xa6Q\xea\xf2\x93B\xb8,\xc9\xbc'</t>
  </si>
  <si>
    <t>b'\x03/\x9a\xa9+\x1d&amp;\x9e\xf3\xec\x13\xdf\xb1\xd2p\xcf\xf9\xd5\xf3(\xc3\x1b\x88s@\xa6\xf4G\xf2y\x91\xfd'</t>
  </si>
  <si>
    <t>b"W\x1a\xdc\x8b\xc9&lt;\xf8c\x1a[\x08'Nu\xe4\xf7\xa0\x0e\xe8\xb9\xa2\xfa\xb7\xa5\x17\xf5P\xf1\xb4\x8abR"</t>
  </si>
  <si>
    <t>b'7\xbe\xee\xa4}\xc0\xce\xef\xa7:\xb8\xee\xb1r[+\xfec=\x9f\x04\xefs\xef\xaa~\x1e\x9bK\xe6nk'</t>
  </si>
  <si>
    <t>b'\xa1\x83c\xa6\x01\x8c\x9134\xad\xbd\xfc\xaa=\x1e\xb5\xaa\x9a\x182\\6\xf31\xc7\x00\xf4\xe6H\xd8\xf5l'</t>
  </si>
  <si>
    <t>b'\x08\x1e\xed\xd0\x89\x19#\xce\xad\xca\xd3\x12\xd9\xd4\x80O\x9c\xc8{:(\x0cS\xdf\x1b{t"~\x90\xc6\xdc'</t>
  </si>
  <si>
    <t>b'\x90\x8aw\x1e*\xad\xecA\x95Bt\xb5\xcb\xe1\xf5W\x96{K\xc2q\xd5,\x90\xd7x\xf8\x8c\xa4\x01P\x14'</t>
  </si>
  <si>
    <t>b';\xed?":\x00Ay\xeac\\\xdb\xe14\xca\x19\xe1\x95I;\xf2\xee\x0c\x19\x04\xbc\xf1\x97)\x87\xef\x8f'</t>
  </si>
  <si>
    <t>b'\x898*\xe4R\t\x94\xf4\xca\x9b\xe1&gt;\xbe\xa8\xa2\xf2\xcc\xff\x11\x8fj\x9b\xdc,\xd1\xd8\xe8\xe6W\xdf`R'</t>
  </si>
  <si>
    <t>b'\xcf.%(e\x94\xb3\xad\xd5\xf2\x8e]l6\xed&gt;\x1c\xbb/\xdd\xd9\xe3\xe0\x84;\xc1q\x11g\xebgw'</t>
  </si>
  <si>
    <t>b"6%,\xc8)~'\xbc\xa46\xca\x98V\xbaf\xba+U\x01\xd9\xe9f\x07\x195ruX\xdc0Z["</t>
  </si>
  <si>
    <t>b'\x13$\x10\xcaw\xddZ\x85\xa8\xae\xb6\x98\x92\xe9&gt;\xe3\xdd\xf96\x92\xd0\x1exT\x0b\x1f&amp;\xc9\n"\'\x17'</t>
  </si>
  <si>
    <t>b'\xb6|\x01\x16H/\x8a\xc8\xfb\xeb\xb2UBT\xc2\xfe\x94J!b\xeb\xf7\xce\xbe\x91"B\xb7\xacs\xc05'</t>
  </si>
  <si>
    <t>b'\x92\xbac\xf5\xf7\xb9S\xf2\xd4\xc6\x80\x1a\xc6\xc0\x910#\x81\x1e\x9f\x8c\xb6:\x80\xd4\x01\xa34D\xa7:p'</t>
  </si>
  <si>
    <t>b'\x04@ \x89\x85&lt;NCCm\x8en\xce\x98\xeb\x02\x06\xd6\xbbT7\xd0&lt;8\xd8\xc8\x18\xf1\xbcs\xa9\x90'</t>
  </si>
  <si>
    <t>b'\\\xb1D\x7fB\xf5]\xb5\x02_\x9d\x8d\x90AWN\xd1\x91\x8f8\x06\xbb\x98&gt;\x19[\x88\xe5/\x9a\xd9\xb6'</t>
  </si>
  <si>
    <t>b'\x01\xbc&gt;M~\x14\x82\xad\x87\x06\xeeY\xab\x17Met\x1b^4\x1a\xc9\x92\xba\xc8\x97\xb5\xf4+\xe8\xf4@'</t>
  </si>
  <si>
    <t>b'\xc5\xe5\xd96\xdf\x95(\x10\xff\x8cw#\x05\x80/5J\x17\xb8m\x06\x19[X\xcb\xf6\xbb0[\xa3\xc2l'</t>
  </si>
  <si>
    <t>b'\x9f\xd8a]\xe6\x8fm\xdf\xcd\xfb\x90\xf6\xc6^&gt;z_\x94\x9d\x7f\x96\xc8P\x8aha-\xb7\x1e\xc6\xb9`'</t>
  </si>
  <si>
    <t>b'\x1b\x99\x98\x85\\F\xbf\x9d\xf8$\x08*K\xe8\x87\x85\xac\xacm\x8c]\x1ew\x99:x\x9a\x10K\xe1"\xb5'</t>
  </si>
  <si>
    <t>b'qB\x9cW\xb6\xc4\xeb8\xed\x1b\xb0\x0c\x94j`\xf0\xeb1\xeb\x03\xdc\x96\x95\x84\x00\xd3E\xa81\xe4\x8e\xac'</t>
  </si>
  <si>
    <t>b'\xd8\xa8b\xeb\x81\x10*\x91&lt;\x9e\x93\xfe\xce\xf3\xf9\xf5\x0e\x94\xe4\xc2\xbaqW9\xc4H\xd3Ea\xdb$\x85'</t>
  </si>
  <si>
    <t>b'\xf8!\x8cX\xc3\x1b\xd5\xe6\xdaW\xd4"\xb28\x89v\x0b\x0eF\xe2\x17\xc9g!s\rm&gt;\x812t\xd2'</t>
  </si>
  <si>
    <t>b'\x80\x8e\xb3\xe3\xdd\xaa\x04\xfag\xdf7\x1c%\x80\xb1\xbd\x95y\xcf\x95\x19S\x80t\xb3\xff\xd9F\x919\xe8c'</t>
  </si>
  <si>
    <t>b'.\xeem\x07\x9f.\xebd.\xabH&amp;\xd5\xfc\xd2\xe3w\x88\x82\xd7\xf5\x1a\x1c\xe6\x9b\x85\x07\xbfhTl\x83'</t>
  </si>
  <si>
    <t>b'SB\x15\xea\xc6WL\x0b!\xc9\x0e&amp;J\x90D\xae\x1ac\x92\xca\x1a\x9eHN\xc0\xf9\xc6y\x07c}#'</t>
  </si>
  <si>
    <t>b'\xa8VK\xc2\x1d*\xd5m\xcc\xf7g\xdfkc\x81 \xa6\xc4\x15 \xf3\xdc\xfd\xc2i\x0f%&lt;\xaf\xbe\xf4l'</t>
  </si>
  <si>
    <t>b'c\xb9B&lt;\xa4\x9bf\x96\xe6&lt;\xfca\xf0\xa3\x02\xb80\xc1BT\x7f\x8f\xe5\x1a\x1b* \xb6\xeaKAF'</t>
  </si>
  <si>
    <t>b'\x0en\x98\xbe\n\xa6\x96\x16\x95&gt;\x96\x04\x1f\xf0\x1f\xe6\xb7\xc4\xd9\x0e\xe8\x8e\x07;3\xb3\x92\xf8\x11\x16\xdd\x8a'</t>
  </si>
  <si>
    <t>b'\r\x83\xfaB}\xdeC\t\xba:\xca\xb0\x13\xe7|\xa1\x87_|\x97%\x11\x81\xcc\xc3\xd4\xeb#7\xa5h\xa4'</t>
  </si>
  <si>
    <t>b"&gt;_5]'\xbf\x1fI\x169\xc8\x90\r\xf8\xac~\xc3[\x1e\xb7\xcc\xee\x19\x9d\xe4\xd9\x9d/\xbb\xba\x0cz"</t>
  </si>
  <si>
    <t>b'\xed,\xe08l^\xe7g\xe5\x97R\x05\xac\xdaf_\xedm-6X#9\x1bv\xf3%u\xc8\xf8j\xde'</t>
  </si>
  <si>
    <t>b"\x97\xd4\x15@\xfcnw\xa6\x97s\xc5\xa4+\xa24\xe1\xe6\x8f\x9c]\xaa'\xc9\x84\x18\x8a\x90\x06\xb0S~\xb5"</t>
  </si>
  <si>
    <t>b' (\xe5\x83\xd3%\xb7\xbc\xa2J\xf4\x9a\xd7l\xf1\x17Y\xaa\xbe)X\x0eP0t\xc1\x80KJn \x8b'</t>
  </si>
  <si>
    <t>b'\x88*\x15\xf0(H\xdd]\x1e\xd2O&gt;\x82l\x00\x83\x9c\x1aK\x13\x01\xddq\x8f\xf6\xbd\x127T+)\x83'</t>
  </si>
  <si>
    <t>b'\x837\xdd\x0e\xc7Q\xe4\xa7!\xe5\x04\xdd\x13R\x1c\x95\xd5m\xa2]ef\x9f\x89@Y\xe9\xb8J\xa4\x12W'</t>
  </si>
  <si>
    <t>b'\xdd\xfe\xac\xad\x8c\x0e\xaf\xde\x16\x04\xe3\xb7\xae\xbbQk\x11\xdet\xa7:F6\xef\xb8\xb1\xef\x0e\x10~\x06z'</t>
  </si>
  <si>
    <t>b";\xd0\x0e\x87X\x18l\xb8'\\\xb5\xfd)\x7f\xce\x1d(l5\xaf\x88l\xa9R\xd0\xe5\x1c&amp;\x17&lt;\xd3\x95"</t>
  </si>
  <si>
    <t>b'C\x97V\x82\x86\x8f-\x05\x10\xab\nK\xbcG\xa8\xcc\x18\xeb;\xdd\xa9%\xaf\x1aR\xeel\xa6\xacX.['</t>
  </si>
  <si>
    <t>b'\x9eR\x95P#\\f\x18z2m|\x9ffJCC\xd9\xfb\xdc\xe9\xc4"\xec\x0f\xb7\xc3/`W\x90\x93'</t>
  </si>
  <si>
    <t>b'\xf2\xa9\x01\xd4\xdd\xf1|\x1f\xab\n\x02\xa1h!k\xa5&amp;\x8b\x92\x96\xa8\x0b\x9b\xd6\xf5\x9f\\\x0c\x988\x11\xc7'</t>
  </si>
  <si>
    <t>b'\xe8?A\xa7\xda&amp;\xbdJ\xda\x84\xee:O\x92\x0bV\xa6\xf6@\t\x98\x9a\x8f\x9c\x15\x05W\xb2\xe4\xbe\xab\x89'</t>
  </si>
  <si>
    <t>b'&lt;M-\xaa\xfaf%\xc2@b\x00\xff\xf7\x825-,\x8a\xe1T\xa7\xff\x1fi}kj\xf9\x1bty\xae'</t>
  </si>
  <si>
    <t>b'\x1b\x98\x05V6s\x9d\xf1&lt;u0\x0fc\xff\xec\xdf\x80\xb5%M\x16?\xccY\xcd}\xa1\xc4sb`\xee'</t>
  </si>
  <si>
    <t>b'\x98\xa2\xd7\xf0\x89\x9f\x16\x0b\xff7 \x03\xbb\xbeM\x04\xc6\x05\x16\x8cb\xdcF\x8c\xc4\x0e}nAWgi'</t>
  </si>
  <si>
    <t>b'\x04\xcc\xad\xae\xb1\x98Gk\xa1I\x1a\xcaNU\xeb\xfbr\x16\x9c\xc4\xec\xc7\x83\xb8\x8dr\xa2\xa0\x9bk\xd0\r'</t>
  </si>
  <si>
    <t>b'(\x1fUV\xc0\x9c\x83\xc9QWkae7h\xaa\xe9\x8b\xa1\xac\xad\xeb:|\x91\xeb\xda\x9d\xa6wW\xc1'</t>
  </si>
  <si>
    <t>b'\x03\x852\xc1\xd5G\xe4\xa5\xb4\xbf&gt;\xfb\x8b\xda\xae\xb0#!\xbb\xf8\x13\x10\x1b\x02#\x89\xde\xbd\xc0pH\\'</t>
  </si>
  <si>
    <t>b'\x9e0d\x95Z\xaf\x9dc&amp;\x17\x99|:\xd4\xf7\xa9\x9e\x9e\x04\xc7\x0e\xf0B\x0c\x82\x19\xeb,\xb0f7/'</t>
  </si>
  <si>
    <t>b'\xdd\x04\xb6*a\x10\xc2\xfeA\x0bl*\xb8\x84\xbc\xb9\x80\x11\r\xfe\xc0\xbb\x8f\xad\xael\x1b\x01\xf8p\x0b\xc5'</t>
  </si>
  <si>
    <t>b'X^\xbcp\x9d\xe78NS\x1b}\xe6q7g\x8e\xf8\xcb\x9f\xc74\xb9@\x86\x84\xeaM\x13K\xc3\x08\xe3'</t>
  </si>
  <si>
    <t>b'\xf4\xed\xc5\xd7\x1e\x8a\xfa\xfdpq\x1a\xe3\x00O|\xeb\xb7\x06\xf4\x18\xb1\xfbz?V\xf4L\xf5\xbeh2\x9c'</t>
  </si>
  <si>
    <t>b'\x9a7wF\x80c\xf6E\x81_\x03Q\xd3\xf8\xf0N\xab\x19\x1f\xdc\x19\xe5\xb6\x89\xd8x\xfb\x97\x90[\xce,'</t>
  </si>
  <si>
    <t>b's\x983\x86\xec\xc4\xca\xbd.W\x8f\xe0\xc7\xc6\x8a\x9fJ\xc0\x7fwy\xe4\xc6\xf8\x18=\x9d%\r"\x12\x93'</t>
  </si>
  <si>
    <t>b"\xcb\xc2\xe9\xdb\xe2\xd1`'\x1f3\xd0\xcc\xf5\xcb\xf6\xa6N\x94\x95\xa8\xe2\x7f\x9b\xac\xa6\x01l\x9f6\x90&gt;\xcf"</t>
  </si>
  <si>
    <t>b'\xd1\xe5;\x92\x15a\xf1\x82\xae\xae\x03\xa0\xf1\xa0o\xf4\xe3\x94\x9a\xecd\xa7\xa9\x9c^S\xca\x14|&amp;u\x0b'</t>
  </si>
  <si>
    <t>b'\x9d\x8f\xa19\xef\xb0!\x1b\x99\xac\xdb6\x01/\xf3\x0c\xa2N\x882a\x8e\x87\xed\xfd\x88\x1f\xc6\xd6\x9a\xcb\x87'</t>
  </si>
  <si>
    <t>b"\xd4\xf0\xa2\xe4\x9aFZB\xd7\x1e\xa6'x\xca(\x91eX\xe0~\xb0K\xde\x16?\x19^\\W\x83y\xa0"</t>
  </si>
  <si>
    <t>b'\xab\x91f\xc2\xfc\x8b\xb7;\x16\xea hr\x0f\xbb2\x18\xb60\xed=\xbaP\x94\r\xa7(\x18\xd7\xdc\xd69'</t>
  </si>
  <si>
    <t>b'\xae\x0f\x81\xc5\x85T\xa8\x1a\xdd\x1b\x86G\xff\x89\xef\x05\x1fR\x823[\xbbAi \xe8\xe8\x01\xd6E\x1f\xf5'</t>
  </si>
  <si>
    <t>b'\x15\x1eF\xa6\xe80\xd5;\x96\xb9\x102G\x9fU\x7f\xc9\x91\x8e\xce\x1b\x81b\x17w\xb8\xd2`[\xbd\xb3\x1b'</t>
  </si>
  <si>
    <t>b'\xc0\x04U&amp;\x0b\xdf\xf1\xffbp\x97\x81\xb2\x12*\xd8U\xdc\x99\xb6\xa0#BcC5\x88\x96\xbc6\xbf\x17'</t>
  </si>
  <si>
    <t>b'\xa6\xec\xa8\x88\xf1\xa3\xb1\xc7\xfbR;LD9\t~^\xd9+vka\xa8\xa7Q\xfe\x115;\xd5\x18\xf2'</t>
  </si>
  <si>
    <t>b'%\xea\xf0\xab\xb8\x83\xf6\xb4\xff\r\nJ\xd2p&lt;)\xe0[\xea\x00\x853\x9b\x0b\x8d\x9d\xecr_\xcc!\xa9'</t>
  </si>
  <si>
    <t>b'a\xb3]\xaa^\xc4\xa0\xfaH\x9a\x96\xfe"=\x18U,\xf1Ah\xce\x19\x0b\x16\xb1\x1b\x8bGu\xe4R\x7f'</t>
  </si>
  <si>
    <t>b'2\xd1\x8f\x83\x1e|\xcf5D\x80\x9a|p\x94j\\\xe0r\t\xed/\x0e\xdd\xbbH\xb0\x9d\xf4\xde\x07u\xb8'</t>
  </si>
  <si>
    <t>b'\x9bn7=\x9b\xfa\xf4\x8c=$V\xd4\xdd\x93\xbb\x00@\x8a\x93V\x81K29\xb0\x1dL\xf3\x1f[\xa0c'</t>
  </si>
  <si>
    <t>b'\xda\xdb\xba{\xeb\xa6\xae\x91\x00\xe1;\xde\xa5\xb1\xda\xbb\\gF\x13yM9-\xda\xdf\x18\x0fY\x11\xd7\xcf'</t>
  </si>
  <si>
    <t>b'\xddSS\xf7PjaQY\xaf\xab\x0c\xb2\xfb\xb1\xf2\x93C{\xa0\x10\xf4\xa6R\x96p\x1a&gt;J\xb0e]'</t>
  </si>
  <si>
    <t>b'\xa1/"c*NL\xea\xc7\x13u\xb2Oqc\xb30l\xc2D2\xde\xc6\xd6\xc7\x8d\xed\xa2\x97\xeb\xf0\xb0'</t>
  </si>
  <si>
    <t>b'\xb8\xa6\xd9\xa3\xa1.\xe8\xd99\x86\xffX\xe4g\xa9\xcc\x18\x88\x02*\x1b\x06\x1a*t\xe9`IW\xdfW;'</t>
  </si>
  <si>
    <t>b'X#\x9cV\xf1\x9f\xee\x93\x86\x06"\xa0\x9b\x0b\xf8\x0f\xa0\xe6]/\x88\xb8\xf1;\x00\x8bC\xa5\xfb\x0e\x18L'</t>
  </si>
  <si>
    <t>b'=\xb7*(\x18A:\x1fA&gt;g\x08\x1e\xca6\xc4\xf3\xd6,\xb9(\xa5\xa9_\xa9\xc3\xdb\xd5~\x19\xe5t'</t>
  </si>
  <si>
    <t>b'\\&gt;\x05|\x07[\x98\xaaq\x82\xf97Jf\xa9v\xebG\xbd\x01\xed\x0b\xbf\xfaU\xbe\xabz\xb5\x9f\x12J'</t>
  </si>
  <si>
    <t>b"\x87.G*\xb3\xaa\xb6\xb9\x0f\xb2'\\\x96\xf4\xc3\xe0\x9e\x00\xc1\x81\x1d\xb6&lt;\xce\x98G\xdd\xac\xdf\xedn\xac"</t>
  </si>
  <si>
    <t>b'\xc2\xd0\xd1\x1f\x7f\x11\xe7iM+\xce\x9a\x90-# &gt;.4\xd3\x9b\xd0\xdca\xbd\x9bl\xd4\n\xf3\xe3c'</t>
  </si>
  <si>
    <t>b'D\xaf\x916Xk\x02b\xf4\xc0\xb7\xee\xecI\xe4"\xa9\xab\xeaI\xf4\xf2R#\xb8\xdc\x1b\xf7|=\xaa\x0f'</t>
  </si>
  <si>
    <t>b'\x8a\x19d\xf8,\x1a\x9e\x04\x9e\xe8\x01\xff\x96i$\xe3i\xb9\xbb\x13s\xe1\xb7MK\xec}\xde\xab\xf3\xce\r'</t>
  </si>
  <si>
    <t>b'\xb7\xc4t\xb8\x0b*w\xff\xa9\x17\xa9[\xa5\xee\\\x0cS\x90\xdb,\xde\xe0\x94Q\x86\\5\x836Y\x81e'</t>
  </si>
  <si>
    <t>b'\xa0%C\x91\xf6vS\x91&lt;n{V~\x85\xab\xfd\x9d\xcc\xe0\xf6\x06\xa5,L\xee\xe7\xfcY\xc3\xdb\xfd\xf2'</t>
  </si>
  <si>
    <t>b'\xbd\tvi\r\x99v\xa6n\x9a#\x9fI\xa2\x92\xa1X\xc2\xc6\xa4\xe1Q\xc2\xd0V*\x17\xf5\xb3\xe6oa'</t>
  </si>
  <si>
    <t>b'\xc1&amp;\xaa\xa4\xc3\xa4\x93B\xdc\xcd\xf2I\x93|\xcb\xb7 Z\x12\x14X\xc7\x01b\x9b\xb4`\xf0x\xf8x\xb4'</t>
  </si>
  <si>
    <t>b'MW\x83\xfc&amp;\x97\x88r_Tt\xcb\xee^\x85\xce\x95\x14\x86!\x1e\xb5cU\xa7\xd9&gt;9\x8a\xe1\xdc\x0b'</t>
  </si>
  <si>
    <t>b'B\x13\xbdU\x93\x9f\xde&amp;4\x13+yO\xd7\x0c}\xb6\xe2\xe1&lt;\xe2IJ\x06\x81\xd5\xab\xc0\xc5.\xacH'</t>
  </si>
  <si>
    <t>b'\x97\xba\xd3&lt;\x92\xc5-\xf6L\x18\x1cd&gt;\x99A\x98N\xd5T\xf0\x02\x15\x89\xfd\xb6p\x8bY.\x8b\xdf\xbb'</t>
  </si>
  <si>
    <t>b'(\x8a\xd8A\xd6\xd4\x10G\xb2\xbe-a&gt;\xf5\x01K\xb2P\xeb\xe3\xe9\x88Z:\xfe\xdf\xab8\xb7\x85Y]'</t>
  </si>
  <si>
    <t>b'VGo\xfc\x14"tL\x99\xbd\xa3\xbe\x8e\x11A2\xcan\x81\xf01\xd3\xe5\x80\x87\x9byM/\xb4\xe7X'</t>
  </si>
  <si>
    <t>b'\xd1\x8b\xb9\xa7\xfc)\x07{\xb4;\xbd\xf4\xf9\xe0%\x9e\xc1\xc1\x96\n\xbb/\xccPp\xe3\xcd\xfb\x1f\x00\xfe\xf5'</t>
  </si>
  <si>
    <t>b'^\xba\xdd\\\x0787\xb6\xfc\x85%\x93\x11\t\x0c\x1f\x00g\x11\xd7GD\x14\xea\xd3\xec\x83\x08\xdc\x94\xcb3'</t>
  </si>
  <si>
    <t>b"\x8d&lt;\xe2Q\t\x11\xd5\x9c\xa2\x04)\x01\xeb\xd8|\x19\xfc\xb9q\xff\x9a@O\xfb\x17\xe1\xac\xe8\x1e/9'"</t>
  </si>
  <si>
    <t>b'IC\xa1?\x8f{\xaa\xa9\xa6\xe1\xab\x84\xa4\xeaS\x8f\xce\xcc\x01\x85\x95\x90\\\xbf\xfc]\x86\xf7\xe1V(\x94'</t>
  </si>
  <si>
    <t>b'\x88\x12ho\xe7 \xa6b\xe2\xean\t\x81\xd6\x96\xcf\xc1\xa8M\xd7\x91Hhy^\xcd\x06\x9fp\xda\x07\x15'</t>
  </si>
  <si>
    <t>b'\xe0\xfe\xe2\x8fU2\xa6\x0f\xac^\xbbF{z\xbc\x9fL3\xcb\xcf\xb9z\xad\nop\x84\xd1\xc3I\xbb)'</t>
  </si>
  <si>
    <t>b'\x02Zr\xcb\xfc\x03\x0c3W\x06&lt;\x05\x99.&lt;](5\x9a\x89\x9f\x1d\xd1i"\xa3\xa8\xc1\x0cA\xfb\xaa'</t>
  </si>
  <si>
    <t>b'\x93\xe7\xd0\x01R\xf6S\xc5\xdet+\xadI\xa4\xaa/\x04\xdf|DU:\xf4\x7fv\xf5|\x01\x9f9\xe8\xb9'</t>
  </si>
  <si>
    <t>b',\x87\x10,~pW\xd1g\xfb\xe8\xb0\xbc,\xfe\xf5T\xfbo\xcc-\xf1\xd0l\xd7\xab\x949at\xe5\xfe'</t>
  </si>
  <si>
    <t>b'\x87-w \x1ey\x88\xf1\xc3\x94\x91h\xdd\x15\xec\x05\xba\xb3&gt;\x00\x97\xc9\xd8\xd7\xb1\xcfc\xe1\xaf\xe2,m'</t>
  </si>
  <si>
    <t>b'\x9cWiW\xc9\xfb\xab.\x1f\xbfe\x16\xd3\xc3\x95p\xbd\x82\xe5\xb9,F\x02R\xdf\xa0\x13\x0f\xed\xf8\x13\x19'</t>
  </si>
  <si>
    <t>b'\xbbh\x1fk\x90\x14s\x9b\xde \x1c\xa93h\xe0f\x82\xb2\xcc\xaej\xeaV\xb3\x19O\xa5\xa1\xb0\xc5`\xf3'</t>
  </si>
  <si>
    <t>b'\niZT\x15\xfe\x84,\xeb\xe5\xab\xbe`\x0f:^\xa0\xc1H\xb5"\x11\x84\x17\xb7v\xa8\xdc\xae:b\x92'</t>
  </si>
  <si>
    <t>b"\x87?O\xb4\xc9=\x9d\xecnF\xf43'\xb7\xcb3\xdeI\xbe5\xaf\xc34j\x17\xb8/.N\xa1\x157"</t>
  </si>
  <si>
    <t>b'\x06_\x91\x1b\x8c\x98vs\x8b0\x06S\xd7@\xa3{\xd9WT\x0fq;\xc3\xf9"\x94\xcd\x8a\xd18j;'</t>
  </si>
  <si>
    <t>b'\xec\xd1\xae3D\x80G\x95\x95\x8e\xe7\x8eY\xac\xe7\x9a\x834t\x08(ura\x04\xb8\xc1[\x03\x8b\n\x9e'</t>
  </si>
  <si>
    <t>b'\x1cEvFZf\xea\\\xfd=[\xb6\t\xf5act\xcaj\xc3-\xd0\xc3]x\xb45c\xc9\xa2\xf5U'</t>
  </si>
  <si>
    <t>b'\xc1\x19\xf55+3/TT\x9chj\xcb\x0e2\x02\x97\xa97\xdbuyi\xdd\xf1\x86M\xf7\t\xe3\x86]'</t>
  </si>
  <si>
    <t>b'\x02\xa3\x93X\xc1\xfe\x91-X\x84O3\xc39\x939\x06\xe7\xb0\x8e@A\xa4\x84\xca\x9d\x05\xbd&gt;.5\xb5'</t>
  </si>
  <si>
    <t>b'/\x1e\x87\x99\xcf\xd7\x8dP\xa0Dg\x02\x18"\xafX~\xc8\x93\x13\xbf\xf4\x04&gt;\xc2z\xb1gx\xe2\xb7\xe3'</t>
  </si>
  <si>
    <t>b'\x83\x8e{\x99h{\x1d\xeb\x0b1}\x1e\t=\x9a6\xa0o\x02DA\x13\x1c\xa7+\xa59\xef\x8d\xcd03'</t>
  </si>
  <si>
    <t>b'\x14\xc0\xee3?\xd1\xc8\x93\x10\xef\xe3`2\xe5W\xadx3e\xbf8\xed\x1f\xf2\xcdm7\xeb\xe4\xaf9\xdc'</t>
  </si>
  <si>
    <t>b'\xf9\x8dW\xfem\xf3\xcfHy8\x91\xefvc\xadCK\xdb\xf6\xb0qp\xa0\x8c\xe9\xd7\xad/\x9a5\xbe\x88'</t>
  </si>
  <si>
    <t>b'\xfc\x1dw\xed\xc4^I@W\xd4\x0ev\xf1R\xc2G\x07[;\xb65\x80ie\xf2Nyl\xa3\xa20\xb8'</t>
  </si>
  <si>
    <t>b'z#.\xc1\xf3\xf0Q\x07\x13\x8f~@ZI\x98\xd6l3\x0eSW\xd7f\x07l\x05\xc0\xff\x1aeNU'</t>
  </si>
  <si>
    <t>b'\xaaH\xef\x00\xd0\xc3\xd7\xe4q\xc9\xd9;\x82Z\x03\x15\xa4\xc8\xa7\xb7\xbe\xae\xcc\xf9\x95\x00jw.\x0b_h'</t>
  </si>
  <si>
    <t>b'\xa4\xc1b\x87\x03\x1c\xdbL&lt;zHlW\x0c?\x7f\xe2\xdd@4\x0c\xa4\x8ei\xd7\xb9\x12\x81\xb5\xb6\x8f\x8d'</t>
  </si>
  <si>
    <t>b'\xab\xbcad\xc1fV\xb7\x8dh\t\xf68O\x83z\x9bM\x10\xa6\x89&gt;\x83\xf3]vJ.\n\x8d\xddG'</t>
  </si>
  <si>
    <t>b'\x0c\xfc\x9d\xee\xbf\x00A\x8c\x86#\x07\x80\xbf\xc2\x98\x96f\xc8p\xc4sj\xaa\xce\x9e\xd5\xdd\xd3\x90\xb6\xba\xc5'</t>
  </si>
  <si>
    <t>b'%l\x1efne\xc7\xa0(\xce\xb26\xc7\xd5\xd7\x06\x95)a\x89\xc9@\xfc\xc3\x82\xab\xa0\xadh!\xddo'</t>
  </si>
  <si>
    <t>b'=\x998\xc5\x0f\x94\xfc\xe9\x16\xfd\x7f\xc6\xb7\x05\xaaHC~\x08\x1a\xee\xa8\x04\xde\xc8/\x93\xce#\x86\xcf\xd6'</t>
  </si>
  <si>
    <t>b'\xbf\xf6\xf4m6\x00\xd0\x7f\xfdp\x14F\xad.\xe7~Q\x10U\x9f{F\xdfh\xb5@\xe3\xdc\tK\xe5\xb4'</t>
  </si>
  <si>
    <t>b'd&amp;\x80\x90:x%\x81h\x1f\xf4\xcbe\x96\x82o\xab\xaa\x11n\x94T\x00\x8c\x1b}\x05KfY\x88\xf6'</t>
  </si>
  <si>
    <t>b'sry!b\x87\x99d\xe3\xe4\x1f\xf2[T\xaaJD\xc1,e\xf4\xdbE\x19g\x98\xee\x0e\xbc\x9d\x94\xc4'</t>
  </si>
  <si>
    <t>b'?\xc13\x0fD\xeb\xa1FA\n\xcb\xdd.{\x06\\K\x8b}\xb7\xa2\xa1Zx\xee\x946\xed\x06\xf07:'</t>
  </si>
  <si>
    <t>b'\xc8q\xfd\xa1\xc4\xad\xae\x84Y\xcda:\xa2|\x8byY\xfd\xf6\xd0\xc2I}\xbb\xf1\xf1;\x86\xe2em\x0b'</t>
  </si>
  <si>
    <t>b'l1,\xde\x02\x92\xa93\x1a]\xd1\x9f3\x8e,\x80\xaa]Ve\x07b\xef\xfa6\x81\xe1Z\x9dt\x10\xc8'</t>
  </si>
  <si>
    <t>b'D\xe7\xf3\xe0\x1a\x1d\xd9B\xb9\x1c\xfam\xc6+-;\xa6\xe2,\x0c?\xfbx\x89Mt\xf4\x03\xc6Q\x961'</t>
  </si>
  <si>
    <t>b'/\xb9\x1f\xa2$\x92S\x9b"\xf2\x81\xa9\x05\t0\xa6\x8d\xfa\xb6\xa4\xca\xd4\xc2)Q+)\x148\xe7\x0f\xf9'</t>
  </si>
  <si>
    <t>b':\xde%\x88\xe9\x0e\xcd\xd7/\\3\xd8A\xe1\x10s\x95\xdfC\x80\xe0\xf5X\xd8B\x904\xb8\xcd]a\xd9'</t>
  </si>
  <si>
    <t>b'\xdc\xd3\x8c\xe6\xffvn\xb5\xf2\xdfw\xec\xf2W`\xd3o\x12\x8c\xa0p\x9c\xa4y,\t\xb9\x06\x15F\xe9v'</t>
  </si>
  <si>
    <t>b'\x1b\xde\xe1\xc2#G\xf9U\x1e\x07\x03\xce\x1d\x10\x15\x98\x13\xc9\x9a\xc9\xe5g`\x9d\x8f\xc2[\x93&lt;\xaa\x85\x82'</t>
  </si>
  <si>
    <t>b'\x11\xad\x8c\xc3uf\xf0\x13\x9a7\x11\x08\xadh]\x92\xc6\x07p\x06\xe81\xa3\xceV\x01\xb0\xa0\x0b\xea:s'</t>
  </si>
  <si>
    <t>b'\x9a\xf0\x07l*\x84\x80\xdcx3\x9d\xd0\xd7\x8d\x04\x82\x80\xc5\xb2\x9c[\xfb\xcf\xb1?\xe1uE\xe0\xc7\x96\x93'</t>
  </si>
  <si>
    <t>b"\xf1A\x8d\xd4&amp;\xcc\xd5!\xb8\xba\x00U'\xc6\xf8\xfc~\xa92\x80\xafR\x94\xd8\x981Oe\xcc\xed\xd7x"</t>
  </si>
  <si>
    <t>b'\x1a\xa8M\x98\xedD\xccO\x9e\xf9\xb1J\xdc\xe3\x85\x84\x8e\x14\xe0\xe5\x1e\xf8\x13mi\xde\xa6\xc6\xe0\xc4\xf3m'</t>
  </si>
  <si>
    <t>b"\xcald\xa6\x93\xda\xdc\xad\xa1\xbb\xb6Y1KV5\xd9W\xfa{/\xb9*{\xe7\x82\t'C5\x05q"</t>
  </si>
  <si>
    <t>b'\x08\xeeHY\xb3\xd1IL^\x08\xf8?~\xcc.xd\xf6~X\xd2~I\x08C\xad9\xc3-\xd4\x01\xcb'</t>
  </si>
  <si>
    <t>b',\x1e[\xaf\tC\x08\x9c0\x97\xe3\xfd\xb8\x9b\xaf\xe4\xacn\xad\x8f\x0e\xec\x11Zv\xadq\x9d\x13\xb44w'</t>
  </si>
  <si>
    <t>b'\xe6d?\xb7\xf1\x7f _\xf3f\x08\xe8\xff%]NN\x03\xba\x8f\x8bk\x925Z;\x08\xa8\xccD\xd03'</t>
  </si>
  <si>
    <t>b'\n\xaf\xd2\x109|\xcb\x07\xe6\xf1\tV[{8\x06\xb7A\xf4:\xd6ai"\xa1\x1dk\x0c\xceX\x91\xd2'</t>
  </si>
  <si>
    <t>b'N\xd9p\x8f\x08\xefv\xe2\x8c)C\x01\xae\xab\x04&lt;N\x005Ga\xb3\xcec\x14\xfd\xf2\xd5\xbb \xdc\xf9'</t>
  </si>
  <si>
    <t>b'\xf7\xdc\x0e\x82X&gt;f\x01\xdfv\xb0\xcb\x11\xad\xc4&amp;\x07\xab\xf5\xdb\xea\x93\xf6\x86\x89\x1d!P\xc2\xf5,\xf3'</t>
  </si>
  <si>
    <t>b'\xb6\x10\xb4\xb9\xacK\t8\xc0\x079\xc4\xbdUf(\xfc;\x17g&gt;y\x87\xbb\xde\xa9\x13$\xba\xf9\xa3\xff'</t>
  </si>
  <si>
    <t>b"\xf7\xde\xc8'\xd3\x82\xe4\x0cl\t\x96\x08\x02\x16Z\x90\xb1w:a\x8a\x13\x08v\xa2I\x8dZ\x83\x82\xef\x12"</t>
  </si>
  <si>
    <t>b'\xd0\xc4x\x99\x06R\xad(\xff\x05IX\t^&amp;\x9cl6\x0b\xe3\x01O\x16\x86\xd3\xce\x9b\x04\xe6&amp;\x18\xaa'</t>
  </si>
  <si>
    <t>b'\xd8\x8d\xdf\xeb,\x04\xfcO\xbe\xa5\xe9.k\xf9\xe6\xf2\xf6=U\xe4x\xa5\xec\x972^\xc0fMs\xcb/'</t>
  </si>
  <si>
    <t>b'E] \x06.i#N\xf4\x98Ie9a\x13G\xcb(\xe7\xbc\n\xda\x85\xad\x90\x9d\xcf\xbd\x03\xcb\xf6\x9f'</t>
  </si>
  <si>
    <t>b"t?Zfo\xf8\xf9p\xb0\xd6\x10\xb1\x17\x1aK\x04E'd\xcb\x19\x93\x85AQ2\xbb\x88\xee\x97G\xca"</t>
  </si>
  <si>
    <t>b"_\x9aVN\xd9\x00\xed]\x89\xab\x16\xa4\xb7F\xb7%IfS\xa1\x9d\x909\xa9\xe1uirl`'\xd1"</t>
  </si>
  <si>
    <t>b'\xa9\x18o@\xb3Y*\x99q\x8f\xbe\x1a\xf1\xa7*\xf7\xf5\xf9$\x15\x8f\xbe\xda\x8e%\xe4\xe8\x0fBqR\x89'</t>
  </si>
  <si>
    <t>b'K\x9d\x08@\xa0u\xa7I\xb8\xbc\x9e\x99\xc9\xd7\x95)\x91\x07\xae\xaa\xd8\xce&lt;\x05|\xff\xd6T\x17\xfe&gt;o'</t>
  </si>
  <si>
    <t>b'\xccq1\xcdOOQZf%!\x00\x19\x83^\x1a5K\xc6\xe9\xb4\xc8\xb5\xd8\xd0\x9d\xdb\xf8l\xaf\xe2o'</t>
  </si>
  <si>
    <t>b'z\xad\x93\xb3\x81\xe3?h\xa6i\x05\xb1\x85\xbew\x1c\x1dI5\xad\xb8H\x9b\xd6\xd60\x9a2kB\xa1\x0c'</t>
  </si>
  <si>
    <t>b'\x9dp\xd3\x0bN|\x8d^\xa5w\x8f\x944\xe4?==\xf7\xa8\xd9*\x85&lt;\x93s\xe3]\xd6\xaf\x99\xd3\x1b'</t>
  </si>
  <si>
    <t>b'\xeb_\xc2\xc8\x0bw\x99\xaa$&amp;\xceyV\xaf\xfb\xeba\xfe\x19\xa2s\x8f\xbe\xa4\x03\xd5\xdf[\xca\xd2\x85\xf3'</t>
  </si>
  <si>
    <t>b"\x15&amp;\xf7\x8e\xe0\x97'c1\x89\xfcS\x8db!S\xf3-*sE\x0e\xd5\xbb\x96\xb6\xcaZh\x8d\x03\xca"</t>
  </si>
  <si>
    <t>b'\xb1\x99\x05\xe68\x80\x9a\xae5hn\x8a\x98\xb4\x9cU\xac\xcd\x1e\xd5D\x18\xb2\x0b\xf2\xb4\xb8\x89\xbcL\xbds'</t>
  </si>
  <si>
    <t>b';\x18\x88\xc87&lt;\x8a\xfe8P\xff\xe0]\r\xdal\xa8\xd7T\x89\x1e\x0f\xa3\xf3\xb5\xd8(\xdf\x87\x9d\x05\xb9'</t>
  </si>
  <si>
    <t>b"&lt;%'\x082\xc56iQX\x12\xb6J\xc97\x81\x1a\xfa\x94\x02(c\x9e\\N.R\x01m%\xd4\x88"</t>
  </si>
  <si>
    <t>b"\x93\x8f+w\xfd\x84A\xa1\xbd43v-:\xa7\xabUF\x82mT\x91\x00\\\xae\xdd'\x8c\xaf\xf7^\xef"</t>
  </si>
  <si>
    <t>b'\xb7\xf4A\xda\xc8\xb9\xd2`\xa3Z\x15|\xcd\x14\xa4\x82A\x86d\xado\xc8\x91\r\x93\xab\xa2\xe8\x1d&lt;Fl'</t>
  </si>
  <si>
    <t>b'\xea`B\x81Z\xaa\x05\x0e\x91\xd1\x17\xbf\x07\xab\x1db1\xdfi \xb9r#@\x85\x08?oo_\xaa\x1a'</t>
  </si>
  <si>
    <t>b'\x00\x04\t\xc0&gt;\xf9%9aQ\xaa\x9c\x8c8t{\xf7\x84\xef\xa6B\x1aH\x95\x8e!\xd3\xca\x89\xf1\xb5\x8f'</t>
  </si>
  <si>
    <t>b'\xd3y\xe1u\xe4\xef\x7f]1\x93O\x1bf\x84O\xdbjT]\xe5f\xb0\xc2`\xf6\x9b\x1a}8\xa8\x12\xbd'</t>
  </si>
  <si>
    <t>b'\x03X\xb2\x7fT\x81\xb93P\x02\xdfA\xb4\x94\x06\xd9\xf8\n$\x97\x87\x108b\x97^,\xcb.\x16\xceC'</t>
  </si>
  <si>
    <t>b'x\xdad\xeb\xbe\xe3hH\x11\xa5\x8b\xaf\xf7\xd8L\xa0\xea\xee\xd9w\xc9s\xb6\xe8F\x82#CA"\x07\x15'</t>
  </si>
  <si>
    <t>b'\xe2\xad\tI\xbd\xae\xa9\xbe\xb8\x9as\xc2t\x84\xb5\xf48X\x94\xec; \xac(\x85\xce|Z;\xf7;\x84'</t>
  </si>
  <si>
    <t>b'\xf8 \xfc\xf3\x97\x9b\xe7\xd8\x8b\xdf\x93\xa3/\x9a\x070\xe2\xbc\xb5\xe3`\xf2v\x15\xb5\xfd\xbe\xb3,\x00\x84\x06'</t>
  </si>
  <si>
    <t>b']\xd9V\x8612\xd5AF\xf6\x9d\xc0\x0f\xfbK\xf5\xbf\x84f\x8e\xf1\xa5\xe9l\xc0\xb9-L}L"\xab'</t>
  </si>
  <si>
    <t>b'\xa3\xb6\x8e\x9eE\x97-\x86\xed\xe1\xe0\xdf\xf3\xc7\xb0\x9c\xc2\xa2\xdc\xe1\x82.p\xfe\x06?\xd8rj\x136\xe4'</t>
  </si>
  <si>
    <t>b'q\xe7+\x89\xb6\x11\xacU\xb3R\x84BT\xf1\x9c\xbb&lt;\xd0\x81\xc8\xd1\xf6\xae\xba\xeb\x11\x01y\xb0\x9a!\xde'</t>
  </si>
  <si>
    <t>b'\x82\x89\x82\xd1\xf1\x8dC\xf1\x15\x17\xe6\xb4\xe2\x8b\xd2\xdf\x0f\xc7!Q\x19\xa1\x95\x15\xbfC}\xe0\x14pmh'</t>
  </si>
  <si>
    <t>b'%U(\xf9\xef\xd0\xcd\x9e\r\xaf\x92Z\x18\x96\xd6(\x8b\xccc\xf6&lt;\xf9^)j\xc7q#\xf1\xcc\x8e\xd7'</t>
  </si>
  <si>
    <t>b'[[\xdf\x83^\xf0\xda\x86\xd0O\xb5o\xa2\x04\x12\xb8\x07%b\xea@\x01\xa3\xff\xee\xa6\x19T\xf4\x85j\xf7'</t>
  </si>
  <si>
    <t>b'\xacHQ\xe1\x06\xc9\xabW\x8fox\xb3\x01U\xa9OU(\x89t\xa6\xfdBP\xcd^\xb6 \xceM\xabT'</t>
  </si>
  <si>
    <t>b'R\xb4Uw\xfe\x12QN\xaag\x06\xc0\xa5\x05\xbb\xaf\x81\xc0cD\xe1T\xe3\xdeP\xfe`\x87\x81\xbe\x0c\xc3'</t>
  </si>
  <si>
    <t>b'\xdb\xd3\x86\x0b{U\xc3I\xc6\xf5\xc6\xd7\x96\xd7\xba\xb4\xbf\xe0\xd1\xa3\\KQ(+:)\xa7|\xaa\xc4p'</t>
  </si>
  <si>
    <t>b'\n\x9e\xf9Y\xe8\x921H\x1d\xa6\xc7\x83,\x17\xe2\xe2^\x00\xcc\xe2\xee\x96\xfd7B\xb4\xa5=\x8bv\xd1\xd2'</t>
  </si>
  <si>
    <t>b'x\xe4\xb0F\xed\x85\xa6\xa9\xafla\xdeD/\x05w\xd8\xd2\xdf&gt;_&gt;\xe3\x97\x83\x81\xba\x07\xb0\x85\xcd\xe8'</t>
  </si>
  <si>
    <t>b'\x0eZ\xd3\xe7\xe3k\x10\xae\xa6\x07\xda\x93\xfe\x0f\x08\x0b;\xb0\x95[*{0\xc7\xffL\x17\xc9s\xa8vn'</t>
  </si>
  <si>
    <t>b'\xb7@E\x1f ^:\x08\xa8\xf6\xd0\x0f\x98\xe2Y\x1b\xf4\xef\xb3\xe5\x06iK\xd2\xce\x95\xb70\xd8\xd0eu'</t>
  </si>
  <si>
    <t>b'*\xf0\x04KN\xbc\xf9\xa9\x84\xd9`\x1f\x85\xa0\xca\x07\xd3"!\x9e\xc8\xc8e\xb6u\x99|k\x19\xcd\x8e\xd7'</t>
  </si>
  <si>
    <t>b'\xee\xd7\x06I|X\x92o\xcd$\xfe\x8b\xe5\xbf\xe9\xa5\x85\x17k~\xc6\x99`\x8bZ\xb2\xcb\xcf\x91*\xf8\x9f'</t>
  </si>
  <si>
    <t>b'e1\xef\xa4\x96\xfa|`\xb6\xdd1\xb1\xed\xc5_(\x92R\x16Cp\xef\xae\x8f0Y\xe4\x02L\xfd4\xdb'</t>
  </si>
  <si>
    <t>b'\x9c0\xa43\x8f\xa7,\xc20\x88S\xa1\xe0\x04\xae\x82B\xa8hW\xe41Z\x9d*\xa2\x8d\xf5\xf8\xde\x8d\x95'</t>
  </si>
  <si>
    <t>b'\x8ai ;\x87/\xd1\xe0\x00#(\x13Fp\xddo\xd5\xfa6N\xd7\xef\xaf\x11\x98q1N\x97M!:'</t>
  </si>
  <si>
    <t>b'\x9c\xd80\x13K\xb8\xff\xfd\x9d?b&lt;-\n+\xd6\xc1m\x02?\x15\xe3n\xfd4\xf5\xd4\xf6z\xb5\xcd\x0c'</t>
  </si>
  <si>
    <t>b"\xa0;\xe3?\xd9\xd7\xd6\x95Z\xc4P\x183\xf4\xe6\xe4c\xa7\xc2\xd3-\x13['\xe5\xb7W&lt;\xb8\xe4\xd9\x96"</t>
  </si>
  <si>
    <t>b" v\x8d\x85\xb1\x9dE\xc1J\x168\xeb\xfc\xf8'R\x8fP\x9b5\xcc\x9a\x9a\xe6\xbe@\xe6OZ\xa5S^"</t>
  </si>
  <si>
    <t>b'3\xfb\x04nO\x0f\x9a\xc4\x81r\xf2\x8d\xfe_[\x05w\xcd\\\x84\xe3\xfd\x93\xdf*\xbe\x1b]\x17\xedC\x14'</t>
  </si>
  <si>
    <t>b'i\xb5\xba\xb4X\xc1D\x08\x98\xa4\x0f\xb5r]\xc5u\x07\xb1\x95\x92\x1fk\x9ay\x15\x0f\xe1\x89\x13\x9c\xda\xa5'</t>
  </si>
  <si>
    <t>b'P6\x9dE\xf9G(\x03.\xc8\xd4\x13\xbe\xb0D=\xa4\x1e\xfc\xe5I\x0c@\xe3:vX\xbc\\\x9eI\x8c'</t>
  </si>
  <si>
    <t>b'd\x1e\xabX@)&gt;\xbf.\x18\xd7\x15\xb2\xcd\xfa_8\xb5\xb2q\xad\x9037\xf3#"\xabE/y\x89'</t>
  </si>
  <si>
    <t>b'\xf3\xd7=\\\xb9\xcfjJo?H\xd2*YNN$\xe6\x16\xa3\x99!5l\x9a~`I"\xfb\x9a\x83'</t>
  </si>
  <si>
    <t>b'H\xd5\xd6X3eTTj\x14\x02o\xdf\x9e\xa0\x9e\xfaB+e\xceb\x9e/\xa0\xce\x97\xf4_\xb5\xcaI'</t>
  </si>
  <si>
    <t>b"\x0e\x9bO\x83\xce\xa1\x95\xfeui.\xbe$`\x0c\n\x8e'5Q\x9b\x15\xb8\x11\xc4\xc2\x08\x14f\x8b+\xab"</t>
  </si>
  <si>
    <t>b'N\xd5\xd4\xa7Ql\x9ai\xd0\xa5\xb4j\x19$\xe2W\xb0\xc3Y\xa7\xa1A\x17E\x0c$\x03\xe9W\xc1\xe7\xcc'</t>
  </si>
  <si>
    <t>b'\xd2\xba\xbb\xa0\xab\xad\xb9\xaa\xd9\x89\x19\xc21\xc6\x05O^H\xe4\x02\x81Q\xc2i\xcf*N\x9d\rgc-'</t>
  </si>
  <si>
    <t>b'a;\x8d5\xa8\xc3%\xb7\xa0\t\x081DS\xa8P\x80\xe4\xf1\x8bn\x9fS\x08K\xef\xe8\xbf\xbb\xffz\xce'</t>
  </si>
  <si>
    <t>b'\xc5\x15\x80\x08o\xe9\xd9\xc2Z{\x01\xc7\xe8\x1b\xc2\x9b\xe1\x87#b\xc2\xbb$U\x94 Q|\xdb\xdb\xf0V'</t>
  </si>
  <si>
    <t>b'\xe3\xbb\xe52\xbd\x90\xc7\xfe\xf2\xe1\xe5\x92\xc0g\xce\xfc0\xd1E;8\x85\r\xf5!&amp;\xb6\xb7\x05A\xe8k'</t>
  </si>
  <si>
    <t>b'\xe5\x15\x16\x96n+\xad.\x8e\xc5\xe4rb&amp;G9\xa2Y8\xf2dx\x8c\x9f\xaa\xf9L\x93~|\xb5C'</t>
  </si>
  <si>
    <t>b"\xa4\x9dV\xac~\xdc\x00\xe3\xb7&gt;\xe7k\xf28\xb3e|'\xc1Q\xe4G\x93\xf6\x0f`\x00_\x13\x10l\xa5"</t>
  </si>
  <si>
    <t>b'\x1b\xb4\xc3M+B\xc6ZaY^\xec\xe1*\xa4\x1bne\xdf6P9\xef\x90\xecOO1\x04\xcfD6'</t>
  </si>
  <si>
    <t>b's\x0b\xda\x98\xea{\xfc4lKN%f4\x853i\x94[i\xe8\xcc^\x1a\x90^\xc0%\xb21\x0e\xc3'</t>
  </si>
  <si>
    <t>b'wo \x1ap\xe4\xe6r\xd4#\x10\x99\x8b\x9c\x1f\x91o\xc0\xb0\x7f0\xfdU\xc4#+\xbb\xc5\xdc\x84h\x99'</t>
  </si>
  <si>
    <t>b"l+mU\xe0S5\xab\x82\x9a@~\x15}Ln'\x98\x93\xe5[\xf7\x86\x07\xef\xeb\x8d28\xbf\xbfg"</t>
  </si>
  <si>
    <t>b'\x1d\x82\xd3\t\x13\xac\xf4\xf2\xcd\xbe\x1b\xcc\xa1\xedJ?\x8e7\xae\xf9\xbd\x9c\x90\x9b]\xea\xb0\xe1T\x98\xa1\xf9'</t>
  </si>
  <si>
    <t>b'\xcb\x0e\x05\x9f\xe9\xd5f\x026\x84\xde.\xb7\x1c\x0cr"\x86\xd9&lt;\xbbH\n\x1e\x14-\x87\x1b\xcf\xc9("'</t>
  </si>
  <si>
    <t>b'\x0f\x8b~\xdb\x19\x9f\xcd\r\xce\xa7^\x9d\x11P\xc8\xb0a6\xe1\xf6\x08,\xbd\xbd\xf8o\x8b\x7f~&lt;\xea\x10'</t>
  </si>
  <si>
    <t>b'\x84\x7f\xe1\x8a\xe9\x9d?\x17\xf0\xf0\x95@\x9f\x98\x1e\xe9$\x05M\xa8*\xfa\x9es\x1d\x95K\xf7\x96x\x8a\xc2'</t>
  </si>
  <si>
    <t>b'\xb4\xbfXiU\x9e\xe2A%8\x7f\xbax\xca&amp;\x17\x93I\xea\x13\x1fv\xf8\xc5,\xa7P\x13\xf5]Yl'</t>
  </si>
  <si>
    <t>b'\x84[H\xad+5\x1e\xb3\xf2\xc2t\x95\x08\x8432hC^\xeb\xda\xa1\xce\xde^\xec\xe3\x96\xb9h7\xf0'</t>
  </si>
  <si>
    <t>b'\xfc&lt;\x11\xfd\x08\xf1\xcf\xa1]hl\xf5A\xcb\xa8\x19"$\xe2Y\x8e\x8e\x025\xbd%\x00\xe5!\xe0\xfe\xd9'</t>
  </si>
  <si>
    <t>b'\nr\xffz\xfbD\x01\xe7\xf5[7Q$\xa7\xcez\xcf\x93\xae\x84z)\xf1\x05\xfck\xf8\xbe\xef\xb8\xb8\x8b'</t>
  </si>
  <si>
    <t>b"_\x03(I\x8a\xdf1\x9eUZ\xd3u\x17\xab'In\xba|\xc7\x88z5j_uRa\xb8\x17(\x00"</t>
  </si>
  <si>
    <t>b'\x8a\xe6\xd6\xcf\xbfM\xb6\x8c\x95\xddF\x7f8\x84,\xce,,}\x9b\x99\x8e-\xb76\x9aU\xb0\x18\x92\n;'</t>
  </si>
  <si>
    <t>b"\x01\xb9oir\x13\xe1B'\xe8f\xb1\x99\rd\x1d\xbc\xc7^\xfe\x03\x83\xcd\x9c\xfd\xb7\xefr\n\x15?j"</t>
  </si>
  <si>
    <t>b'\xa3\xe4\x8b3Sv\x11\xc2\x9f\x8a\xb5\xb0\xb3T\x1f\x02\x144(!\xed@\x83\xfb\xe8\xfa\xda\xf6_S\xff\x1a'</t>
  </si>
  <si>
    <t>b'\x83\xe2\x08\x02\xa5\x15&gt;z\xee\xcb\x99\xb6\xd9ut\x0c\x02\xab\xca\x02\xf5\x1b\x14!V-4\xece\n\x9a\x17'</t>
  </si>
  <si>
    <t>b'\xf15\xdaw\xf3\xd4\xb7\xc2\xf4\xca\\\xee\xc5\xe3\xb9\xe7\x1cSn\xae\x10:\xb9\x12\xcf\xda\x98\xa4iv\x05T'</t>
  </si>
  <si>
    <t>b'\xb65W\xf2Q\xfa\xe6\x9b\x1a\xf4\xc0\xb2\x9f\xd8\xf5\x9a\x96k&lt;k@\xc8xe\x17`QO\xc9\xdb\xdd.'</t>
  </si>
  <si>
    <t>b'\xb48\xa2\x87\x15\xa7g%o\x1al\xd7T\n\xe9v!L\xefI\x87[\x8d\xcc\x95P\x12\xdb\xff\xfd\xbb!'</t>
  </si>
  <si>
    <t>b'\xb3\x90\x90\x03\x9c\x05\xdd\xd7,\x90]Q\xd0pn,\x19*\x8f\xfb\xbc7\xe1\t\xf2\xf4\xa9i\x9d \xd6\xe3'</t>
  </si>
  <si>
    <t>b'@\x127z\xd2\x1d=\xac1\xd1\xf5t8\x82\xa7k\x0e\xaa\xc7\xab\xc3\xfc\xeeH\xd0\xfa\xd2\xf8\xfc\xb4?\xb4'</t>
  </si>
  <si>
    <t>b'C-\xd9I\xb7\xac\x9c\x93\x9e\x01\xd9\x16\x0c\x93s\xac\xeaj+A]\xc9\xec\x9bfx\x13\xa4n\x7f\xafM'</t>
  </si>
  <si>
    <t>b'\xb7\x8f\x93\xec\xfaI\xd7\x17\x96\x9bz&amp;\x8c\x95\xf0:\xdf`G-y|5\x0f\xfa\xcd\x98a\xb5\x01\\b'</t>
  </si>
  <si>
    <t>b'\xf4\x89a\x0f\xbd\xfc\r\x7f\x8e0\xf3v|\x96}gq\x1f\x12\x17\x97f\xecB\xbf\x1d&lt;\x9a\xee\x88\xeb\xc0'</t>
  </si>
  <si>
    <t>b'\x8bb\xf3\xb6\x10i}l\x85\xa9\x06\xca[3\x18\x04q*\xfb\rS\xb4\xc8j\x92\x1e\x1d\xfc&amp;\t{A'</t>
  </si>
  <si>
    <t>b'l\xff\xcf\xee2\xb8l\xe6\xa2\xd7\x08\x0b\xaf\xdc\x84\x98\xd7\xd2;\x80\xdb\xb7\x16\x86\x8d}\xab\xde\xb1twl'</t>
  </si>
  <si>
    <t>b'T`\xa5f,C\xfb\xd4\x12q\xa7\xaf\xa4\xb1\xb3\x8b\xe5_\xad+\x14\x18\xbc,0\r\xc8R\x96\x85\xcf\xf8'</t>
  </si>
  <si>
    <t>b'&lt;)@\xb7\xf2h\xc7Hy\xed\xec\xd0\x01\xd6lEW"\xf6\xc0\xbcI\x0f\x86k\xba\xec\xc2N\'i`'</t>
  </si>
  <si>
    <t>b'\x86(-\x11\x9f\xba\xba\xb1&amp;\xc9\x97v\xb5S\xfcx\x9c?\x08\xda\xf2\x827k\x1c\x98\x05\x93mh\xd9c'</t>
  </si>
  <si>
    <t>b'\xa9?\xff\x1e\x8f\xe2\xeb\x99U\xb1!\x9d\xee\xb0L\x1e\x8a\xcc\xe5\x07)L\x85\x11Pj\xa7d7\\\xe8\x84'</t>
  </si>
  <si>
    <t>b'\xeaK\xf7\xe6\xcf\x1a\xeb(\xce\xd1G\xa4\xdbv\xf2\xed\x11W\x11o\x9d\xcavR\xea3\x17\xceF\xfa\xfbO'</t>
  </si>
  <si>
    <t>b'\x8d\x9bG\xd2,\x91DIN\x80\xa8\xab\x89\x7f kW\xe0\x07\xc89\x9bc1L.p\x03d\xee\xe8\xe9'</t>
  </si>
  <si>
    <t>b'F\x0c*\xb9\x07b~3\x1a\x83\xc86\x16h\xc3c\x85\xdcYb\xe1\xf7\xeen?\x0c\x8b\xe7\\\xc5\xe9\x1d'</t>
  </si>
  <si>
    <t>b'#$\xe31\xf0\x8bF\xaf\xc8\xb8SM7\xa4$i\x1b~6\xb1\xc4\n\x94v\xc6&amp;~\x052%\x01\xeb'</t>
  </si>
  <si>
    <t>b"[\xc6HT\xd5=\x8c\xd4\x9e\xab\xe6 t=\xfc\xe8\xe5\x9d$'\xd7\xa1\x83P\xeb*\x84\xc7tE%^"</t>
  </si>
  <si>
    <t>b'B\xa7O \xa3:=g[jK\xdc\x86\xb5y\x15\xca\xdbK\xec\xcf\x11\x9e\x06u\xcf\xe5\x91.\\.\xb9'</t>
  </si>
  <si>
    <t>b'\x01\xe0\xad\xad\xa8\xfb\xe8\x13\xb2\x92\xfb\xc3u\x14\x1e\xeb\xd7b\x05\xf5\xbf\xcc\xc7\xbcYb\x88\xe8\xf3\x15D_'</t>
  </si>
  <si>
    <t>b'^X)\xe4\xa7\xea|\xdfW\xea\xb303\xc8\x19\x003{I\x80\xb7\xee\xdf\xb3\x85v#\x00\x14\x0c\xeaL'</t>
  </si>
  <si>
    <t>b'\x1d\n#\xd2\xae\xca\x8aZ}\x96\xff/\xbb\x11\x87\x03u\tz\xd7\x8aAk\x84\xe5!\xc3Z\xf9\xf3\xcc&lt;'</t>
  </si>
  <si>
    <t>b'\xd8\xe2\x030&lt;\xa9\xe7\xe0\xdf\xa8zU6\x86\xd3m\xa9O\xd1tWQ\xa7\xe9\x02\x8e\xa4\xd1\xab\x04\x91\xde'</t>
  </si>
  <si>
    <t>b'Z\xda\xe4D\x0b\x18\xc0\x93\xb6\xb7\rM\x11\xb7\xe8\xaf\xf6N4\x8f\xdc\xfb*\x11\x18+h\xb6\x10\x8d]S'</t>
  </si>
  <si>
    <t>b'\xaa\xee\x10\xccp\x0bX\xff\xe3z\x90}\rYyb:A\x04\x10\x83\x8e\xde(\x94\xad\xc2+\xe3\xf5\xea('</t>
  </si>
  <si>
    <t>b'\x87\x86\x10\x1d\xcb\x8e\xbar\x0e\x92\x82\xec\xf1k\xbc\xa88\xb5?+\xf3\x86~\xae\x8b\x91Z\xff\x9f\x96 \xe8'</t>
  </si>
  <si>
    <t>b"\xf3\x9d\xcdLwF2Q\x00\x04\xeaK\x9awN&amp;\xec\xa0\x18-\xde\x08v\xdcv\xd0\xea'\x01\xf2\xd77"</t>
  </si>
  <si>
    <t>b'\xe6\xa5\xd0XB\x9c\xa1J\xda_\xd3\xf1\x0b\xfa\x88\xd3.eV\t\xd0\x97\xa8\xe29\xfcP\x1b@P\xaa^'</t>
  </si>
  <si>
    <t>b'\xe9\x16%\x8e\x99A\xbe6;0\xde\xb9\xbd\x8cP\xf0{\x17\xff\xe53APo\xad1\xed\x07\x8c\xed\xb9\xe1'</t>
  </si>
  <si>
    <t>b':i\x08\xc7v\x01\x0e\x1bo=L\x89\xa5"\x97\x17w\x9f\xe2w\xc0\xba=\x80\x80\xa8\xc7\xe7\xf3o*\xff'</t>
  </si>
  <si>
    <t>b'h\x8b\x82x\xde8L\x1dC\xf4\xa6\xf7\x99\xf0\xca+\x15\xe4\xe4eT\x02\x1f\xf5\x0eB\x91\xa4\x81\x9e\xf7\xcf'</t>
  </si>
  <si>
    <t>b'\x98e\xb00\xa5\x04C\x1fS\x07X\x0c\x03E\xfa\xdc\xa9\xad\xf8E\x1e\x8b\xee\xd9\x8f\x1b\xe0\xc1$\xba\xc3q'</t>
  </si>
  <si>
    <t>b"\xa7\x10X^\xc8[d/\\\x0e\x9c\xae\xb1r\xec\xe1\xe8\x95@\xa0\xd4\xb1('\xbfhT\xdf\x01\xaf\xda%"</t>
  </si>
  <si>
    <t>b'\xca\x16p\xd2\xc7\xa3\xe85\xba\xda\x04\xc3\xf9\x01Y\xdf\x11Jv\x0b!\x9e=R\xcbz\x01\xcb=\xd8\x0cS'</t>
  </si>
  <si>
    <t>b'\xd8\x0f\xc6&amp;\xc1\xb5\xa8\xfe\xa5\x00Y\x10\xd3,\xd5{\x82\xd2\xccM1w\xf2-#\n\x8b\x057\xaf\xe4\xfc'</t>
  </si>
  <si>
    <t>b'\xf7\xa1[z\xd4\xc9\xf2\x10\x07\xdc\xb5sqZvC\xe7\xd3\x86\x00\x11\xbb\xfe-\x05\xe0\xdc\x81}\xc8Y\xf7'</t>
  </si>
  <si>
    <t>b'\x89\x8e\x8e]\xeb\x0e*K3\xaeF\x99\x8cDjF\xd9\x9eU \x0e\x95\x9e\xb6\x0b\x00"\x87\x89\x1b\x804'</t>
  </si>
  <si>
    <t>b'p3\xb7z\x9bVyTY6f\xd2X\xd3\x10Bo\x10\xb7\xaa\xf1\xc5\x19\xb8\x90Iw2\xd2\xcd\xaf\xc3'</t>
  </si>
  <si>
    <t>b'\xa4F\xe3QZB\x90\xb4\xfc\x02DR\xb2\xca\xf2\x10\xd80\xc7\xfa\xe5$E\xc8\xf0]?~\x1c\x14k\xd9'</t>
  </si>
  <si>
    <t>b'\xdb\x867\x1b\x15\x1f]\xfdN\xd3\x0b\xf5@\x16\x17Q\xf4\x947\x02b\x8f\xe6\xc9\xec\x8f9\xcc\x1d\xfc:?'</t>
  </si>
  <si>
    <t>b'_t\r\xbf7\xf1e\x8c\xc2\xa9\x8e\xad\xb2\xa8\x96q\xb8;\xde\xa4,Eu\\~\xb8Q\xf6\x00s\xd6\xb4'</t>
  </si>
  <si>
    <t>b'7\x14&gt;\xc8\x1bn\xd906\xc0\xb1\x8dK\xd4w\x9c\xf6W\xa6}]pp\x18P/\xcc\x9b\xff\x1cT\x12'</t>
  </si>
  <si>
    <t>b'pa\x1c\xcf%\xf7\xefh\xa9^\xfb\x80Od\xfc\x10\xd1\xdeQ\x8a\xc8\xee_\x9f\x0b#\xcc\x1c\x949pd'</t>
  </si>
  <si>
    <t>b'y\x1c\xc1\x9b\x94\xf9\xa9\xfc_r\x9b\xaf&amp;\xe7\x80\xe3\x1c\xbf\xf2t%\x86\xb9\xc99d\x1d\xa69\xb7\x00;'</t>
  </si>
  <si>
    <t>b'\x85\x12I\xb3\x8fU\xda\x1e?\x9a^\xe6\xef\xaf\xfc\x10\x93\xf8\xc7\xec\x98\xe8.\xcd9f\xa8\x91\x0ei2\x93'</t>
  </si>
  <si>
    <t>b'\x93\xfb{\\\r\x00\x9f\xcd\xf24\x97\xbc\x1a)\xdd\xe4\x15\x9e+\x92 G\xc6!L\r\xc8\xf2\xa1\xb0J|'</t>
  </si>
  <si>
    <t>b'V\x98\xab\xb9g\x19\xb3\xa2t[OoQ\xaf\x98\x92\xab\x95M{\xc9\\\xe4\x8b\xceB\xc4\x0e\xbc?\x87\xe9'</t>
  </si>
  <si>
    <t>b'X(q\x86\xe5b\xa6U\xb1\xc8l\xc8((Y-\x0c\x8bu[\x83\x19\x85\x00[%5\r\xbe`\x97\xc8'</t>
  </si>
  <si>
    <t>b'5\xd3\xf3\xe8\xa8b~\xe4\x02#\x15\xd7\x06Zf\xf9B\x16,w\xf7\x86Grk\xf1i\xe9Tn\xf4\xa7'</t>
  </si>
  <si>
    <t>b"\x84\xf06\xbf\xf9\xb9\xf2\xb6\x0cMb\xd66h\xd1\x81i\xcd\x80\x9a\xe4:'\xd87\xc5\x9f;\x1a\x86\x185"</t>
  </si>
  <si>
    <t>b'\xad\t2\x17q0p"&lt;]\xc9\xfbf\xe5\xd8b\x1fq[\x8a\xf3\x1e\xea\xf2\x19vY(t\xc9\xa2A'</t>
  </si>
  <si>
    <t>b'A\xc9,\xe2\xa3\xd6\xb1\xce\xea\xc1\x0b\x9cqX\x9a\xd5\x85\x89e\x16j:\xb7J\xbe]\xf7\x88\xcd\x8am\x08'</t>
  </si>
  <si>
    <t>b'\x85\x18\xcePp\x98RU\xf1\x9e\xae\x13\x81s\x80C\xb6\xe0\x0f\xf4x\xcb9\\\x14$\x96#Yz\xea\xb5'</t>
  </si>
  <si>
    <t>b'\xc0\x19V\xd8\xc2\x94\x8bK;\xbb\xac\x1a\xfa\x14\x01&gt;\xd6L\x93\xb9\xfe\x15\x02n\x81n\xc5\xb8\xc5ePZ'</t>
  </si>
  <si>
    <t>b'\xbc;\xaa\xced&lt;\xd2\x92\xa6\x9dq&gt;\xa1\x04\xf4\xd3V\xb0\xdfe\xc5\x15\xb2x\xc8\x92\xdcH\xee\xdep\xf7'</t>
  </si>
  <si>
    <t>b'\x8a\x9c4\x1fp\xd0VEfrFl\x0eB\xc0D\x80\xf6%\xd7@\x0bJ\xa5t\x02\xe3\xbdcPl&gt;'</t>
  </si>
  <si>
    <t>b"EcP\x97\x00{\x90\x86\x89\x83\x19Q\xf4' t\xa7\x14}\xcf\x0c{\x11\xe1\xa0k\xb7\xda\xa8\x00\x92\xf5"</t>
  </si>
  <si>
    <t>b'I\x0c,\x17\x1cO\xe5\x81\x15p\x88m\xab\x11/\x81Q~b\xf0\xaex\x9f\xa8~\xd4\x82\x19\x10-\xfb\x04'</t>
  </si>
  <si>
    <t>b'\x9f\x88\xcc\x18\x1b\xcff\x15\x01(\xa8\xfe\xc7\x97d\xddE\x86\xaa\xb5|\xc3(\x95q\xaf$\xac\xde\xab;\xab'</t>
  </si>
  <si>
    <t>b'\xc77\x0e\x19\x7f\x0b\xce\x06\r\xce\xb9\x8d\xe4\n\xa6\xd20\x14\xfa\tp\xde\x17%A\xdd\x9a\xd7\xc9\xdd-\xab'</t>
  </si>
  <si>
    <t>b':\x93\xaeBcn\x1aN\x9d\xc9E\xa0\xf9\xa6\x12\xfb\xbcv\xbd\x99`L\x11v\x99\xc3%\xf2T\x9f\xf56'</t>
  </si>
  <si>
    <t>b'+0\x10%\xa2\x17\xac\xac\xd2\xeb\x89\xdbb-\x07\xb4\xaa\x85&lt;\xdc\xb9\xed\xeb\xd6\xbd\x85&amp;\xa3\xc2\xfd\xee&lt;'</t>
  </si>
  <si>
    <t>b'\x06&gt;sV\xb7\xb7\xd5\x1e\x8d\xe7\x8ahS\x01V\xe9\xd8&amp;%\x85F\xd6|\xfc\r\xf8\xc4I\x16l\xb0v'</t>
  </si>
  <si>
    <t>b'5\xc4FA:q\xc2\x18:\xbdv|\x1a6\xdc\xc0\r\xd5\x91\xc9\xea\x06\x19\xcb\x94Y\xb6\x7fo\x92\x1bG'</t>
  </si>
  <si>
    <t>b'\xe2\xd2\x93\xd3!(QLh\xecA\xee9\xa9d{C\x95\xa8U\xae|\x1c+\xaa\xb4\xc1\x16a\xb2"\x04'</t>
  </si>
  <si>
    <t>b'\x85Bf\xba!\xe0\xcb\xbe\x99\xf1G\x85V\xe5w\xe9\xf8\\\x05\x97\x02\xe1~\xbd\x98\x0b\xa8\x04\xa7E\xb2\xc8'</t>
  </si>
  <si>
    <t>b'\x12\xdf\xe6o\x87\xabA\x0f\xf7\xab\xa3&gt;=9\xdcF\x0f\xed[\x07\x92\n\x04\xe1\xdb\xef\xae\x1a_z\x9f\xc1'</t>
  </si>
  <si>
    <t>b'0\xeb\xc6"Bq\xd0\x94\x18\x03\xaf%\xa5\xec\xcc\x8f\x04Y\x06\x17\xe3v\xcd,\xad7\xdcK\x94\xecc\xc0'</t>
  </si>
  <si>
    <t>b'u\x94K\xb73w\x8f\xf5\x05)\x0b\x8c|PL8\x9c\xa9P\x86&gt;+]\xfd\xf9\x0c\xd8\x05\xe6\\T\xa1'</t>
  </si>
  <si>
    <t>b'\xcc\x86\xc7dgZ\x86P\xd3\xcf\xf1Z\xe8t\xa23\x8e\xaa\xec\x16R \x04\x02\xc5Q-\nR\x0c!\xb7'</t>
  </si>
  <si>
    <t>b'\\\xd6Q\x1b\x19\xe0\xb4\xba=\xe1\xc88^\x19\x02\x93\xab^\xf2({\xf3NG&lt;"k\xd7\xc1\xd1\xe1\xc7'</t>
  </si>
  <si>
    <t>b'\xed\x14Dr\xce\xad\n\x9d\xe1Ne\xc3\xe7\x89[\x8b~8J\x93{9Hb\xc8\xa2\xf2\xaf\xc7\x11\x8f\x98'</t>
  </si>
  <si>
    <t>b'_\xad\xca\x81\x90?\xbdfZ\n\xb5*&lt;\x05\x0c#a\xdf\x86\xbb\xee\x91\xabsz\xb6a\x07\x947\x8f('</t>
  </si>
  <si>
    <t>b'nNr\xdcR\xc8\xd5\xfe1\x97n\x86\x11\x1er\x9b\x805\n\x91\x86^Z\xfck|\xda\xc4\x0f?\xb1\xf4'</t>
  </si>
  <si>
    <t>b'j]\xfb\xc9yu\x80\xac\x96\x13\xf4\xd4&amp;C\xcb\xbfZ\xa56\xe3\xfdK\xad\x9ds\xe5\x90\x18g\x1f\xc0\xb4'</t>
  </si>
  <si>
    <t>b'pr\xba\x9fel\x9e\xca.^p\xdf\xda\xd6\x99$\xce\xfa\xed\xc4\xf6\xb1\x03\xc8\x8f\xd1\xa0\xc8h\xf2\xbd\xc8'</t>
  </si>
  <si>
    <t>b"o\xa2\xff'\x04xN\x0c\nsz\t\xd8\xc9\xb5#\x07\x8d&lt;J\xe6[\xc9i9\x07;\xf6\x8a5\x1d\xbb"</t>
  </si>
  <si>
    <t>b'\x88\x15JG\x1f\xb1h\xd6v\xc8\r\x1f\x88\xdf\xf6&amp;}\x02\x18\x9a\x88o&lt;\xe3V\xdd3\xce\xe2\x03\x17\xf2'</t>
  </si>
  <si>
    <t>b'4\xc9\xd8\xc86\xb1\x99D\xf3\xef\xd1\x0f\x06\xa0\xfd&gt;U\xb7\xd1\xce7\x08\xacG|.\xb0\x91\xac&lt;\xcc\x98'</t>
  </si>
  <si>
    <t>b'\x19\x10\xe4\xd3M\xa6\x11P\x92\xf7L5\xae5\xb3\xa9\x11{\xc2\xf8V`\xf4\x82\xe0\xbd\x9f\x9e\xb5\x92\xd6\xcd'</t>
  </si>
  <si>
    <t>b'\xd6\xd6\x0f@`\x9f\x91r\xefzm.Bx\xc9\xa4\xc9\x91e\xcf\xb5\xfeL(\x7f\xce\xb1\xb3\xe0\xf6!='</t>
  </si>
  <si>
    <t>b'{\xb4x`*\xfc\xdcM\xc2\x19\x18\xb2\xc1\xc8\xce\x10\xbb\x06\xdc&lt;\xda+X\x0b|a\x9c\xf3\x15\xcc8{'</t>
  </si>
  <si>
    <t>b'\xd75K\xaeE\x1eM\xe8W\xbb|\xfd\xc6\xfd\xad\xa0\xbd\x13*\xc7\xe7\xc9fW5LR[\xa2 \xae\x85'</t>
  </si>
  <si>
    <t>b'\xb6#,\xda\x85\x0f_D\xb3Z\xfc\x05h_\xe4;{\xeb\xbe\xe3\xecv\x95\xf6b\xeci\x04Y0\x0b:'</t>
  </si>
  <si>
    <t>b'\x19\xa3\xa2\x1a\xa7\x10\xf7)\x9bL%_y\x01\xe0F\xc9\xea\x95\xa0\x01\x8e\x1e\x0bZd\xb9\x08y\xealE'</t>
  </si>
  <si>
    <t>b'\x1b{\x95:t\x16\x8fH\xd7Ny\x8b\xda\xaf\x9a\xc6\x03K\xb8q\xd5\xfe\x1d\xb9\xf5\xdd8\xd2\xdd!\xf3\x88'</t>
  </si>
  <si>
    <t>b'\x18\x80\xd0\xcc\\r\x95d\xb5\x91\xc4\xb3{\xce#\xb0\xabIs\xa0\xbbl?\x84\xf7\xe7\xfev\xea\xf4\\\xfe'</t>
  </si>
  <si>
    <t>b"\x94\xb3\xd0\xf6\x92\xabHr\xc1\x9b\xe3\x88}\x07`\xb5~'\xe6\xaa\x9c`I\x90 \xb1\xb0!\x0c\xb7\xd2\xe1"</t>
  </si>
  <si>
    <t>b'\x1c\xa9$\x93f\xe3\x88\xce}n\xb4\xf2\xaah\xf6\x1e\x01\xaf\xf5\x812\xfbj\xb5\x82\xe5(\x12\x1f\x14\x9f\xdb'</t>
  </si>
  <si>
    <t>b'*\xb3\xf5\xb8\xf6Z_\xc85\xf3u\xdb\xed\xdbL\xfd\xedR\xd8\xc45\xcc,\nd\xfe \xa5@u\x94\x97'</t>
  </si>
  <si>
    <t>b"\xb1\x84R\x93\xb2\xe2\x91'=\xf9\xa0\xddg\xde\xbe\x05j\xdd\xa6}#*\xbe\xa2Gze\x8e\xa8\xe6f\x0f"</t>
  </si>
  <si>
    <t>b'\xf48w\x06\xc6\xdc G\x8e\x01\x8f[{\xb9\xa8\xc42\x8ed-\x16B#\x13\x9e\xd8\x1b|9\xb8\xe1\xe2'</t>
  </si>
  <si>
    <t>b'w\x850/\x1c\xdf\x84;\x8f\xc8\xe4}\xb2\x83\x921\xdf\xc6qp5\x83:\x80\x1bXa?|\x99gD'</t>
  </si>
  <si>
    <t>b'\xa8w\x12\xd1\x08O\xb9\x94W\x9b\xe9&amp;\x02u\r\x0c\x91\x87\x82U\x1c\x0e\x92\xa3M~~7,\x02\xdbS'</t>
  </si>
  <si>
    <t>b'\x93\xa4\x8dL2\xd3\x980\x89\x14\xc3\x9d*\x8e/\tY\xd6\xc0\x84\x98N$|p\x85F\xc9\\t\xc2.'</t>
  </si>
  <si>
    <t>b'w\xef\x94\xe0\xa8\x90Y\r@jK\x8d\xe2\xcf\xd8\xec\xa4\xeei\xaa\x0b\xdc\xef\xb6\xd6\xe8\xa7\x07\xca\x9f\xb4j'</t>
  </si>
  <si>
    <t>b'\xc2H\xb3\x88|\xc76C\xf1\x91\xa4\xbe&amp;\xfb\xa3)z\xab=\x11\x01\r\xa6\x99\x97G\xe6e\xe2\x001='</t>
  </si>
  <si>
    <t>b'n\x96r\x01\x96r\x12\xfa\x06\xa1\xbb \xce\x0f\xfb\x92\x8dE\xff\xed\x12\x88v\x86\xc2\xaa\xc87|\xbb\xe6D'</t>
  </si>
  <si>
    <t>b'\xb3\n\xe7eC\x93an\xb4(\x1b\xf6\x97\xc4]\x9f\x8f\x8d\xa3K\xf8\xd9|f\x00q.\xc5C=\t\xbf'</t>
  </si>
  <si>
    <t>b'c&gt;\xdf\xc9\xfd\xab\x89m\x816\xd0\xca\xefAl\xfc\xf5\xb94\xd6&gt;\xc00\x15\x9c\xf0\x9f\x08\x96w\x0co'</t>
  </si>
  <si>
    <t>b"\xe1\xd6\xfc\x85\x93\xab\xf0\xb1\xf0q\xe2\x8e\xfd\x85\x04'|\xfb\xb4\xf6\xd2\xc3\x10\xe5\xf0\x9e\xa7B&lt;\x8dw3"</t>
  </si>
  <si>
    <t>b"\x1e\x12\xe1\x08tX$\tdvX\xa5'\x8b\xed:Glj\x9b:1\xd5\xb9:#\xc3g\xf4e.\x9d"</t>
  </si>
  <si>
    <t>b'U&amp;\x7f\x03\xf8I\xd0\xe8`\x06\xa1x\xa24\xcbm\x85\xdfRNW\xdfd4D\xbf\xd6\xe0\xe9\xeb[\x9e'</t>
  </si>
  <si>
    <t>b'o\xa0GM&gt;-n\xaa%9\xb3:\xe6#\x94A\xaf{\xd0gl\x03k\xb5\x1b!\xa7u[\xb2\x88\xc4'</t>
  </si>
  <si>
    <t>b'L#Fs\x1e\x81\x1eDpR\xff\x08\x99\x18mviU\xd6\x83+\xe2\xcf\x16o\\zt\xd3F\xb9\xbd'</t>
  </si>
  <si>
    <t>b'\x86\xe2\x97\xdd\x97\x0e\xb4d\xbe~b\xed\xbb\xfa\x12\xb5\x08\xf6\x99\\\xd1X\x08L\xe7`\xb8\xc0ORC\xb9'</t>
  </si>
  <si>
    <t>b'J1\xd5D\xa0H\xc1\xaf\x96\x896\x0e\xeb&lt;W#@\xfb4\xb8gv\xa5\xa6\xda\xb7MHS\xc9\x0c8'</t>
  </si>
  <si>
    <t>b";\x81\x06o\xc0&amp;'h\xefBO/\x92\xf0ZPm\xf5\x8cN@.\x14\xa1\x1eniU\x92\xd6\x06l"</t>
  </si>
  <si>
    <t>b'\xb6\x8b\x9e\xfc\x9b\xfbY\xfb|M\x152kU\xa6\x9cS\x9e\xf7LN\x1a\xf2\x1a\x91&amp;\x85\x10a\xe1p\x04'</t>
  </si>
  <si>
    <t>b'\xe7$e\x14\x85\x92g\xa5\xd7\xec%\x7fg/\x9a\x1e5\xb8D\x8c\x0fb\xcb\xf3\xbb\x92\xf10&amp;\xee\xd3\xfe'</t>
  </si>
  <si>
    <t>b'\x0b(\xdc?,:R\x91\xb8\x1d\x06\xe6\x86\x8d\x15\x91\xedgK\x15\xfaV\xb2\xb0hv\xd8\x905\x95\x90s'</t>
  </si>
  <si>
    <t>b'X\x1a\x1d9\xe8\xd6n8\x9f\x01r~\xfdm}nm\xd1\xbd}\x1auej\x115Vd~7\x94\xfe'</t>
  </si>
  <si>
    <t>b'\xb1N\xa0\xd4\xa1*\x1e\x1c\x87\xefA\x84]\x05\xaf"\x00\x1a\x1f\xfb\x7fX\xda\xb6\xec\xc7r\x1f\x9c\xe3\xa8\x1e'</t>
  </si>
  <si>
    <t>b'\x1a\xfd\x873?x\x87\x9d\x00\xb1\xc2\xfb\xeb\x18\x85\x1a"*Gb&gt;\xa7\xe1G\xb6U\x18&gt;\x98\r9i'</t>
  </si>
  <si>
    <t>b'fa\xe2=?\xdf\xc2w\x83pB\x8b\x89/\xd1\x10\xd8\x05\x0e\x01\x83wD\xadr\xf3r\x02\r\xb2nb'</t>
  </si>
  <si>
    <t>b"\xb8;-J\xaf\xfe\xa7\x9f\xd9\xd9\xc2Z\xa8\x98\xce\xaa\n\x01\x01!#\xb1o\xa4~*:\xf2oY'\xd1"</t>
  </si>
  <si>
    <t>b'\xce\xa4\xc6P\x8f\xb1\xb8OK7C\xc7vX\xbb\xdf\xdb"\xf8C\xba\xcb\x84\xfd+\x9c\x8c"=\x8b5\xcf'</t>
  </si>
  <si>
    <t>b'\xb24\x8f\x81Y\xee\xab\xa0\xb9\xfb\x12\xf3\x96O\xcc{\xfesw\x82F\x1b\x93?\xf9\\\xff\xa4\\5\xe3P'</t>
  </si>
  <si>
    <t>b'\x8b4\xc4\xa2\xf4\xbb\xf3|\x17\r\xb9\xc3z\xf5\xfd+s\x88\xfe\x8f\xeb\xa9\xb7`\xa3\xa5\xaf\xf9ub\xb3\xdd'</t>
  </si>
  <si>
    <t>b'\xb4\x05\xedzs4a\x8e\xb5A\xfa6\x02\xd4Xi\x8a\x02\xa0\x1f*/)\x9f\xb1\xccv!\xe5\xde\xa4\xb6'</t>
  </si>
  <si>
    <t>b'\x99Yt\x91\x1a\xf0W\xd9\x1b\xde\x0b\x81JVhV|\xa8U\xc0P\xb5\x02\xda\xa9\x10\x9bC\xf9\n\xfa\xb2'</t>
  </si>
  <si>
    <t>b'\xa6#\xd1hv\xe3\x14T\xb5\x04\xca\xe0\xfednh,\x8f\xae\xe6\xf1\x07\xe6\\\xe5\x1a#.\xe6\x14a7'</t>
  </si>
  <si>
    <t>b'x\xdc\x12\x8a\x0cB\x0e\x1eL\\\x98U!&lt;\xd6P\xd0ID\xefz\xf8\xa9\xc3\xc2\x91#\xebQ\x88\xd4\x0b'</t>
  </si>
  <si>
    <t>b'|\xb6.\xc4kKi\x88\x9a\\\xbc\xad\xdb\xa5\xc5\xb9@\xb4\xf0eU1\xa9c\xe0"\xce\t\xf3/~y'</t>
  </si>
  <si>
    <t>b';\xab0-\xfa\n&gt;\x8e\xddy\x14x\xd9\x0e7\x1f\x06g\xf3i)\x82\xc2Wq\xdfm/\xe4\xd7\xc3c'</t>
  </si>
  <si>
    <t>b"\xe2\xd1\x98\xf6~\x80\x0e&gt;\xc02\x00\xacT\xc8UA\xdb\x8b\xf2P\xfb\xccu?'\xad\xf1'S\x87ks"</t>
  </si>
  <si>
    <t>b'\xe4q\xa9\xc7\xb0*\xa6\xe5\xbc\x1fA\xf2\xf1)\xf7\x9e\xbb\xceC\xcd\x82\x84~\xb5\xd6iU\x01\xee\xa4\xca0'</t>
  </si>
  <si>
    <t>b'\xc7\x05\xec\xfd\xd2VyK\xf9\x88n\xee\x93h\xa5\xb8\r3\xe3_~#\x1b\xdf\xf4\xedO6K\xe4\x9e~'</t>
  </si>
  <si>
    <t>b'T*S#\xc8S\xe7hM(\xbd\xde\x14P-H:i\xa6 \xba\xbc\xa9fP&amp;\xea)i@-\x85'</t>
  </si>
  <si>
    <t>b'~#6\x81p\x16\xacM\xc7\xa5\x10\xf7\x08\xd4\xfe\x00\x07\x8e\xf2-\x92\xcdRU\xc7\xbe:\xe1\xed\xcdw\xbc'</t>
  </si>
  <si>
    <t>b'$\xca\xb1\xa8\x8bM/?\xf6w\xf4!\x17\xe5DSPD\xcb48\xe6L\xe2r+f\x9e\x9b\xb4\xb6\xfd'</t>
  </si>
  <si>
    <t>b'\x11`\xd7\x9b&lt;\x92\x8e\x00\x9c\xd5\x87\xc5\x01\t\\\xc4\xea\x84\x16\xde\xe5vV\xe5\x83\rV\xade3\x0e\xf9'</t>
  </si>
  <si>
    <t>b'Q\xdf\xb8\xc4\xb9V o#\xf9raw\xb8\xe2E8\xb09\x80F\x15\xc2\x90\xcb5\t\xd2\x0e\xa5\x03\r'</t>
  </si>
  <si>
    <t>b'k\x99\x83X\xae\x9dD\x02\x9f\xe1Tj\xe4\xa3\xf9\x970\xb3z))\xc2\xda49\xcc\xbbw\xa7\xa8\x86\xe3'</t>
  </si>
  <si>
    <t>b'u\xe6\x06\xe8\x04\xc7\xeb\xac\x01\xd1\xa5q\xfa\xa8\x9d\x8c\xbf\xe9\x92J\x97\xb0;_\xf6F\x19\xe0\x01\x80\xa2\xb2'</t>
  </si>
  <si>
    <t>b'#\xa1\xcezn\x08\x8a\xe8~\xee\x8e\xde+7+\x08\xad\xc2\xa5q*\xd8\x0cN\xb7\x96\x92]\x06\xd6\xd1&amp;'</t>
  </si>
  <si>
    <t>b'\xad\xb5\xbc7\xd1\x9fX\x06l\xb3\x86\xcc\xf0\xf3\xcbDb-\x15g\xbcQ9,\x93E\xc9\x88\xe0\xeb\xc2\x06'</t>
  </si>
  <si>
    <t>b"7\x7f\x82\xe3\t\xac\x1f}\xd8'\x97\x02\xf8\xef\xfbEa1vT\x84\xffn\xf5\xc4\xa27\xfdg\xb1]\xf7"</t>
  </si>
  <si>
    <t>b'\xff/\x1e\xde5\xd7\x19\x81\x8d\xc1\x8d\xe6\xaa\xf5+V\x16"\x1a+#~`\xc1\xd5\xb0&gt;\xc9D\x19\xa2\xc5'</t>
  </si>
  <si>
    <t>b'\xc0/ME \x9b\x9f\x1d\xd4\x07RP\xfc]\xed\x93\xca\xdb\xfc\x83\xbe\x8b*\x00\xd0\xdf\xd2\xd3\xc1X\xb8\x08'</t>
  </si>
  <si>
    <t>b'8`t\xd12\x868Q\x9e\x03\xdb0\xf5\x18^\x01\xa3\x15\x11b\xd1\xe1\xc6\xefn\x07\xd9\xb0\x9d\x1b\x83^'</t>
  </si>
  <si>
    <t>b'z\x17\xaas\xb8\xd4\x1a\x89\x84\xe0\xdd\t(3\xde\xf4@\xe5@\x8c\xba+M?\xdcJ\xda\x96)\xccf\x17'</t>
  </si>
  <si>
    <t>b'KS\xa5\xd5J3xf\xe3\x8dg\xe5\x08\x90\x9fF\x84D`\xe1\x92N\xf1~v\xa1\xf1E\xe2\xc8.d'</t>
  </si>
  <si>
    <t>b'\x84\x19\xd7\xea\x00\xaaz\x16\xf0`\xa1\x92k\x80F\x89\x15r(\xde\xc0q\xee\xd5\xcc\x83\xb4&amp;\xc7r\\\xdc'</t>
  </si>
  <si>
    <t>b'\xc6\xd1\xc8\xc9\x1e\x0c\x92G e(\xf9\xd4\x95\x8c\x91\xe2\xf1\x13!\xf7#\x8d\xca\xf8\x8c\xd0\x90\xc8&lt;,v'</t>
  </si>
  <si>
    <t>b"0\xfeq'\xa1\xe0&amp;!pd\xc4\xd3\xaa\xb3!\x8cm\xef$i\x14^yw+\xfb\x93\xd1\xafr\x900"</t>
  </si>
  <si>
    <t>b'\xbb\xc8\xf9!\xe17\x0b\x96VA\x7f\xbeI\xee\xe4a\xb3bo\x85\x16\xd9\xdd\xb2x\x7f\xa3\x1d&amp;x\xff\x88'</t>
  </si>
  <si>
    <t>b'\x014%\x83\xef%\xb2\xdb\xab\x02\x97x\xbe\x17\xff\t\xdd\xb8\xc1=\xf9\x06\xe0\xde\x9a\xd1\x12f\xd9J\xe6\xfd'</t>
  </si>
  <si>
    <t>b'\xe0\x9c\xf6"/\xf8\x1d\xa0\x88\xcc\x86?2v#T\xccnQ.$+HTM\x05W\x08\x00\x1e\xbc-'</t>
  </si>
  <si>
    <t>b':\xa2.\x16\xe5\xf4\x86\x98\xe9\xd4@A\xc7\xd3\x9c&lt;\xe8\xbcr\xcb\xbaVW\x8f\xe08\xd3\x02\x88U\xcbY'</t>
  </si>
  <si>
    <t>b'th1\x8eK\xc4\xc0|\xec\x88\x0f\xa9q\xf7\x06c\xee\x99\x0blUEG\xd3\xde\xd3\xec\xcf\xff\x05\xfdr'</t>
  </si>
  <si>
    <t>b'c\xed\\}\xa5\xe6\xdb\x00\xa7\x8f\xc94A\xb5\xbfn|\xeddj\xc3"/\xc1\xa3\xdb\xa3\xe2-\xd7\xcbp'</t>
  </si>
  <si>
    <t>b'\xc4v *\n\xeeqJ;\xb20\xdd\xb4\xe33\x03\x00XD\x9f\xadn\xb2\xe0\xff\x12\x19u\x98B\xce&gt;'</t>
  </si>
  <si>
    <t>b'\xeeo\x9f\x11\x0f\x9e\x9f\xc9G\x01\xb9E\x00e\x12\x87\xdd\x1c\xef\xca\xdc\x87\x89\xb6?=.\xd3\xd4\xd4\xf5\xd3'</t>
  </si>
  <si>
    <t>b'\xaai\x85\xa6S\x84\xa4\x9a)\xcd&lt;\xda\x0e\x08-\x96\xc3\xc4\xc2\xfc\x8a\x05|\x00ge\xf0&gt;t\xea\xbeD'</t>
  </si>
  <si>
    <t>b'\xbe\xaf\xb1D|\x97\\\x1e\x11\xc8\x133o\xa6&amp;\x06Q\x97\x9dUgx\xb2/C\xd7\xfae\x88\xaa\x99\xb5'</t>
  </si>
  <si>
    <t>b'q\xa7\xddh\xaa\x9c\xde\xa86EQ\xe6\x94\xd3`Y"O\xb4\xcf\xa7\xd3\x8e:\xd8\x85\xfd \xafTp\x80'</t>
  </si>
  <si>
    <t>b'W\xc3\xa4\xd35\x0b\x0e\xc3\x81\xf4\x82\xc5m\x06ls\x8bw\xda0F\x86t\x1c`\x92L\xcc\x1b\xc7*\xca'</t>
  </si>
  <si>
    <t>b'\x83 \xf3\x1a\x1c\xee\xb4\xa8v^3c\x10f\x8f\x96&lt;|\xa9\xb1\xb0/\xc2\xc94\xbeW\xdcccH\xdd'</t>
  </si>
  <si>
    <t>b"'\xa6\xee\xff4nz\x9c\n\x04\x01\xe2\xdew\xa9\x82\xb9\x81.l\xd2\x1e\xc6\x17I?\xb9\x93\xad\rmK"</t>
  </si>
  <si>
    <t>b'\x06\xd8/\xce\xc9\xdb\xcf\x8e@\xee\x0c.\xa4\xb9=\r\x9a\xd5R\xa5\xc6\xefUZ\x9e\xef#\x8d\x83\x14\x00\xf1'</t>
  </si>
  <si>
    <t>b'^;:o\x9d\xaeB\xc3\xdc\xac\x1f\xc6\xbb\xad\xbe\x1b\xdcR7\xfd\xfd8\x95\xe7\xba\xff \x01\xd8\x05\xa0\xf6'</t>
  </si>
  <si>
    <t>b'\xdf\xf1%\xca`\xc8\xe2\n`\xac\xdf\xfa6 S\x87\xf0+\xfaXn\xcbR\x96\xf0\xc0+\xf9\x1fB\xd3\xa4'</t>
  </si>
  <si>
    <t>b'\x06\x9c\xd9\x86\x1e\xa7d\xf3\xc2\x83\xd1{\xdc8\x14\xd1\x97\xae\xfdd/a\xf1\xd9-(b\xdc\x1czL('</t>
  </si>
  <si>
    <t>b'\xf8\xd1\xb8\r8)\xa5\xf0\x1e\x8d\\\x95\xa9\xdf3H\xbe&gt;\xd2\x7fx\xc0d\x8ciN\xd5\xf1\x06\x81\xec8'</t>
  </si>
  <si>
    <t>b'oz.\xe8\x06vQ\x02\x94\xae\x924@~\x06\x93\xc5\x14\xa6\x81\x0b\xackit\x01\x061(H\xea\xea'</t>
  </si>
  <si>
    <t>b'[\x8b\x06\xf7\xf7\x1f#\xe8\xb1\x96]G\xf0CIq\x86\xd5\x08\xa5o\x86\x95\xb0\x06\xa0&gt;\x02&lt;z\xd0I'</t>
  </si>
  <si>
    <t>b'e\xc7\x06{\xa8\x9aw\xa8T\x1e\xf9\xc5\xce"!\x0f\x05\xe2k\xa5\x16\x9a\xa3\xfe\xfaF;\x80\xd57\xb5\xf3'</t>
  </si>
  <si>
    <t>b"\x0bI\xd5\xa4\x19\x0b\xd8\xc7\xf3'X\xfd+\x80O\xfd\xe7\x08q\x1ab\x18i4\xe7\\\xa2\x91\xb9\x11\x87\xfc"</t>
  </si>
  <si>
    <t>b"5l\x1a\xe1f\x10\x141\x17\xaf',\xa8\xa4\xd2hK\xf1\xc7\xec\xc2\x16\x0e\x98\x82\x04\x91\xc3][\xc8\xa5"</t>
  </si>
  <si>
    <t>b';\x9d\x1e\x84#\x97\x9a\x9f\x99\x1dS\x88\x80]\xd7m\xcdU\xfd\x94\xe1\xfa\xe7n\x7f\x04\xef\x82\xcd\x8a\xa2\xf6'</t>
  </si>
  <si>
    <t>b"\x89p\x93\t\xdf\x17\x7f\xd1\xca\x99\xb3\x0b$\xe9\xcf\x07`\xa6\xa6\xf6':\x8f\xcf&gt;\xa91\xbfz\x1a\xcdp"</t>
  </si>
  <si>
    <t>b')\xc96\xff\x06t\xb9\x83!4\x9ef\x06\xde\xaa:L\xc4j\xf5\x9be\x8a\x17\x96\x84K\xbf\xeer\xf8\xb6'</t>
  </si>
  <si>
    <t>b'Bd\x01\xea\x1d\xa0\xa6\xfe\x07\xa9\xca\xe0\xbd\xb1\xe8\x99\x1f\x06o,Bj\x92\xb5O\xd3\xafb\xea\x1c\x0f\t'</t>
  </si>
  <si>
    <t>b'\xa5\xcex\x87I\xa3F\xc4\xcaJ\xba\xcd\x93\xf6&lt;\xb4g\xc9\x03\x92\x1b\xcb\xa2\x05cKv\xb2\xf0k\xecJ'</t>
  </si>
  <si>
    <t>b'G\x1f*\nD\x1c\x16\xd2\xbe?{{l6G\xccP\x07B\x8fg=@\x8ff\x99\x10&gt;d\x9bS\xa0'</t>
  </si>
  <si>
    <t>b'm\xd3\xa2\x19\x16\xf5Oi\xf8\xaa\xdf\xde\x04g\x00x~\x90\xc0\x92\xa4\xb5\xc0\x17\x08:\xf9\x8c*\x95\xa67'</t>
  </si>
  <si>
    <t>b'\xae\x94\xd0\xed\xc76\x04\xed\xe8D\xd9\xb9\xd8\t\x84+\xd3\x19\x15\xc2\x98d+\x1dn\xff\xb1T\x95\xc47\xef'</t>
  </si>
  <si>
    <t>b'\xd2;&lt;6\xa4p\x10x\x9c\x8b\x7f`\xab8\xb2&gt;E\xa3\x14\xa6\xe8O\x81@9J\xb2\x96\xc6\x1a:\x9d'</t>
  </si>
  <si>
    <t>b'B\xa5a/\x92b\x12\xd0\xb8y\xb4\x80\xfe\xd6;\xf0\x11]\xfc!l\xb08\xa7g\xa4\xf1VF\xd9\x01\x9c'</t>
  </si>
  <si>
    <t>b'\xb5\xa1\xf9\xd3\xa6\x03\x9f\xa4\xdfZ\xe2\x0f\xc5p\xe0\x91\x13\x16\xa00\xa8x\x81\xd8\xc3\xbb\x8e\xec/d,\xdb'</t>
  </si>
  <si>
    <t>b'"U\x92\x01\xaba\x82\x10\xe3\x13\x1aT3\x94\xb8&amp;\x88f\xab\x96\xb7\xaf#\x03\xb5j\x07\x13~n\xce\x1d'</t>
  </si>
  <si>
    <t>b'\x83\x83x\xcb\xdd\xf2fx|\xf7\xb5\x00\x8c}M,;V\x1e}\xb2adK\x99\x90\xd1\xc5\x96\x97\xe6\x93'</t>
  </si>
  <si>
    <t>b'BP&lt;\xce&gt;\xbb#\x80f\xa3\xe2\xb2\x95\x96}o\n\x96\xc5\xd4\xa8\x12^\xfd\xc1\x8f\x162e\xe6\t.'</t>
  </si>
  <si>
    <t>b'o6\x8a\xe3\xe4\x86o\xce\x1a\x89\x8e\x81WDDN\x9f\xafw\xda5\xf2\xd6\xd32Sj\xa3\x96\xb7\xdf\xf8'</t>
  </si>
  <si>
    <t>b'\xb1\n~\xab\x93\x19\xf8t\xfe\x88\x92\xe6\xda\xfaQ\xf4g\x06\x0eE\xccO`#\x0b\xcb`\x87\xb2\x17z\xd6'</t>
  </si>
  <si>
    <t>b'Om\x85\xb8j;\x08\xee&lt;\xcd\x14&gt;GOf\xbb?\xbfb\x7f+\xc8a\xb5\x11^\x8a\x90?\tn/'</t>
  </si>
  <si>
    <t>b"'KM,\xe3Za\xf9\x9d\xb1W\x95\xcdl\x02\xe1a\xbc\x99\xa7c\x13N,\xca\xc3\xca\x14_\xef\xac\xdf"</t>
  </si>
  <si>
    <t>b'l\xda\xe2\xeb-\xfa\x81\xa8\xca\xedT\xe0\x8e\x8c:R\x10\xcd\xd0\x10-\xfb\x07\x8ff.W;\xd0\x91\x86\xd3'</t>
  </si>
  <si>
    <t>b'\x03e\xfb\x87\x00\xeb?_\xeb\xae|flP=\x02\xee\x9e\xee\xa5\xc0\xadK`U:\xef\xc2\xc2\xebJ\t'</t>
  </si>
  <si>
    <t>b'\xa3\xf7\x95\xc9\xc1T?u\x03\xbc\xf7\xafb\x11\xdd\x0eH\x8b\x87\xed\xe9\xf3\xba\x04\x87\xfbp\xd0\x1dn\xa7o'</t>
  </si>
  <si>
    <t>b'\xfe\t\xde\x95\x86\xf02\x0c\x1f\xd5\x19\xa0l$\xf9\xb1k~\xd6r\xd7\x05\xd0\xbe\x0e\xcd.\xc9\xd7\x9c\xb3\xed'</t>
  </si>
  <si>
    <t>b'\xb7=\x18\xc0]\x07\x98\xae\xa6.\xe3\xbf&lt;g\x8aG\x049\x07\x98\xf2\xd0J"\xbe~\x7f]j;X@'</t>
  </si>
  <si>
    <t>b'V\xf1\xe4\xd5\x97\xffWM\xb7Y\xc3h\x81\xcaN\t,\xdd\x1d\xaec\x00\xec\xd2\xae\x19E\xaeX\x1a0\x15'</t>
  </si>
  <si>
    <t>b'\xfa\xaf0\x01\xd5\xe1\x0b\xc4\x00\xcc\xa2$R\xf6\x94\xeb\x8b\xca%DH&amp;\xcdQ\x8b:\xe7\xc7\xc9\x89\x08\xa5'</t>
  </si>
  <si>
    <t>b'}\x896/\xef\x8fv\x91\xb8\xf3\xd8\x86By\xf4\x19\x00\xf3WJ\xdf/hW\xce\xcb\xee\x9f1W\xa9r'</t>
  </si>
  <si>
    <t>b'\xad\x02\xf97\xc5sc\x95\xc1\xf1\x88\xd4\xab\xb7J\x1c\xf0\x96F\xc8\xdb0\x81\xec\xd8\x86\xcd\x9b\x9e\xbd\xdb7'</t>
  </si>
  <si>
    <t>b'\x8c\x08T\xbe\x82s\x82Y\x0e\xef\xaf\x0c\x03x\x80\x9d\xcbF\xa4\xa2\x88:t8k~\xf3F\xff\xfb\xca\x1f'</t>
  </si>
  <si>
    <t>b'\xcb\xfc9\x8dSv\xd5\xba\x87\x13\xc6\xbf\x9e\xc1p/\xd6MH\x18\xa0\x03\xed\x8c\x06\x1e\x11\x90b\xa2[b'</t>
  </si>
  <si>
    <t>b'M\x96\x01[\x14PQ\xc6\xf2\xe2n\xa62| \xb6\x9bE+V\xe0\xeaAB\xa3\x19;:\xea\xe3\xdf1'</t>
  </si>
  <si>
    <t>b'{\x7f\xe8\x87\xb2\xf2)\xcfa\x14bV\x80\xe3\xc6\xfb3\xeb8;\x14\x96\x80Y\xccH\x05~\x8d\xb5 x'</t>
  </si>
  <si>
    <t>b'\xdb\x12\x921\xben\xf2\xb6\xc8Zr/\x8e_\xe5\x81us|\x96\xa1]\x178\xe1Z\xde\x83\x93\xbc\x8f\xe9'</t>
  </si>
  <si>
    <t>b'&gt;\x87\x90\xb8\xd1\xe7\x85&gt;8\xac\x1c\xccI\x86\x93p\xc5\xaer\x93\x05N\x17\x96{\x8fhn\xb0\xe7J0'</t>
  </si>
  <si>
    <t>b'w"\x91\x8fz\x9e{Gs\x7f\x01\x8d8\xdf\xf5\x19\x8b\xb8\xce$\xb2FNO:\xd3+O\xb4[\xf6\x9a'</t>
  </si>
  <si>
    <t>b'H\xd1\xb0\xb2\x8b[\xfbd\xb1\xc8\x80#S\x01\xe8\xb9x\x00\x13\x8e\x90\xea\x9e@\xf3\xf3\xf1\x96s\xb1\xd4\x0e'</t>
  </si>
  <si>
    <t>b'Z\xc6\x16\xf0\xfedh8\t\xe9E\xcb=_G\xc2\x9e\x92\x11\xfe\xc8G%5\xb8\xa9\xe2\x9c\xf7\xee\x07\x13'</t>
  </si>
  <si>
    <t>b'X\x95;\xcc\xbf\xf4N1\xd8\x89\xc9\xf8\x8c2\xea\xda\x13Uo\xd2Hm3N\xa2zN\xfb\x8b\xf10%'</t>
  </si>
  <si>
    <t>b'\xa8O\x9c\x1f\xf2\xeb\x81\\~\x92\xb3nQ\x8f\x80\xf0{2\x9f\x8al%\xdf\xb1w\x1fs\xd5\xaa\\*\x11'</t>
  </si>
  <si>
    <t>b'o\xd5\xdfX\xb1\xaf\xf6b\x9cj\xcb\xc9\xd2La\xcf\xfdD\xa9/p\x9d\xf7_\x03x{\x7f\xb5{M\xb9'</t>
  </si>
  <si>
    <t>b'\xb5\xf6\xe1\xbe\x0c\xf9\xba\xf1\x03deOU\xc5\x8f\xcf\xfd\xc9\xa06\x00\xa0\xac\x87b\xda\xdb\x9d\xbbfv\t'</t>
  </si>
  <si>
    <t>b'jm\xb0\xa8\xb0j(j1\xbe\xf7{\x81#\x1d\x85W\x81\xc1gQ\xfb\xf0\x93/"\xf8\rK\xa4\x07\xa2'</t>
  </si>
  <si>
    <t>b'!\xdej\xc7\x05\x84\x98\rR\x1c\xe8b\xbf(\xd1&gt;\xf3\xac5\xc0\x85Eo{\x99\xac\xf3@y\x90\x8a1'</t>
  </si>
  <si>
    <t>b'\xcb\x18\xa4k\xe5\xb0&gt;"\x8e\x8a\x91R\xf4\xcf\x01\xcb\x16w\xd3E\x0c\xb4\xb2\xc6\xdcA&amp;r\xf1\xff\xe0\xf6'</t>
  </si>
  <si>
    <t>b'e\x86\x8d\x0e\xacF\xb6\xb0-\xe6\xea,I.b\x0c+:\xc5\xa6\x05\x17\xd0\xb7\x1f\xbe\xfdq{\xa8\xa8o'</t>
  </si>
  <si>
    <t>b'\xfa\xba\xc6\x99\xe3\xddH\xd6\x0f\x05\xfa\xf0\xfd\x85\xa7W\x80M\\\xe6\x03t\xa5u\x91\xea\xd2\xc0\xdaE\xf7\xb1'</t>
  </si>
  <si>
    <t>b'\x89G\xfd2]\xa7EbG\xdb\xa4(\x01D\xbd\x10\xdeP:DG\xc8:~\x07WK\x81\x07B"\xa8'</t>
  </si>
  <si>
    <t>b"44\xc0\x9c\x99\xfch\x89\\\xff\xe9\x95a\xc4\x1c\xae\x1f&lt;\xb3\x86\n\xf8\xdc5\xaf\xc2\x15\x0c'\xd3\xfa\xb3"</t>
  </si>
  <si>
    <t>b'\x1a\xec\x96\xd7y\xff\xb03%\x13\x92V\x95\x85]\xd8H\xe0]%w\x99\xe09\x11j\xb1\xe2\x84\xb3pI'</t>
  </si>
  <si>
    <t>b'\xe7\xd7\xd6\xc2\x97j\x1c\xe1.m0\xd5\x114\xe7\xcb\xba\xac\xaa\xe7qu\r\x8f\xd0Qj\xf2\x98E\xce7'</t>
  </si>
  <si>
    <t>b"\xba\xad7p\xb6\x90\xc6\ni\x1dT,k.\xa7\xd0\x07\xe6k/_\xf1\x0f\xc4'\xd2\x90\ry\xa8\xfc\xa4"</t>
  </si>
  <si>
    <t>b'\xfb\x04\xe27ke\xaf0F$\xcf\x14LO\xb21\x0e5(;\x1a\x9dRJ\x06\xd4\xd3\x87&amp;\x06\xbb\x1f'</t>
  </si>
  <si>
    <t>b'\x17X\xcae\x8c\x9a:}\x82No\x99\xd4\xdau[\xec\xe4\xa6\xe8\xa6\x96\x07@\xaf\xea\xb6\x93^z\xeai'</t>
  </si>
  <si>
    <t>b'\x98\xab\xa4Z\x99E\x8d\xe3df\x12\xe1\x85\xf7&amp;jj\x85uB/\xec\xa7\xc2\xab4\xa7w,:\xf4Z'</t>
  </si>
  <si>
    <t>b"\xd5\x83\xcc_?\xa2\x18En\xbf\xd3\xba\x16'\xfc\x91&gt;\xff\xb4\x99(&gt;\xb5\xea\x9a\x1e\x18\r\x9b\xb9L\xde"</t>
  </si>
  <si>
    <t>b'3pZ\xc4V=\x15\x13\x0f\xe2\xafO\xb9#\xa1M\xe1\x7f\x96oO\xaeS\x97N\x9e\x93\n2\x1f\x08\xad'</t>
  </si>
  <si>
    <t>b'\xd9G&amp;\xd9\x88\xefmD\xefj)fR\x1d\x987\x08Y\x8f\x06\x00c\x93\xe9\x1a\xe9\xea\x873|\t\x14'</t>
  </si>
  <si>
    <t>b'=\xc1w\xde\xfe`4\xaa?\xc1\n\xd5.\x9c\xdcPBZ\xe7\x06{\x10\x7f\xea\x9fj\x10c\x9b\xd4\xa8\x01'</t>
  </si>
  <si>
    <t>b'\x8bF\xee\x16\xd0d\x06r#\xcf\x05\xff\xda\xf6\xc1G\x0e\x19\x7f\x9b\xa2y\x84KeEtt\xe8\xe9\xafo'</t>
  </si>
  <si>
    <t>b'%\xf0&lt;h\xa7\xa4\xfe\xbcN\xcd(c\r\x1b\x14\xb2,s(s\xb9\xf3\xdc\xdd\xef A\xa3\xdf\xcc|W'</t>
  </si>
  <si>
    <t>b'\x19\xa7\x01\xa5\x99s \xe2Ji\xcd\xfbz\x10C\x8emFM\xb5pk\x0b\xe3\xcc\xba\x1f\xd3\xe7\xc5\xeb\xbf'</t>
  </si>
  <si>
    <t>b'\xb8\xc3\xfc\xf9\x8aZ\xaf\x9d\x89HNv1\x11\x1c?\x8e\r\x91\xeb\x9e.\xf4Y\xaa^2\\\x8dt\x8e\xde'</t>
  </si>
  <si>
    <t>b'\xb0\xf4\x93\x87\xd9\xe6\x1b\x89\xca"G\x17\xf7\x1f\xe6\xf56i\xcf\xd8\x8d\x11\xdd\xe7z\x8d\xba\rj\x9a\r\x7f'</t>
  </si>
  <si>
    <t>b'#\xd6p\x14\xbf\xf7%\x19\x90\xe8\xf9\xf9\xe8\xceg\x8b\x8f=\xa3\xb6\xb0\x8223*?\xdeS67\xb0x'</t>
  </si>
  <si>
    <t>b'*@*"\x02~a\xbeO\xf8_\xf8\x1a\xfd\x97I\xb6\x01\x88\x05\xadA\x1b\x07\x19\x9b\x15\x1fq}\x17\x9e'</t>
  </si>
  <si>
    <t>b'\x89\x9db\xc1\xea\x90\x0e\x17}\x8e7\xd2^\xa4\xfd\xb7\xa5\xff\x16$\xb5\x87\x01d\x871\x06V\xfb\x99\xdf\x84'</t>
  </si>
  <si>
    <t>b'&gt;4%pP9M\x1b\xb4&amp;\xcf&gt;\x0c^kz\x18(\xd2\x95Vh`\xce\xb6\x99\x0b\x8c7\x89&gt;D'</t>
  </si>
  <si>
    <t>b'\xa2h\xce+2\x9e\xc4\x19&gt;f\xe4\x19\x85dX\xe2\xf6\xd7\xb4\xf8p\xae\xcf`\x7f\xe1\xa0\x83\x08\x1b\x07\r'</t>
  </si>
  <si>
    <t>b'\xdd\x94A2y~\xfb!\x1b.Fd\xb7\x9cd7\xb4.\xd4\x8c;\x88\x8a&gt;;\x041DG\x07\xddK'</t>
  </si>
  <si>
    <t>b'\nI\xb9\x18S\xc76\xe4F\xf0%7-A1\x7f\xc3\xb3-&gt;\x98\xeb\x8dU`\x94ZjM\x9b\x8aS'</t>
  </si>
  <si>
    <t>b'|\xed\x0c4k=B\xa1?\xd7c\x93\x19\xfcq\x05\xb6D=\xa7N\xe3Y\x0csv+t#\xa2\x03c'</t>
  </si>
  <si>
    <t>b'DfB\x1e\x06\x10&gt;\r\xa1\xf1\xb7\xc3u5\xaa\xb1\x9b\x95\x8a\xa4Nj\x9d[v\x82\xf7\x92\xd9NSV'</t>
  </si>
  <si>
    <t>b'\x9c\xcfe\xde\xa8\xfb\x13\xceW\xe9\x00\xba(\xc1+\xad\xbe\x82\xc7tn\x08\x95|\xaa\xbf\xd0R\x86\xc9\xa9='</t>
  </si>
  <si>
    <t>b'\xc3\xe6\xd5\xc1\xae\xab\xde\x92\xda\xa1\x97w\xf9\x8e\xab\xba\xe5\xce\x92N\x0eyC\xf5V\xd5\x90\xf4a\x86u\x19'</t>
  </si>
  <si>
    <t>b'\xe9\tj\xef\x01\xdaf\x9a\xdd\xb4\x13\x07\xc8\xd6\xc6\rR\xff\xc2L\xa8\x9f\xa4#\x06\xcf\xb7\x07 AJ4'</t>
  </si>
  <si>
    <t>b"\n6U\x05\xad\xe6D\x83\x83\x00\xdaN+\xc2\xeeJF\xef\xfb\x96F\x9f\xd6\t\xc5\x10\x88\x80'\xfa\x17]"</t>
  </si>
  <si>
    <t>b'\x91\xb3\xbcac\xda\xbc\x14&gt;\r\x1d\xb8f\x1c\x9e\x8c\xfe\xa3\x90\xd7\xde\xd7\x12\xa8\x86xj\t\\&gt;\xaeL'</t>
  </si>
  <si>
    <t>b'\xd3e#"\x92\x90\xf5\xe3\xba\xd0\xb7f\t\xc7@%0W\x11G\x0f)\xe7\xd3\x068\xb8J\xdaq\xc2\xc9'</t>
  </si>
  <si>
    <t>b'\xf9{\x9f[[\xa9u\xea\x93\xcc\x893\xee\x89\x89x\x87\x05\x91\xc9\xb1\xa9\xa5\x85k\x97\nh\xb1\xe1\x81\xe6'</t>
  </si>
  <si>
    <t>b'\x97\xbd\x7f\xa2\xaf6\xa5\xc4C\x1f\xb5\x10!\xd2|O4\xcd\x83\xcf\xbb\xb3\x98\x15\xcf\x8d\xce^\xf4f\xbe\xf0'</t>
  </si>
  <si>
    <t>b'\xec\x9db\xe1t\x86\x16\xb9\x8e\xf0}7\xe8\x9e6]@\xf5\xd5r\xd2\xa5I\x96\xd9\xa8\xe37\xb8\x05f\x9b'</t>
  </si>
  <si>
    <t>b'P\x17\xbb$\x89R\x8a#\x05\x06\x0b*\xaa\xec\xf8\xb0\x9b\x10\xf9\x18\xa6\xd6\x1cY\xd2\xff\xc6\xb2t\xe0\x1f\x9e'</t>
  </si>
  <si>
    <t>b'\x9c\x8e|J\x08oPvs\xd7\xf6r\x0bB\xb3\xb1It\x9aX\xd2\xa0\x87zD=\xee\xc9\xb8V\xb1\x89'</t>
  </si>
  <si>
    <t>b'1r}\\\xc0\xef\xb5\x9e\xfc\r\xef\xe2q\xea\x14%\x9fp)\xbb\xaaVmpD]\xbb6\xe1\\H\xeb'</t>
  </si>
  <si>
    <t>b'\x016\xcek!&amp;#\xad\xc9\x13\x87\xb6\xc9[\x92\xa6\xff\x11\xd8\x87\xed\xc5T\x10\xd6\x92\x03XI\x86\x0fb'</t>
  </si>
  <si>
    <t>b'\xe3i\x98+\xf2\xc3\xf3Z\x08\xcb.\xc3\x15\xc6\x94\x06\x08\x83\x12\\*\xab\x98\xc2\\\x1e\xdd= \xf8\x16m'</t>
  </si>
  <si>
    <t>b'O#\xd5\xadO\xa1\xfe\x1f%\xc49\x1a\xden\xf0\xac\x06M+\xcc\x99"=\xc0f\xa2\x94\xa1\x00^5\x1d'</t>
  </si>
  <si>
    <t>b'\x93\xea\x10\xb4\x01Y\x1e\xce\xee"\xcf\x8f\xe9\x0b\x9f\xbb-N\x05G\x17\xa2\xdb^R\xaf)\x9b\xd1U\x8f\xde'</t>
  </si>
  <si>
    <t>b'\xc2z\t\xaf\x90\xb1\x0b\x8f\xcd&amp;dy\x14\x05\xe6\xd4\xb58(\xeel\x07\x9c\x1a|c\xee\xfeo?K\xfb'</t>
  </si>
  <si>
    <t>b'\xe5\xaa\xd58o&lt;9\xb5Yj\nx\x10\x8d\xefys\xe3&lt;\x89`\x12\xfdZ\xc2R\xb1\xd3j]i\xbd'</t>
  </si>
  <si>
    <t>b'\x07\x07\xe80F\xed`\x17/\x1e\xa5\xfe44m\xdc2\n\x1b\x92\xad8{4q5NN\xd0\x04\xa96'</t>
  </si>
  <si>
    <t>b'\x8d\xca;\xb03\x1c\xfd\xee\x16\xad\xf7\xedF\xe1\xc8E\xb4\x91\xd02)\x8b\x83\xea\xee8\xd4TL|\x02Q'</t>
  </si>
  <si>
    <t>b"P\xa0\xd44\x13\xbf\xd2h\xb0\x0b\xc9\x163\xe4n\xe5D\x9a\xbe'\xed\x1a\xd0\xa9\x97\xd2\xd6\xfcMbdX"</t>
  </si>
  <si>
    <t>b'\x83\xdf"xr\xdbWo\xed\xb3V\xd7\xa4\xe3P\xc6D\xe9\x08\x10\x8c\xd7X+\xf3\xc8f,J\xe3\x10\xbd'</t>
  </si>
  <si>
    <t>b'PuJU\x93q\x94#\x18\x97G1=D\x0b\x9a\xd2\xf4\x13\x9f\xf1\xad\xc2{\x99D\x0e9Y\xdb\xa3\xaa'</t>
  </si>
  <si>
    <t>b'\xe5\xd8q\xe3\xaa\xdc\xf7\x11:p\x12Y\xe3x\r}[\xf4V\xb3\x9c6\xae}\xfd\x9b\x01\xa8\x80\xbd\xb4%'</t>
  </si>
  <si>
    <t>b'\x16K\xc9\x8b\x18\xdf\xa4\x84\xc9%\xb7\xb2\x7f\t:@\xb0=LdN\x8cZR\x13\xca\xd6\x83\xfa\xa8fN'</t>
  </si>
  <si>
    <t>b'~\x87\x81\x14\xc5\xa4\x9c\xbco\xb0:\x12\xf2\xd4\xf8\x90\xd0\xef\xc5;\xe1\x10\xe3]\x15LJ7\xd4\xa4N\x98'</t>
  </si>
  <si>
    <t>b'\x12\xb8\x00Fah\xc7\x14~\xd3}\xf3\x19R\xdc\xd3\xc7\xd1\xe1\xa6p\x0b=]C\xc8\x96\x1d\xc0\x8eI\xa4'</t>
  </si>
  <si>
    <t>b'\xbc\xd4\xd2\x00\x96F@\x9e\xfe\xbe%\xbb&lt;T\x85\x1d3\x86\xe8\xf0m\xdf\xfd\xcf\xbb\xc8\xb7n\x0c%^\x89'</t>
  </si>
  <si>
    <t>b'\x93\x89\xd1\xd7\x92\xd9[\x9c\xf4\xc3\xc5\x9e\x90\xe7\x1a\xdc\xac\xe0\x1f\xfc\x98\xe6P\x83|8\xf1[\x8e\xa5\x1e='</t>
  </si>
  <si>
    <t>b'\x1b\xad\xbe0\xc1l&gt;H\x9a\xe1\xdb\xc5-\xa3\xe0Z\xd32\x9aW%$l\x1d\xd5h\x16\x15[\xa7\xf4l'</t>
  </si>
  <si>
    <t>b'f\x17\x92\xbbX\x07\xbd\x03!CN!\xb1\x98\x88\x1c\xa8s\x86\xcf\xfd\xcd\xd5\xff\xabA\xe1\x80\xe9\xad\xfcn'</t>
  </si>
  <si>
    <t>b'\x10EJP)uk\x97\xfd\t\xa3\xb3\xa9\xc0\xf4\xa1\xfbk0\x7f\xa3\xa6bx:lL\t\xc9\xb1\x98\xca'</t>
  </si>
  <si>
    <t>b'\xfd\x0f\x0b\xa3\x1f\x86O\x1a\xa3b|N_4\xb1,\xf7\x03\x1c\xe1\x92%\xf7{\xe3\xb7\xe3\x81\x1czUl'</t>
  </si>
  <si>
    <t>b'\xe5\xc4\x8b\xd7\xd6.\xb4\xbbN\xab\x92\x08\xebm\x89\xb3MN\x04]\xf7&gt;\t\xcd\x7f\x90k\xec\xc4\xe4\xeeY'</t>
  </si>
  <si>
    <t>b'\x04\xb7Ao1\xf7#\xd8(\xd6\xce\xd7\x05\x86\xe7_Nk"/\xa2\x99b\xfe\xb3\x8e[v\xd3\xec\xdf\xa4'</t>
  </si>
  <si>
    <t>b'\xf7\xa4\xa5\x13\xe3\xd1\xc4\xbb\xd5,U\x92z\x14\xe2\x1f\x86\xb7\xf0"\xbf\xbd\xc3\xfe\x94n4S\xe4\x8d`!'</t>
  </si>
  <si>
    <t>b'f\xa3\x85o\xb7\x02\xe4\x1eY\x9fy\x02#iQ\xdd\x9d$\x9d\xa0@\x83\xa2\x1f|\xda\xa7\x99-\t\xab\xbd'</t>
  </si>
  <si>
    <t>b's\xe1"A\xfe\xec\xe5\xdf\xcb\xdd\xab\x14\x06\xc5\xf8\x0b\xca\x8d^\xde\x16\xb5\x9e\xbd\xd2\xcd\x8aV\x9f\xf9m7'</t>
  </si>
  <si>
    <t>b't4s\xdb\xdc\xedB\xfc\xa1"\xe0\xd7a\x16\xc9\xd1I\xa7\x81\x8d\x92\xe5\xc9C[\n\x85b\x13\xb1hK'</t>
  </si>
  <si>
    <t>b'RV\x99Hp[\xd6\xe6\xd9\xff\xc3I\xff\x1a\xd0\xb2\xa0\xf37\xb9\xa1=;Z\xb8\xc6\xeaJ\xa3;\xef\xc2'</t>
  </si>
  <si>
    <t>b'\x87%\xad\xbb\x0e\xf9\xf1&lt;\x9c/\x1b\x1dP\x13\x9a\xac\x90\xc6\xd0\x1a\xf4\x86\xd8\xee\x13\x03\xde\x19\x9a\xbdo\xcb'</t>
  </si>
  <si>
    <t>b"\xe8\xef\x00J\xf5ng:\x8b\xc3+\xc3\x90r\xcd\xfd\x10\x025*1\xace\xaf\x03\xf2\x92\xbc\x87'iI"</t>
  </si>
  <si>
    <t>b'he\xfa\x02\x90\x078\xab\xcc\xe5\xbe\x0e\xbc\xa4\x8f\xf1\x8a\xfb\x15\x0e,\x85\x86\xe0\x80\xdb\x1a\\\x0e4\xb6S'</t>
  </si>
  <si>
    <t>b'zC\xe0U\x9a\xb2:\xb9\x93\xf3\x11\xa6B!\xeb\xb0\xe2\xca\xcf\xa9\xd3\xb8(\x85s8\x9ci\x98\xf9\xc3\x94'</t>
  </si>
  <si>
    <t>b'\xdb\x06!;3\'p\xfa\x9f(\x1a\x0e"\x8e1\xbd\xf2\xf1\xdd\x80\x12Y\xc4C\x8a\xfeU6\xb5\xb7\xcdu'</t>
  </si>
  <si>
    <t>b'u\xf7\xd1\x10\xc9\xd72\x89\xccZ\xfb\x9b\xa2\xfe\xa3kUv\xee;\xab:\xb5\xffx\xe3\xb2\xe3]#\xd2F'</t>
  </si>
  <si>
    <t>b'zO\xd03\xa9\x13\x91\xc7m\\\xffu6&gt;\xc4\xf1X\x17\x88K;\xd6Gp\x0c\xebRj\xc7\x1a\xbd\xe2'</t>
  </si>
  <si>
    <t>b'v{\xbb\xbc\xf5\x06\xe4\xeaw\xeaI\x99w\xca\xcd3\x1bI\x8b\x90\xfb\xc9\xde\xbf\x97Xn\xa25\x19\xc5\x15'</t>
  </si>
  <si>
    <t>b'&lt;&gt;\x8d\x0c&lt;\x0b-\n8\x8a#H\xa8\xf7F\x00)\xeb\n\xf2UB\xe1]\xc7G\x84\xc4\xb99\xd0\xd1'</t>
  </si>
  <si>
    <t>b'\xcf\x95&amp;\xf7\x9e\x9f\x83\x0e)\xfd\xb9\x03kV\x96O~w\xa2\xa8\xfa\x86#/\x9eh\xea\x98-7h\xad'</t>
  </si>
  <si>
    <t>b" l\\\xcf\x12\x9a\x13\xb1kg\xac\x83\x9a\x94\xf5\xc1\x00\x1e\xc7\xea\x954\xe0\xc4\xc9\xa52Y'\xb9,("</t>
  </si>
  <si>
    <t>b'`\xa9\xe0\r\xcb$\xdb\xb6\xa71\xe3\xc8\xf4\xf3\xe8\xc66\xcc\xfc\xb6\x83\xbf6"\x16[\xe4z\x9bM\xb7\xab'</t>
  </si>
  <si>
    <t>b'\xb4:\x02@\x82\x15\xe3\xeb"\xf2\xd5\xcem\x9c\xd0h\x95\x95\\\xd8\xees\xbb\x98\xe3i\\z\xe8I\xfa`'</t>
  </si>
  <si>
    <t>b'\xe7gG\x8db\x86\x86v\x01\xb6\xe4\xb2\xce-\xedS\xa6N\xedFPw\xd7\xc4&gt;\x9e\xcf\xd4\xec#\x7f\xee'</t>
  </si>
  <si>
    <t>b'\x1d&lt;\xd3\x9du\x83s\x07j\xdcxS\xc1f\xdf\x90Vhs\xf0n\x01^\xf22\x1cg7\xd0F~\xc7'</t>
  </si>
  <si>
    <t>b' \x99\x19x\xe8\xfa:d\xbb\xee\x9e)\xf4G\xca\x1e\xc1\xee\xa9\xf2\x01C\xeb\x87\xcd\x16c/\xaf#\xbb\xd6'</t>
  </si>
  <si>
    <t>b'\xb3w\x81\x87\xa1\x1cm\xe8\x19)\xad\xf5QI&gt;\x93V\xc8j\x98|2\xf8\xd4\xb4`\xfc\xc2[\xf0a\xfa'</t>
  </si>
  <si>
    <t>b'\x84/\xce\x8d\tu\xdeH\x88o\xfb\x96\x81\xef\xcaB\x847\x9a\x99\x05\xcc\xcatA&gt;\x1cI\xf7\x16\x1ao'</t>
  </si>
  <si>
    <t>b'\xa4_D!f\xec\x13F5\x18\xbbP\xbb\xe2\xa2\xe5/7\xadW\x8c\x1bT(T\xb4\xabc\xf6alp'</t>
  </si>
  <si>
    <t>b'\xadu\x024\xcb\xe3\x17c\xec-x\xa20|\x1f\xea6\x95\xa3\xbc\x06\xa8\xaf\x1c\xad:@\x18\x1fT\x97\xee'</t>
  </si>
  <si>
    <t>b'\xf6\x01&lt;Ef\xba\xdd/\x1ez\xca\xd9q6\xe2\x15\xc4\xd4\xb8M\x99\x0f\xcc\xdcC\xd6\x13\xf5o\xa7\xf0\xfd'</t>
  </si>
  <si>
    <t>b"\t\xa7\x05\xc4\xe0\x90\x9c~S\xb8'\xb4V\x96\xb9v\xe6]\x82\xc5\xb5\xf5\xe8\xba\x89e\xc6x\x88\x14\xca\xbb"</t>
  </si>
  <si>
    <t>b'\xc1\xab\xc4\x1f\x1c\xb3G\x956\xfc\x14\xac[z}l\x8f\xef+9\xee\xcb\x8bG\x872("\xb2V3\x1c'</t>
  </si>
  <si>
    <t>b"\xba\xf0\xc9y\xfb\xf9\xba\xbd\tz\x01\xfd\x14\x93\x95\x0f\xd1{\xf1\xa8\x04\x99\xc2+\xaa\x01\x86\x9c\x01h':"</t>
  </si>
  <si>
    <t>b'\xc1\xf1\xa3\xc7\xfb\x96\x02\xbb\xea\xc0~\x91\x99fk\xca\xd3p\x81\xd1\\\x1e\xccf\x11\xc6\x0b"\x99\xf5\xfb\xbf'</t>
  </si>
  <si>
    <t>b'\x8f\x9e\x9dW\xc7\xa51\xda\xc6\x06\xb0\x9er\x86/\xfcX\xce\xbb.\x0e/\x8d\xeb\xf2\xfa9|\x97\xe6SG'</t>
  </si>
  <si>
    <t>b'\xe8\xde\x93(c[\xc8\x9c\xcbD\xa2\xa6a\x05x\xb6?=t\xac6\x84\xc5\t\xe9.\xa6\x03\x97E\x8a\x00'</t>
  </si>
  <si>
    <t>b'xa!\x9d\xaa?dG\xf6(\xbe\x06?\xd9\x96\xca}\xf1YT7Z\xde\xe7\x9bcsR;u\xd5\x1f'</t>
  </si>
  <si>
    <t>b'5Z\x99\xbe.\xc1\x01\xa1\x91\xc78Av\xe1_\x90VO\x7f\xda\xc3\xe9"*\xc7O\xe1&amp;\xfb\xfe\xc6\x0c'</t>
  </si>
  <si>
    <t>b' &amp;&lt;\xbanq\x00a2c\x973\xa2\xb7\xee\x86\xde\x93\x13r\xda\xa9\xba\xd3\xa7\xac\xcb\x84\xb1"/\x05'</t>
  </si>
  <si>
    <t>b'C\x19\xd7\xa2\x90\xc2[\xca\xc0\xc8w=1\x89Y_\xa1N\t\xa9\xc0u\xb1\xa7\x1d\xe2\xdd\xca\x9e\xd9\xcad'</t>
  </si>
  <si>
    <t>b'\xf7^\xfc\xeaY\x93\xc5\n#\x85\xacT\xf5\xa0\xe6A\x12\xf4\xab\x00\xc8\x80\x06\x8d\xd6\x96-v\xe7&amp;t\xea'</t>
  </si>
  <si>
    <t>b'\xdd\xe9\xefV`0\x81\x1a6\r\x85d\xd5\xf4z\xcaeve\xbeC{~\x0e\xbe\x81\x1b\xa5\x90*8;'</t>
  </si>
  <si>
    <t>b'\xaek\x17}u\x10$\xf8[\xeek\x80\x05\xcb\xe7\x85\xdd\xd5B\xadj\x86!\x90\xb162\xfd\xe2\xfd}\xd5'</t>
  </si>
  <si>
    <t>b"\xbe\xed\r\xba\xb8\xc4\x14'\xe3b'?_Pt\xa1O\xe7&gt;\xa7\x978)\x85\xffB~T\xb7g\\'"</t>
  </si>
  <si>
    <t>b'6\x1d\xb9\x8a\xf7{\xc0&lt;\x1b\x12\xf1\x0c\xf6\x8f"\xe9\xb7`\x04d\xcd\xdcBXY\xfb\x16\xdaz0\xd5\xc1'</t>
  </si>
  <si>
    <t>b'\xf8r~\xc6\x16\x12\x95\xba\x16\xe5(\x91\xf4\xfd\xde\xd3Y\xb8\xd9\xfd\xc1\xc4\x16\xaa\x92\x8e\xff\xe3\x16]\xa6Z'</t>
  </si>
  <si>
    <t>b'\x93\x9cW\x04\xc6\xfc\xa3\xab?\xbdL~\x9b\xd47\x13\x88\xbfF\xc0\xfbG)K\xf9\xa5c\xbb\xda\r\xe5~'</t>
  </si>
  <si>
    <t>b'6@\xefd\xffF\xb4\x0f\xdc;kJ\xdf\xe3\x874m^\x81\t\xa8L\xeb\xc2&lt;\xe1Oh\x9aH\xc2)'</t>
  </si>
  <si>
    <t>b'4)\x04\x1d\xa4T:\\\xba\x18\xa6\xce\xdd\x91X%\x11,\x84Y\xed\x14\x9f\xcd\xf1\xcc\xae\xaa\xa6\xe3&amp;9'</t>
  </si>
  <si>
    <t>b'\xa9/\x0c{I\xbe\xda\xa1\xf2\xde\x1d`\\\x03g\x82O\xb0\x92\x0e\x80\x9b,Y\xa3\x90\x15\x07\xc16=\xb9'</t>
  </si>
  <si>
    <t>b'\x0cS\x01\xa0R\xa9-\xff\xfeu\xb3\xc7\r\xab\t}F;\xc9\xc0cR\xa2_F4-\xec\xb6\xc6b\x1a'</t>
  </si>
  <si>
    <t>b'S&gt;\xeef\x1cT\xa8\xc3\x01\xa8jm\xaa`w!\xd1\x16\xed\xdc\x03\xcb\x9d\xf2\x0c\xf8\xb3\x97\xec(\xbc\x98'</t>
  </si>
  <si>
    <t>b'&gt;\xa4jz\xf6\x01:\xd8w\xa8\xed\nR\xd9\xc4\xf9\xcc\xee\x9fy)2\xcb\x99\x1a\xe2\xfc#\xca \x9c('</t>
  </si>
  <si>
    <t>b'\x1b]H\xf4\xe4\xa0Q_\xe0\xae\xc7\xc7f\xdf%0\xd7\xd3h\x06A\xd9\n\x04\x95E\xc5FC\x0bh\xfe'</t>
  </si>
  <si>
    <t>b'B\xac\x00\xc9\x02\x0cS\x19\xdb\xbb\xc37\xccXy+\x13\xecW~!\xb9#[k\xc7\x04\xdc\xd0kxu'</t>
  </si>
  <si>
    <t>b'\x11C\xb4\xf19T~+=\xb0\xc2\xe3\x0b\xf5\x04\xfa\x0c\xaf\xfeZ\xd2\x1a\t\x8f \x16Q\x06HnDF'</t>
  </si>
  <si>
    <t>b'[\xd1\xfe\x0f\x8a\xc3\x06wP:\xf1\x83\x9e&gt;\x05g\xe4#\x98\xc6\xe0\x01\r\x9c89S?o\x96\x1aM'</t>
  </si>
  <si>
    <t>b'&gt;\t#\xb8\xa2\xeb\x9eP\xc4\x80\x14D_\xcaG\x06\x81j2\x11&amp;\x1f\xa5%\x0f\xae&amp;\xe9\x08M\xcc\x9e'</t>
  </si>
  <si>
    <t>b'{\xf4d\ntt\\\x9f\xc6\xa9i\xd7\x87\xc02E\x1b/J\x9bv7\xbd\xf9\xe9\x7f\x01\x93\xdc\xaf\xa9d'</t>
  </si>
  <si>
    <t>b'\xaa6A\x85\xcd\xb8\xb1\x05\xca\xcb&amp;\x00\xd4h\x935\xe4\xa7\x9ed`\xba1F\x1b|\xc9\xe8\\p\xcd\x98'</t>
  </si>
  <si>
    <t>b'"\xc364\x7fR\x9e\xd6\xc07\xc40\xc4j#\xda\xd5\x8c\x16S\xdaHmM\x1a\x93\xaes\xf5\xeb\x91\xf2'</t>
  </si>
  <si>
    <t>b'\x8b\x81\xa2\x88F\xc5B\xdck\x93#[1\x13g|\xe8^\xd5\x82l\\c\x9c\x8a\xae\xae\xc1c\x7f\xfa\xe4'</t>
  </si>
  <si>
    <t>b'\x17\x162\x86\x8f#\xe0\xc8W\xb4\xbcm\x083\rT\xf7\x96\xc8n\xb7u\x84\x97B]\x0cX$R?f'</t>
  </si>
  <si>
    <t>b'\xf1\x1f\xb6a\xaa\x9b\x83\xba\xd1s\xb2\t\x951\xd2\xc2F\xd7\xe8\xc9\x13J\xcd\xf2)\xf7\xfe\xad\xc74\x8a\x82'</t>
  </si>
  <si>
    <t>b"\x0c#\x88\xbc\xbb\xb3\x1b\t\xe6']\x17\x9b\xbc\xcd\xd3&lt;&amp;[\xfd\\QG\xf10\x87\n,J\x14\x8c\xf9"</t>
  </si>
  <si>
    <t>b'+\xdb\x8b\x9e\x17\x94\xc7\xff&gt;\x12\x97\x03\x9c\x84\x16j\x16\x80;!\xe0\xecYsv;\xb0R\x9f\x95\xa0_'</t>
  </si>
  <si>
    <t>b'\x86\xe1m6#\x15\xb7W!A\x80\xc1\x9f\xfe\x10W\xcd\x99\xda\xbf)\xfcA\x13\xe1\x8a\x92\xc0\x0fW\xfds'</t>
  </si>
  <si>
    <t>b'\x88\xde\x03j)\xceE\x07j\x0fs"\xb0\xc9\xd1\x90$5\x8c\xc6KOC\xf8\xddg\xa9\xab\x0c\xa6\xdbK'</t>
  </si>
  <si>
    <t>b'/ts\x8f\x92\xf7\xb7{\xb9\xcd\x93^-\xee\x19\xd3\x93\x83{%\xa3\xa3\xd5\xb4\xc0W[\x87\xf5&gt;\xa7\x04'</t>
  </si>
  <si>
    <t>b'o\x8a\xcc\\\x80\x88\xa1@\x9d\xeb9\xcf\xca\xf37\x81_\x12\x9e\xe11\xc8\x8b\xa7/\x96\xb8\xfc\x89)\x81Q'</t>
  </si>
  <si>
    <t>b'\xa7f\xc7J\xa1\xc5\xc7\x0f&gt;\xa5\xcb\xbc\x19\xe0\x95\x92q\x84\xf6P\xb3\xa6\xc2\x03&lt;\x91\xb7\xe8A\x11\xe5\xbd'</t>
  </si>
  <si>
    <t>b"\x94\xe5e~8o\xee\x07\xe0p\x14&gt;\xfc\x00\xa8\x13t|\x01\x89\\\x01\x9a\x8c\x01\x05v\xe6?\x9c\xc2'"</t>
  </si>
  <si>
    <t>b"i\x94@\x89\x8b\xb2\xc1R\x83\x17B\xfbD'dy\xbf^\x9c\xe8\x08n\xf7L \x88b\xcf\x9cR\xa6@"</t>
  </si>
  <si>
    <t>b'\x17\x98\x0e\x0c\xe8\xf0p\xb5`\xb4\xf6\xe2\x92Y\xf5_/\xa8b\xdd\x14\xb0])\xee\x1032_\x9a\xea\xc4'</t>
  </si>
  <si>
    <t>b"{BU?\xff\xb9\x8d\xee\xb7=\x10\x8eC\xc4T\x80\x89'\xcc\x88f\xaa\xfe\x89\xe2\x08\x01s\xcb\x17Ek"</t>
  </si>
  <si>
    <t>b'\xcb\xe5V\xa7\xfe\xcb&lt;\x97\x91\x04?)$\x8b\xc1Q\x1d\x88\xb8C\x11\x90S\xdc\xd41".\x17\xf1D\xcb'</t>
  </si>
  <si>
    <t>b'h\xad\x80!\xd3\xa8\xca\x13\x91b\x85\x91X\x8c\xac`\xf4.D\x1f`\x1a&lt;\xb9\x0bI\xedE\x1bU_\xbc'</t>
  </si>
  <si>
    <t>b'Tv\x96\x9e\x1e!K\x83S\x1f@\xffuU\xe1\xc8\xcd\xed\xab|\xb6\x1d\xdc\x8e&lt;\x87\xa4\xeb\xc1\xbb\xf2\x01'</t>
  </si>
  <si>
    <t>b'\xdd\xbee\xee\xa8\xa3\xd5\xf7\x85$\xe1\xe6\x11\xfcY\xe3\xcdxQ\xfe(\x13\x84\x0f\x1aQ?\x16.o\xd7\x81'</t>
  </si>
  <si>
    <t>b'\xeba+\x9b\x93\x1a\xe3\xcb\xad\x90\x8d\t\xf0\xd3\xf2\xf7w\xc0\xb9O\x10\xd1\x11[\xcd\x12\xa3\xc2\x9b\xf0\xf5\xa7'</t>
  </si>
  <si>
    <t>b'\x0f\x9ah\\r\xc9\xed\x11\x82\xfb\xa6\x80\xb9\x9fJ\x0e\xb6\xca\x9aNU\xd7Qd\xb1\xf1_\xa1&amp;\x8e(\xad'</t>
  </si>
  <si>
    <t>b'3sTC0\xfb\xcd^\xb0&gt;\xb0\x86\x805\xf5\xc4\xc0\xdc\x9elA\xcbH\xac\xac\x98\xfa\x0b\xfe\xac0:'</t>
  </si>
  <si>
    <t>b'\x98y\x87WP\x9c\xfc"\xe0exv\xbc\x96\xc0\xcf\xac\x06\xa7\xca\x88\xebM#\x96T\x1f\xb4\x9d*\xb2\x96'</t>
  </si>
  <si>
    <t>b'\xb1N\xcf\xcf\xfe\x03\x86;Uo\xb9\x0b\xd9ltj\xa7T\xc5\xa8\xf4\xd2e\xcd\x1d\xb6\xe6\xa4\xa4\xcdA\xc9'</t>
  </si>
  <si>
    <t>b'\xe9\xeb=\xbc\x81hH\x12\xd8\xd95\xce[\xb7\xbf\xe2j\xaeH\xdb?O\xd8\xc0\xbf0&gt;\xa9\xd7\xb7=I'</t>
  </si>
  <si>
    <t>b'\x87H\xd0\xadpz\xaa\x91:\xedCi\xf5\x81\xf7U\xbd\x9f\x053\xdc]\x8d\x0e\xe5\xf2Jy\xb9\x03\xbfk'</t>
  </si>
  <si>
    <t>b"g\xd7F\xd7\xfd\x92x\xb8Ks\x85\xd5\xea\x17oCT\xc9\x88\xbe'\xdcqA\x94\xb8\x80&gt;\xcf\x19R\x16"</t>
  </si>
  <si>
    <t>b':\xa1\x8dF\xae\x94\x19\xd5\x1a\x8e\xf1,\xab#\xca7\x96Y\xc2&gt;\x9aR\xfaK\x83\xee\xeeNZ\x8bM\xa2'</t>
  </si>
  <si>
    <t>b'\xca9\xcd\xd6"\xf0\xe6V\x92\xe5\xf6\xc1\xe3AvQ\xe3\xd6\xfe#\xe7\t\xd5\xabs"\xcf\xb6\xf3\xca\xff\xf6'</t>
  </si>
  <si>
    <t>b"\xf4'\xe9k\xcf\xfc\xcf%\xf8=(\x88]\xe70:\xae!\xe2\x1e\x18\x18\xbe\x13\x05A\x88\x00\xbc:\x91\xa4"</t>
  </si>
  <si>
    <t>b'\xa6\xd0h+\xa0\xe4\xfd\x9b7\xc2rVs\xfecL-\x1a-\x0b\x8e\xcb;\xeb\x9a\x1a\x01\x81\xa2Y\xa1r'</t>
  </si>
  <si>
    <t>b"\x9c\xd2p~\x96\xd2'\\\xc9\x9a\xec\xf6_yX\x89jc\x90\xe9\xc3\x929`&lt;s}\xac\x9f@\xac\x08"</t>
  </si>
  <si>
    <t>b'\x9d[\xeb\xdc\x80\xdb\xdcv\x92\x07zb\x10\xeb\xac\xd0\x99GT\x9b\x8a!o]eT\xea|\x88\x9d\xcb\x81'</t>
  </si>
  <si>
    <t>b'hU6\x8b\xc7l\xca\x93Q\xb6\x17\xc2u\x96uN\xff\xbb:\x0bW\x18H\xc6\xb5m\x10Z\xaf\xb1\x11}'</t>
  </si>
  <si>
    <t>b'V2\xfa~\x87\xdf0\xa6\xc5\xcf\xa0\xdb\x9bwQ\x15*!\xd08\x0f&gt;\x84\x97\x01]&gt;#\xe3\xcf!\xde'</t>
  </si>
  <si>
    <t>b'\x921\x1e\xed\x12\t\x88xX\x00\xbc\xe7\xd1\xb5\xcb\xeaCjo\xbf\xe3?\xbdoW\xa1\x03\xf8P4\xa3\xf1'</t>
  </si>
  <si>
    <t>b'xqV\t\xb8H\x8bz\xf6\xc1\xfd`S&lt;D\x07\xb6\x82\x94\x1b \x17\xbb\xa3z\xc4\x83-\x19\xeb\x07\xa8'</t>
  </si>
  <si>
    <t>b'B\xf0\x1d\tRY\xa2\xe7\x87\xae\xd2\xc6\x1bP\xb3H\x87\xce2\xeb\x84T\xc2:\x8e\x9c\xe5\xbb\x8fB\x8d\xf3'</t>
  </si>
  <si>
    <t>b't3\xaaV\x8d&lt;A\x0b/\x9c\xf4\x86\x87\x90\x94\x03S\xad\x9e\x15\xb6\xe8\xd9\\\xc1\xe8q\xadW\xf6Z\xcd'</t>
  </si>
  <si>
    <t>b'\xf6\xd7\xa1\xfa\xc3\xd0\xb8\xed0Z\xe3\x88\xb4\xbel\xd2\x1exJ\xd5\xa0+\x1duV?]\xab\xde\x0e\x10\x90'</t>
  </si>
  <si>
    <t>b'b\xaa\xd4U\x8c\x88\x9c &gt;\x8d\xed\x1d\x11\x8d\xc8\x15\x90\x9c\x86\x05\xeb\xfb\x98&gt;+\x1afme\xce\x82\xf2'</t>
  </si>
  <si>
    <t>b'\x13\x1dF \x88\x01`\xa6\xc1\xb2/T\xa7X-\x96\t\xd8\x0f?\xc36\x91\xd7l,H\x08\x10\xcc\xef\xd7'</t>
  </si>
  <si>
    <t>b'\xff\xebP;\x17\x03\xb2\xac\x17\xe8\t\x9fa\xa6\x0c\xce\x8e\xf3\xb5\x88\xec\x90\x11\x1cjK\xb0\xfd"\x10\xe6\xc4'</t>
  </si>
  <si>
    <t>b'\xc2\xd0,\xa9\xab\xe2gx:\x95\x91\xabZ\x87NV\xca\x8eL\xcb~{SQM\x1c\x13R\xe3\x1e\x1b\x8e'</t>
  </si>
  <si>
    <t>b'\x89\xc1?\xb7\x0eQ\x02\x1cU(\x99\xc2\x95\x18^\x95D,\x82Ze(\xea)\xb5\x9b0\x94\x03#u\xcb'</t>
  </si>
  <si>
    <t>b'/\xc6e\x8b]\xe9\xba\xd1\xa1{ p|%\xd4G\xe5\xd9\x88\xc4_@K\xcb-\xf5v\xcb\xd8\xae\xb6,'</t>
  </si>
  <si>
    <t>b'y\xc9\x800dG\x0e\x84\xa0L$e\xf3]rG\xd9\xef*\x15x\x8b#\xeeN\xfc\x1b\xe9\x87\xf6_H'</t>
  </si>
  <si>
    <t>b"9\xe5`ID\x1e\xa5\xdf~\xb5\x81\x8a\xbc\xdcq\xdfY\xc3\xaa\xd6\xdf\x1f'\xfb\xfc\xe4\xd4!\t\x89\x059"</t>
  </si>
  <si>
    <t>b'q,\xac\xc6VdE\xa0\xef\xe44\xfen\xb7n{\n\xab\x98\x13\x8b\xee\x82x\x87o\xf5o\xed||+'</t>
  </si>
  <si>
    <t>b'M\xc3M\xe3\x95\x9a\x87\xeeh;\xbf\xab\xd8\x87t\xa6S\xcd\xb4c\x9e\xe2mMX\x0fg\x96z\xe9%\x03'</t>
  </si>
  <si>
    <t>b'y\x12\x050\x93\x06e\x0bK=\x93\xda\x1e\xd1aL\xe1\x13\xb6\x1e\xd5\x851e\xaa\x8f\xd8\xf8\x18\r\xb6\xe6'</t>
  </si>
  <si>
    <t>b'\x8dE\xd4V\x82Y\xcf|`M\xa0\xcb\xdf\xbc\x80\xa3\xdc\xaa_\x03tn\xa2\xfc\x1c\x11\x07\xee/\nz\xd8'</t>
  </si>
  <si>
    <t>b'\x86I\xb2\xca\x82&gt;9D\xe7Z\xb8\xd0!\xc5fhW:\xcdE\x02!\x89x\x82,\xca.9\xdd\x02\xa0'</t>
  </si>
  <si>
    <t>b'\xf3\r\xdc\x83\xdc\xdea0\xf0&amp;2\xfa^\xb0\xd9\x9d\x166\xfca\x0b@\xfc\xf6{-5\xdaT\xc3\xe2\xd9'</t>
  </si>
  <si>
    <t>b'F\x1a\xcd\x0f\xe5\xa6\xa1\xa2\x95.=\xb3(\x1d\x17\xd4\xaf1\x1d\x04\x08\xba\x98\xe1\x005S\x82\x1b7\x83\xb5'</t>
  </si>
  <si>
    <t>b"\x0c\n9\x92\xd5\xde\x11\xd0\xfd\x96\xc3\xe4h5%|\x92RgA\xf4\xa4\x9af'{\xe4w\x04\xa3\x08\xef"</t>
  </si>
  <si>
    <t>b"&lt;&lt;*\xde\x01\xa2\x14\x9a\xd6\xab\xd7\xba\xf5Ak\xe9\x03&amp;t\x82X\x12\x7f\xe8\xec\x0f\tg\xf5'\xefz"</t>
  </si>
  <si>
    <t>b'\xad;`\xed\xbd\x12\xd5\x8d\x83\xa7\xbb\xecX\r\xe4\xe2 &lt;W\x9c\x981W\xbc\xcb \xffl5\xa6U\xc2'</t>
  </si>
  <si>
    <t>b"7\xe5\xf9R[\xb3\xd0\xd6\xd8\x03\x9ebh\x01\x06\x9c\n\xcb\xea\xbe'\x03\xdaU\xe2O\x1e\xd5\x1cI\xa9\xc3"</t>
  </si>
  <si>
    <t>b'\xdc\xee\xce(\xb8\x0e\xa6\xbce*\xb6\x17\xc9\xaa\xe1H\xdc\xea\xd2R\x90\xce\xfc3\xcc\xa1_\xf3&lt;mw\xac'</t>
  </si>
  <si>
    <t>b'b$\xed\xc2,\x1a13\xad=V\xba\x8a\xa3\xed\xacOp\t\x02\x1cr\xb3\xe2\xb5\xf4\xfe\x94\xdb4u\xf9'</t>
  </si>
  <si>
    <t>b'&amp;JW\xed\xe2\x92\x03)zj\xe4`se\x97%\xcb[\xd12\xd7\x9e\x86\xee\x88\x9f\xa9\xcbR\x13\xd9\xe1'</t>
  </si>
  <si>
    <t>b'\x8b\x05\xab\r\xa4\x13N\n\xf4#\x84f#^\x01;\xee\x07\x10\xc4A\xcc\xc5\x053?\tgV0q`'</t>
  </si>
  <si>
    <t>b'\xca\x18\x0c\xac\x89\x93,O\x88\xddF\xb1\x87\x97\x92.L|k\xe6\x9e\xc5\x86O\x04K\xb6\x9c\xb9\x86\x0f\x17'</t>
  </si>
  <si>
    <t>b'Y1\x18\x9e)\x12\xc3\xf8\x14?n\xeeZ\xdbI\xd6\x82\xbb9\x9fD\x8d\xdd#\xee\x0f\x82\xee\xd4rAr'</t>
  </si>
  <si>
    <t>b'\x92]i\xd9&lt;\xecf9o\xa9G*"dG\xc5\x82\x93&amp;\xd2\xbc\xa8\x15\x891;\x81\x02&lt;\xf3\xd0\xe5'</t>
  </si>
  <si>
    <t>b'U\xa9\xbf{\xe8\xd92]\xf7\xe8v\xbf\x94\xa1\xe8f\x91\xe8\xdc\xe0\xed\x132\xdf$Z\xa7,\x1f9\xbfc'</t>
  </si>
  <si>
    <t>b' \x95e\xbe\xc8\xe3\'\xd0\xf4\x1b\x91\xb0\xbdG\xb2"\x08\xc5\xa3\xcc\x93\xd8K\xfaS\x10\x93:\xdeJ^\x1f'</t>
  </si>
  <si>
    <t>b'\x81\x98\tJ%[WA^\xe6\x86\xd0\x8e9$2G\xaa\xa1\xa1\xcb\xcc&gt;t,%\xf3r\xa8;o\xb0'</t>
  </si>
  <si>
    <t>b'Yy\xab\xe1%q\xe3\xf0\xe4Q\x88\xed\x18\x04L\teX!\xc4\xfb\x91S\x13\xf1B\xfe\x1d\x0e\xb2\xbdx'</t>
  </si>
  <si>
    <t>b'\xdf\xc5\xa5o\xf29\xcb\x8a\xd6\xd9\xfe\xf4\xb5\xcb\x87\x08^G5\xd9\x84P\x8d\xa6)\x96YG\xab\xb2\xfd\x98'</t>
  </si>
  <si>
    <t>b'\xee\xd5X\xf9`\xe5\xa5\xa6\xe4\xff&lt;\xd9\xd4\xa4\x94\xdd\xb9\x0eF\x84\x07H4\x8a \xd6=5\xe9F\xc9J'</t>
  </si>
  <si>
    <t>b'\xff\x0c\x1d\x89\xd0T\xf6RO\xe0q\xbc\x91\xd07r\xba\x0b\x95\x15\x96\x91}\x97\x07\xef\x13\xf9\x95\xb2\x13Z'</t>
  </si>
  <si>
    <t>b'\xa0\xc5\x9f\xa3\xfbV\x1f\xd5\xae\xd5\xf9\x9eu\x1fV\x88^\xf4r\x83\xee\xca\x96\x8c\xe2a\xb8Wu3\xbaJ'</t>
  </si>
  <si>
    <t>b'\x18\xc5Q\x07\xf3\x83\xd7\x87;\x960\x8d\x1f&gt;\xe6\xbf\x88\x0c\xc0\x10\xbe=qL\xce\xc8\x04\xb0\x11@/\xc8'</t>
  </si>
  <si>
    <t>b'\x06\x86\x12\xc8\xadA\x8c\xf5Y\x87\xdb\xea\x87g\x01\xbd\xad\xc6oc\x8br\xf9r\x0e\x83&lt;W\x1eKd\x89'</t>
  </si>
  <si>
    <t>b'o\xe6\x84\xa6\xec\n\xe2\x0b\xf1\x8cY\xfe&lt;\x04\xecG\n\\\x1a\xad:*A\x16\x1a\xfd\xbb&amp;3&lt;\xe3C'</t>
  </si>
  <si>
    <t>b'\x92\x1d\x1aIt0\xcc\xd9\x0c\xe6\xcf\x05\xadd9\xfe\xdc\x1b\xcfT\x87a\x9b\xf3E\xfehyj,_\xe7'</t>
  </si>
  <si>
    <t>b'z\xd2&gt;\xa1ux\x8d\xec\xf0,\x1e\x9a=6\xd5\x1cf\x83Ho\xa2\x0f\x13U\xc5\x8f\xa5|\x90\xb8\xb1\xb0'</t>
  </si>
  <si>
    <t>b'\xd4\x16\xbdb\xd8=\x04\x12\xb4lk1\xdd\xfeU3@\x12\x86f\xd3\x8f\x0e\xa9uK\xcc\xbe\xcc\x8cw\xa1'</t>
  </si>
  <si>
    <t>b'}\xfeR\xd5I\x9c\x0e\x1d\xf6M\xeb\x86\x82\x0f\xbc\n\x1c\x96/\x04\x98\xbfqSV\x98\x87\x8d\xcd\xf5\xd25'</t>
  </si>
  <si>
    <t>b'\xf6\xff\x98\xe2\x9b\xff\x9f\xb1\x1fm\x80`\x1f\xea\xcaL\xfe\xdc^B!#\xb5Y#\xce0\x04%\xda\xc2&amp;'</t>
  </si>
  <si>
    <t>b'\xd1\xf85D\xf1\x1c\xca\x9fk\x1e\x86\xa5\x19w \\$\xe9[\xd1\x9b\x9c\x1ba\x17\xe8\x89;\x9577\xf0'</t>
  </si>
  <si>
    <t>b"\xaa\x00\x95#RkV\xcd\x8bZ\x88\x0c=\x08\x0fk\x08'\xces\xcb\\\x13\x11e\xa0\x02\xc2,\xb4E\xae"</t>
  </si>
  <si>
    <t>b'\x8cT\x80\x12\xbb2\x8a\x80Fg\xb1\xd1\xec&amp;\xa7\xb7-\xaa?\xe1\xca\xb2t\xbc\x83 L){\xc3\x986'</t>
  </si>
  <si>
    <t>b't%G\xe1\x90\xec\xbf\x110&amp;H\xb56\xb6\x95/\x9e\x16H\xac\xc8\xc4\x9c\x11\xbb\x97\x07\xdb\xfe\x7f\xa0\x1c'</t>
  </si>
  <si>
    <t>b'\xe9,\xc7L\xc0\xce#2\xbb\x8d/\x1f\xb9\x0f8R\xda\xa6\xc7{P\x8e\x19\x97^8_9u\x9a\xdd\x9a'</t>
  </si>
  <si>
    <t>b"\x8b'fRl\xb6\x9a\xc5\xeb\xdct\xae\xcaC\x97\xa0\xcb\xe4\xba\x9f\x99\xef\xf9E\x9a\x80N\xa8R\x9d\xfc\x0f"</t>
  </si>
  <si>
    <t>b'\xe1\x1f\x11-\xf6\x85\x19\x16\xf4\xc4vU\x85y\xc0\xdbw\x92\xa6\xbd\xbeo\ng\x9c\x15gVO\r\x82@'</t>
  </si>
  <si>
    <t>b'\xf6Z\xa8*\xf5&lt;\xf6\xd0A\xb8^f\xb5!l\x9a\x1b\x97\x88\xd29\x01\xfaG\xe7\xb4\xd2\xb4\xb1[\xf3\x9b'</t>
  </si>
  <si>
    <t>b'3\xc4\x12x\xea\xe1$\xda.\x12O\t\xf8\x89B3\xc05;\xb0z\xd7\xe7!H\x82n\xe3\x9c\x1fHT'</t>
  </si>
  <si>
    <t>b'\xa3\\^,W\xe4\x04U \xfe\x12\xc4T\x02\x13\xea\xbd\xf6\x1d\xe8\xfe\xc7[p\x05\xb1\xa7\xda[\x9c\x10c'</t>
  </si>
  <si>
    <t>b"$U\x95\xc5\xb4~V\xbbj\xb4o\x96y'\xb1\xb4\xe9\x01#\xd5'p\xf0\xc7J\xab\xda\xeaf$\xf7\x1a"</t>
  </si>
  <si>
    <t>b'iM\xf1\x13mI\\?u8\xfbF\x16T\x9dY\x84\x99\x93\x1a\xcb\xdf\xf3P`\xd4\xf9\xc2j2\xa4T'</t>
  </si>
  <si>
    <t>b'r\xf8\xdf%\x1eU\x8d*\xe3=h\x01\xbb\xea\xaf\xd4\x8f\x93\xb8\x7f\xe2\xfc\xfb\x9dk\x1c\xae\xb7\x86B\x99R'</t>
  </si>
  <si>
    <t>b'%*\xaa\xa1S7D\xeao:\x8b\xa9On#\x93\xc6|\x96\xfdQ\xa8M\x82\xb57]\x03\xf5\xe3\xc9]'</t>
  </si>
  <si>
    <t>b'n\xf6\xd2\xc2{`F\xa5\xbc\t\x957Z\xc0\x99e\xa4\xf6\x084\xe8\xce\xd9\xd2{4ic\xf6\x90\x04\x16'</t>
  </si>
  <si>
    <t>b'4&amp;\x05\x1ek\x11\xdb\xa5\xdaYl5\x1a\xf0\xa8\x8d\x9d.v\xfe\x8f,\xf5\xbat~\x87\x1e"\xf9\x17\xe7'</t>
  </si>
  <si>
    <t>b"\xbc\x16'/\xa3\xa2\xdf(\xae5\xb1\x96\xe577\xc5\xc5\xdc\xfc\xfe_Fe\xae\xbc\xecx\x15\xbar\xbb)"</t>
  </si>
  <si>
    <t>b'\x80Z\x81H\xa7\x88\xf5u\xc3\xb7\xb0.r\xf2\xa0\xd5|zTy\xbf0zGS\xa2 \xf7\xd0PG\x15'</t>
  </si>
  <si>
    <t>b'\xbb\x07\x97\xd1\x0f\xbew\x87\xac\xbb`\x0e0\x00\xd4Q\xb3\xba\xb7\tfH\xc3\xa0\x83\xf0\x10z\xb3\xa7\xf6N'</t>
  </si>
  <si>
    <t>b'\x97^\x078\x8b}\x14\xf4=1V\xc0\x9a\xb0\x89\x9b\xcc\x1b+\x13\xbe\xee\xa4e\xd0h\xa1\xcc"\x8eVQ'</t>
  </si>
  <si>
    <t>b'\tS\x08C\xa7O\xa5\x08\xbe1~q\xe5\xfb@\xb7\x13\xb5\x17\x1b\xf3\xc1`\x9b\xef\xd31\xfe\xa0\xd1\x0c\x89'</t>
  </si>
  <si>
    <t>b'qA\x81\xb8\x91\xcc\x83\xf3\xed\x1aD1\x8d\x95\x1e\xec#\x94\xaa\xe7\xc8w\x88N\xf3\xbe\xc1~\x9a\x03\x8f|'</t>
  </si>
  <si>
    <t>b"'\xc6A!;\xc3u\xad\x03t\x8b\xd9X:\xb1\x8ec\xa3\xc9 B\xc8\x9a\xc4!\xc4\r\xcb\xc4\xa7\xd6\xc4"</t>
  </si>
  <si>
    <t>b'F\x14\xb5\xbby\xb3+f4k\xd3za\xba\x11|\xbcY\xa1\xd1u\xeb\x16\xeb?\x91\xd4\x92]\xd2\xd8k'</t>
  </si>
  <si>
    <t>b'.\xd3\xe0\xa7\xbfa\x83i\x01\x7f\xbe\x1a\xcc\x00\x9a\x91\xa3\xfb\x9eY~c\x1f\x7f\xce\xe7OT-\x86\x82\xe8'</t>
  </si>
  <si>
    <t>b'[\x972\x18\x0e\xe6\x16\xa3\x1cc\xba\xd6+\x03otfd\xec{\xd3C1\xc4\xff\x1c\x82]y~\x83&lt;'</t>
  </si>
  <si>
    <t>b"\r&lt;p+N\xfb\xb7{ }\xbc'\xac\xefe&amp;\xcd\x1c)\xa84\xfd\xce4~\xefAy}\x85\xab\xc8"</t>
  </si>
  <si>
    <t>b'&amp;\x8c9{\xa8\xb9\x8d\x16\xf0\xb5\x1bz\xaa\x82\xde\x9aC6\xa5\x0e\xf0\x85mT\x08\xb5!\xf5\x9e\x1ef\xbc'</t>
  </si>
  <si>
    <t>b"\xc7\x98\xaf8~\xc1\xae\xd6--C\xea\xa4\r\xb3\xc9\x90\xf46\xb3\x95\xfe\xe2'Xx\x96\xfb\xb4\xf5&lt;\xa5"</t>
  </si>
  <si>
    <t>b'\x0c7\x165|\xe2o\xd53i\x84\x1b\xcaCF\xde\xa3\x87nAq\x9a\nm\x95\x8dr\xeb!+i/'</t>
  </si>
  <si>
    <t>b'K\x92\x9bPY\xcd\x17\xc3f1\xbc\xdf`q\xe9i\x86n\xea\xcc\x10;I\xc4\xebPl\xe6\xa7\x98[2'</t>
  </si>
  <si>
    <t>b'\x0f\xd3\x12\x0fC\x1d\x1b\x86\xf7\xef\xdf\x9fCNR\xf9\xa8\xe24\xdeR\xd3\x185?p\xbf\xc3\xca`\xa8i'</t>
  </si>
  <si>
    <t>b'o\xb4PL\x9c\xeb\xc91G\xb1\xa3\x0c\xcda!PU\xd2}&amp;\x8f\xd3\xf7-\x98JY\x1cx\n\xe1\x9e'</t>
  </si>
  <si>
    <t>b"SM\r'\x9f\x85\x97\x17\x96\x14\x9a\x93\xf1\x98;\xec|,}\x88\x10\xb32Z\xa9\xf1\xdag\xd9\xc8\x83\xa7"</t>
  </si>
  <si>
    <t>b'?\xeb\xd84\xe3\xc2\xa8#\xfcL?\xe9\x85Y\xa4\x0e\xa6G6\xdc\xech+\x82_)u\n/\x0b\x95\x8a'</t>
  </si>
  <si>
    <t>b'\xe4\xdf\x9d\xd4\xa8\x0c\x19\xbd\x0fP\xedH\xa1\xbd\x8d)\xb9\xffB\x8cob\xab85\x07\xafl\x01\x9d\xe0\xc2'</t>
  </si>
  <si>
    <t>b'\xee\xb5/\xe9s\xa4\xe3p\x87\xddhBaN\x14\xc5\xde\xc7\xb9j\xac\xb3i\xb0x\x98\x86\xd8\x94\xc6r%'</t>
  </si>
  <si>
    <t>b'\xf9+ \xa3\x1b\xb2\xe2\x9e\x8cX\xa2}-:xx\xaaM\x07\xf7\x923m\xe2\xd1\x9b\xf7y{pA&amp;'</t>
  </si>
  <si>
    <t>b'u\xaen\xc9\xf6\x95X*\xc3\xbc\x84\xc7\x83A\xca\x8e\xb8xBu\xc2\xe0\x87|n\xfd\x96"\x9c\x83\x18\x97'</t>
  </si>
  <si>
    <t>b'A!,\x8eB\xbd\xbb\xdc\xff\xed\x03\x1e\xb2\xcbK2\x16q\x10\xd9\xe2}y\xdc\xe6GjL\xc9J\xfa\xcc'</t>
  </si>
  <si>
    <t>b'\xe4\x07~\xaf\xc8\x0e[\x9c\xec\xc5u\no\xf8\xf9\xc1\x96\x03\x182\xef\x87v\x8f\xbd8\x84j\xe9\xae\xfdB'</t>
  </si>
  <si>
    <t>b'G\xc0\x88(\x1es\xda\x85\xd7\x84\x80\xd2l.\xdbd\xd5a\xaf\xc3\x0b\xbfI\xaaxQj\xc0Fqo\xfe'</t>
  </si>
  <si>
    <t>b'\xdb\x9d\xba\xb2\xaa6:\xf0\xe6\x81\x90\xaa,1\xcb\xec\xe4\x80\x08I\xd7\x95\te\xb5\xe2\x17\x10\xbe\x9e\x0cG'</t>
  </si>
  <si>
    <t>b'\xd6\x1e6\x0c\x05\xf9=\xa6\x8b\x9d[\x88j`9\x89\x11\x8b\xf5\xad6\xe6\xe5\x1b)!\n\xc5\x07\xc9\xae\xe2'</t>
  </si>
  <si>
    <t>b'\xed\xa3\x9b\xbak: \xa8\x15\xbd\xa6-,\xa0\xe0\x9d\xfbE\xdc\xa8B\xff\xedd\xf0\xf9\xa2S\x80X\x12\xac'</t>
  </si>
  <si>
    <t>b'\xfa\xa3\xb4\xb6\x02\xec\xad\xed\xfc\xf3\x1by\xcc\x84\xa5\xdf\x80\xc0f\x90\xcb\xa3?\x8d\x16\xda\xe6`\nF\xea\xa3'</t>
  </si>
  <si>
    <t>b"K\xaagD\xc1&amp;'\\\x9d\n\xfbS\x0c@\xa3`;\xe2d\xa9\x12\xde\xd8\xb9X\x8e^\xd1\x99\x85\xd5\x9b"</t>
  </si>
  <si>
    <t>b'\x1eH\xbd\xdf\x18q\x12\xbe:D&lt;j\x9d\xaf\x12Z\xb8\xb8\x0e8O\xf9\x7f\x07\x08,\xdbu\xa6\xf9_D'</t>
  </si>
  <si>
    <t>b'\xdb\x00\x96\xa7\x14kA\xf2\x1dr{\xdfL\xc3\xff\\\xf5\xe6k\xb5\x17hesB\xe5Ct8\xc7\xa0\xd1'</t>
  </si>
  <si>
    <t>b'\xac\x8c\xa7e\xea\x170\x1c\x8bs\x16\xc5\x83\x03.\xe0\x10\x9cAQ&amp;a\xec\xb0\xca,x\x05\xd7PGl'</t>
  </si>
  <si>
    <t>b'/\x97b \x93\x94X%\x9d\xedI\xe0\x9f]e0]\xc4\x0c\xb6\xcdJ\xbd3\\\x07\xbb\x11!\x121g'</t>
  </si>
  <si>
    <t>b'\xa2\x17rm\x85\xb2\xe2\x89M\x13\xd4V\xab\xd4\xda"M$0\xe5\x02\x12\xfbap,{aQMd&gt;'</t>
  </si>
  <si>
    <t>b"E\xa0\x15\xd1\xbe\xcc'\xa7/\xe1\x80\xddw\x97\xceX\xee\x95E-\x17i\xcb\xad\xef\xf3\x96\xcb\xce\x82t}"</t>
  </si>
  <si>
    <t>b'\x8d\x02\xb6\x17\xfd^\x8c\xfe*\xd1\xeds\x05\x06_\xb5\xc1lW\x8f\xfaqK4\x1bY\xb2D#\x97\x13\xae'</t>
  </si>
  <si>
    <t>b"\xfb\x86\xcf\x97\x80[pR\xa1\x96\xa9\xce'\xe2\xed\xe4W\x8et@\xd6\xe7\x03\x06\xab\xef\x9c\xd2\xd9\x06\x05\xd1"</t>
  </si>
  <si>
    <t>b"t\x96\x83\x0c\\\rZ\x85\x9d\xf5z\xb8\xcf\xf6\xcc\xbe\xd7h\x9f\x15&lt;\x11A`\x04'p\xbe\xc5\xa5\xfd\xce"</t>
  </si>
  <si>
    <t>b'\x80\x9d\xf5\xee)\x7f\x90\xd3\x95\xd5B\xc277Z$kbe?\x8c4\x1a\xbb\xb7:i\xb4\xdd\xc7\x05\xbe'</t>
  </si>
  <si>
    <t>b'S_1\xe5\x14\x96\x19ukM\x88\xd1\xe2Zq_\x95r\x14\xe8\xa6\xaa\xce\x92\xef2\xf0sx\x11[,'</t>
  </si>
  <si>
    <t>b'\x11)\x99-\xfe\x13\x11\x8a\xcfP\x10\xa9\x90l\x87\xbc-\xdf*\xf5tj\xe0&amp;)\xccW\x0e\xdd\xdc\xa8#'</t>
  </si>
  <si>
    <t>b'\x9b9VM\xbb,\xa2\xdf \xfbG\xc6\xfb\xa2\x85\xe7H\xa2\xcdK\xb2C\xf6\x11XlO\xf3\x80\xffs\x90'</t>
  </si>
  <si>
    <t>b'\x89gM\x8dJ\x04T\xfc\x1ao\xe2\xaa\x9d\x1fs\xc5OK\x95\xd0\x0e\x1cp\x9d?\xd6}]\xd0\\\x0fG'</t>
  </si>
  <si>
    <t>b'\x0c\xb2\x80\xff\x1b\xe6kL\x97"w\xe6\xa2C\x81\xc9u\xe4\xb34]\xd8*\x00\xe8\x0b\x18vo&lt;\xdbp'</t>
  </si>
  <si>
    <t>b'\xe4o\x84B0\xd1\xd3\x1d\xec\xfb\x1fL\xc7\xb8\x83&lt;&gt;\xc5\xec\x94\x05/\x0b3r\x92\xf8\xbc\xac\xb1\xef|'</t>
  </si>
  <si>
    <t>b'\xe9&lt;\x11\x87\xfe\xa7|I\x12z\xcc\xa4\x0c\x8b0n\x1f9\x06\xadJ\x96\xc7\xb8\x0cha\n\x12nX)'</t>
  </si>
  <si>
    <t>b']\xd4++\xb7f\xc4B\x16\xb6\xf0\xf8\xa8e\xd1\xa3\xe0)\xd6v\xfb\x08\x1b\xdf\xb87A\xd3\x89\x8a\xb6\xeb'</t>
  </si>
  <si>
    <t>b'\x0c\xf4\xb0)\x0f9\xfe\x89\xb6)!4v\xe2\xf2\xfc\x0ck\xbd\xcf\x8c\xd5\xed=j\x8a\x93&gt;l\x0b}\xd4'</t>
  </si>
  <si>
    <t>b",\xb7\xba\xa2F\x95Q\xdf~,!+\xe4v\xdc\x10\x06\\\xed\xd9'\x069\xb6\xebi\x18Av=\xbb\xc8"</t>
  </si>
  <si>
    <t>b'j\xe6\xf7\xdf\x07\t\xd9\xe1\xdd\xa5\xbe\xe4\xa3\xfa\x03z\xc9UB/\x0cW\xdf\xa4\xa2\x05\x9f\x10*\xb1C\xb4'</t>
  </si>
  <si>
    <t>b"\x02\x08\x0c\x14@\xe1\x82\xde\xea\xe0\x14E\xe9\x9b\x9e\x91\xdf\x1c\xa9\xc7\x8c\xf2Y\xee\x89\xae6n\x8c\xa3''"</t>
  </si>
  <si>
    <t>b'\xe8\xc0v@\xed\xdc\x0bG\x80\t\x1c\x17\xdd\xbfS\x9f\x02\x1c\xf6k\x9a\x97\xe7}\xc4h^\xc7\x94\x92\xdfO'</t>
  </si>
  <si>
    <t>b'\x14\x19\xa5\xee\x1e-\x1d\xc0\x9du\x1e\xd5! \xa8\xabV\x87\x87\x80\xb2\xcf/\x04\x0e;c\x8c\xc2\xbd\xce,'</t>
  </si>
  <si>
    <t>b'n\xb2\x88\xa8U\xee\xf8\x1e\xf64\x16 \xfb\x93\xd1\xa4Rj\x02b\xacU\x18\xcc\xea\xb1\xb0\xef\x95\x12i\x12'</t>
  </si>
  <si>
    <t>b'\xcf\xac\xf3\xae\t\xda\xa52\x81\xac\xde\xe5\x15T\xa9Y\xdap\xa0rdO%\xda\x07-\x9a\x91 \xe9"\xc8'</t>
  </si>
  <si>
    <t>b'aN\x9f\x99^\x8ee(?\xa9Px)\xc7\x00\xa1\x92\x04n\x90(\xa3\x80\xf2&gt;\xe7\x80\xeb\xfc\xa6/\x84'</t>
  </si>
  <si>
    <t>b'\x9a\x8cPs\x00^\x1d\xe9\xbb\xcd\x18\xf0\r\x1e\x90\xc2\xd6\x0e\xd5j\x16\x87\xd5T\xa4\x92b=\r\x1c\x9e\xf4'</t>
  </si>
  <si>
    <t>b'\xcdyW\xe9\xb3\x9b\r\xb2\xbb\xa0\x92^\xbe\xa5py\x01\xd9\x17\xf7!\x89\x15t\xc8}\xbc(\xa1\xd9\x0f\xc6'</t>
  </si>
  <si>
    <t>b'\xc4P\x11\xbfo\xfc#\xeb\x18\xda;h\x84\xee\x91\x98\x82T6\x16\x8d\xfc\xfe`gTu\x00\xde,\x98\xb5'</t>
  </si>
  <si>
    <t>b'\xa9\x00I\xbc]\xe9\ra2\x93\xe8[\x7f\xd0\xc1\x1b_\xfd\xb3+\xb7UJ\x93\xee.\xb0\x8d\x99\xd2L\x9e'</t>
  </si>
  <si>
    <t>b'5:\x9b\x05\x8c(\xfb\xa5\xbe\x8f\xdf\xfc\xe1\xffm\xc2b\xd5\xf7\xce\x14_\xb2D\x8a\x07\x18\x07\x02\xdccq'</t>
  </si>
  <si>
    <t>b'\xa3\xae%\xb5\x1c\xcb\x8a\xee\xe2W=\xa1\xf7\xf5\x86\xb8\xab\x94)\xa1\x14;\x82\xd4\x02\xeb\xd2\xd1{\x81\x13v'</t>
  </si>
  <si>
    <t>b'\xe8\ne\xdb\xdd\x82\xdfMc\xea\x1d8\xb6\xe1\x1e\xeb\x98rj\xb7M\xff}8:\xbe\xc5\xb2\xf2\x9bHM'</t>
  </si>
  <si>
    <t>b'\x90\xc0*\xe3\x07\x17K\x9a\xb0\xcbE\xcf\xa5\xa7\xf6\x1d\x17\x9e7Xp~\xd8+D\x0f\xa3o\xbc\x99\x89\x15'</t>
  </si>
  <si>
    <t>b'\x8f\x0f\xbfq\xa1zM\xc5OEE\xf3\xc9\x9e\x87\xda\xca\x10\xc7D\xb1\xc2}\x15d(M\xa7:\x88:F'</t>
  </si>
  <si>
    <t>b'\x0c\r\x9d\xc1-\xa5\xad\x9d_\xbbR^c\x05\x19\xbc\x1a+\xc6S\t\xf2\xc7\xf4\r*\x95\xbfc\xd8\xe6\xb1'</t>
  </si>
  <si>
    <t>b'\x10\xf8*\x8b\xfbE\xb95\xd9\x87\xa5\xfe\xee\xe4\xb1\xa1_\xff\xddD06\x00\xe3\x8b\xaf"HF\xf2\xd8\x0f'</t>
  </si>
  <si>
    <t>b'J\xf9H\xc4\xef\x1e\xb6\xebE\xb4\xbd4\\\xfb-&amp;\xdd\x92\xef\xb5\n\x8dY\x99\xc0\xa7@\xb3`\xdb7\x8b'</t>
  </si>
  <si>
    <t>b'{\x80??\x1a}\x01k\xc7\x8e\x85\xa6\x17\xad\xd0\xc9=E\xf2"*\xc0\xc01O5\xcb\xf1\x1b\x1f\xcb\xb9'</t>
  </si>
  <si>
    <t>b'. \xf1Kf\xa2Y\xaf\xe4G\xd8c\xc3l\\\xd6\x9d\xcc\x06\xa9\xaf|\xa6)i\xd7\xd3M\x1c\xd8\xfa\xd1'</t>
  </si>
  <si>
    <t>b'\xeetB-+\xcb\x8b&gt;EB\xa6\xb69}y\xb1b\xf2\xab5[\x1e\xda\x14e\xaa\xb0\x89\xa3tY\x0c'</t>
  </si>
  <si>
    <t>b'\xa3\xe4\xf3\x9c\x86t\xd7\xa6R\xb8]\x07\x92!n\xba\xa0\xd0\x99\xc6\x0e-\x11i\x99\xc6S7\xc1\xd5\x07W'</t>
  </si>
  <si>
    <t>b'\xb4\x1f\xde\x92a\xeb\xe4\xa7\xc6X\x1d\x9b8\x9d\x9e\xc2$w\x8fB\xa3\xff\xd4a\xe0\xbc\xb82M\x84\x02\x07'</t>
  </si>
  <si>
    <t>b'\r\xd2\xdfM\x8c\x98\xf1-\x92\xee4\x01cy}\x9a\xcf\xaf\x11m\xd3\x178\xafa\x0eKF\x00\x84\x05\x97'</t>
  </si>
  <si>
    <t>b'\xfc5\xdc\xaa\x81\xe1\x10\x98\xc7\x99\xbd\x83\x17\xd3JY\xb5\xf9-\xdb[\x01\xfc\x9c\x0c\xa3ai_Q\xc0\xb6'</t>
  </si>
  <si>
    <t>b'\n\xfb\x19"r\x8aH"\xa2^\xeb\x97\xc3\xe3&lt;\xf2\xe4\xc2\xbe\x99\xb5\xcd\xff\t\x03Q\x8fL\xdf"\x1a\x99'</t>
  </si>
  <si>
    <t>b'6(&gt;lX\xe7%s&gt;~[\x06@\xb9mB\xab\x14\xd3@\xc0d\xaf\x8bm\xc1\xb9\x10\x89V\x93`'</t>
  </si>
  <si>
    <t>b'M1/V\xb5:\x96\xf7hM\xcd\x85\xd7o&amp;\xa1\xe7\xff\xd9\xaaZ\xd32,\xfe\xcd\xbe\xed\xd2\x92\x84\xce'</t>
  </si>
  <si>
    <t>b'\xb5\xd4,\xcd2\xfb\x06\x9e\x1f\xf3\xab\x1fj\xbf\xb9\xd8\xd3kX\xbah\xd9\xd1\x91\x84\xbd\xd9kV\x17\xf8\xd2'</t>
  </si>
  <si>
    <t>b'\xb4\xdf\xad\x8a\x01\xc9\x1f\xdf\x07\x96\xc9\xbd\x1e\xc9-\xf0&amp;\xf2\x8a\xf7\xd2\x1a\xc1%\xab\x86\xb9%\xac\xea\xa4\xa1'</t>
  </si>
  <si>
    <t>b'\x088I#\xf5B-\x03\t\x17\x8b\x18\\\xad\x87`\xa4&lt;\xc7\xd3\xd9"\x94\x9c\xc4V\x84\xd6\xdf\xc5\x1f\xe4'</t>
  </si>
  <si>
    <t>b'p\x9c\xac\xa2\xcd\xef\xc7\x860\xb0\x07\x9a\x0e)Ut\xf4d1\xd8z\x98\xc3\x88\x89\xf1:\xc6q\xbf\xe8\xb7'</t>
  </si>
  <si>
    <t>b"\x84\x11Yk\xff\x0cw\xe8%\x81\xb9\xfdN\xdc\xa7\xe6\xb3\x87'\xe099/UT\x06\xca&amp;\xd5\x01\x130"</t>
  </si>
  <si>
    <t>b'Q)N\x032\x00\x9f0\xd0\x81DR%\x94Ob\xfet\x7f\x92\x07\xdf\xfc\xa2\xe6Ai\x8e\xc9h\x03:'</t>
  </si>
  <si>
    <t>b'R\xc6\xd3N6\xe9\xfa\xf2\xc6\xe1A\\Cz;\xe1I1\xe2\xa8\x07\xc1\x13\xba\xaf\x92)\x15\x1d\xb9\xc6\xae'</t>
  </si>
  <si>
    <t>b'G\x88\xbev\xe3\xe0\x1a\x8cDr+\x7f9\xc9\xc1\xfcuAs\x92\xcfQ[\x8a\xc41\xb6\xc5\xff!{\x91'</t>
  </si>
  <si>
    <t>b'\xb4\xea\xce#&lt;=\xd9js\x97\x9f\x0bu\xf8\xc3\x81[\x19v\xdd&lt;\x8b\x91b\x95d\t\xa3w\xb1\x96L'</t>
  </si>
  <si>
    <t>b'\xa0\xee\x97\x05\xfa\xff\xdf\x90\x12\x84\x98\xf4\xc5%r\xfb)\xcaP\\,_\xc6\x182\x1f\xcd\x00m\x045Y'</t>
  </si>
  <si>
    <t>b'\xdb`K\xd1\xa8?\xdf\xe3\xf2\xd4\x92\xbd@\xe3&gt;\xae\x08\x9b,;8\xf5\x1d\x1f7N\xc4\xaf+\xe7\xa8;'</t>
  </si>
  <si>
    <t>b'@\xf8\x08\xf5BT\xc6\xc6\x0e\xa5\xbd\xe7\x8a\xdf\x18\xd9\xa3\xb8\xbb#\xa7Z&lt;0\xa6W\xe6\x9aZ~\x06\xbe'</t>
  </si>
  <si>
    <t>b'\x87\x83\xde\xcb\xad\x8f\xbe\r{Y\xc4\xe3\x85\x1c\x91\x11/\xc0\xb5Am5CF\xa8\xe5\xef\xcdA\x17\xed?'</t>
  </si>
  <si>
    <t>b'\xf0R\xcf\xa6\xa7\xd4A1Bo\xaf\x93ar\x18\x0f\x03\xc7\xd1\xd5\x9f\xd4\r\xd1v\x8a\xfe[\xa2\x94K\x8a'</t>
  </si>
  <si>
    <t>b'\xbb\x8c\xf8\xf5z\xf9Q\xab\xf8\xf7\xd8\xf3F\xb7\x05 \xc0\xd5&amp;\xf4\t\xd7\xd0\x92\x85\xce\xd0\xed/Y\x0c\xd0'</t>
  </si>
  <si>
    <t>b'_\xba\x02\xdd\x8d\xf8VNe%\x19\xe4\xb2\r\xaf\xa6\xd0n\xb5\xc5\x97G\x01\\Z\xd5\x89j\x1b\xe4Qt'</t>
  </si>
  <si>
    <t>b'y\x8c\x98\x95P^\xcc\xd7\xf9n#\xcd\x80Y\xa8:\xfb\xedz\xc8=,%*\xdd\x82\x04\x99\x85 \x82?'</t>
  </si>
  <si>
    <t>b'4\x92\xf3\xfa\x19\x1eN\xc9`\x12r\t\tw\xe8\x82\xa0\xb7\xdb\xe7h\xbb\xf2:\xb8\\\xd5\n/C&lt;\x14'</t>
  </si>
  <si>
    <t>b'\xd8\xd2\x1b\x88\xf9\xf9\x1e\xf5\xd68\xff\x1e\xe07\x88\xca\x1f\xb6HW\xd4\xad\x03u\x056c-\xbcC\xd5\xec'</t>
  </si>
  <si>
    <t>b"\xe2/\xb1\xb4\xcc\x9e\xc3\x91UI\xd9\xf3\x8c\xa1f\x84+h^N/j~'W\x19eeR\x99\xbf\xa7"</t>
  </si>
  <si>
    <t>b'\x7f\x98\xacA\xcfi\xae\xd3IJC\x82\xe7\xff\xfa\x91\x13\xbd\x8dn\x12h\x95\xe5o\xc5\xd7\x8eAE\xa9\xc9'</t>
  </si>
  <si>
    <t>b'\x07\x899*O\x89F\xc5\xb8\xf48\xd2%\x99\xbd\x8c`\xe8\xb1c\xcc\xd5\xa6\xe6h\x08beh#@\xca'</t>
  </si>
  <si>
    <t>b'\x0f\x7f\xc0[z\xe7AH4\x7f\xb7#\xab\xef\x9e\x9dW\x15\xb8\x95\xa9?\xe9\xb3\x1cL\xca\xeeo\xf2\xc9X'</t>
  </si>
  <si>
    <t>b"{\xf6)3\x9f'm&amp;\xb8X-f\xbd\x855\xea\x82Y\x178\x01\xa92\xae]\xf5\x13\xf8\xa9\xac~|"</t>
  </si>
  <si>
    <t>b'\xccQ\x1b\xe3\xc7\xbae\xca\x11\x99\xc5uDP\x85@\x18\xe4\xd7d\xd68\xd4b\xd0g\xef\xbdG\xb2m\x86'</t>
  </si>
  <si>
    <t>b'rt\x8eo\xfb\xe9\xb3\x0f$\x0b\x81;RMb+_\x18\xcb\x90~b\xcc\xcdd\xd5\xd68\xc0lVf'</t>
  </si>
  <si>
    <t>b'DODk\xa9\xce\n9\xaa\x18\x05HJ^u\xf0#\x07L\xb4\xf0D\x15\xdeP\x90\xf38\xfd\xee\xe8w'</t>
  </si>
  <si>
    <t>b'\xff\xfc\xd3\xa9\xcd\x08`&lt;"\x9c\xa8b\xf9\xf5\x0b\xaa&gt;z\xce\rI\x8a\xfd~\x00\xa1u\xc9yh\xe8M'</t>
  </si>
  <si>
    <t>b'\x9f\xab\xa9\xfc\xb1H[/B\x0b\xbe\x9d\xab\xafk\x9fmHA\x02j\x10\x14\xb1k6\x1e\x19q\x96\xb6\xf6'</t>
  </si>
  <si>
    <t>b'\xbf\x95\xa7\xfc\x0cF\xe3z.\x15iE=\xe1\x8b\xdf\x9e$\xf8\xa2\x86\xb1Y~\xca+{\x9b\x04\xd8\x86\x1d'</t>
  </si>
  <si>
    <t>b'\xcf\x056\x87\x19F\xb19\xaa3w\x9b\xca\xbdY\x93r\xe8\xfbp\x7ff\x8d\xbf\x86|\x0c\xd5T\xa97\x0f'</t>
  </si>
  <si>
    <t>b'\x02\'\xc0\xef\'b\x00\xf3\x1e\xca\xc1\\\xc8\xb9\xcf\xf0\xcaz\xa5\xb2{,\xc13\xa2\x87\xe8}\x86B"\x17'</t>
  </si>
  <si>
    <t>b'\x15\xaca\xf5??\x16G\xef)CC\x96\\\xa0\xd8\x8c\xf9\xa8\xc7\xa3\x10\x06sI\xcc|\xd3\x07\t \x19'</t>
  </si>
  <si>
    <t>b'\xbb\x91,\xd2\x83\x11z\xc6a\xf6\xec\xd9\xd1\x01&gt;\x9a\x7f\xe0\xa1\x8d\x02%\xae\x9a\xc88{\xf7s\x988&gt;'</t>
  </si>
  <si>
    <t>b'\xdat\xdd;\xf1\x07@\xf4"\xb1\t\x1c\xf4G\xac\x80:g\xf3X\x83\xb6\x9c\x94|\x16+\x10o\x9d\x01\xc9'</t>
  </si>
  <si>
    <t>b'\x8d=\x948u\x11)l\x0bP\tp\x19p\xd9Ard&amp;\xa8\x8b\x12\x91\t\x15@\xc9\x0c\x126\x0b\xb5'</t>
  </si>
  <si>
    <t>b'\x82\xd5\x92#\xfc\xd2:\xad5$\xb9\x80VM\xd9#fA\x19\xe7\x1e44\xe4\x1a\xb9\xc8\xb2$\x92)\x8b'</t>
  </si>
  <si>
    <t>b'y[\xb6r}\xf0\xcaw]\xc6\xf8\xb6\xb23\x12\xb61\xb0\xcb\x1eu\xae\xado\xe4z\xc3\x82\xe0\x9c\x1c-'</t>
  </si>
  <si>
    <t>b'lBy\x89\xc2@\xf4\xfc\x84Hn?\xde\xcf\x86j\xdbr\xdewZ\xeb\x02\x8a\x9f\xdf\xb7\xb3`\x0f\x1ap'</t>
  </si>
  <si>
    <t>b'NJ\xa9!+\xdf\x94i\x8f\xaaD\x18\xca\x10\x19\xe4Eo^OZ\x17/n\x95\xde\xb6\xcc\x7f\xcc\x0b\xdc'</t>
  </si>
  <si>
    <t>b'\x11\xe5J\x91:\x9b\x10\x91\x19UT\xb9\xcc@\xa2\x92\xe4\x8e;\xbe\xcf\xd5Jm*`\xa2\x14D\x05\r\xe8'</t>
  </si>
  <si>
    <t>b'\xf0\xef\x88\x84\x1c\x1b\x88\x8e\x96H\x1aw\xe1\x85\xf1554\xd5\x8f\xc9\xbb\x8d\xc1\xe3i,j\xc0\xed\xf3\xa5'</t>
  </si>
  <si>
    <t>b'\x85\xe5\r[B[\xf7\xc6\xa5U\'k\x15K;\xa0\xa5\x97?;\xdd\x00\x1b\xfft7A\x11h["W'</t>
  </si>
  <si>
    <t>b'\xf2\x88\x9e\xc0&amp;\x9a\x04\x13\x1b\x15\xe5 \\\xb9\x80c\x98\x87^\x84\x8c\n@\xd2\xc8\xe9\xf0\xa0s%Un'</t>
  </si>
  <si>
    <t>b'\xda-O\\\x11\xf3:[]\xb8\xfc\xa3\x02\xf2\t\x93^\xda0\x9bu\x97\x81?\xa0\x9f\xb6\xfa0\x8a\xf7Q'</t>
  </si>
  <si>
    <t>b'\xaf}H\x9b\x86\x8a\xfe\xadn\xd7\x1c\x9b\xbf\xf2\x14\xc4\xa0\xb5\x90\x97y\xfbY\xc9L\xf0\x98\xba\xd6\ts\xed'</t>
  </si>
  <si>
    <t>b"'\x03L\x1d\xc8\x1esPd\x0es\xb6\xff\x07`\x06@\x95K/*\x13\x8d\x9f\x19\x91F\x87\x1f\x12I,"</t>
  </si>
  <si>
    <t>b'\xf5\xc9\xe3\x97\x85Ea\x8b\x04\xd5\x13\x07\xe5\x0fQ\xb9\x9f\xee\\\x8f_\xe3\xe2\x1b\xc6\xb9Q\x9f\xe0\x03[k'</t>
  </si>
  <si>
    <t>b'\xc0\x9b#\xad\xd3\xab\xd6L\xbcp{\x88~\x04\x9f\x95\xa6\x86bD\xc3\xaeK%\xf4\xb0\xa0lXm\xcdl'</t>
  </si>
  <si>
    <t>b'\xfc\xb0\xe6\xd0o.d\x88o\xa2\x0f\x9b\x85v\xec\x93\xddx2y\x1c\xdf\xec\xdf\xd0VD3\x81\xce\x0b\xc1'</t>
  </si>
  <si>
    <t>b'\x10=\xe7&lt;\x0c~\x9bZ\xb0l\xcb\x95G\xd8\xf8\xa5\x90\xc5Q\xa4{/5\x8e\x9fq[\x8d\x81\xfb1U'</t>
  </si>
  <si>
    <t>b"\x12\xb2g\tk\x0b\xd6\xa1\xad\xd2\x91\xed\x13\x03\x13\x05\xf7T\x16\x93'\x1a;\x91\x06l'Z\x8f\xbd\xda\x06"</t>
  </si>
  <si>
    <t>b'L\xa3\xc4l\x08\xde\xac8Q\x89\xb1\x9b\x1a\x86\x85\x1a\xa5;K\xa9\x08\x0b\xe7\xa3\xb8[\x98\x82\xfc\x1d\x9d\xb8'</t>
  </si>
  <si>
    <t>b'\xe9}\xbe\xd0\xf4bE6\xeco\xaet\xa8i7\xdf\x95\x08*u\xc6\x97S*[\xbc+\x8b\x88f\x93\xa2'</t>
  </si>
  <si>
    <t>b'\x07i2(\xad+\xec\xadV.\xe2V\x91\x15xF\xdd4\xb9&amp;\xd0$`&lt;rr\xcb\xdc2q~\xff'</t>
  </si>
  <si>
    <t>b'3B\x15~[x\xf2\xce\x9azb\xd92t\xfeV&lt;\x12,\xf4\xa3\xea\x82\x19\xd9\xb7\xbd\x04\xe9J\xf3&gt;'</t>
  </si>
  <si>
    <t>b'x\x88%\xf3\xf3\xbc\x984\x88\xc74l\xd0(b?j\xff\x1dp31R\x99\xd4\x9fa!P\xa3\x1d\xa2'</t>
  </si>
  <si>
    <t>b"@-;\x8a\xe2\x06'\x1e\xa7O\xc07\xe9\x08\x84\x90O;\xcd\xfa\x17\x101\x7f\x13%\x1f\xb2Z\x91\xd0f"</t>
  </si>
  <si>
    <t>b'jY\x1d\xc0&gt;V\xfe-\x94\r\x08\x0e]:}\xdaMZ\xcd\xf1O\x80\x03y\x00d\xe8p\xba\xefG\xbc'</t>
  </si>
  <si>
    <t>b'F\xf7d\x7f\xb7OZ&amp;Xl\xb1=\n=\xdd\xeeS\xfb\xf1\x16\x14&amp;8\xd5\x07\xb1\x9fG\x10\xdfci'</t>
  </si>
  <si>
    <t>b'%\x1a{^\x1d\xd9av\x8b|\xb5\x96\x81\xdc\xf7\xf5\x15\xa2\x84\xab;\xcdN\xe6\xfd\xf3^\x0b\x87W!\xbf'</t>
  </si>
  <si>
    <t>b"\xadC\x8710#\x1e \xba\x84\x17\xc6\xb2\xf4Kpj\xba\xb3Z\x02VgkU\xcf\xd5LoJ\xab'"</t>
  </si>
  <si>
    <t>b'\x9d\xc1\xce\xc1v\x08\xe7\x04\x1b\xe6g\x0c\xeeo\xb5\x9c\xfb)%\x8b\xfb\x8d\xc5f\xe71\xf3C\xb4t\x99\xa5'</t>
  </si>
  <si>
    <t>b'(i\xb6^\x9f\xb9P\x8ap\x95\xba\xe0s={\x9c\xbe\x9e\x16\xcf~\x17\x99\xb1t\xd4Q\x02\xd1(e\x9b'</t>
  </si>
  <si>
    <t>b'\xd0\xea\xcf\x15\x9c\xc2l\xa8U\xb40GLO\xc3\xb4\xb5\x1a\xddg\xc7\xcfE$\x05C?}\xdd\x17\xdcm'</t>
  </si>
  <si>
    <t>b'#\x9b\xba~Da"i\xc5\x8e \x94\x15{\x07\xd6\x9e\xfd7q\x93j\\y\xe4\xb0=\x84"IQN'</t>
  </si>
  <si>
    <t>b'\xa6\xc9\xe5\x87.\x91\xac\t1\xbf\xecz\xadD\x95T\xa9\xd0\xb0\x80\x11\x02\x19\xf8\x1a\xe4"\xca\x08\x1cP\xbb'</t>
  </si>
  <si>
    <t>b"'\xd3\n\xfb\x96\xe9\xd8\x19\x06 7\x1a\xa5\xdf6\x81\xad\xb4\x15e\xd7B\x93\x91\x99\x18\xdaM\xcf\xe0\xe2C"</t>
  </si>
  <si>
    <t>b'e\x87\'0\x1e\xdaQa\xf7\x07\xb1(kJ\x17\x8a\x85\x80l\xe7\xea"_hJ\xff\x87YV\x00\xb9E'</t>
  </si>
  <si>
    <t>b'\x0bc&gt;\xcb\xa7\x0e\x9c\xc0=P\xa2y=\xa4\x0b\xa2\xbe\xf9m\x7f\xb7/E\x84\x13\xd9\rm\x98L\x7fh'</t>
  </si>
  <si>
    <t>b',*\xd57\x87\x00\xc0\x10qR\x01\xdc\x91\xe1\x18\xbc\xf9\xd9B\xe4 [\xaf\x07Y\xb6\x16\xa0\xe6\x85_\r'</t>
  </si>
  <si>
    <t>b'\xaa\xfe*\x17\x91E\x93\x19\xd6h\xb3\x12~\n\xa8|D\x1f\xf3\x9b\x8d\xb0\x81\xc7\x8a6;&amp;\xa1\x1b#\xa3'</t>
  </si>
  <si>
    <t>b'\xb6\x10?B\xa5z\x92\x9a\xa8\xe0SGp\x1f\x04\x95\xc8z\x1a)l#\xe9\xcfA\xa8\xe4l\x87\x0f\xc0H'</t>
  </si>
  <si>
    <t>b'\x9d&lt;\x97\xaf\xf1\xf0\xe9\xda\'#\xe5\xc2\x9c\xd4\xda\xdc"K\xd6E\x08\xbb\x85G\xb7\n\x12\xd9\xe9\x15\'\x90'</t>
  </si>
  <si>
    <t>b'\xb9k\xc2\xe6FFZI\x9cx\xe6,\xa9tF%\xb3\xaa\xe3\xce|T\xcdT\x0f\x15\t\x00P\x18\xbdC'</t>
  </si>
  <si>
    <t>b'\xa0T7\xb5{\xdd\xa3\x9b3\xc3\xbdd\x8d3\x1f\xb9tf\xf5Vk@\x02\xef\xe6\xc3`"\xaf\xb5t\x87'</t>
  </si>
  <si>
    <t>b'\xd7\xf1g\xf3a\x05j\x00K\xb4\xf7\xd0\xed\x94\xb8\x91\xe3\xefN&gt;\xf7\xbe\xc5\x9a\xa2e\xea3\xf0\x0633'</t>
  </si>
  <si>
    <t>b'r\x94\x9eL\xbb\x1cO\xa3m\x9fF\xad\x9a\xd9\xfbu\x1b\x00\x82\t\x13\xb3\xeeq\xc3\xa3\x8d_\xfbM\xd4\xdf'</t>
  </si>
  <si>
    <t>b'\xb7\x9eh\x938\xbb\x1f\xf6e6\xa4\x8c\x91H&lt;\xf5m\x1e\xb2j\x03w\x92\xaa\x9e\xc4&amp;\xcar\n\x7f\xa8'</t>
  </si>
  <si>
    <t>b'\xf9\xc0X\x8e\xed\xa7\xb7q\t\xbb\xb1\xe2\xbdg\x1eY\xf6\x1bG\xdc\xceB\xa8U\xe3\x07\xce\xffBN+\xfa'</t>
  </si>
  <si>
    <t>b'fh\xb8\xc8\x03+R\xb8\x03CT\xda_\xc7\n\x92\xcb\rDE\x97\xeff\xb3\xb5\x88#\xa0\\\xbf&gt;|'</t>
  </si>
  <si>
    <t>b'\xdbG\xa9:\xa0\xe0\x8b\xae~\r\x93\x16\xb7\xc36\xddI\x1c$%\xf9k\xb9DA\xd8 _j\x0bH\x8d'</t>
  </si>
  <si>
    <t>b'l5\xe1\x1c\x1a+\x9e]\x9c\xd4\xba\x93\x186\x1a\x8eD\xc8M5w\xea\x9bB^+:\x15\xfa\xc0\xddC'</t>
  </si>
  <si>
    <t>b'\xd7\x99\xf7F\xf5\t$\xed\xc7\x11h\xed\xf4x\xd9\xf4\x88\xe0\x15|&lt;q\xa0\x07\x89_\xa7y\x8a3D\xca'</t>
  </si>
  <si>
    <t>b"\xa7\x88L\x17\xbe\x869'\x0e\x05{\xd2\xc4\x8a\x8d\xd5\x1a\xb1F\x19\xc6\x06z\x12S\xcc\x90\xbf\x06\xdb\xae\x00"</t>
  </si>
  <si>
    <t>b'\xc1\x96\xce\x04\x90\xa6\xbe6\xce\x19L\xde\xb1~\x99\xf5d\\\x14s\x1d@\x8d\xed\xa4\x16\xeb\xe2"\x05\xb6\x15'</t>
  </si>
  <si>
    <t>b"\x80\xac\t\xb7\xb6\xf6\xf4\x0f\xed'\xdb?\x8a\xa2\xce'\xd3\x86^u@\xbao\xe9\x06\xe6\x19\x81V1\xc0\x03"</t>
  </si>
  <si>
    <t>b'\xb5\x94t\xe5\xe7\xcb\n\x90\xc5d\xab3\x7fo\xb2\xfd\xf7\xf8T\xfa\x9ahLmG~\ry\xe4A\xfb\xf9'</t>
  </si>
  <si>
    <t>b'B\r\xd6\x05\x83E\x82\xfca\xba\x04\t\xc3q\xc8E\xdf\xbbe\xb7\xba\xd0\xce\xf2\xc8\xe6P\xee\x99a\xb7\xce'</t>
  </si>
  <si>
    <t>b'\xebU:L\xc6k\x8e\x02\x0cz\xd4\xa5\x94\xa9) @O\xf6\x9a\xdeV;`\xb4\xce\xeaz\xb8\xab-\x91'</t>
  </si>
  <si>
    <t>b'\x96\xef\xda\x1e86oV\xcbl\xc5\xf3?\xe2\xa05\xce\x14,\xacZ`\x17\xd8\x99\xc1\xb9\xff\xf0[\xfb\x93'</t>
  </si>
  <si>
    <t>b"V\xae\xa8Y'\xe5\xa81{p\xe1|w'\xb58\xcf\x81\xd0\xd3\xb7x6R\xffS\xafs\x0cB\xf6\x97"</t>
  </si>
  <si>
    <t>b'1\x84\x91\xce\x08\xe4\xff\t\xffEK\xd4\x81\xce\xbb\x8a\x11\xea4\n\x00~\x19\xb9c\ts\xb0u\xd7\x84\x03'</t>
  </si>
  <si>
    <t>b'UI\x1d178\xa9D&gt;\x99\xba\xea\x1a;\x87|\x9f\x8c\xf93\xfa\x89c\xe7v\xe0\xa8\xc5Q\xa5\xa1\x17'</t>
  </si>
  <si>
    <t>b'\xc0\x12\x88#h]\xf9^]\x18Y\xe4\xb0\xa1\xb2\xf1\xaco`\xc9H\xba\x8a\x1b\x10\xb7\xbd\xc9\xe3\xd85\xd4'</t>
  </si>
  <si>
    <t>b'\x1e\xd6]3:|\x18\xa76@B\x0e\xfaj\xb1\x8eP&amp;r\xa1N\xb1\x11z\x884\xeb\xeb\x04\x1a/\x96'</t>
  </si>
  <si>
    <t>b"a8\xf3\xee\x9dA\x18\n\xdfTQ.\\\xa3\xb2=\xd9d\xd7\x81O\x80\x90\x18\xec\r/\xd6'\t\x95\xed"</t>
  </si>
  <si>
    <t>b'\x83\x9a\xd8P\x06*\xf6\xcck\xcb0X\x15\x94\xa3?1v\x0b\xe1\x175L\x8d\xeeF\xe8\xd4h6\xe5F'</t>
  </si>
  <si>
    <t>b'ya\xc4\x87\xfe\x80\xa0q?\x8f]\xe9\xc2t\xd1\xd4\xe9\xb6\xac\xef\x8cs\x08\xde\x87\xdfIdW\xef\x12\x0f'</t>
  </si>
  <si>
    <t>b'\x0c\x19\xf4\\S\xdcf\xa7\x1d\xcb\xb0\xd0\x9dHz\xb5\x8d\x80=\x146-\x0f\x05\xa4\xecH\x90\x93\xdb\xa6\xfc'</t>
  </si>
  <si>
    <t>b'\x96:\x8d\x886\xb2\xf1\x81"\\\x10\xd2&lt;\xe2\xe4\x9cYJL\xb7\xd8\xd9p\xac\x9a\x11\xe0S*\xcf\x8a\n'</t>
  </si>
  <si>
    <t>b'\xf0\xd4\x12\x14\xa8C\x10\xdc\x1c\x0c"\x91\x9bH(\x99L\xc9\x97\x98\x87\x15\nGs\x92t]\x7f\xd1\xff\x83'</t>
  </si>
  <si>
    <t>b'\xefd\x99N\xf0\xb8\xc2\x96&gt;\x94\x12\x1a"\x0b\x01\x0f\xd5\xdes\x15AF\x81\xd7\xc6g\xa7\xda\xc2\xcfd\x19'</t>
  </si>
  <si>
    <t>b"\xd1{\x96=8\x9a\xa7\xd4\xa8\xbd?M\x9e\xb7\xb3'Z9\xe2\xd6 2\xb5\xf2+j\x8a\xd9I\xf0!V"</t>
  </si>
  <si>
    <t>b'X\t\x99\xd4\xb2\xea/\xa2(\xc4C/\xd6\x07\xaa\x15\xf59J\x92\x12#q\xd9\x07\x94\xc7\xdcO\xf5BP'</t>
  </si>
  <si>
    <t>b'\xf5a\x85\x18\x9e]~K^\x1c:\xf1IT2Q\xea`\x12\x12\x0c#\xf4\xd3c4.*\xf9\xa8X\xdf'</t>
  </si>
  <si>
    <t>b'\xca\x18\x1ev&lt;h\xcf\x99Z\xb18L\x06\xf5\xbd?8\x9b\x8f\x1a\xca\xdcU\xf7\xbd\x8e\t\xafR\xb8o\xd2'</t>
  </si>
  <si>
    <t>b'\xb2U\xa1\x98\xd8W\xb9/\rJ\x96f\xbe\x85R\x92&gt;f\x0c]\x9a\ns\x9aH\x90\xee\xe2r\xec ~'</t>
  </si>
  <si>
    <t>b'\x97\x8d\x02\x93t)\xcc\xe7\x7f\xf2@ \xa14g\xf6D4a\xd2\xf2\xfd\xe0\xcf#4\xb7\x081l\xe5\x8d'</t>
  </si>
  <si>
    <t>b'\x9b\r\xf3"x\xfe\xe6~u\x06\xc8M\xcfl\xed\xac\x82o\xd2\xe6\xac\x9f\x8f#\xe5\x19\x1fN\xb2_\xc8\x0e'</t>
  </si>
  <si>
    <t>b'\xa6\xc3\x7f\xe8j\xaefA\xe0\xfe\x99&lt;\x1a\x0b\xa5\xe6\x98\xb2z1K\x92\x8b\x1f\xf2\x965US_\x03W'</t>
  </si>
  <si>
    <t>b'=_tT\xda\xf2\xffRL\xff\xe1\xf6\xfe\x9e\x0f\xb3Q\xa5#:\xa0\x05\xa2\x99\xe7V\xbf\x99\xe74\xfd6'</t>
  </si>
  <si>
    <t>b'\xa5\xfa\x9d\xf8\x92\x8f\x82\xb0\xb1;\x00\xaf.k3\x9a&lt;\x89:\xd2\xf3\xc4EYq\xf0\x87\xd5h0\xf2\xfb'</t>
  </si>
  <si>
    <t>b'\x03FT|\x94\xc4\xee\x9b\x8cp\x8d{\x8c\xa7\x99i\xe5\xbc\xed\xca\xaa\xd7\xd9\x86\xc1\xa7C\xbe\x18\x06\xd1\xf7'</t>
  </si>
  <si>
    <t>b'\xfb\xe3\xc4i\\-@-\xf7y\x1f}7S\xc9\xb5\xd7\x1b\xa4\xc7\x98\xac\x81@\xa7R\x07}\xee\xa6i|'</t>
  </si>
  <si>
    <t>b':kjF\xf2\xe9=\xef\x0cC\x0b\xdbej\xc9\xe4R\x0b\xe1\xd5k-\xaad|`\xd7\xe2\xcd\x04k\xe6'</t>
  </si>
  <si>
    <t>b'\xf5\xdaB\x97\x83`\x13\xde\x94\x1e2r39\xd0s\xb55\xd1^\x07\x95\xa6\xa0W\xb9G\xa7\xcc5IR'</t>
  </si>
  <si>
    <t>b'\xb8\x96\x0fW\x06\x0e\xab\xcdq\x1e\xa4\xa2\x1d\x1b\xf6(Y@J\xc0K+\x1c\xf6\x83\xe0\xac\xc7\x07f\xc7J'</t>
  </si>
  <si>
    <t>b'\xff;\xf0b\x0fg\x02Ari71-1\xfcy\xb5\x06h\x9c&lt;}\xa2 kH\xc6\x18M(h3'</t>
  </si>
  <si>
    <t>b'\x1fY!\x9c\x8a\xea\xf9_\'\r\xd1"t\xdc\xd9\xbf\r\x03\xcb\x83\x92,K\xf4\x896\x1a\xc5\xd8\xc3\xda\x06'</t>
  </si>
  <si>
    <t>b"n\xdaV\xf0\x95z\x86S\x9e2\x8d%N\xcb\xa6:G'\xbd\x03\x88\xd4Xr\xe7;s\x12p\xb9\x81m"</t>
  </si>
  <si>
    <t>b',\xb6:\x17\xe1,Z\xb1\xf2\x17\xfbS\xba\xb2\xf9\xaf\x91\xf9\x00\x84\to\xf6?\xe5qji\xdd\xaf"\x83'</t>
  </si>
  <si>
    <t>b'\xa2*]\xe5\xc2N\x0c\xe9\xdeu \xf7\xb5\xf8\xa6\xd63\xac\x12\x1fM\xf5\xc3\xbe\x00c\x17\xab\tL-\x89'</t>
  </si>
  <si>
    <t>b'\x82\x9e\x90\xc0\x0b&gt;\x97U\xbee\xd7\x9f\x9f_xk\xfc@\x1d\xe5W:E\xbc\xf6\xef\xc5,\xe4J\x87V'</t>
  </si>
  <si>
    <t>b'G \xfd\x88\x94\xf4\xdc\xba\x95\xfe\x1fgo^Z\xbc\xca\x14\x9e\xf4\x19\xe5"q;?K\x9f\x1c4\x01\xf1'</t>
  </si>
  <si>
    <t>b')\x13\xeeH\xecV\xcc\xbc\x0c\x0f\xdb\x7f4\x05C\xb4\xe8E8\xa0\x1d#Xk\xd2A\x89t\x7f\xcb^+'</t>
  </si>
  <si>
    <t>b'\xe2\xf0\x86\x8b\xf7vq&amp;C\x0f\xd7OW5\xa6\rNB^\xe6x\x9f\x08\x8dO\x9a\x9fI\x91_\x91\xac'</t>
  </si>
  <si>
    <t>b'&amp;\xe8~\xa5\xb1\xd7\xacuF\r\x94e\x9c\x07\xcd\x8c2&amp;\xc0\x1b\x98\x0e\x92\xb4\xf9\xa6f\xaeo\x94\xd1V'</t>
  </si>
  <si>
    <t>b'\x06s\x94\xe6n\xba\xb9\x93\xd8Q^lF\x957F/=\x04[\xf7E\xe3\xf8\x89Z=\x0c\x01\xacz\x06'</t>
  </si>
  <si>
    <t>b' \xd2\x0c\x83R\xa9T&amp;}\xca\x8e\xc8r\x9e\xd0\xf0\xb6\x0e1\x0b\x0e\x13]e.X5\xd00\xbf?X'</t>
  </si>
  <si>
    <t>b',\x1a\xb0w&lt;\xc4\x0b\xe0\xd5(\xf4\x0e6*uT\xdc\xa2\xb4N1l\x93\xbal;J\xfffd|1'</t>
  </si>
  <si>
    <t>b'\xb3Y\xfcq\x89\xca\xe9&lt;\xdb\x16\xc1a\xc3\xa1.\xfc\xe9\xc2v\xc3\x14\xfc\x0e\x94"\xb3\xe5\xb7\xb7\xf1\xf9\xc2'</t>
  </si>
  <si>
    <t>b'\xb5\xd0 K\x9c\xd7\xca\xcc\xd8\xf5&amp;E\x14\xd9\x0c\x89**\xf6\xee\xc2\xf0\xe6V\xf2\xb2\xe1\xae\x8b;?\x12'</t>
  </si>
  <si>
    <t>b'\x95\xbcUI~\xa55\xc8\xeb\xa8\xfc\xe1\xdf}\xd9Un\xec\xe2\xf2\xbdt\xb7OXOV\x1f\x86+\x12\xd0'</t>
  </si>
  <si>
    <t>b'*h\x96\xf4\xbaD\x0e\xd9\\\xd6\xb0\xc6F\x1eZpQ\xfcK\xb3\x94k\xcb\xfe\x1f~B\xba\xfa\xe1\xd2\x97'</t>
  </si>
  <si>
    <t>b'\xef:W\xc2&gt;\x15\xf2\xed#\xd0\xca\ru\x1ff\x9e\xaa\x94\x10\x89\x82\xbb@\xfe\xc9\xb3\xb35;k\xa4\xd4'</t>
  </si>
  <si>
    <t>b"k\xac\x1al\t\xa3-\xf1\xaa'\xdc\x9a\x90\xe4\x07\xf2\xf8=\xe9\x18\xe5\x99\xa2\x937\xd0l-\xd3&gt;\xbd~"</t>
  </si>
  <si>
    <t>b'\x1b\x14p\xc4\x18,\xb8~\x9f\xfc"\x84a\x1c\x95\xbc\x03\x91B\x93\xe9q\xaa\x81+\xa4\xb0\xe5?\n\x91\xfd'</t>
  </si>
  <si>
    <t>b'@\x10\xd8\xf5j\xc5C\xa1\xf3\x97t\xa2\xfdD%J\xbc&lt;]\x81\x91\xe6\xc1\x8aD$\xfb}u\xa4\x97.'</t>
  </si>
  <si>
    <t>b'&lt;D}\x8e\xe5a\xfc\x14OB\xbf\x1bJJU|\x02\xf9\xf2\xe2N\xb6#\x95\xe6\n\xf0\xa48y\xb6T'</t>
  </si>
  <si>
    <t>b'K\x8f\xc4\xb3\x9d\xb4&amp;\xff9\xf8B}Sx!1dp\x8d\xb8\xd3\x80\xe4\x0b\xe0\xf4\x8f\xb2z|6a'</t>
  </si>
  <si>
    <t>b'\xd1V\xba./\x04=\x8c\xc8z@\x82\xdb\x14\xbe\xfd!5\x88\xf5+\x91\xd2\xf9(\xab\x16d-\x91M\xff'</t>
  </si>
  <si>
    <t>b'\xc7\xcb7\xb9X\x82\x80[6\x06\xb8\xa6p\xf0\xb8p\xf6oA\xed0\xed\xfd&lt;_X\xcc\x16\xe8}\x9d\xd8'</t>
  </si>
  <si>
    <t>b"\x0f\x98\x0fX\x0f\xdcH!\xe0)\x89\x9a\x0e3\x1a,\xa8\x0f\xb3\x07J7\xee\xb1\xa6\x8a'\xa6p\xe8\xd2J"</t>
  </si>
  <si>
    <t>b'\xb8\xaf\xaf\x9aI-2\xcdd\xe9\xde\xd2\x95\xf7\xd8\xd5\x0f\xf7\xbb\x98\x1a)\\\x08\x07\xae\x1b\xf9\xef\x8bE\x17'</t>
  </si>
  <si>
    <t>b'\x92\xfe\xc1t\xd2\x1fQ\x02\x10\xb7x3\x8b\x8b\x03\xa5C\xab53\x15\xf0\x84pk\x86\xdf\x02\x07\xd2\xf5\xcf'</t>
  </si>
  <si>
    <t>b"\xee\x04\xef\xaa\xd0&gt;)\\9\x0b\xdf\xa5.0U\xed#Y\x94't\xfat\xb3T\x1a\xb4\xd7\xeb;G\xb2"</t>
  </si>
  <si>
    <t>b'3\xc3\xe9E:\xb7\n\x00Fl^\x9b\x10Q}\xcf\xb2\xc0\xc0h\xb9\x8bx\xd0,w\\\x85\\\xd9\x17\x1e'</t>
  </si>
  <si>
    <t>b'l!\x8enV\xa8X\xb4\xf4n$@\x15|QX:m\xf4\x1c\\\xa11\x1d\x1ev\x9c\xa2I\xee\x7fW'</t>
  </si>
  <si>
    <t>b'!\xac\x9d5\xc9(\x9b\xecs\xe0|\xaf\x84\xc1q6;5\xf5\x99\xbd\xe0d,w:\x8a}\xeb\xdb\xfd_'</t>
  </si>
  <si>
    <t>b'-\x12[{\xef-l\x00\xd3\xdc\x0ef\xe5\xb1\x9b\xfa\xbe6\x8d9+3#&amp;\xe1\xea@g7\xe5@v'</t>
  </si>
  <si>
    <t>b'VO\xd2\xe6\x9bk\xe3\x94\xb0G\x1a\x80%5\x1biT\xdbL\xde\x89\xb0\xb6$1&amp;\xa5\xa5\x8a\xcce\xa5'</t>
  </si>
  <si>
    <t>b'\xaf!\x84c.\xa4\x96\x88s\x0c\xc1\xc8\xde\xceJR\x04\x8d?/\x05\x91\x92C\xa6D\xf2\xa2\x0cv\xf3\x80'</t>
  </si>
  <si>
    <t>b'mdP-\xcd\x86\xd3\xeb\xde.k\xb5\xeaM7m\xe50T\x0f\xc8v\xb2BLeU\xa0fD\x0eQ'</t>
  </si>
  <si>
    <t>b'\xc4\xbfZ\xb5\xd0\xfe\n\xd3[\x94\x01%\xbb\x17c\xbe\x80&amp;\xe2|8J/\x8e$\xa24l\xf5\xb3\xf5\t'</t>
  </si>
  <si>
    <t>b'.R\xe1V\x7fA\xb4H\xa1Q\xf8*\xa55\xed\xb2\x1e\x16\x9b\xb8h\xba\x13\xbc\xf7\xac\x1b\r\xf2;q\xac'</t>
  </si>
  <si>
    <t>b'\xac\xe4\xf2;\xf8\x16iP\xbc4\xe1\x93QNyW\x7f\xb6N\xd9\xd9\x05P\x8d\xe9+\xdae\x157S\xb6'</t>
  </si>
  <si>
    <t>b'p\xe1\xbd\xed\xd2\xf4\xc5\xf4O\x83\x18g\xac`\xb1D\xc4\x92\xfbt\xe8\xc2\xb6k@\xe0\xde%\xd1\xf6\xbb\xa8'</t>
  </si>
  <si>
    <t>b'\x1c\x9e\xcbL\xe6\x05\xf3M\x879\xc98I]8\xf7\xa6\x1a\xaf\xa2\xba\x81y\xfcc\x14\x1e/\x9dh\xbc\x02'</t>
  </si>
  <si>
    <t>b'\x86\xc9\xe8\x8f&gt;\xaa\x10Q\xd8Y\xdaY&amp;\xf6\xd5\xf0&lt;\xd3\x1d\xa7\x13xe])\xff\xc36\x84\xfe\x81n'</t>
  </si>
  <si>
    <t>b'\xaf\x8e\xd8\x7fO\xbf\x8ck\xa74LW\xe3j"\xb4\t\x83\xea\x07\xe9\x00\x8a4=\x80f\x1a\xf1\xa9\x1d@'</t>
  </si>
  <si>
    <t>b'{\x7f\x02\xd4\x15ot\xc9H"\x18]\xdb\xec\xb3A\xf5\xdb\x83]\xe5\x14\xf5\x9e\x92\xdaHZ\xc27\xa8\xf2'</t>
  </si>
  <si>
    <t>b'\xf9\x04\x06\xe2\x13\xaf\xce\xe8tF\x8b\x86\xc0\x8a\xf9\xcb\x8fw^\xcf\xc4!\x02e\xfe\x9d2 |_f\x9e'</t>
  </si>
  <si>
    <t>b'\xd7\xa0*\xc3\\\xe7\x0ei\xd5U\x8a\x80\xfc\x83\xa5E\x8f*G+\xcf\x8e\xd3\x97\xf2\x93Jm\xdc\x80\xc4r'</t>
  </si>
  <si>
    <t>b"\xe8{\xc3\x90\xd44\t\xc49\xf1\xc8\xca\xc7R\x82\xc5M\xa5yl\xf0\xc9\xe9\x83i\xd3,v\x99\x14'\xf3"</t>
  </si>
  <si>
    <t>b'\xd1\xd8,\x9d\xbd\x02\x9cV\xba\x12\xc2\xf7\xdc\x07\x9fXZ\tU\x8fC\xbdx\x7f\xb3\x9a\xaf\xac\x17\xcc\xc9\xef'</t>
  </si>
  <si>
    <t>b'\xf5\t\xdd\xcf\x00H\x1e\x91\x84D\xc6\x8eo\xb0\x1f\x8aE\xa2`x\xf5\xf6\xff\\\x96\x96\x1e(\xaa5\x8cB'</t>
  </si>
  <si>
    <t>b'\x10\xec_\x19\xb9]\xda\xd2\xea\xfb\xb1\xca3S\x15\xc6v\x12\xc3\xaag\x10J6\x81\xe8u\xb8\x1et\xc1c'</t>
  </si>
  <si>
    <t>b'\xd9\x05\x0e\xb0~\xb1R\x04d\x0c\xf4)\x13T\xc9\xea\x16\xb6\x0eus\x97\xe5\xf5.\x94\x00\x99\xb5\x1c\x0e\x83'</t>
  </si>
  <si>
    <t>b'\xa3p\xf18\xc8B7\xaebi\x85\xabv\xd3\xd7\\/f\xf5\xe2\x8c\x88\x01(k\x95\xc0C\xfew\xfe\xb9'</t>
  </si>
  <si>
    <t>b'o\tP\x12\x1f\xe4s\x9d?\x1c\xdc\x14=]\xa3?\xf7\x92\xfc}\xef\xf9\xbf\x03\x80e\xf9\n\x1d\xd0\x8c\xac'</t>
  </si>
  <si>
    <t>b'\x1f\x0bY=\xfc\xb2\xb6\xc6i\x96m\x8fzM\x893@|W\xf7\x9fH$\x18\xc0\xdb{0\x8f\xe5q\x00'</t>
  </si>
  <si>
    <t>b'\xf41\xd3\xdc\x1cg\xbf\xd7\xe7\xd2i~zN\xcb\xf44\x00\xc4\x85\xa8\x9d\xe8\xe9\xdfHZ\xc5\xe5xX\xce'</t>
  </si>
  <si>
    <t>b"\xc4\xca\x8a\xd2X\xa7\xbb 7\xa2{\x83S\xbf\xe4\x0f\xe3v\xd2v\x9a\xc3\x90\xf37E''\xcc# ~"</t>
  </si>
  <si>
    <t>b'\xdd[}\x13`\x0e\xb0\x1b_\x11F\xc1\xee|\xc0.\xcc\xfa\xd1t,\xcd\x0f/\x15P\xd7d+rM\x17'</t>
  </si>
  <si>
    <t>b'\x8eV\x8fN\xeeFs\xf5\xdf\xaf\xfb\xeb\xd7\xac\x99\xe1\xf1\x02\xf0\xb3dI*\xc0\x00\x84i\x8f\xf8\xbbI\xa9'</t>
  </si>
  <si>
    <t>b'F\xd9[\x96\x87\xfd\x9e\xbe&gt;k\xf9B\xad\x0eu\xbe\xf2\xf4{\xdemi\xd0~\x99\x00\xfd\x178\xdc\x93\xe4'</t>
  </si>
  <si>
    <t>b'\xea4\xec.\x8fW\x84\x9a\x99%\xd5\x86\xff&gt;\x02\xda\xaf\x8b\x84\xaf\xef\xd1\xa3;\xb6%\xa8\xb0.z[\xec'</t>
  </si>
  <si>
    <t>b'\xae\x9f\x92\xcb\x84\xfb\x1e\x9d\xac\xe7\x1c\xa6\xa0\x97\xdf\xdez\x16\xa13\xcd\x04\x13\xab\\\x17\xb0n\x90+\x18\xef'</t>
  </si>
  <si>
    <t>b'\x8b\x12\xc9\x1a\x82~\xb5c\x10\xa7$/e\xb3\xfc\xe4*J\xcb\x06K\xba\x82j\xfc\xb7\x1a\xcb\n\n\xf8K'</t>
  </si>
  <si>
    <t>b'\x9fa;p\x95TS\xc6bh\x9d6Dz\xbb\x0b\xf9\xdd!L\x19B\xb3\xc2(\xa4\x90i\x81\x8c\nR'</t>
  </si>
  <si>
    <t>b'\x9al\xea\xd1\x87\\\xb7\xd4\x9av\xb3\xc8\x8bx\xf7j\xdb)\x1d\xf0\xc0\x88\x81Sl\xa2A\x18\xedK\x90\x97'</t>
  </si>
  <si>
    <t>b'd\xcc)I\n\xdf\xf4\xa9\xf8\xd9\xd95\xd5\x01\xc4\xa87\x16\x1f\x1d\xfc5\xd1G\xb7\xd3\xd6\xea.\xb55/'</t>
  </si>
  <si>
    <t>b'\x04\xbe\xe9-uZ\x93\xc0E3\xe7\xa6`=\xc8\xc8w\x8d\xb2\x82\x96\x02\x8e\x84\xca\xc3\xa3Q!_\x8a\xa9'</t>
  </si>
  <si>
    <t>b'\x8cI2a\x11\xb1\x8c\xb9\x0f\xf1krF\xef\xb7\xafz\x96i\x1f\xb3YD}j;V\x16\x86\xc5\xca~'</t>
  </si>
  <si>
    <t>b'\xd8?\x8fe\xb6 W9w\x80\xfc\xa31\x9c\x1f\xee\xa9hL\x89\xdcgdK\x89\x00ek\xbb\xfc\x90\xc7'</t>
  </si>
  <si>
    <t>b'\x8c0\xfc\x1a\xeaJ?\xca\x80\xdep!\x89\xca\xfc\xe1X\x90]\x7f\xc60\x0c\xca\xed\xf9\x88\xd2\xfbg\x1d0'</t>
  </si>
  <si>
    <t>b'\x12\x81\xde\xc9p\xbb\xcf,o\xe8\x9c\xfd\xc0\x85\xfc\xa4\xf1/+\xcf]^G(\x03\xc4\x9a\xd7,-V\xf5'</t>
  </si>
  <si>
    <t>b'`\x88\x0e\x18\xc4\x98M\xe9@\xa1\x82\xf1\xc4(U\x1eX\xea0[\xf3\xd2\x8c\xef\x053-\xfb\xc2)\x17\xd4'</t>
  </si>
  <si>
    <t>b'L\x83ls\xa2\x9a;\xf0\x9a\x93\xb5w\xfc3F\xf3\xf5\xa2\xa2\xb2\x8fI\x97%\x9a\x15V\xd8\x94\xf3\xa6\x16'</t>
  </si>
  <si>
    <t>b'&lt;\xc1\x10\x04\x02w \x9f^\xe6\xa6]\x16\x9e\xed\xd7\xfa\x14\xe1V\xdaH&amp;\x11\xc8\x84Z~f\x81r\x0c'</t>
  </si>
  <si>
    <t>b'\xeb\xfa\x85\x90x\xe0^)&amp;\x85\x88\xff@\xc1gM\xadq\xda\xc2\xef\xd2\xe7\x00\xd3\x8c\xd1\xe2\x90L\xbb\xbc'</t>
  </si>
  <si>
    <t>b'\xab\xf4$\xd3\xb1&lt;p\x89`c\xa0\xc7\xa5l\xa8N\x02\xad\xccK\xb2\xb1n\xc3-\x05\x18\xa4p\xd2A6'</t>
  </si>
  <si>
    <t>b'~\xba\x11\xaawN\x84\xca\x07{e\xc8\xf1w\x9cZ8\x18\xe3\x87\xf9/\xc1\x7f\xf5\x11\xae\xb5\x050\xe7\x91'</t>
  </si>
  <si>
    <t>b'\xb5\x0e"p\xef$\x84\xba\x9f\xfe\xb2\x96\x1d\x8b\x12\xed"\x8c\x8d@\xb8\xe6\xc9:\x97\x8bV/\xb3\xf8o\xe5'</t>
  </si>
  <si>
    <t>b'\x15\x1cU6\x1a\xb5\x9ad\x08IH\xc0\xca6l\x9b\x19}\x98\xb0\x92\xa3\xf2_\x11\xe1^\x08V\xfa\x19\x19'</t>
  </si>
  <si>
    <t>b';\x95\x7f\x9b\xe8\xa0_\x0e\xfa\xeb\xf8Z\x0f\x86d\x0b\x07\xcc\x9b\x8bIXa2~\x82\x8f\xcc\x1a\xb3\x05\x88'</t>
  </si>
  <si>
    <t>b'\xaeVx\x9a&lt;\xf7\xe6\x8e\xa82:2\xce&lt;\xe7\x04a\xa5+{\xc1|p\x97\xfac3\x1abT\x10\x8c'</t>
  </si>
  <si>
    <t>b"\xf2i\xa4\x08\xee\xc6IH8\x9c]\xf9{\x88\xde\xc4z\xaf' \x8b\x8b\x8aeT\xbd\xfdkI\xbc\x1d\xb6"</t>
  </si>
  <si>
    <t>b'\xa5\x98\x17aqK\xe9\x97/IQ\xf6\xfa\x11\xa3\x07\x81\xebn\x91\xd8s\xfbN\\\x99\x88\xbbI~4-'</t>
  </si>
  <si>
    <t>b'\xed\xc6\xe1n6S~\x19\xce\xe3\xcf\xf8G\x9fy\xfb\x8f\x92\xcc\xec\xcd\x1b\x91\xbdO\xa1jO\x0e\xe06i'</t>
  </si>
  <si>
    <t>b'\xfb\xeb\xd7B\x99\xc8A\xbe\\\xe4U\xa32j\xab\xff\x06\xeb\xbb\x0f\x1d)\xa3\xf9Dt\xc0.]\xa2\x04\x9e'</t>
  </si>
  <si>
    <t>b'\x99\xf7\xf6\x11?\xc1\xdb\x7f\x16\x9b2\xa2\xb0V\xb2\x07,+\xac\x15}y\x1e$\xe7\xd7\x01N\x8e8\xd1\x7f'</t>
  </si>
  <si>
    <t>b"\x80\xccI^\xa6\xea\xfb\x1a!\x8b\x93\x1bQ\x18.i-7\x0e|'\x1cE\xfb'\xbc\xb6\x8a\xedw\xa1&lt;"</t>
  </si>
  <si>
    <t>b'\xff\xa16)GO\xe9"-(\xdcJ\xf3\xafv\x1c\x00\xb5\x85\xba\xab\xaa\xa18\xb0y\xcc\xf8\xfe\xffN\xe3'</t>
  </si>
  <si>
    <t>b"\x9d\xab\x1a\xa2\x8b\xa9\xd4I\x14\xe5\xc3\xed\xbc\x10\x0eF\xda\xfb\x98&gt;\x8a\x90'\xa0!\x1ah\x01\xb8\xfe&gt;\xc6"</t>
  </si>
  <si>
    <t>b'AB\xd8\xdd\xe33fwl\x028\xef\xc7\xbd9/b\xb0t\xf8\xff$Cw\xe6\xc7H\xc6\x89%\x039'</t>
  </si>
  <si>
    <t>b'\xb5uU\x07\xb0]\xdf\xe0\nQ\x16U\xd7\xf8C\xb3\xec\xb7*\x91\x04\x84\x10c)\x1dD\x8d\xe6\xd1w\x15'</t>
  </si>
  <si>
    <t>b'i\xf6y\x89\x88\xde\xc32\x19Z\xf9\xf5E\x92\xa3\x11\xd9\xa4\xe8\x07F\xe6kA\x95+=w!\x94\xeb&gt;'</t>
  </si>
  <si>
    <t>b'\x84\xc2\xbb\xa7M\xd1\x1b$\xc6\xe9\xbc\x9fK=\xc5\xc1EyE\xb7\xb6o\x1eG\xa7\xc2r\xf2Y\x18\xfc\x8e'</t>
  </si>
  <si>
    <t>b'\x9b\x12#rL\xce\xb4H\xdeG\xe2%\xd7N\xe15\xe71\x96\n\xbb\xd8?\xbbgn9\xfe\xee\xee\xb0\\'</t>
  </si>
  <si>
    <t>b"\xa1\xbe\xed\xee&amp;\x8a\x00f\x85\xf0q\x1e;\xe4\x1c:_{\xaf\x11-\xbe'\xa7\x9dP\xaan\x8b\xe5\xe7\x1f"</t>
  </si>
  <si>
    <t>b'\xc0\xbd\x16\xda\xba\x9e\x1f\xc2\x00\x7f\xe3H#\x0b\xfer\xd9\xba\x92\x96z%\xec7\xeb\x88a\r#XeO'</t>
  </si>
  <si>
    <t>b'P\xd9\xf0\xb7\x80\x94\xc58\xd7_U\x9a\x11-Y5/DZ\xca\xe3\xcb7\x0bO.:\xcd;A\x18H'</t>
  </si>
  <si>
    <t>b'jl\x1e\x7f\x90P\xaeF\xe2y\xfc\xd0\xe7V\x96wZ\x06\xb6Jb9\x87\xe6u\xe3eY\x9d\xbb\x84\xd7'</t>
  </si>
  <si>
    <t>b'\x1e\x9b?\xf1U\xbb\x05\x84m\xa4\xed\xf6/\x89\x1c\xc5\xf9\x84\xbb\x1eh\xee\x81m5\xaf\xde\xd6\x8a\xb5\x03\xb2'</t>
  </si>
  <si>
    <t>b'.f\xaf\xc8M\x8c7]\xee\xac\xf9(U\x1e&gt;\xdcP;\xfc\xa1\x80?\xd1s\xf7\xf9\xc1\xc6X\xfcM0'</t>
  </si>
  <si>
    <t>b'm\xe8X\xab"B*\x0c\x0bJ\x92\xfc\n\x91\xc9\xe4\x10\xde\xd1F+\xdf\xde\\0\x10\xeb\t{\xf5\xfd~'</t>
  </si>
  <si>
    <t>b'o\x86\xea\xfa\xcbh3CQ\xba\x85\xf9o\xaaob6\xf4\x0c\xac\xdaxKe&amp;\xc8D\xc4\x7f\xa9\x8b:'</t>
  </si>
  <si>
    <t>b'\xe0(\xcc\xdb\x7fk\x06\x1a\xeb\xa9\xa9e\xfa\x9fp2*\xb8\xc6\xc9fh\n\xcf\xea\x98dt\x02\xbf0\x1f'</t>
  </si>
  <si>
    <t>b'\xc6\xa9\xb0\x91S\x8c\x93\xcb\xca`\x92\xd9\xbc\xb4P\xb9H\xb6J\xc9\xb8\x05\xf6\xa0i\xf9\r\xa9\xb04&lt;\xfd'</t>
  </si>
  <si>
    <t>b'\x04d:Q/\xc7\xb0v.\xae"\xfd\x974\x97\x1d\n\xe1r4\x90u\xbbU\xb8@\xfb\xa6eQ\xf0\x90'</t>
  </si>
  <si>
    <t>b'\xcc\xdby\x06\x10\x8b\xef*@\x90B\x19\xb7\xa7\xa6\xa2\x0e\x0f\xad\x9eKw\xd8\x13\x14\xea\x12\x98Fvi5'</t>
  </si>
  <si>
    <t>b't\xbb&amp;\xd7/\xa6\xb9\x80\xd3\xaa\x93s\xb7\x00\xb5\xd5\x0c\xc9\xb6\xc4\xb8\xbf\t|\xb5\x7f\x88k6\x95\xe71'</t>
  </si>
  <si>
    <t>b'\xa1\xe2\xf8\xb8\xca\xc1.M\x04\xb6r\xf8\x1b=D\xad\xf1\x11\xc6e\x1a\xc3\xb74\x8f\xff&lt;A\xd7\xfa\xe4h'</t>
  </si>
  <si>
    <t>b'\xcd\x9c\xb9\xcbC`\xad\xc7\xb6N\x96\x06\xab\xfa\x8c\x01V7\xf9\xaf|\x1f\xa9\x87n=\xa2X\xfa9\x9b\x8b'</t>
  </si>
  <si>
    <t>b'\x96\x91\xe5!b#\x88 &amp;o\xa5\xdfv\xf2-\x0b\x9cH\xb3\xeey\xf3\x0f\x08Ru\x8c;?\x16Ii'</t>
  </si>
  <si>
    <t>b'\x0e\x9e\xd5=\x08\xdb/\xab\x0f\x8c\xff|8\x0b\xdf\x80lC\x94\xf0]m\xe7\xfb\xfcX\xce\x11\xf5\xf3{\xd7'</t>
  </si>
  <si>
    <t>b'\x033!V\xc3]5\xb0\xe1\xfb\xa6l73\xcd\x9cj7y/n\xe6\xe7\x9e\xcc\xeec\x9d\x8f5t\xf4'</t>
  </si>
  <si>
    <t>b'\xdd\x7fR\xf26\x9c\xdcx\x8e\x17v\x88\x93\\\xdbJd`\xf5De\x0e\x18; _\xb3\xf1\x9a\xf8N&amp;'</t>
  </si>
  <si>
    <t>b"s\xd6\x95\xacy\xe49q'\xee\xcb#8r\xbfy\x9b\xf3V\xa4\xe3\xe2\xd7\xfa\xa7\xa7\x16\xf8\xe7\xbf\x97\x05"</t>
  </si>
  <si>
    <t>b'@\x00a\xf4^N@\xdd~\x89\xf0\xd7n\x8eXn\x98\x8f&lt;\x04\xa9\xee\xd1\x94\x11n\x8f\xab\x00\x9f\xffP'</t>
  </si>
  <si>
    <t>b'e\xb7\xa4\xe2T\x92\t\x1f\xe3x\\VF\xe4\x03\x9dVG\x1e-\xac\xd3\xff]V\xa2\x05\x83\x1e\x86?\xca'</t>
  </si>
  <si>
    <t>b'\xfc@\xf3\xce\x8fj\xd2\x87\x01=#\xa7\xbbb\xbe\tV\xc9\xdbJS\x8fR\\\xb9\x96\xee\xee\x0f\xe4`\x81'</t>
  </si>
  <si>
    <t>b'Ajq\x9a\xad\x10\x19`\xdf\x0f\xdf\xa5\x05\xe3)\xef\xfb\xbe8\xbc\x19 #\xa5\x17}\xd9\xe6\xbdd\xf5\xaa'</t>
  </si>
  <si>
    <t>b'\x00[;\\\x92\x18C\xd1\xfe\x11\x85\x90;\x81\xa7$\x02\x14\xfa\x06\xc2\xa0\xcd;\xd9\xa3\xbb\\\xa5V\xce\xc1'</t>
  </si>
  <si>
    <t>b'\\\xe3Z\x06\xabQ\x91L\xa9N5\xd5\xa7\x13\xf4\x18\xa6\x10\t\xd5%\x1evY\x0b*\x08gru\xaa\xf5'</t>
  </si>
  <si>
    <t>b'N\xe7\x04\xbe\x92\xb8\xc5\xcf0\xdb,U\n\xfa&gt;\x85\x06\t\x17v!1\xb3\xb8\x99\x12\xc4+P\xf8j\xa4'</t>
  </si>
  <si>
    <t>b'6\\d\t\xab\xe6z}\xcf\x81h\xf7\xcf-(\x82K\x05*b\xb3\x1e2f\x89\xf6u\x9f[\xf4\xc7\xc0'</t>
  </si>
  <si>
    <t>b"q\x13\xf7\xdd\x85&lt;2&lt;\xdc1\xc2'\x14k\x07\x90g3\xa5\x9a\x10\xc3\xc5\x15:\x04\x04\x897Qp|"</t>
  </si>
  <si>
    <t>b'\xbb\x07\x86\x04\xca\xaa$\xdf\x0cc\xe4\xfd@\x08&gt;\xc5J\x1f\xf9r\x8aC(\x1c\xb4Z\xc0\x97\x13x\xf1\xc5'</t>
  </si>
  <si>
    <t>b'\xf40u\xf0]Y]@\xfe\xf1\x03\xba\xc2\x98\x17\x03~\xa1\xe3"\xbb\xe9\xed\xf2\xa8\xf6L\x85\x81\xd9s$'</t>
  </si>
  <si>
    <t>b'\xc7\\\xa7k\xe4\xf2\x1e\xa7\xdf3\x06\xbe\xf0\x18aB\xd8\xf5\xabb\x80I\xe1\xfc\x9eo\x1e\x12\xf3\x10\xaf!'</t>
  </si>
  <si>
    <t>b'cfj\xfb\x0f\xae\xff\x10D\xe3)E\x8e\x82\xbf\xbc*q\xb5)`\xbc\xef\x99F\xd6e\x94\xf2\xfa\x8df'</t>
  </si>
  <si>
    <t>b'\xc5\xb5\x88\x99\xa3Ly \xd4C\xef\xef\xf6WG\xe1\xf2\xc9b\xa7K\x98\xd9\xc6\xd7\x88\xb4*\\\xe2\xe8\x07'</t>
  </si>
  <si>
    <t>b'~\x84\xed\xf6\xf9\x12\xc9\xf7\x16\xa8Uj\x93\xd1\x08t\xb5\xd8\xaf,!\xab\xe0\xce\xd9Z\xb7\xc9\x15\x9bc\xa8'</t>
  </si>
  <si>
    <t>b'\xd7&amp;:\xd0N6\x83\x8e{~\xb47&amp;\xe2v\xbbl\xf9c\x04:!=\xc0{!\x92\x98\xf1,\xf8)'</t>
  </si>
  <si>
    <t>b'\xcc|\xf1c\xe2\xcf\xfa\x15+\xf7\x9e\xa7&gt;\xfe\xee\xb4\x02n\xb2A\xa6\xce\x04\x9f\xbe\xcb\xcfL+\xf1bN'</t>
  </si>
  <si>
    <t>b"e\x04s\xd6J\x1d\x86MW\r\x86\x8e\xdc'.T\x90\x88@&gt;m\xe50\xc2R\xbe\xc1\xfb\x98\xb5$\xdd"</t>
  </si>
  <si>
    <t>b'\xb6#g\x16\x8b~\xabu\x97\x19P\x18^\xaa\xb9\xa5\xbb\xcb\x1fW\x12\xed\x9d6\x8b\x10#\xad\x0fl\xde~'</t>
  </si>
  <si>
    <t>b'\xf5;\x93\x99y2\xc2\xc2\x19\x06\xd7\xa3\x84\xd5K{\x8ah\x03_BBA\x199B\xd5\xccc\xa6\x00`'</t>
  </si>
  <si>
    <t>b'TC\xbe\x19\x00Y\xdc\x1f\x1e.\x1c\x1e\xbd\x1e\xbe\x8eu\x07`\xe0"\x87\xe9~\xb8\xe5\xd6\x1c\xad\xcb\xf0\xbf'</t>
  </si>
  <si>
    <t>b'%\x0cr\x1d&amp;\x10\x18\x1aZ\xb9\x9b\x95\xfa\xb3\xb7\xddZ\x1e\x96\xa8[f-\x85\x1f_\xb1\xae*\xdc\xda '</t>
  </si>
  <si>
    <t>b'\x0c\xdepe\xffr\xc6\xff\xa3\xbc\xa7\x86V\x13\x1a\xc5\xa3oP\x83\xd8\xdd\x9fJ\x9f\x92\xef\xd8\xf2\x9a\x13\xc3'</t>
  </si>
  <si>
    <t>b"\xcfC\xdbX\xca}&amp;WmsOn'\x15\xfd\x93\x16\xd4u\x01\xb9\xf0\x1a\xa7\x18bj\xa2\x13\x9c\xc0\x13"</t>
  </si>
  <si>
    <t>b']\xb7eD\x00 X\xa5\x17#3?\x95Oz\xd0bB\xa7\x12"\xbe\xfa\x85e\x0c\x16\x11\xeb\xad\t\x87'</t>
  </si>
  <si>
    <t>b'\x9aP\xe8\xac\x800\xe1\xe6;\xc4$\x94\xdb\xa0\xf0D\x95\xa5\xd8\x07\x92\x19\x1e\xaa\xf7\xb2\x94\x1ej\xe7\x8f\xdc'</t>
  </si>
  <si>
    <t>b'\x95\ns\x1fO\xbd\x88\x95\x08[g\x1d\x9b\x105\x03\xac\xd1\x92T\xb43\xdfr\x8dDQV\x03_.\xcf'</t>
  </si>
  <si>
    <t>b'\xd7\x85\x7f\xb4\x82\xd4\xfbO\x0bZ\xeb\xean\xab\xf5\xbc_\xfa\xabh\x1b\xb4\xe7\xbe_+KIv\xd2&gt;I'</t>
  </si>
  <si>
    <t>b'\xcdL=9\x9e]\x1b=Y7\xf8\n\xf8p\xea\xddr\xc0\xfa\xd1\x18X\x8c\xbc\x95I@\x11!{\xf9\xf1'</t>
  </si>
  <si>
    <t>b"r\xc3\x1dUHJ\x12\x9cS\xb6\xbc`Z\xd7\xa93\x9e&lt;\xb2\x10i\xb5\xff`\x08\x99S6\xfeM3'"</t>
  </si>
  <si>
    <t>b"`\x17Y\xcd\xa0\xe7\xc1\xe3\x13J'\x15\xde\xa2L\xb7\xf0D\xd1W\xd1NW\x93~!SdH\xb3\xda\xc6"</t>
  </si>
  <si>
    <t>b'\x88\x1dA\x04\x8af=\x96;\x8c\xbd\xfdq\xb5\xff:\x9d\xb3W\xd0Z\xad\xbe-\x11\x1f\xb3o\xdf~1d'</t>
  </si>
  <si>
    <t>b'd/b\xafAi.\xcf\xa4\x19\x01^\xd0\xd6\xd9\x9f\x19\xf9-)G\xf4\xf5\xa2v1\xfbZ\x07\x133\x8f'</t>
  </si>
  <si>
    <t>b'+$\xac&gt;\xdd\xea9\xe7\x1c#\xd38:_\xb1GL\xa8\x9015"{\r9YYM\xee\x81X\x91'</t>
  </si>
  <si>
    <t>b'\x9d\x04\x88\x81\x0cC0\x13\xd5\xba}\x80v\x8a\xea@]\x1fZ\xfb)\xaf\xdd\n\nf\xf6\x98R\x83\xa9\xac'</t>
  </si>
  <si>
    <t>b'\x14\xbb\xd8V\xe4\x81\xf3F\x87\xb7)\x08L\x0f\r\xf7\x15Hx\x9e\x07\x85\xa3D\xf5^\x10\xe3\x01\x0f\x19\xaa'</t>
  </si>
  <si>
    <t>b'\xf3\x98&amp;h\x9ff\x0f\xf3\x02|S4d\xe7\xb6\x87nWi8(\xe3\xb4\xc0d\x8f\xfe\xfa8\x95\xc9\xf1'</t>
  </si>
  <si>
    <t>b'6\x87i\xe5\xc4h\xc3\x06\xb7\x95\x86\xf4\xd1\xb3\xbf\x02\xea\x0bW\x17|\xdfnM\x1a&amp;\xad\xf7\x03\x8a\xc3\t'</t>
  </si>
  <si>
    <t>b'\xcf\x01\x80\xf1\xc9\xf3\xae\xc9\x81\x7f\x00\xda\x82\xde\x14A\x90\xc8\xe4\xeb\x07\x0fCA~\xa3\xec\xd4\xcc\xb9\xcfT'</t>
  </si>
  <si>
    <t>b'u\xb0\x1a\x8b7\\c\x83\x08\x8bU{\xa1\xd9\x9c\x1c+\xf3\xe2a\xad\x06\xa8\xe31T\x8d\xd3\x1c\xe0V\xcb'</t>
  </si>
  <si>
    <t>b'\x15\x9f.\x918i\x8eA\xf5\x06(\xbc\x170\x17&gt;\x8f,B\xaeX\xef\xd8\xfa\x12+\x91G8T% '</t>
  </si>
  <si>
    <t>b'\x817\xe1\xdbr\xef\xb0\xed\x8c\xb3\xce:B\xab\xed2f:\xd9\xac\x16\xe7\x8c\xcfk\xa5\x9a\x99v\xe5e6'</t>
  </si>
  <si>
    <t>b'\xd2"+\x10\xeaa\xf7\xbc}&gt;B\r\x035\xd5\x1d\xb1\x0e\xf3\xe0)\xdaT\x82\xc4\x0c\xc4!\x85\x1d\x91\x16'</t>
  </si>
  <si>
    <t>b'\x0c\x81|\xdbZ\x8f\xe0g\xe5"\x0b\x92\x91\xeb\xfc\x04\r\xea\xfeH\xba\x81;\xecu\xc9;P,\x9f\x10\x12'</t>
  </si>
  <si>
    <t>b'\x1a\x12\xa2z\x0e\x18\x00\x99\xe4o}p\xc5\x8d\x93\xfa\xcd\xe1\x83#\x89u\xa0\xce\x12A\r\xab\x07\xd3mR'</t>
  </si>
  <si>
    <t>b'\x82\xb0mT=\x01\x08\xf0;\x91\x828\xe3{\x83\x11\xfd\xb9\xc2u\xdad\xa4\xb7e\xd1\xe8)\xb8\x11op'</t>
  </si>
  <si>
    <t>b'7D\x9f\xbdE\xb6\x01y#~e\xdc\x8e-\r\x06\xfd\xa1\xb3\xc0p\x93\xfcC\x0f \x18\x8e\x97\xc4\xdc\xdd'</t>
  </si>
  <si>
    <t>b'\'\xe7\x83Y\x17u\xe2\xe4\xbaL\xdc"2\x05\xf1\xcd\xaaNF;&lt;\x19DG\xc1&gt;\x1dc\xff(@x'</t>
  </si>
  <si>
    <t>b"\xfd'\xd6z\x917\x92H\xd6g]\xd6EV\xc9\x19n\x95\x804-\xb2\xe0\\\xbco@\xfc\x96\x1dL\xdf"</t>
  </si>
  <si>
    <t>b'\t\x08\\\x83q3u\xda4\xc1\x88\x06\xed\x9bv\x16\x8b\x9e\xf3Z\xd1\\@\x16\xe7,\xbc\x0f\xa15Q\xa8'</t>
  </si>
  <si>
    <t>b"\xff'\xd3A\xce\xe9S$\xf0\xb69\xa4\x98\xc0\xcb'\x8a\xf0\xd1\xa0\x05j_\x96\xa9\x8f\xdc&amp;\x88\xb50\x9d"</t>
  </si>
  <si>
    <t>b'/\xb3\xbb\x83x\x11\x11\xc8\xd5\xc2.\xa9N\xde_ze\xd1\x03)\xa8a\xd5\xe6\xb07E\xd3\n)\\\xd9'</t>
  </si>
  <si>
    <t>b'\xe0\x1f\xcc\xb4\x1a\xfb\x81p\x87\xd7\xa2\xe4\xc8\xd4\xdb\xb2\xfb\x0e\r\x11D\xf5\xb2\x19\xe5,\xdb\xeb\xd25.0'</t>
  </si>
  <si>
    <t>b'Os\x15?\x02\x1b]\xad\xa4\xbc\x0c\xf2i\xc0\xd1|/\x19W\xf8\xddZ\x0cB\xfc;0\xd8\xe4\x13\xc0E'</t>
  </si>
  <si>
    <t>b'+4nH\xf621:\xdf.\xe9\xd5\x89\xe9\x86\x9c\x8a$\x8f\xa6f\x1a\x98\xcag\x97\xcd\xa6\xfc\x1cz\xa0'</t>
  </si>
  <si>
    <t>b'\xa9\x16\xe9\x81b\x99|\xf8\x9e\x938\xba\xc2\xd4`\xe4\xe5\xd3\xd3\x13s\x9f@\xd3I\x90\xd0\x04\xbeTB\x95'</t>
  </si>
  <si>
    <t>b'R\x99H\xa1\x01kGl\xcd\x81\x82\xbe,H\r\xc4\xbf\x9f}&lt;\x16T\xe0\xb2n\x8e\xff9\x8b\xe9Ts'</t>
  </si>
  <si>
    <t>b'B*\xa3\xc2\x04\xaa\xa6\x02:\x11\xd6\x9e)\xcc\x1b\x8b\xd1-\xd35\x00\x13\xd3\xf9\x1a P\xc9\xea\xf7Fy'</t>
  </si>
  <si>
    <t>b'`Z\xa5n\xd6\xccg\x13;\xe3&amp; U6\r\xb6\xf2\x81\xe3\x12\xbc1\x9c\xd4\x14\x9b\xbf}\xf2\xe4v\xed'</t>
  </si>
  <si>
    <t>b'\x13\xfe\xb0\xd9,\x88\xd9\xc3\x0b:\xce/\xd8a\xe8\xd7\x93\t\xd54,c&amp;\x84\rr\xe5\x8b\x15\xc5\x0fX'</t>
  </si>
  <si>
    <t>b'\x95\xf0\x8d\xce\xf0\xa9S\x0c\\n!4\x9a\xb7\x8d+\x96\x19\xccAKS\xe2\xff\xd9\xfec&amp;N=\x1b\x9c'</t>
  </si>
  <si>
    <t>b'\xabaNpQ\x7f\x1c*"MH\x8f\xfd\x14)\x1d\xfe\xd6R+\x0c\x9e\r\xfaF\xbb}\x964)\x7f%'</t>
  </si>
  <si>
    <t>b'\x94.=\xa4\xb1n\x13\xdb\xaf\x04yb\x10\x0f\x11\x99\xaf\xf0\x9d4\xcc\x9d\xe1\xc1\xfc\x10\xd28\r,I\xb3'</t>
  </si>
  <si>
    <t>b'zZ\xa0\xc5\x15:\xf8\xafg\xe5R:\xcd\xcfK=Pcb\xdb.sq\xd2\x1dN\x97%\x1d\xb0\xb5D'</t>
  </si>
  <si>
    <t>b'\xa3\xbf\xe9Mx\x97\xd7\xd0\xff\xf2\x92h\x85\\\xf4\xaa\xd1\x8c\xbb \x16\xcb\xa5\x8255\x06\xec\x1dA\x98\x00'</t>
  </si>
  <si>
    <t>b'\x11R{\xeb9\xa7:*B\xa1\xae\xf1\xc8\x88\x84\x8c#\xcc\x11\xc5*A\x19R\x97T\x9aDtW\x8c}'</t>
  </si>
  <si>
    <t>b'\xeb5\x17A\x0c\\b\xbdwAj\xe6\x19\xc5^\xe4}\xfeM\xcda\xeb8o\x00\xc7\xd0\xa8\xa2\x9b\x12\xaf'</t>
  </si>
  <si>
    <t>b'3\x1c\xd4\xbd\xb1\xf8\xd5|\xd1\xae|\xf85-\xfc:\x15\xed\xa5\x9cgh\xe0A\x96?n\x16\xad\t\xe5\xa5'</t>
  </si>
  <si>
    <t>b"\xab\x0c\x9a\xbe@\xb7\xd3\x02K\x18\xe9'kT\x9d&gt;\xff\x9e\x11:\x93d\xbb\xfc\xbc\xb8Pr\xef\xfdP\xf7"</t>
  </si>
  <si>
    <t>b'`\xfa\xff\xdf{1\xa1\x14\xe8\xfe\xa8\x03a\xaf\x1d\x14\xc6m\xc5\xdd\xac\xb9m{\x16\x17\x97\x85\xd1\xf5\x84\xcc'</t>
  </si>
  <si>
    <t>b"Y\xda5\x05z\xfd\x95'!\x19\x7f=8\x14\xc7\xa2\xd3\xff\xc3.\xe8\xe3\x0e1u\xfe\x1d_\\\x89\xa1B"</t>
  </si>
  <si>
    <t>b'P\xcb\xade`\xce\xca\xa4\x0e\xa0\xb1\xdd\x92\xf8\xa3D\x1c\xa8\x8e\x1c\xc6\xd6\xbc\xd1\xe1vc\x9e\x80\xa5\xde@'</t>
  </si>
  <si>
    <t>b'w\x9c\xbd\x82g\xbe\x98\xf9.\xa0f\xe7)\x03\xca?Q\xaa\xf6\xe3\xea\x19\xde\xdd\xea&amp;\x17!\x8f\xe1\x0c\xd6'</t>
  </si>
  <si>
    <t>b'\x1cTR\xd2?\xf7\x1d.\x14\xf0\x0bED\x04!Ab+\xd0\xf2X\x99\x83,\xf9\x87vA\x89i\xe4Y'</t>
  </si>
  <si>
    <t>b'\xe8\xe6\xd8\x01G[:\x03\xbd\xc9)\xfd\xd2]\xba\xe2C\x02\xe8\x7f\xd2\xa0\xf7\xe2zd\xfd C\xf5O\x7f'</t>
  </si>
  <si>
    <t>b'\xb3\xa7R\xe4\xc6\x12S\xe2_)5\x91b\x1ea).\x89D\xcc/D\xa7\xfaHf \x9b\xb7\x04\xda('</t>
  </si>
  <si>
    <t>b'\x19\x8c\xb6u\xdf\xd2G&amp;\x0f\xf1\x9bfknlre\\\xb4)\xe5Q\xb1v\x18~\xbc\x98\x88K\x8f\x94'</t>
  </si>
  <si>
    <t>b'\xb3q8\x10\x0czO\x03\xcfW\xfd"\x95\xf3c\xaaM\xf4\xac\x05\xc7:\x98\xdd\x8bG\xc3\x19\x00\xda\xc4\x0c'</t>
  </si>
  <si>
    <t>b"\xc8d\xa0\xea\xc8'\xafi\xc2N\x1d\x84\xd7\xe4\xda~8\x95\xda\x8a\xfd\x9b\xf5\xf6\x1c\xa2\xd8\xa2\xa6(?\x99"</t>
  </si>
  <si>
    <t>b'\xf8*\xbe\xfc/!\xa2\xe9,\x94\t\xeb\xe3+\xf0\x87\xaa\xb8\x92s\xdf\xa1j]\xf9OEC\xf15\x7f&gt;'</t>
  </si>
  <si>
    <t>b'\xac\xe3.\xfe\xfe\xe4j\xf4zd\xc5N\x8b?\xba\xed\x8f\xdf5&gt;\xae\xe3\xf5\xd6\xa5\x01Ag\xc0\xe0\xd4\xf3'</t>
  </si>
  <si>
    <t>b'\x7f\x01\x80\xe0ZV\xdc\x05\xe3\xe7\xb5\xb9\x86I\x8f,\x8e\xf7\xa0\xc6\n\xad[\xe3+lR\x97%5\xfe\xe1'</t>
  </si>
  <si>
    <t>b'\x85\xd9-\xbd^K\x8f\xdfd\x1aY\x10*\x99\xe6;\x02\xcd\xa7\xb2I$\xef\xa0\xe1\xd7\t\xc3%\x17\x96m'</t>
  </si>
  <si>
    <t>b'\xbd\x94\x90\x9f0y\x1f\x95o\xfd_Lu\xe7\xba\xa9K\x18G\x019&gt;\x13"\x8b^\x82J\x80 \x1dc'</t>
  </si>
  <si>
    <t>b'\xe6\x8fX\xfa?\xef\x04\x1a:\xd4\xb4\x8b\xcb\xb5A\xf1\xaaZ\x98f\x94\x92l\xf1h\xe7V\x9c\x99\xd3\xc8\x9f'</t>
  </si>
  <si>
    <t>b'\x8e@\rP\x10"\xd0g\r.\x87\xc4\x19\x0b\xda\x8f\xfa\xdf\x07\xe5\x07J(G\xa7\xcf\xd4\xe6\xf5\xfd\xe6R'</t>
  </si>
  <si>
    <t>b'edC|\xb8nS\x7f\x14\xdeD\x93\x82\x93\xb8\xdb:;pxhO\xdfR|B\xb9\xf0\xd3\xe5l\xf8'</t>
  </si>
  <si>
    <t>b'\x17\xfe\x8a\xc4\x86S\xb8]\xa1j\tn\n\x8b\xda\x9e\xb1\x1bv\x95\x08\xea\x03CA\x18\xd0{\xb5\x16q%'</t>
  </si>
  <si>
    <t>b'\x8fu4+N2\xee|\xbc\x9bg(PN3\x10\x96 \x97(\xee\xa4&gt;Q\xce\x81g\xdf\x130\x90\x1a'</t>
  </si>
  <si>
    <t>b'\x02,\x17b\xb3\x8b(\xbb\xc2\xedi\x0c\xde\xa7\xf7\x15\x14\xb9G\xe5g:|}|\xed.\xa7\x0bC\x86!'</t>
  </si>
  <si>
    <t>b'N\xb21\x00\xfe\xa8}\xa6{\x05\x1cE[\xfd\xb4\xde\x87\xf8&lt;b\xe3\xa3w\x1b\x1f\x1b\x00~\x1ee\x1e\xef'</t>
  </si>
  <si>
    <t>b'\xc5\x18\x13\x9c\xd8\xa8\x8d\xe2\xf0\xc1\x83\x0e\x03P\x19v\xba\xf0\x18\xb5s0[,[\x1c~\x92\x8b\xb3q\xe8'</t>
  </si>
  <si>
    <t>b'\x91\x7f\x9a\x8d\x1f\x8c\x83\xc9?"\xbck\x90\x8e_\xcaJ\x98\xbd&amp;\xf8iT\xb6t/\x12o\xc76\x82l'</t>
  </si>
  <si>
    <t>b'e\xae\xa5\x1e\x0f-\x86e\xa9&lt;\x01\xeaw\x07\xfdH\xa5`\xbarH1)8\xa9\xf0\x07\x80\xcc\xefC\x04'</t>
  </si>
  <si>
    <t>b'\xd471\x04\xd7\xa4\x9a\xe6A\ng\xe8W\x0c\xce\xef4\xb8\x81\x88&gt;E\xab"\xbb\xa9\x06\x9e\x87d\xe8\x15'</t>
  </si>
  <si>
    <t>b'\xed\xe3\xd7\x96\x12\xdd\xf6&amp;1\x8e\xcc\x12c\x86\x06\x12y\xd0\x91 $9\x9bh4&gt;f\xf5\x89\r\xaeN'</t>
  </si>
  <si>
    <t>b'\xcd9k\xe0\xd6\\y\xb6\x89\xdc\xe0\xe2\x85#T\xaf3\xc1\x95\x07\xb6\x13\xcb{\x0f,K\xbbc\x1d\xe7\xa2'</t>
  </si>
  <si>
    <t>b'\xc5\xb3\x81\x07\x11\xb1#{\xd8\xbc\x05\xd0\xbf=\xc5\xf2f\x9e\x84b\xacn+V\xc4\xab\xcfuB\xb3\xadN'</t>
  </si>
  <si>
    <t>b'|I\xb4\x86\xa4\xb8\x0fb\x84hN=@\xbf\x83\xb3\xe9U\xfa=\xa9[\x98\x1b\x99\xa2\xf7\x85.\xa4\x96+'</t>
  </si>
  <si>
    <t>b'9A\x84\\X\xaf;\xfa{\xd4\xa9\xf5?T\x8ck\x19gC\x7f\x93p\x9e\xf3`6\xd2\x9a\xf1\xf5\xf0/'</t>
  </si>
  <si>
    <t>b'\xf0\xf9\xd3\xe94\x92\xe8\xf1d\xb6QsP\x7f\x8a#\x14\x93CZ\xd8\x95\xa6\xbe\xc5\x9eJ\xd4BX/z'</t>
  </si>
  <si>
    <t>b'F\xd7?\xc0\xb2\xef\x02\xbd\x83\xe0\x0f\xca\xe0\xf8\xa4\x02\x978A;\x01\xfd-\x8d\xdd&amp;S\x99\xc2\x84,\xc1'</t>
  </si>
  <si>
    <t>b'\xb5l4\x9aH\x00\xa3\xe16\x80\xab\xdf\x85\xe6\xdcR\xa7R \xe6\xcf9\x1bP$Z\xe9\x88hH\xbb^'</t>
  </si>
  <si>
    <t>b'\x80\xe7\xcdpw\x86a\x19,\xa2U1\xf1\xdc7Lq\x18H\xee\xe1\xd6\x99\xc5V\x9fd\x84\x1f$\x13\xba'</t>
  </si>
  <si>
    <t>b'E&lt;\xf9K\x0b\xc1$\n\x96\xe6/\xfe`XY\xb7\xee\xbf&lt;\x88\xd0\x17\x84\x18\x90\xad\xf1&lt;Z\xeb\x0b\xab'</t>
  </si>
  <si>
    <t>b'\x19Z\xb1\xe3\xdd0\x10\xc7\x1f\xb2\xdef\xd4?\xb2K\x99\x08\x04A\xb3\x931\xfe-\x14\r\x15y\t\x11\xa3'</t>
  </si>
  <si>
    <t>b'\x8f&amp;\xc2\x80\x86\xef\xce\x1e^\x0e\xd77\xa1[;9Wjl\xd2.\xf3N\xa4)\x17\x14\xcb\xc8^\xcd~'</t>
  </si>
  <si>
    <t>b'pk\x89\xbdk\xf0p\xa8|]+g\x93\xc4\xab\xe2\xbc.\xc6\x95\xe5Q9\x14\xd5\x16K\xa4\xef\x19\x0e\xa6'</t>
  </si>
  <si>
    <t>b'+\x91RV\xc0\x14A\xe7\x0c\x7f\xcbj9\x0e\x1c1\x1f|\xd5\xb4m&lt;!\x8f\\S+|\xd5v\xe8\xd8'</t>
  </si>
  <si>
    <t>b"\x042;\xef\xb9\x1b'\xa5\x8e\x82SF'\x94\xe0\x07\xa5t'\x10\xe9\xfe7GG\xcb\x96:V\xe2W\xd4"</t>
  </si>
  <si>
    <t>b'\xbb[`\xf5\x11\xb0\xe6\xb9\r\xe3y\x0e\x02\xa4\xc88\n\x88\xc2\x9f\xe8\x84,G\xf1\x00\x9b!x/\x01\x08'</t>
  </si>
  <si>
    <t>b'O\xfeg\xbdn\x88\x84\xacs\xa6\xfd\xc3W&gt;\xcc\x1djzZ\xde\x14\xa5\\J\x04\xbd\xad\x80\xd3\xc1\te'</t>
  </si>
  <si>
    <t>b'\xf3\x0c+\x9dO\x05\x05\xfcx\xe0\xf6\x8fH\xbf\x07)\x06*W\x02b\\[\x93v\xc2\xdf\xc6\x8d\xa9\x16\xed'</t>
  </si>
  <si>
    <t>b'*0\x99[\xcb\x9a\xf3\xcc\xa4H\xf3\x93\xf1\x00f\xc0\xc4\x05E\x99\x846\x0e\xee\xa4n\xaf\xe2\x16\xec\xfcL'</t>
  </si>
  <si>
    <t>b'U\x1er\x1e\xa6^a\xed8\x895\x08h\xe0\x90\xf7\x01w\x1f\xb7G\xacN\xe8&gt;aK\xdc\x9b\xd3\xee\xf7'</t>
  </si>
  <si>
    <t>b'\x04W\xae\xb3\x83gv\xb9\x91\xc2&amp;\xf6PW\xa8&gt;\xd0?X\xfbWd\x95\xdc\x8c8\xf0\x80\x7f\t+\xe7'</t>
  </si>
  <si>
    <t>b'6C,&lt;e\xe3\xb6\xafd\x11M\xca\xf7;O{E\xf7\x8d(\x17\xc4=aT\x85 \x84\xc2\x0cr3'</t>
  </si>
  <si>
    <t>b'*\x85d\x9b\xc0\xd7\xd6\x19\xc91\xeb\x10\xb4\x18Z-\x9c\xd5|\x94\x11y\xe5\x90\xb1\xfc\x84c\xa7a\xa99'</t>
  </si>
  <si>
    <t>b'\xc2\x9d\xeb\xc1\xfe\x94\x90\x8e\xf8\xec\xd5a\xc1k\xa6\t\xf9\xc2M\xaeM,\x8c\xcc\xbf\x17z#_Q\xdd\xcd'</t>
  </si>
  <si>
    <t>b'r\x9ev\xd5\xa2\x9a\x94}\xdbf\x97v\xfa_\x81\xfc(L{\x96!4fy\x01\xca\xfbS\\\xb1\x83\x90'</t>
  </si>
  <si>
    <t>b"8V6E\xd8A\x1e\xc9mPc)\x86\xc0g\xd1+'\x16o\x82\x92^\xbc\xc7\xa3\x7f\x00F\xcc\x07\x8e"</t>
  </si>
  <si>
    <t>b'!\xd7\x0b\t\x0f9*6# \x8ax\x0bE\xd44\xfa5\xa6(S:\xca6U\xdf\xed\x01&lt;g\x1bM'</t>
  </si>
  <si>
    <t>b'\xc1\xe03N\x91\xaa\xb4\x06\x90\xbb\xa7\x93\xcb\xc9\x11\xf3\x07\x85%\xad\xb2\x08IX\x8f\x9f\xc6\xa5\xb2\xc6\x17\xad'</t>
  </si>
  <si>
    <t>b'\x86\x98&lt;]a\xccd\x90\x96\xbdB\xceC\x83\xcf\x12\xd6\xb8\\\x98\xf7\xe6\x8ajbO\xed\x10\x8bs\tM'</t>
  </si>
  <si>
    <t>b'\x1e\xebg\x95\x8e2~\xd1\n\xbd\x80)\x1bT\xe1\xe9G\xaa\x81\x9dM\xeb\xf7\xe2\xc8W\x19i\xbe\xceEB'</t>
  </si>
  <si>
    <t>b'!\xbdf\x99F\xfaI\xfa \xfeI\x15\x89\xb6\xae)x\x97)\x9b\xcc\xe0\xbc\x8cQ\x1a(\xd4\n\x14\x13r'</t>
  </si>
  <si>
    <t>b"\xbf9\x8e\xb9\x1e\xcc'\x07Q\x95\xc6~ \x0eq\x7fkj_\x99l\x13\xdet\x04a\xd8\xffcQ\t\xaa"</t>
  </si>
  <si>
    <t>b'E\xac\xcc\xaf\xa58\x91-\xabY\xd8\xd7\x95*\xf0K\xb1\xa8x\xbe\xd5\xf2\xde\xd9\x88\xc6\xd6\x98&amp;\x94k\xaf'</t>
  </si>
  <si>
    <t>b'\xe6\xce3\x91LW\xfb\xdd1DVS\xe3#\xbe\xc5\x95\xb9\x07\x8e^Q\xdb\xff\x8a\xf2\xea*\xf2\xff\x91\\'</t>
  </si>
  <si>
    <t>b']\xf7\x1c=\xa2 \xf0\xb6\xf4\xc5\xe1\x97U\x16w\x08-?\xc1\xf6\xa0\x96\x05\x05\xe0\x1d\xeaR\xf3*\x82h'</t>
  </si>
  <si>
    <t>b'TD\x18\xbe\x84\xda\x82\xeaPD4Lx\xe0\xd9n\xfe\n&lt;\x87S\x124\xc1&amp;\xce\xf1\x8d\x18\xd7F\x9b'</t>
  </si>
  <si>
    <t>b'\xe2&lt;\xccq\x04\nmi\x8e\n&gt;\xda\r\x9f\x9e\xb0\xa7T\x96\xc3\x99\x95uy\x90\x11\xccD\x16N\xd7\xc0'</t>
  </si>
  <si>
    <t>b'\xeaq\xbam3\xb0\xe3\x9e\x13G{\x19\x04\xcd\x0b\xa0\xb8\xf5\xcbp\x8f\xb2-7X\xbe\x1b\xf7"\x003.'</t>
  </si>
  <si>
    <t>b'\xa9g\x98\xc3Q\x0f\xa7\x94\xa7XI$s\x8c&lt;\xf0\xc9d\x1cp\xac\x01Q\x92\xa5\xa1+?\xca\x824\x86'</t>
  </si>
  <si>
    <t>b'I\xf8\xb1Z!\xe9\x1f\xe5\xd0\xd6\xea\xd1\xdf\x81qT;\x9b\xbe\x92\x05;\xa9\xa25\xe5)\xc3\xebj7k'</t>
  </si>
  <si>
    <t>b'\xe7\x81\xbf\x08_\xd0\xcd\xabuZt]bS\xb4\n\x05q\x00a\xef\xbft\xe0\xeaB0\xd5\xeem{\xa8'</t>
  </si>
  <si>
    <t>b'\xb4h\xe05\xad\xae\x91Yi\xe6\x8a\xce%O\x96Y\x01g0\x9e\x02\x1e\xd3\x93]\xf79\x90\xc8{U\xd4'</t>
  </si>
  <si>
    <t>b'\x99\xb6\x98\xc7\xd4&amp;1\x05\xdae\xc7\x7fk\xaa\xc8\x85\x96\xf3\xa4\x89\x89J{\xa4\x06\x8e\x0eqJ\xf5\xe0t'</t>
  </si>
  <si>
    <t>b'\x1b4\xb3\xe1\xbet*\x92\x16\xc8\xa9\xb5\xc5\xf6) \\L\xb6\xe0*)\xe0\x1c\xa2*\xee\x02\x0b\x86\xbd\x0b'</t>
  </si>
  <si>
    <t>b'&lt;\xf2\x9aM\xd3,\xa5\xd5a\x15@\xe5\xaf\xea\xeb6\x8f\xe3\x9f\xb6\xebG\xaa\xb3\xb5"\xf7\x93*\xd9\xe9\xb7'</t>
  </si>
  <si>
    <t>b'-\x95\xd2dJ\xdd\x92\xcc\xb6\xbd6\x08\xe7\xce\x97\x92\xac\xa8\xc5\xe4\xee\xc0{\x91\x03\xee\xc3\x8c\xe9\xe9\xc6f'</t>
  </si>
  <si>
    <t>b'\n\xa8W\xdaR\xd7d\xd0V\xe7\x96\xe8\xb9\x14(\xca\xa1\t\x0c\xb5\xbd\x9e\xa6N=\xd8\xc7\xb4[\x82\x91\xd4'</t>
  </si>
  <si>
    <t>b'_7\xc5WH\xcf\x8f\xc4\xf8p\xd3\x9c w\xd1\x9a\xe9\x9e\xb9!8\xe7\xe8\x03d\xc7\xa8&lt;\xc08f\xbe'</t>
  </si>
  <si>
    <t>b'KhM\xdc\x12\x00\x9b\xe4\x88\x8eyI\x01\xd7"\x1e\x02\xfa?\xfb\x19\xdc\x16\xf6W\xa8H*\x01K\xbb~'</t>
  </si>
  <si>
    <t>b'\xa4\x00Q\xd83\x84D\x18\xcd\xde\x9c\xf2y\x91\xe7^\xf5\xce\x8c\xca\xf0\x1f\xc9&amp;s\xac\xef\x0e{O\xe41'</t>
  </si>
  <si>
    <t>b'Sc\x0c\xc9\xe8F\x1bI]\xd6\xd7\x15\xa2Gt\xe4\x94\xb7M\xfe\xb3\x0f#y\x0c\xfbY\x9f\n5\xdd\xd2'</t>
  </si>
  <si>
    <t>b'K\xe1\x0bH+\xe5\r\xbe)h{\xea\xe6\xbc\r\xc7X\xce\x9ea\xa6\xae\xa7\x0c\xd2%\xb9/,Z8='</t>
  </si>
  <si>
    <t>b"\xe6\x12\xfb\x87hf\x1b&amp;\x8d\xb1\x1aX@&lt;\xbd\xeb\xc0\xbc;w\xc6'\xb5@^\xe7[\x99\xc2\x84\x02\xeb"</t>
  </si>
  <si>
    <t>b'\xd0\x9c 2\x086\xe1\x99\xf2b@\xe3\x86\xd1\x8a\xbc\x08\x11w\xbdo\x0bbe\x929\t&gt;\xd9\xb9\x13]'</t>
  </si>
  <si>
    <t>b'&gt;\xa8\x16\xea\xcb"U\x85\xb6hxz\x8e\xd8\x1djU\xcb\x91\xf1!\xb7\x1d\x91\xc0\xc3!\xb5\xc2\x1e1\x8d'</t>
  </si>
  <si>
    <t>b'\xa7\xa9\x07tw\x0f\x93.;\xcf\xc3\xeb\xf9\xc1\x9b\x9d\xa8\x05_\xc1I\xab\xb9Z\x9bip\x8b\xedj\xd5o'</t>
  </si>
  <si>
    <t>b'h\x12\xdd\xbexD\x11Qh4\xf9\xb9K"\x0b!\xdft\x80\xa0\xdc5&gt;\xf5\x8e\x01~C\xad\x03hd'</t>
  </si>
  <si>
    <t>b'\xee\xdad\x83\xa0C\xe7(\xbbG\x9c\n\x98\xa5\xb3\x963\xd6~k\xd7\xfd\x8d\x8e\x87)\x8f\x17h\x96;~'</t>
  </si>
  <si>
    <t>b'5\xd1\x1dVc+[4I\xf0F\xd3\xbe\x1a\x0f\xf1vUE\xc5\xd2\xad\xc5\x82e\xe7^OCb\x97\xd2'</t>
  </si>
  <si>
    <t>b'E\xb7S\x0f\x00\x8d \xb2-0\x88\xa2t\x06mY,\x18^\xaagRs\xa0\x9c\x01fs\xf5\xd2\x07?'</t>
  </si>
  <si>
    <t>b'\xd6\xfd\x12&lt;\x8f\xd9K\x1a\xc2\x16\xfb:z(n\xedu\x1e\x8b\xd5|\xa6\xcdu\xdeq&lt;\x89\xe9\x90_w'</t>
  </si>
  <si>
    <t>b"\xaf\x14\n\xf7\xd3\xbc\xdc\xb9\xc8\x18\xdf/\xfb\xf3\xe7'Z\xe5E&gt;L\xe74\x81\xa7AP\x8bnM4U"</t>
  </si>
  <si>
    <t>b'\x7f&lt;JU(\xf4gU\t\x8c*\xa3d\xf2\xce\x86_\xca\x06D\x9aC\x0e\x18+a\xb3\x81\r\x96\xa3\xf8'</t>
  </si>
  <si>
    <t>b'\xba\xb3\x0e\xc2b\xc3_\xa2f\xac\x0bG6I\xb4}fm\xed\xbb\xcfa\xe2{\x10\xbe\x96a`\xb20\xde'</t>
  </si>
  <si>
    <t>b'0\xc6g&lt;\xb3\x1dF.qv$\x15\xa3?)\x99]&amp;\xd3\xc4\x97\x1a\xa4J\xd0_\x8eE&amp;B\xfdn'</t>
  </si>
  <si>
    <t>b'&amp;\xca/6\tv\xb1\xe7\x15\xd8\x87\xf6:\xbc\xcdz"z\r\xcfj`?\xbaT\xc9\xa6@\xff\xb0\x95\x9c'</t>
  </si>
  <si>
    <t>b'4S\xd9M\\m\xcd\xc2{\xf2\xe7\x95\xe7&amp;\x16\xd8\xfar\xd4.\xc43\x95u\x0b=k&lt;\x88\xed\x0e\xe9'</t>
  </si>
  <si>
    <t>b"6\x19\x14\xb3\xfc\x8fv\xac^\xf7%\xb8\x94\xdc~*B\x15\x99\x9cj\xb8]\xd0\xec\xd2B?\x8a;'y"</t>
  </si>
  <si>
    <t>b'\x02\x0c\x14T\xa8\xbb\xe08\xdee\xe7\xba\xc4\xb8\xef\xa3v\xf8\x1f\x04z\xc7\xf3NbP\xd4\xd4W\xf1]"'</t>
  </si>
  <si>
    <t>b'\xd6l\xa8\x9b\x99e\x174Js\xfe\x8a\xa3\x0f\x87\r.\xb4\xde;\xef:\xa3\xf6z\x11[&lt;\xceG\xb1\xef'</t>
  </si>
  <si>
    <t>b'\xb5\x8a4\xb7N\x16\xcb\xbd\xd8\x16r!1F\x84\x1b\xb4\xc5\xa4\x8f\x12E\tSR\x97i\x97gE3\x16'</t>
  </si>
  <si>
    <t>b'\x8b\tBf\x1c\xd6#\xde\x17\xacC\xef8\xb0^\x83\x8e\xe6\xf6E\xa4\xff\xa7cK\xfe,\x93G\xe1\x99\x95'</t>
  </si>
  <si>
    <t>b'\xad\xc0\x05Y\xb1\x86\xa9\x82(a\xf6\xf0\xde\n\xf8\xdb\r\xe9%\xd1p/\x19\x9a\xc4\xfa\xd2eOH\xbd\xf9'</t>
  </si>
  <si>
    <t>b'q\x1a?\x91\x11\xdf5\xb8FG.\x0e\x90$C\x04\xe5q\xaf^0\xf9\xa4\x91\xee\\\xdc\xda\t{\xfd\xef'</t>
  </si>
  <si>
    <t>b"\xf6\xf6:\xe6\xe1q\x9bR\x83\x87l\xa6&gt;\x08\xafqx\x86}V'\x14\rUd\xb7\xd0\xfc+\xb0\xb2\xa4"</t>
  </si>
  <si>
    <t>b'\x98\x89Hu\x9a\xf6\x07V\xe4\x8b\xdat\x17\xd1\x9f&gt;\xb0\x81g%\xfb\xb1\xf8F\xf8\xad8\xc3\xee\x0e\xdb\xcd'</t>
  </si>
  <si>
    <t>b'v{e\xaaGVvI\x06\x99bI\xe3\xcd\x14)^9}o\x90\x16_\x9e\x05\\\xb9\xde\x85\x81\xcf\x89'</t>
  </si>
  <si>
    <t>b"\x97|\x0cl\xcf\x05\xf8\x16v\xafV\xa5\xe1\x13\xb9\xeb'\x81:\x9c\xec&gt;+\x91?GO\xf7X\x94\xd5I"</t>
  </si>
  <si>
    <t>b'p,?\x11[0\xdb\xe9\xeca\xd8\xee\xa2&gt;\x8a\r\xe61D\xef\x9c\xb2\x8fn$\xcbXK\xc1\xb4R\xb5'</t>
  </si>
  <si>
    <t>b'3$\xae\x8e\x88\x83\xef\xca*+\xda\x91\x8c\xc0\xb9H\xdb\x91\xb2\x8d\xdbj\xa4\xb8\xf1\xf3\xf1X\x02#\xcc{'</t>
  </si>
  <si>
    <t>b'i&amp;\xf2\x06$.\xbc\xec\x91\xf7\x8f\x0f\xbf\xe7@\xdeOV\x8eB\xeb=J2/K\xc6\x980\xefb\xb0'</t>
  </si>
  <si>
    <t>b'\t\xca\xceX6\x1e\xeb\x1d\xf0-Ks\xa0[D\xbd\x9fc\xd5\x8d]\xc6x\x86t62=\xd7\xad\x00\xbe'</t>
  </si>
  <si>
    <t>b'AP\x1b\xae\x94,\xda\x9e\xf1\xad\x83\xcb\xb1=\x93\x0c\x03\x0b\x01\xbaH\xe2\x04&amp;\x82\x8c\x9f\x0ee\x13&lt;\xdb'</t>
  </si>
  <si>
    <t>b'BDK\x12\xf4}\xc0\xe40I\xe2\x1e\xf5\xdd\xfe_g\xbbu\xe4\xe6\xd37b\xb5\x10g\x8d\xf51g\xfc'</t>
  </si>
  <si>
    <t>b'\xc5&gt;\xaf\x1c1+\xaaL\xe8\xf8l\xf0V`\\\xcf\xd6\xa1\xc38\xdd\xc7\xafUJ\xf1\xaf4\xa4`\x01:'</t>
  </si>
  <si>
    <t>b'\xc6N\x80"\xcf\'\x99\xb1\x0c\x87\x8d\x80"C\xc8/\x9c\xb0\xb4&amp;\xed\xaf\x91\xcd\xf1\x9dT\xb2\xa8-;='</t>
  </si>
  <si>
    <t>b".\x8b{\xec`y\x9e\xa2c'l2E\x92Cd\x81\xaf\xb41N[K\x00\x1d\x04/\xd0\x87\xc6\xf1\x19"</t>
  </si>
  <si>
    <t>b'R\x1bIM\xdfA\xef=n\xba\xf7\x88\xa1*\r\x86X\x03\x862\xc0\x199\xb7\xf1o\xcd\xc5Y\x1c\x18\xf0'</t>
  </si>
  <si>
    <t>b'\xa0\xd0$\xa13a\x98nA\xd7P\xc7@\xae\xa2\x01\x93\x92\xdc\x82&gt;\xd2\xa6\xb7\xcd\xbb|\x047t\xb0\xe1'</t>
  </si>
  <si>
    <t>b"'_\xa8\xf7SU\x17\x04ew \xb7\xff\x04n,O7\xba\r\xb7\xf7B\xa0\x1bT\x14\xddA\xe5\xa9Y"</t>
  </si>
  <si>
    <t>b'IY\tT\xf1\xc79\xeb\x07\x83\x1f\xce\xfc\xed\xb0\x05i\x96z\xa5\x82\xc4\xef\xf0\t$\x0b\x88\x8d^"\x90'</t>
  </si>
  <si>
    <t>b'\x08\xfa\xbb\xa8E\x81\x92\x88&gt;\x1f6\x05\xd3L^-\xbe\x0b;\xf6\xc9\xe4n\xcbn1\x00\xf8\xa6\xf6\x0b}'</t>
  </si>
  <si>
    <t>b'\xfe\x80R+\xf7PNw\n\x1fg!\x01\xe6\x01\x98En\x91\xcc&lt;\xf7N\xb4\xc4\xd8q\xac\xbeFX\x93'</t>
  </si>
  <si>
    <t>b'N\xc2\x1f\xdfe\xe7\x9b\x9e2\xe7\x82\xdb\x85$\xe5qFi\xc8\xc3\xfemk\x8ah\xa1y!\x13y=\xa4'</t>
  </si>
  <si>
    <t>b"$\xf1\xdf\xe0'1h\x91\x1a\xbd\xf9\xd2s\x9aG\xb6%(\xa7\xb0Ip\xaa\xf3\xfeM\xb5H#P~\x90"</t>
  </si>
  <si>
    <t>b'\xb4\xd9\xe6\xe7;\xbdv\xedPq \xb3LFv\x03:\xaft\x1d\x9bG\xfb\x0b\x9fz\xd7\xae\xabvIY'</t>
  </si>
  <si>
    <t>b"\x8d'N\x04\x8a\xf6R\x96\xb3\xda\x96\xd9\xbd\xf8\xc0\xa6\x87\x93\xc7eDqX\xfb\rh\xad\xd6'V\x05\xaf"</t>
  </si>
  <si>
    <t>b':\x08\xe4s\x95\x80\xfa\xc9\xfe\x1f!\xc6\xf4\x95\xe0x\x12\x81\x8f\xdfip\x10\x9c\xda\x1c{c\x171CW'</t>
  </si>
  <si>
    <t>b'\xb9vR6MyF\n\x10\xaa\xa5\xb6:(1\xe1\xaa,\xe9\xbb\xdcbk\x8eK1\xbf\x08v\x1e\xfbb'</t>
  </si>
  <si>
    <t>b"\xb6\x11\x11f\xac\xd5\xb4\\\xe6\xc6\xffT\x9f\x14O\xdc\x86\x9b\xda\xa8ouT\xea.V\x9e\x07\x81\x9f'\xee"</t>
  </si>
  <si>
    <t>b'\x1c\xd0\xdcM\x97\xfd\xadb]&gt;\x98[\x91\x17\xbd\x01\x17\xad3\xa8\x0e\x10\x0cOGlH\xa9E\xa6\x1bZ'</t>
  </si>
  <si>
    <t>b'\xe4}3\xd0h\xe3\xe6r:\xca\xff\xf5\x1f2\tn\x96\xcc\xc3\xa1\xb4\xc7\x02\xe2\x7f\x9f\xfc\xb9\xd8\x00r\xf9'</t>
  </si>
  <si>
    <t>b'\x03T\x17\xd01\x10\xfdx\x82\x02\x12R\xec\xa37T(\xf2\x97\xe6\xc1\x93\xc2\xfeL\x8eH\xfd\xfa\xc5W\xb3'</t>
  </si>
  <si>
    <t>b'\x90\xee\xf1o\x97aP(E\x126^\x1a&lt;\xc6{\xe0\xf6\x83K\xcf\xf8\xb4\x90\xce\xe8\xbc/;\xf0\xdd\xe5'</t>
  </si>
  <si>
    <t>b'\x97\xefet\xfeR\xc7M\x96vW\xa1r\xf4eV\xad\x1aQ\xae\xd4\xf9x\xee\xbfgi\xd6R]L{'</t>
  </si>
  <si>
    <t>b'\x8c\xce\xdfA4Sx\x83\xf5\xde\x05r\xf4_B\x8a{h6}\xfb\x0c.\x96\xfc\x93\xf9\x1d\x08\x99\xa0!'</t>
  </si>
  <si>
    <t>b'\xfci\xcc\x00\xd3^\xc5\x0b.\x19\xd8Z)^H\xa9^\x83\xa5\x9b\xcc\xb4\xff\x90\x81\xee\\\x84UEY\x1d'</t>
  </si>
  <si>
    <t>b'\xba\xa6\x88\xff\x9a\xb4\xce\x16l\xd7\x95\x90\xbdE\t\x13\xe8\xd5\x04Y\xc5I\xb8\xe0-\x80\xa0_R}F\xe8'</t>
  </si>
  <si>
    <t>b'\xe1\t\n\xc7fKC\xc4#Z\xb42@\xf9\xe2U\xf9\xc1v,\xa0\xf0\xae/\nw\x82\xb7&amp;\xd3\xa9R'</t>
  </si>
  <si>
    <t>b'X\xbd\xe1\xf0\x1c\xfcn\xda\xdd\xbf\xa1\xf1J\xf2\x04\xcc\xa3\xdc)H\xff\xf9\xb5\xa4_\x8bw\x1e\xa8\x98\xdb\x15'</t>
  </si>
  <si>
    <t>b'\xa8\x81\xae\xc5\xff\xa2\x8a\x04\xc7\xd27F\xa0\xd5`\xb5\xb8,\xebi\xcbI\x8a\xa7R\xe6\xa8\x89\x87i\xe3\xca'</t>
  </si>
  <si>
    <t>b'd\x1e\xcd\t\x91\xbb\xc4\xb3x(d\x02+\xfd\x12T\xb0+\xee\x06T.Ds\xabts\xd6\x12Ae\x1a'</t>
  </si>
  <si>
    <t>b'\xcb\x19\x84\xc7Gg\xe6\xda\x8f]\xe7l\x10\x11B\xa4\xf3\xa0:w\x88\x8f\xf9(F\xb4-+/p\xac5'</t>
  </si>
  <si>
    <t>b'\xa8\xe9\x9a\x0f\xcf\tO\x8bY\x1f\xa0-\xa9\xaf*\x1f)\xf5\x9e/\x0e\xb5\xd55\xd6\xf6\x9c\n1Z8\xe9'</t>
  </si>
  <si>
    <t>b'\xdebh\x18\xd0Qi\xd7t\xf1.\x97\x04"U\x04\xb0\x99P\xf9\xba8`\xeb\xc1\xd6\x97\xd3C\x1e\xcbQ'</t>
  </si>
  <si>
    <t>b'\x11M\x9e/D\xd3\x81V\xf4\xaa\x0b-\xb3\x9c(\xdc\xf1X\x0f\x9c\x1b\x01(Q\xfeuEu\xaf\xac\xae@'</t>
  </si>
  <si>
    <t>b'\x91%\x12\xf5\xa3\xe1\x83\xbd)\xcabP\xe5&gt;\x8aw\xed\xd9\xc1\x1a\x1c\xd3L\xdd\xf0\x92\x13S8\xd6&amp;.'</t>
  </si>
  <si>
    <t>b'\xeb\x00h\xe3\x1f\xa8D\x1d\xd6\xb4\xab\x95\xd9|X@\t\x11\xa2\xeb`\xdc+X\xa1\x9bq\xdf\xfa\xf4\x1b\x84'</t>
  </si>
  <si>
    <t>b'qA\x83\xfdo\xe4v\xb1\xcc\xa1*~\x9b~\x96\\\x96zM\x88Q\xaf\xdd\x12\xbc\x08w\x95z\xf1\x18\xa2'</t>
  </si>
  <si>
    <t>b'\x91\xfb7\xf7\x1f\xf6\xf3\xa1\xb1\x96\xd4\xc9L\x19Dh\xe5#-yI\x0e\xe6e\xad\x1cK\x87\xd8K9\xe9'</t>
  </si>
  <si>
    <t>b'&gt;\xf2v\x00\x93\x86\xa2q\xff\x1c\xcb\xf2\x9cF\xf2\x13\xa3^_9\x0b+\x1cX\xd6\x92K\x0f\xc0\xe7\x1d\x91'</t>
  </si>
  <si>
    <t>b'\x9c\xf8\x88%\xb8#\x90]\xf7j\x98\x8ar\x9b\xd0\\\xab\x92\x17\xf1\xc7\x9dLE\x196N/}\xf9\xfbj'</t>
  </si>
  <si>
    <t>b'1\x81~E\xb9i\xec\x85 "\x85V6\x93\x0f\xf1\xc4\x7f\xc4\xd5\xaaP2\xfa\x1b\xa1\xd5~\x88\xa5\x0e\xcf'</t>
  </si>
  <si>
    <t>b'{\xd8T\xc0X?\x9f\x06\x97\xe2o\x10F\xf4\x05w\x19\x91\xfe\xb1\x14\xf6\xec\x13t1\\\xf79tA&amp;'</t>
  </si>
  <si>
    <t>b'\xce\x8d_h\xa2\xa9 \xc7\x14\xed\xcf\xcb\xdc=\x93\x18\x83Fd\xdc\x16\x84wA\xb1\tE\xbf\x15-\xd0\xe6'</t>
  </si>
  <si>
    <t>b"\x9fz'\x11q\xb0Qnj\xd1/\xbc\xa6\xd5\x80\xbbs\xf4\xe8$1\xc6\x08e\x9c\xf2\xad\x12\x91\xf7\xc1\x99"</t>
  </si>
  <si>
    <t>b'X8\xf8\xec\xf7\xd9\x86\xaf\x9b\x86|d\x12\xcb\x83\x90\xa9\x9f/\x9e\x08"\x9d\xf7\x089\x82\xf9\xa3\xe1{\x96'</t>
  </si>
  <si>
    <t>b'\xa7&lt;\xc8\x06\xa5\xa1\xa0\x0b\xcd\x06\xee\xfc"*\xb1\x8d&lt;\xb5\x12\xa5\x1f`\xf9\x1c\xf3\x85\xccL\x00\x1e\xa2{'</t>
  </si>
  <si>
    <t>b'\xa3\x97\xb5\xa4\xf0\x12\x8d~\xa5nc\x80m\x81\x02L\x07\x0f\x13!\x95K\xd2\xe8Ia|\x93\xe1^\xdd~'</t>
  </si>
  <si>
    <t>b'\xc7x\xeb\xd6J\xc7n\xfbcc\x83\xcb5"\xd9\x85\xc4\x9f"\x95\x96\x87\x0bb\x06\xf1k\x9f\x18)/\xaf'</t>
  </si>
  <si>
    <t>b'Z\xf2\x0f\xee&lt; \xf4\xce\xcd($\xf6(\x12.\xce\xc7:\xd7_Dbl\xa7\x92H\x979Fu\xb2\x18'</t>
  </si>
  <si>
    <t>b'\x07\x9aA3\xcd.Q%,\xb2\x15\x9b\x99I&gt;\xa6\xcc\xea\xc6\xd3#\xf9\xd0M\xbe\x0e\x89#\xaf\xb8\xf5\xa7'</t>
  </si>
  <si>
    <t>b':\x8e^\xcfc\xa3ZO\x042\x19\xe0R\n\xebd\xb8\x9czL\x88-\xee\xbeZ\x05\xf4\xd0\x0f\xe2\x9b\x07'</t>
  </si>
  <si>
    <t>b'aC\xcaW\xbe\t\xa2\xa2\x93\xbf&amp;\x97\xe7%",Y\x05\xa2[@z\x0c\xed\x9c\x97\xa6\x8bm1E\xa1'</t>
  </si>
  <si>
    <t>b'\x05\x92\x18\x13j\xae\x19}\xa3\xc5\xf4o\xff\xec\xad\xc6\x1e\xf6A\x1eFJ\x04\xb4*\tm\xba\xc3\r\x02\xf8'</t>
  </si>
  <si>
    <t>b'\x13\x05\xe3\x9a\x1a\x03\x9a\xce?+\xd5\xf6\x07\x143\xf2\x12\xf0\x06l\x17\r,\xbf\xb6\xc6\xc9SaY7s'</t>
  </si>
  <si>
    <t>b'\xb4n%\xdbDA\x9e\xd6\x19(\x84G\x9e\xd3\xad\xdc\xc0\xbdc\xd3fJ\xb4]z@+\xcc\xe1&gt;\xbb\xbe'</t>
  </si>
  <si>
    <t>b"+\x82\x19\x8d\xfa\xc7 \x16'D\xb9\xda\x08R\x1eqn\xc3\xbb\xfe\x03`\nD\xd0\x85\xd9\x0bv\x07\xb7\xc7"</t>
  </si>
  <si>
    <t>b'\xe9\xaa\xef\xdbd/5d\xa8e \xed\xf8\x83B1\x9a\x18Ct4\x8d\xd5%\xb6\xb8\x93\x18\x1b\xdc|0'</t>
  </si>
  <si>
    <t>b'\x85v\x956\xb3Bx\xc0\xeb\xed4bR,\x05Y\xcdC\xce\x15\xa7J\xf7\x10.\x81d\x8e\xc0\rr\xc9'</t>
  </si>
  <si>
    <t>b'&gt;%\xcf:w#\x96+\xa6\xd7Bv\xad\xce{\xe9\xf3;\xae\x80Gk\x9b\x19BB\xbc\xd3\x1a\x04\xb4\xb7'</t>
  </si>
  <si>
    <t>b":\x84\xe1\x9c\t\xcf\xe2\xf2z6g-}'p/~\x91}W\xe8\xe6E\x1d\xcbj\xeeW\x8f\xd7\xd5\x1f"</t>
  </si>
  <si>
    <t>b'\xe4b\xa7e\xf6\x84X\x10\xc6\xa6\xd2\t\x18\x06\xea\x01\x94|\x11\x88\xfb\rA\xd6\x1d\xa4\x9daP\xfc0\x9b'</t>
  </si>
  <si>
    <t>b'j\x01l\xc3\xb3\\z\x86M\x84OM\xd8\x80I8,\xa7\x98\xa7\x0c\xb7\xb9KGi\xd0/&lt;\xb5\xe7\xea'</t>
  </si>
  <si>
    <t>b'K\x1b\x14\xf6/\x8d\xb2\x9d\xf9\x9f\xb8\xea\x11\xf1%\xc4i\xbboe\xdd\xfeN\xcc\xd1K\xda~t_\x7f|'</t>
  </si>
  <si>
    <t>b'l7\x89\xb9r\xc6PCw\x00c{l5d\xcd\xfe@g\x0cc\x07E\xd7\xe5\xdf\xb6\x04\x8e=\x05\xd9'</t>
  </si>
  <si>
    <t>b'\x1b(\xd32\xc8&lt;\xea?]U\t&gt;U]\x86\xc3[\xa0\x84\xeey\xa0\xbc\x0e\xdd\xd8%\x1b;~\x1d\x89'</t>
  </si>
  <si>
    <t>b'\xa4\r\xe8\xc2"\x96i\xba\x0c\xec\xe4\x96Y\xc0\x06\x952\x08\x88\x11\x00.\x81hX\x01\x85\x10\xf4\xf1\x93\x82'</t>
  </si>
  <si>
    <t>b'\x07(\xd5&lt;\rO\xf4\x1e\xb7\xa6\x88\x85\x1b\x94NE_/\x82\xad\xa4\x14\x93\xf9\xbf\xdd\xef\xf1]\xdd\x1c\xde'</t>
  </si>
  <si>
    <t>b'i\x1d\xf8\xe2\xb5\xe1\xdd3\xa5\xbc`3\xb2\x9f\xf9B\x9do\x1a&amp;\x9c\xca\xc4\xe1\x8euV1\xaf\xbcM}'</t>
  </si>
  <si>
    <t>b'\xee\t\xf1U*\xbew\xb3UN\xfa\x97\x9fs\x91i8h\xd4\x8b\xfb\x91\x83\x18Tc\x95l\xc6u\x8b8'</t>
  </si>
  <si>
    <t>b'\xb874\x07\xbb\xa0\xb2\\+\xed\x1b\xc1hc\x95\x83\xf3\x8a\x1b\xa4\xf3\x0b\x8b\xaa\x89\x92\xc2\xd5\xce\xb6\xfeH'</t>
  </si>
  <si>
    <t>b'\xee\x8f\xe3\x1b\xa9Jq\x11Q\xe0D\xac\xe0\x1c\x0cg@\r\x10K\x9bW\xbcZ\n\x0e\xf0\x01\x0595\xe3'</t>
  </si>
  <si>
    <t>b'\x81+9u\x1fK$\x1a\xa7\xbf@\xafy\xb9s\x9c\xcfB\x87\xf6\xe5Zh\x87Y\x10\xe4S\xa5\xcd[('</t>
  </si>
  <si>
    <t>b'd@\x14\x14)\x8a!\xed\xbf\x96(\xae\x17\xb2V\xfd\x98\x13"}Pom\xc4\x17\xb4+:=\x86J\xf1'</t>
  </si>
  <si>
    <t>b"pD\x0c\x92HmG\xfeF\xc2\xc7\xa2\x0f\xdd+\xd3\xa0\x0b\x05\x12\t\x01\xde#\xb0\xd5'\xb3\x97$\xe12"</t>
  </si>
  <si>
    <t>b'i\x8f4\xd1\xaa\x9c]\x8f\xe2b\x91\t\xae\xb6\x7fg\x05\xfc&lt;j\xebC\xab\xd1\xa2\xa4^_\xc9`I\xa7'</t>
  </si>
  <si>
    <t>b'N\xb9\xbb\x18\xc4\xdeW\xbc1T2=\xad\x0e\xfc\x0eeBB39O7\x11j\x1a(\xdec\xb4\xf0%'</t>
  </si>
  <si>
    <t>b'z\x0c\x9aF]\xfe\x8d\x96\xc2P\xef4\x1f\xff&amp;\x1d\xbb\x81,y\x81lE\xa2\x00\xf1(\x97(\xcenN'</t>
  </si>
  <si>
    <t>b'x=\xc2\xd0E&gt;PS/\xaex(\x85\xb4 \xa6(\xd12Ytr?\xc4_\xdc\x83L\xe6t\x93\xbe'</t>
  </si>
  <si>
    <t>b'\xc0\xfc\xcec\xed9\x0f\xd5\x7f\xfa\xa2\xb2Fb\xa4c:4u\xbb\xbb\xbceN?\xea\x95\xf33\xefr\x1e'</t>
  </si>
  <si>
    <t>b'\xfd\x03\xb6]\xb9eXfm\xe4\x1e\x87n\x8f\xf1\xfd\x88!A\xdc}\xf1\x01Oko\xea\xf8b\xb0\x06\xf0'</t>
  </si>
  <si>
    <t>b"\xb59\xfc\x9b\x1fL\xf8\xa1\xab\xc84\xa0\x02\xe0\xbb\x94\xf7\xe1\xfa\x18A\xc0\x1c9q`\n\xca\xe3\x15'\xd9"</t>
  </si>
  <si>
    <t>b'\xf9\xfc\x0beN\xcc,-I\x93"\x9c\xe9\xd8\x89w\x13O\x84\x93\x8c\x08\xd8M9\x1a?\xd1\xe8\xe6C+'</t>
  </si>
  <si>
    <t>b"[\xea4wt\xc5\xce:[\x90\x8c\x10\x16Y{'\xae\xa6=\xd7\xd3\x04tg\xbd\xb8E\r\xb5\xcd\x8f/"</t>
  </si>
  <si>
    <t>b'!{i\x92\xaa&lt;\x05\x7fn\x85Hby\xa8\xf4\x03zp\x16\xd2m\x01^aT\x12\x98\xf9w\xe8\t\x97'</t>
  </si>
  <si>
    <t>b'\xa0\xa5\x04w.\x14]\r\xf7o\xfau\x06y\xf7t\xb1}\x90\xfc\xcf\xc2:Z\xad\xad\xb1\r\xa7\xbd\xcf\x0b'</t>
  </si>
  <si>
    <t>b'"\x18n\x00\xe7\xfd\xe7:"\x12\x88\x81\xae\x02\x80:\xf1Ut\x868\xaf\xff\xd7_\xb4\xe1D\x12\xdb\x88\xd7'</t>
  </si>
  <si>
    <t>b'Vj\xb3*\xda\xb3\x9f8#\x96x.mQ\xa7/\xd3\n\xb7C(\x85\xa9Uou\xb1V\xc2\x80\xb8\xcd'</t>
  </si>
  <si>
    <t>b'\xf7\xc4\x1c\xed\xfb\x97h\xb8\xff\x9e\x8el\xb7T1\x9d\x06MJ3x\xb3f\xa2.m\xfc\xb4\xbb\r)\xfd'</t>
  </si>
  <si>
    <t>b'!\xef\x95%lw\x15\x91\xa5\xa1\xca\xd0\xf1/.T\x88\xed\x0b8\xcd\xc7\x8eU\xea\xf5\xf9\x06\xec\xe8@\xcc'</t>
  </si>
  <si>
    <t>b'\'\x14\'z\xde\xc5wn\xd43\x17\x07\xe7\xac}\x9e\x04\x0c\xcf\xd00\xb8\xc7\x9d"(\x98\xfb\xfe+t}'</t>
  </si>
  <si>
    <t>b'\x88\xd4Q\xe5:\x91\x14\x1f\xd9\xdfp\x8fC\xce0li\x0eM\xb3\xaep\x05\xbc\x03\n\x81\x876\xae\x8f\x16'</t>
  </si>
  <si>
    <t>b'\xbe\x17\xc4\xa2\xc6\xd4\x86\x04Y\xc9&lt;\xbd*0u\xe4\xa7\x84H\xd5{\xbf\x01\xf6\xfct\x88\xfc\xa2@\x1d\xad'</t>
  </si>
  <si>
    <t>b'4&gt;\x97\xcb\x97\xb6\x05\x81S\xe3)\x9b6\xe4&lt;v\x10C\xc8\xd1V\x7f\x9d\xcdD+g\x1f\xd7(\xc0\x8c'</t>
  </si>
  <si>
    <t>b'\xb5U[\xbe\x10\x18v\xfc\xecT\x99\xd0\x94g\xc1\x0c3\xeb_\xdc\xb0\xfe\xc1\xc9A\xa66\xaaQ\xe2]\xc3'</t>
  </si>
  <si>
    <t>b'5r\xaf\x08 \x03\xd4\xee\xb9\xa0e\x8c\x1bb\x90nB\x8b\xf4\xe4gC\x1e\xf6}\xbd\xa5\xa3\xb9\xca\x058'</t>
  </si>
  <si>
    <t>b'xC\xac\x8aD|\xe0\x9e\x81\x15\x04N\\_\x05\xb8\x02\x19O99\x91\xe3]\xf3\xe4q\x16\x1c\xa6\x89\x9c'</t>
  </si>
  <si>
    <t>b'\xa1\xc8\xf7\xc1\x17\x8c^\xf7\x1e\x06\x9c\xe4\x0e/\x81\x1c\x8d\x1f]\x11\x8d\x95\x9e\t\x91\x91\xe7q\xa3"\xcav'</t>
  </si>
  <si>
    <t>b'.?\x00:\xdb\xa5\x1az\x10\x84\x076)\xd0=\x88\xc5&gt;\xf9\xccb\x1d\xd9\xfe\xd7a@\xeb}\xc7r\xda'</t>
  </si>
  <si>
    <t>b'\xf6`\x14\xad+b\xa2\x068}\xb5\xf7\x8e\x0b\x1a\x8b\x8f\x03R\xc0\xd76\x0eW\xe2\xcc\xe8\xbf\xebsJ&gt;'</t>
  </si>
  <si>
    <t>b'0q)}zBN/\x91\x99\xa2\xa2\xc5\x8d\xb0\xc3\x0f\xfd\r\xde\x97R\x15IPH)\x8d\x86\x19\xe8\xcf'</t>
  </si>
  <si>
    <t>b'\x8d\xe0\xfb\x9cz\xae\x9c\xec\x15^\xeauv\xe9\xc2\xc3 \xd2\xaa\xb9\xb9\xbb)\x91\r\xc9\xd4\xbc~\xf2\x1a\x86'</t>
  </si>
  <si>
    <t>b'\xa4\xa4x55\x87\xbb\x97\xfdqA\x04\xbf|\xe8UN\xc1\x1a\xfd\x8a$]I\x15\xc7+z\xe6(8\xa5'</t>
  </si>
  <si>
    <t>b'\xd4J\xec.%\x9c;\xa2?\xebEj\xb1\x95\x1e\x9ac\xd8\x9fq\xad1O\x07\x91\xd0\xe9\xc5g4\x866'</t>
  </si>
  <si>
    <t>b'kT\xc6\xdd\x8eF4\x7fl\xb2&gt;\xe5*p\xdb\xf2e~\xf5WD?\xa5\xcc\xab$]\xe2q&gt;)\xde'</t>
  </si>
  <si>
    <t>b'%B\xb8+Z\x90\xcbn\xce\x8f\xbd%4g\xccNE\xc4\xc5\x9d=\x8e\xf7\xea\xd2\x9452^=\x8aS'</t>
  </si>
  <si>
    <t>b'\x91\x83+I5\x8b\xe5)\x7f\xd3\xf1`u0t,\xf2\x1d\x16&gt;\xef[5e\xc9\xa3\xdeVu\xe3\x9f\xa8'</t>
  </si>
  <si>
    <t>b'Y~:\xff\x1f\x07\xe0]|b\xd5vz\x884\x8f\x95\xd3\x85\x11\x1aM\xacP78\x1fk-\xd6\x92\xd3'</t>
  </si>
  <si>
    <t>b'o\xca\x10H\x83j3\xf6\x8c\xc4G\x83\x16\x1eL\x81:?1k\x0e\xbc\xfc\t\x12&amp;$\xdaH\xd8\xf3\xe6'</t>
  </si>
  <si>
    <t>b'a_\xdf\xb5\xd9\xd3\\$\x0c\xdfL\xe5\xf5\x1bU\xc9\x1d\x9e\x94\x14_@xC\xc3\xdat/\x8f\xc6{\x93'</t>
  </si>
  <si>
    <t>b';b*c\xfae\xfd}n\xfb\x9f\xaf-\xacg\xecJ\xa8\n\xb4\xde\xc9b\x9e\xa9\xd8\x8d*A\xc0\xdf\x8a'</t>
  </si>
  <si>
    <t>b'~z\x8d\x133\x13A\x96\xce\x82\x0e\x83\x13\xd3}P4\x9c\\\x9c\xe2\xb6\x16\xb4\xd4+5\x0cg\x9b\xbd5'</t>
  </si>
  <si>
    <t>b"\x00\xd7'\xd6)K&lt;\xc4\xa2\x93\x8d\x15\xb8\xe0N\x98\xfaC_v/\xf5C\x80\x93v\xef\x884\x05\r\x10"</t>
  </si>
  <si>
    <t>b'\xf7!\xb2\xe6\xdb{\xf0\xed\xc8\x15w\x83y3\xd5\x8c\xd6\xbfW\x98\xa8w\x83!\x1c36\x87g\xab\xaf\xab'</t>
  </si>
  <si>
    <t>b'f\x08!\xa8nH\xcb\xb7\x9c\x1f\xb4\x00\r\x04\x9c\x91\xdf\xa7o\xea\xd3\xab\xda~\x9eO\xc2V\x11\xecG\x14'</t>
  </si>
  <si>
    <t>b'\xa5-\x07\xf6\x1f\xd5\x80\xf8\xe3m\x8b\x94\x12\x00{5\x81\xaa\xb1\xeb@;\x12\xcb\x8f6W\xdd*B\xba\x08'</t>
  </si>
  <si>
    <t>b'\xc9\x99J$K\x0f\xe4)^\xe8\x06\xb1\x88\x85"M\x96M[\x1b\xde\xfe\xb0\x18\x98\x89F)\xae\xef9H'</t>
  </si>
  <si>
    <t>b'\xce\xcaG\x83\xcey\x8bL\xb4\xdc/@\xea\xa4_\xdd4Z\x89\rx\x18\xc8^\x00\xa4\x1c\xc5\xb1\xbfc\xfc'</t>
  </si>
  <si>
    <t>b'\x81M\x9a\x9e\x9av\xed\xdd\xc3\xa9\x99\x93S\x1f\xccy\xb2Y\xc4e7\xc9\x91X\xad\xe1\xe9*X\x88Oa'</t>
  </si>
  <si>
    <t>b'{\x84\xe57^\x8bZQ\x07\xab\xb2\x9a\xcc\xa4\x9e\xbb\xaeFje\x92\x02\x92\x90\x1bw\xf0\xea}}\xe4 '</t>
  </si>
  <si>
    <t>b'\xfb\xea\xee\xb9\x97\x04\x91\xf4\xd3\xb3\xcd\x93\xd9\x9b\xa3\xb1\xaeM\xef\xea`o\x14\xf7O\xf3\xaaO4\x9b+\x95'</t>
  </si>
  <si>
    <t>b"s\x07\x06\xe1g4\x04\xf9'\xedX\x03\x1b\x9b\n\xa5\x9d\xa6\tCK\xb1\xe6\xc7\xf7O\x9f\x0f\x07DT\x12"</t>
  </si>
  <si>
    <t>b'\n\xf5P\xbd\x91A\xa5H_k\x103\xbe%\x18\xc2U\xe0\\mW\xaa\xb0\x1e\xf2\r\r\xcf\x94\x19\x15\xc6'</t>
  </si>
  <si>
    <t>b"G.&lt;s\xd7\x99\xefC\x90\xe4&gt;!V\xf4\x06\xb6\xe6\xc3\xa1\xe7\xd7A'n\x80\xa4\xbeWB\xa2\t\x9b"</t>
  </si>
  <si>
    <t>b'\x19\xb1@8r\xb9\xd3*\xbe\xee\xdd\xd0\x9b\x87\xb2B\xbf_*\x97\x92\x9f9\xce\xf0i\xb2\xcc\xb2\x16L\x8e'</t>
  </si>
  <si>
    <t>b'\xcfAW\xa1\x02={\xac\xb27N\x12uE8\x12\xdeGV\xcc\xcf\x92A)\xc0\x7f\x19\xbc8v\xf4\xa6'</t>
  </si>
  <si>
    <t>b'\xaa\r\xfc7`\xf1\xef\x1du%\xd7x\xce\xed\x03\xc6;\xf1=\xa0C\r\xf5\xa5\x90\xb0\xe3\xd9\x8e?\xfc|'</t>
  </si>
  <si>
    <t>b'\x04T\xe6H\xca&amp;Y\x80\xcd1"\xa3\xa1\xe3\x981dI8\xf3\xb0\xbe\x85\xe4\xfa\xb0\x0cNq\xc1\xe1\xbf'</t>
  </si>
  <si>
    <t>b'}\xb9\xb5\xaam\xfe\xb9\xcdd\xec\xca\x07\xc1i\x07\x90\xd5\xf3\xd6\xa7\x07\t\xdd\x1c\x1b\x852\xf5\x1aH"\x0f'</t>
  </si>
  <si>
    <t>b'K\x83\xba\xeb\x08\x9b\xd3)\xa3\x9a\xb0\xa43u}\x8e\xc0\xac!\xde\x96\x8a\xa6\x9f\x10\x85,\xe7\x9b\xdb#\xfb'</t>
  </si>
  <si>
    <t>b'%\xbe\x83\x038\xb8"\x92\xeb\xcd\x08\xd2q\xf3KID\xbal\x95J\xd2w\t\xcc\xb0\x08\x852lP&gt;'</t>
  </si>
  <si>
    <t>b'\x12\x17}\x1b \x86\xbb\xd5\xb8u\xfd\xc1q\xcb\x82\xa7;\x07\x1c\xa8\x0b\x05\xf4&gt;m\xae$dz\xe8\\;'</t>
  </si>
  <si>
    <t>b'\xa4\x08}\x00\x13\x13[\xcf\x8b\x96\x8aZ\x08\x01%\xefR-\x11\x85\xa3\x10\xb1\x8d\xb0]\xd3\xd1\xf7i\xf9\x95'</t>
  </si>
  <si>
    <t>b'l\xb2\xef\xe9\x90\xec$\x0f\xa0\x94\xfe\x04w\x17\xc5\x12\xca\xd0f]-\x8c\x95\xe4\xe9h\xcd\xec\xf6\xb5\xf7j'</t>
  </si>
  <si>
    <t>b"\x86~\xd7w '\x1c\xddg(\xab\x1aYhl\xd1V\xe9u|\x8f'\xa5|\x03rx950:\xb8"</t>
  </si>
  <si>
    <t>b'Q\xdd\xba=wC\xbf\x97+::\x96C\x912z\xde\xb6\xdf\xb9\xe4\xa6\x90/ee\xb2\xbf\x84\xc1\xee\xdd'</t>
  </si>
  <si>
    <t>b'\xd3\xe7\xea3"\xc5\x1e\xc6\x0c\x9e\x9d\x19_\xcd\xd4\x14\xe4!T\xd6\x9c\x84\x02k\xc7\xbe\xbb\xe6\xe4\xb3Y\xcc'</t>
  </si>
  <si>
    <t>b',!\xfd\xbb\xf3\xdd\x9d\x95\x93\x10\x95\xac\xf4\xa2y\xb67S\xe1i\x84\xac\x97\xf1\xfe\xd5K\xe5Q\xaa\xee\x8f'</t>
  </si>
  <si>
    <t>b'\xcb\xe9\xfae\xf6\xac\x08k\xc2\x9d"\r6\xbfB\xfe5VPt\x85\x95\x0b*\xfa\x91\n\x13\x126=\xb8'</t>
  </si>
  <si>
    <t>b'\x14\xac%\xc0\xa5Xt\xe0\x9f\xf8\x97+3\x05\xef}\xbdGf}\xa1l\xadVs\x1c$\xda"\x9c\x00:'</t>
  </si>
  <si>
    <t>b'\xf5x!\xde\x17\x8aML\xcf\xb0rn3R\xc5\x16v\xccz\xf1\t\x95\xd5\xf3\x1c\xfc\x14z\x1a\xfd\xfc\x12'</t>
  </si>
  <si>
    <t>b"I\x80\xc4'\xfa\xba`G\xc3\xd6[\xa0\x8a/\xa4x\x8fW8p\xc3\xee\xdb)\xbc\n\x95/&amp;\xa8\xbfY"</t>
  </si>
  <si>
    <t>b'\xfeF&gt;B\xd2u\x01 \xfe1\xa8\xcc\x9bA\xach?\xa3\x95\x82\x86\x95\\\x9d\x00\xfac\xfb\x95wQE'</t>
  </si>
  <si>
    <t>b"\xbc'\x1d\xf1\x17-\xea!\xecS\x96R\xa7\x8aAy\xd7\xc2z\xfe\xbaTP\x01(r5\x94x\x1c\xb6."</t>
  </si>
  <si>
    <t>b'u\x9d\xc2\x12\xf8\x17\t\xdfT\x18\xd7?c\xcd\xef?\xbfA\xb0\xb8\x0fUa\x8c\xd9\xcb\xec\x97\xb0\xce\x11\xd4'</t>
  </si>
  <si>
    <t>b'""\xba\xdd\x1d\xb87to&lt;\xffS\xd5/\xfd!\xe2\x00\x89U\x16D\xa4\x07\xa09?\x8c\'\xd9\xb4F'</t>
  </si>
  <si>
    <t>b'\xd4_A\x1e\x13\xb5\xc0l\n\t`\x83\xebL\xa9\x02\xe3\x8c\xac2\x0bH\xb8\x19\xbe\xe5\xbd\xb2\xd3\xdd\xe1\x96'</t>
  </si>
  <si>
    <t>b"\xc5\x02\xae\x92X\xe9\xd7\xe2\xc8\xcc\x8e\x9b'OD\x12\x1d\x80\xbf\xad\x10\xd4\x1a\x00\x8cx\xc5\x93\xaa:8\xdb"</t>
  </si>
  <si>
    <t>b'&lt;\xa1\xc0\x01\xc7Z\x87\xe7\x03\xfb\x9e\xac\xe2\xb40\x81\xabJ[x\xb3\xbb\x07r8b\xe2b+\x16`R'</t>
  </si>
  <si>
    <t>b'm\x88\x8d!F\x9a\x1f\xb8\xe3\xa8\x8c\x9c\xc7=h\xcb\xdf\xf0q\xf8\xf0\x02\xd5\x88\\]\xe9:(\x16n\xb3'</t>
  </si>
  <si>
    <t>b'\x87&lt; ^`*\x88\xff\x04\xa1X9p\xb7\x1a!]{\x9d\xd8xy\x1e\xc9?\x91\x9b\x1a\x8a\x8c@\xa9'</t>
  </si>
  <si>
    <t>b'\xce\xa9\xf9\x03\x9b\xd2\xbd\xe9`\x07\x8d\xa2$\x9c.\xdcq\xf4+\xa4\xc6\x9d\xc0\x1e\x17\x9dp(4),\xee'</t>
  </si>
  <si>
    <t>b'I\x14\xb7u\x9e\x81\xc0\xd19D\xa2\x1a\x9dZ\xde\xef79\xa3\xfa\x97(\xfb\x11 ;\xd8\x9b\x08\xe4R\xbe'</t>
  </si>
  <si>
    <t>b'\xd0?z\xf7\x06Y\xf6\x94\x97"\xb3\xa4\xde\r\xba\xc0u\xacb\x8eLZ\xfcNl\xcc.&amp;\xbaB\xc2}'</t>
  </si>
  <si>
    <t>b'\x9c,\x1a\xc3\xee\xe9d\xc7;\x18\xf5\x00\xf5*\xd6\x01\xab\xb0\xb3\xfa\x13|s\x0f\xe2xm\xc4*\x81`\xe6'</t>
  </si>
  <si>
    <t>b"\xee\xfe\xd7a\xe9\xa4X\xf1'\xae\xdeT_\xa0\xc4\xe4.\xe6xZ\xadH\x1e'\xd8o4\x9ad&amp;9b"</t>
  </si>
  <si>
    <t>b'/\xc2&gt;\x8f"m\xf7\xd3\xd1\xd7\x9cY\x08\x90\xf7\xcd\xfd\xdc\x1b&amp;\xa3\xb0\xf5X\xa2\xc3\x97q\x9d\r&gt;\xd9'</t>
  </si>
  <si>
    <t>b'\xddH\xfbQM\x0fh8\x18\xcb\xe4pwd\xc02.e\xe4\x9c\xe7t\xc0\xd0\xbaNW\xdf\xce\xdf\xc36'</t>
  </si>
  <si>
    <t>b'\xaa\xb9\x18\x88[\xe1S\xece{\xd6\xe9\x08\xe5Y\x10\xfb\xe7j\xbc\xdc\xacu\x18\xf2\xaa#\xcc\xac\xb7\xa2I'</t>
  </si>
  <si>
    <t>b'1\xea\xf9K\x1f\x1f\xad\xfdYoxk\x91\xb6\xb4\xdc\x1b\t|8\x95{A\xac\r\xe5\xad\xc5g\x9a\x03\x04'</t>
  </si>
  <si>
    <t>b'\xbb\xc7\xa4\r\xee\xb6\xce\x9d\x91\xc9M\xc6\x0e^\xb0\xfa\xbd\x87\xc3\xfe\xe4\xbb\x1b"\xda0::\xbb\x8dN\xcd'</t>
  </si>
  <si>
    <t>b'E\x8f\xa0\x92E\x19\xfaE\x022\xe4\xac\xc3\xb7b\xf6\x84w\x11[\xd1\x9d\x8a\xbe\xcc\xd1\xa2\xc6k7\xbd\x8a'</t>
  </si>
  <si>
    <t>b'\xba5\x9b\x03R\x0b\x8d\xf7\xa9\x05\x91\x811\xfc\xc2\xdd\xda\xe3\x94\x8d\xf7!\xbe\xa3\x0b\xe2,X\x80~\xbc\xe5'</t>
  </si>
  <si>
    <t>b'-\x110\xc1x#D\xeb+"\xfd\t\x1eg\xa9\xe1\xa5\xcaE\x18b`\x05A\xa8#\x90\'\x9f\xda(\xaa'</t>
  </si>
  <si>
    <t>b'*\xaf\xe5}\x12\xc8\x8fi\xd5\t\xed\x12m\xd4\x17\xb2\xdd\x1f\xad\xf3P\x94ZX\xca\xdd\xa6P\xd9\x9f\xfce'</t>
  </si>
  <si>
    <t>b':S\x01d\xd4\xe0\xbb\xacX\xa2m\x1d\x9d\x89\x1d^\xae\xe1d\x02\xceW"\xf2g\xe7\xd5_\xed\xe3g\x0b'</t>
  </si>
  <si>
    <t>b'q!\xcb\xde\x0eG`\xcb\x19:\x0c\xf8\xd8zO\xfb\xec\xf1\x96\x8f\xbcK\x07S\x80[\xaa=\x19F\x8eK'</t>
  </si>
  <si>
    <t>b'\x9c\xfa\xfey\x08\xbf\x9bi\x86$P\xee\xeeW\xd7\x95D\x89\x11\xbe\xd3\x13\xcf[~;\xdb\x0c{\xd5\xd9U'</t>
  </si>
  <si>
    <t>b'\xed\x7f\x00\x14\xebq\x0eX[\xe4#\x07p\x0fo\xafVrV\xb7^+\x8cw\xbe\xbb7tu\xc0\x10:'</t>
  </si>
  <si>
    <t>b'f\xabV\xdbi\x87&lt;\xc0\x0b&lt;`\xec\xe1^\xfd{\xf2\x8bu\x81_(sD\x0fi[)\x80\xee\x8a\x89'</t>
  </si>
  <si>
    <t>b'\x92\xd0\xb8\xf6J\xe6\x82Y\xab"9\x9b|\x1d*\x97a7\xbb\xacU\xd1:jC\x02%_-\xfe(\x1b'</t>
  </si>
  <si>
    <t>b"x'{\x1e@i\x8d\x042\r\x15\x81!O'\x1a\x1d\xc04\x89m*U\xb4\xb2\xb1\xa8\xce\xb4:\x96,"</t>
  </si>
  <si>
    <t>b'\xde.\xb6L\x00\x0e\x86\xce\x1c\x8c\n\xc5\xdcc@\xd0\x1a\xa3\xa9\xb3\x104\x91\xc1M\x8f|\xf3\xfa\xaf\xc7"'</t>
  </si>
  <si>
    <t>b'\x128\xca\x87\x14%!n~A\xf8\xaa\xac\x89\xccw\xdei_&lt;\xb28\x17\x8ea\x94\x0cQo\x1d\x83@'</t>
  </si>
  <si>
    <t>b"\x00\x13,8\xd8\x83&gt;5\xbe\xe2\x8e+\xceYV]gx\x0b\x9d\xa0\xaeJ'tX\xb0\x80h\xf9\xd4\xb8"</t>
  </si>
  <si>
    <t>b"'\x8a\xc2\xb0'\x0fCT\x0f\xc8\x1a\x8f\xa7\x9aJ\xfc\xff\xa0\xeeg\x95\xc6\xd5\x1d\xb2\xea\xa2\xdd,\x9d\xf8\xed"</t>
  </si>
  <si>
    <t>b'\xc38\x10\xbf\x02\x1eRm\xf1\xaa\xc0\x08\xc2"KK\xb3Y\x15~\x8f.\t\x7f\xcf\x0f\xa2\xd7\xa2\xe9L+'</t>
  </si>
  <si>
    <t>b'\x99t\xe6\x7f!Ur\xfebq\xd9\x8e&amp;4\x9a\x85`[\xa5R\x13\\D\x8e\xc4\x05\x0f\x90\x0c?\xca\xaf'</t>
  </si>
  <si>
    <t>b'\x93\xbc\xd18\xadTE\xe6\xcbA\xdc\x86\xd2\xdf\xcaPE\x04\xba\xae7\xecw\xd6"\xbe\x80\xeb\x04\x8b\x08;'</t>
  </si>
  <si>
    <t>b'\xee\x91\x0f:;y_PA\xed\xdc\xe3\xafA\x815\xa0\x02\x9d6\x0b\xe83\xfcY\xe2\xc9\xd7\xce\xde\x94='</t>
  </si>
  <si>
    <t>b'\xbc\xbb\xaa\x9a\xac\xdf\xa6\xd9\x02\x91\r\xf2\x87\xe9x\xc3\xd9\xc3Z\xc8S=\xbf\x13\xd2Q\x10\xa0\xbf\x027\x9b'</t>
  </si>
  <si>
    <t>b'x/\xad\x13\xc4\tD\xabJ\x97\x15\xdd\xbc\xef\x8d\xfc3\xbfT\x16\xdas\xec\x82MAJ\xefo@\x02\t'</t>
  </si>
  <si>
    <t>b'Q\xd8\xfe\xc1\xf7rd\x8a\xffV\x13\xe9H\xfcu\t 3\x81Mc\xc9\xd0/TG\xd2\xcd\xebX\x16\x06'</t>
  </si>
  <si>
    <t>b'M\x97\xf0\xe8\x03\xf44?Kk\xaaj\xb3sIFc\x15\xfb\xca3\xc0\xc9B\xc9\xe8\x18\xeaq\xd8\x87\x93'</t>
  </si>
  <si>
    <t>b'\x15\x15E\xbe\x7f\xb5X\xf8-W\xdeYKs\xb5YP/i\x9e\xf4\xbe\\]\x92\xa4m\xfd\xd6Z\x0b\xe3'</t>
  </si>
  <si>
    <t>b"\x9c\xfd\xb2\x03T\xdc8\xcd=)O'!\xd1\x19\x88\x12aLq\x8d\xd6U2\xc0j\xbbO\x0f\xa3\x07\x06"</t>
  </si>
  <si>
    <t>b'\x81\xd5u&amp;\x0f\xef\xef\x10\xf4m\xdc\xe8\xaf0\xe6\xd9{zR\x19\x9dd\xf1X@\x0e\xcd.\xae-\xb7"'</t>
  </si>
  <si>
    <t>b'\tV\x95\xc8s?F\xe0C\xc4\x93$\x8d\x84\x06L\xdd\x1b\xd0-\xe0Z\xffdJg\x8b\xd4\xfc\x81E\xb3'</t>
  </si>
  <si>
    <t>b'\x80\xdb\xbe\x08\xf7\x8f#F\x94\xb7\xbd\xefM\xd5j\xa44Ow\xfdvi\xaf\n\xac\x04\xa3&gt;Q\x89\x8e\x13'</t>
  </si>
  <si>
    <t>b'\x18\x85\x91@\xa8X\xbc\r{\xe02\xa6W\xc3:\xc7:0\x86{\xaa7X-\xc7\xa2u\xc4\xc8\xfc\x12\x19'</t>
  </si>
  <si>
    <t>b'\xa58\x01\xa0\n\xa7v\xd9\xd1\n`\xc3O \x9d\xa4\x1c\x8d\xc9\x0b\x80\xcf\xfe\xcc\xfd\xc3\xef\xcc)\xf2\x02S'</t>
  </si>
  <si>
    <t>b'\xf1z\xdb\xb1\x1c\xda\x92d\x8c{\x12A\xc0\xaaFqd$\xfb\xec#\xa0\x8fC\xebW\xbf\x13\x90/3m'</t>
  </si>
  <si>
    <t>b'\x009\xca@,\x81\xac\'!\xdf\xc3"\x9c\r\xc9\xf5\xebQ\xc9k\xdbd\x97\xf6F\xe0n\xc5\xa2\xb6\xaf\''</t>
  </si>
  <si>
    <t>b'\x1d$\x871\xe5\xe6m&gt;\xe5\x9c\xbcR\xed\xde\xff\xf2p`\x03o.\xb9\xeb\xf6\x8b\x8fI\xe4\xbe\xe7}Q'</t>
  </si>
  <si>
    <t>b'\xf3\xc4}\xf3\xf7\xe4\xe7+:\xee\xa4\x91=\xe4\xeb\x1eJ \x06\xe0\xae\x0e\x90=\x17\xfei\x8a\x1dSW\x02'</t>
  </si>
  <si>
    <t>b'\x11!yJ\x97\x87O|w\x7f\x00/\xe2z \xc9\xf0\x02\r\xc9=L[;\xde%j\x9c\xc5\xe8\xfe\xa2'</t>
  </si>
  <si>
    <t>b'\x82K\xe6\xa4\xc8\x01k\xd5\xb6\x9d\x8eH.L])\x11\x19f$S\xbbf.\xa4=\x0c\x10\xd8\xb00\xaa'</t>
  </si>
  <si>
    <t>b'l\xafiSq\x18\r.\xbc\xb3\x1043\xa9\x06\xff\xf0\xd5\xfd\x92\xf0}\xf5\x85\r\xef\xd6\x82\xda\xf8!\xde'</t>
  </si>
  <si>
    <t>b'\n\x84I 7\x02!\xed\xae\x87E\x9e\x1fZel\xaa\xe6\xe3\x94*\xf9\n\xf2%#;\x8dhS\xda\xb9'</t>
  </si>
  <si>
    <t>b'\xe8\xb2\x0e&gt;\x81\xc8\xd7\xf3\xaee\x05\\&amp;\x06&lt;\x0211/\xdf\xd3\x82\xae\xfc\xf76\xcftuq#\xd9'</t>
  </si>
  <si>
    <t>b'\\O\xc9s\xe0\t\xd4aFVo0L u\x83\xe3R&gt;\x9c\xfcX\xe2M\xbaP\x1c\xdc4/UM'</t>
  </si>
  <si>
    <t>b'\x97\xe52\x88\x11\x0cd\xdc\xa5!rc\xc1\xde7\x16!\xc7q\nk\x8e\xe4\xd6\xcd\xdc\x82\xd20\xd6Zd'</t>
  </si>
  <si>
    <t>b'^\x02\x98ZO\xc9{Z\x84\x07\xe3\xa1\xae\x01\xddi/\xeamo\x89=Y\xf0\xaabhaSG%\xc4'</t>
  </si>
  <si>
    <t>b'I\xc8\xb4\xf8\x1c\xc1\xdb.\xa5&lt;\xfd\xa6\x97\xa9\xfc^\x88\xc5e8\xafN\xc7-\xf2\x06N-\xb0\xb6F\xc8'</t>
  </si>
  <si>
    <t>b'?\x95\x18v#\xf9\xf6\xc7~\xf4\xf8\x7f\x10\xe5\xf8\x06\xcc\xa9F\x86K=-oH\xfe\x06\x7fi\xb7\x1a\xda'</t>
  </si>
  <si>
    <t>b'#\xb8\x16\x1b\xe8\\s\xfa\x91\xed\xa4r\xb7+\xff\xd7Q\xc9\x0b\x9e\xa0h#\xd0\xb9\xb9\x1d\x9c\t\x81\xaf&gt;'</t>
  </si>
  <si>
    <t>b"\x1a;u\x82\x00D\x15\x08n\xaf\x81\xf1\xc6\x98-bq\xec\x91\x01'_DZ\x88\xdf\xaeN\x87\x9d\xd4["</t>
  </si>
  <si>
    <t>b'\xb3\x82x\xc8\xac\xb5\xac\x81*\xfcN\xe9N\x91F\x01\x08\xf4\x9d\xbbW*\x9b\x19kH\x89\xd1#h\xb0\xd0'</t>
  </si>
  <si>
    <t>b'\x12\x1e\xed\xc2\xebF\x13@\xafX\x07q\x7f\xc5\x98\xf3G\xd4\xa6\xe2e\x19\x878\x92\xd2V\x16?`\xa2M'</t>
  </si>
  <si>
    <t>b'\xa1s\xc5\xbe\x9c9\xcef\xf6\xeb\rL\x00%%^\xea\\l\xe3\t\x9a\xfb;y"/,E\xc1\xd5\x12'</t>
  </si>
  <si>
    <t>b'UV\xe3e\xbe\xd7^\xa3h\xdb\xad+\x9b\xed\xa5a\x1b\x81\xf7\xdf\xfd\x8a\x18N\x9a\xb1\xab\xed\xab\xdc7-'</t>
  </si>
  <si>
    <t>b'A;\xaf\xd0\xdb8\x89\x8c\xb7\x0eV)\x98\xda\x94*b\x10d.-{\x92y\x1bh\x97\xf7\\\x9f\xcek'</t>
  </si>
  <si>
    <t>b'/\x82\xfec2\x13\xef?_\x90\xf95\xb7\xe9\x9f\xb5K\x12\x9f\xeej\xf22A\xa3|\xf5\xe8\xc3@\xcc\n'</t>
  </si>
  <si>
    <t>b'\xb7W\xbb\x01\x87q\xfb\xe3\x86%@\x00\x95C\xa7\xa8\xe5Bh\x90 \xbb_\xc4\x0f0q\xe3Ng\x1c\x90'</t>
  </si>
  <si>
    <t>b'5\xc1c\x96\xae\xc4\xcaSM&gt;0\xcc\xb0\xbbp\xcao\xdf\xff\x05\x17\x9a\x1e\x19e\x88,\x0b|\x12\xc8;'</t>
  </si>
  <si>
    <t>b'&amp;\x80\xd2\xe12s\xad.\xd1\x19#\x17\x981\x10\xc1Cj\r\x150\xffg\xd0\r\xa1\x9b\xfdLv\xd6\x8e'</t>
  </si>
  <si>
    <t>b'\x80\x15\xcc\xde\xac\xf0\xa3\xf4\t\x15M\x9b\x05\x07*\x80l\x99\xfcc\x90\xb4\x8b\xfa`:\xf2Y\xf9\xa2\xe4}'</t>
  </si>
  <si>
    <t>b'{\xe7u]\xd8\x82/M\xdd\xdb\x87\xd7p|\xa2\xbe\xa6\xeb\x8a\xb4c\xd4\xea2\xb0\x11\x18Mw;\xbf\xf8'</t>
  </si>
  <si>
    <t>b'\xb3\xfa\x1c\xae\xaayOf\xfd\x96\x84\x01\x08\x87\x8e\xf5\x19\xd1K\xa5\xc8\x9b\xde\xaf\xa2\x0e\xb1\xfe\xef\\^\xf2'</t>
  </si>
  <si>
    <t>b'\xf3.\xd6\xc2|\xb5G\xf6\xc6\r\x04\xbb\xe8n\xed\xe2b\x80=q\xb2\xde\xd95\x03\x81#\x06\xb2x\x1b\xd7'</t>
  </si>
  <si>
    <t>b"Ycx\xd4'\x15=E+s_\xb4~\xb4\xd1U?w\xb6\x82W\xc0\xc9o\x89G\xb7\xc0\x18\xf02\\"</t>
  </si>
  <si>
    <t>b'\xc8\xe1|L\xf7\xa1\xc1\x8a\xdb\xce\xc8\x9b\x8b\xb0\x07\xd7oPc\xe8\xe5l\x04\xf3{v\xa6\xf3&lt;\x8c\xec\xc3'</t>
  </si>
  <si>
    <t>b'\xf0\x85\x93$\x8d\xba\x98\x04\x89`\x0b\x1f\xe8\xed\xa5\x13\xee\xa7\x13)\xf1\xb7\xb8\xf1B\x96}\xed&amp;"\x8b\x1f'</t>
  </si>
  <si>
    <t>b'*\x85\xf7\xa9H:V\x06\x92\x04\x97\xed\xb2\xb6\xcd\x0e\xee\x07V\xd8\xd1|[N?\xd3\x04\x14\xa7T\xd5\xff'</t>
  </si>
  <si>
    <t>b'\xcf\x96\xca\x9d\xab\xe6)l\xa7\xd4\xac\xcb\x18\xd6\x10c\x80\xb4\xe8\xdcPM\xc6\xc7\xfe)\xf8#\xe56QG'</t>
  </si>
  <si>
    <t>b'G\xb1\x1b\xcf\x91\xcfnI\x9c\xbe\xcf\x8f\xab\xb5\xc7le\xeaY\xd7\xdf\x9fd\xc9i]\\"-\xedP\xae'</t>
  </si>
  <si>
    <t>b'3mV[:\x99\xafK4*\xe5F\xe7\xf7f\x00\x08}\x08\xf4\x9a\x01\x8d\x18ZZ9\xde\xb2\x1b}\xbb'</t>
  </si>
  <si>
    <t>b'\x03\xa3O\xa3&gt;\x05\x06\xf4\xaa6\xcf\x8b\x8cm\xf4\x8em\x918_\x1d\x17\xb6o\xb5y\x83p\xea\x04\xb2q'</t>
  </si>
  <si>
    <t>b'\xd7\xb5\xb0!\xd7\xe1tf6Q\x1c:\x9b\x14j:\xa8c\xbf2\x9b\xa1\x8f\xaf\xf4\xa66\x12\xff0\x8d\x08'</t>
  </si>
  <si>
    <t>b'\xb7\xbd\xd4\xdb\xa3\xd06\xde\xf9L]\xd2\x87\xb0\x92\xd7\xb0\tG\x15\xad \xfcgc\xcc\x05\xa1W\xa4\x1f`'</t>
  </si>
  <si>
    <t>b'\x07)\x8e\xda\x9e\xee\x19&amp;\x9cX:w\x87h\x96A77\x1b\r]\xf2 \x86o\xaf&gt;\x81\x1e\x04\x9b\xe1'</t>
  </si>
  <si>
    <t>b'96&gt;\xe71\x9e\xeb@0\xd3\xda\x8e\x15\x16\xc4\xfd6J\x85#\x1d)\xed\xd1 \x93/\xc6\xc7\xb5k\x18'</t>
  </si>
  <si>
    <t>b"\xfb\xf3P\x10^%?B\xd0\x1bz\x90'8\xd6\xd9\xf2\x11\x84\x1aN\x0bo\xd0\x06F9\xc1\xf9Ur\xc1"</t>
  </si>
  <si>
    <t>b"\xe8:\xc4\xcb\x8c\x1df=\xc5\x97$\x17tz\x12c\x01\xac!\xf9'+A\x9e\xe3\xac\x12\xd4w\xe6^\xf9"</t>
  </si>
  <si>
    <t>b'\xf6\xc3(M\xe4\xbc_\xc5\xd0\x1f\xd4\x15h\x16%\x89\xb3\xca\x1e\xe1d\xc7\xa9\xe8@\xf9\x8e\xba\xc4)iS'</t>
  </si>
  <si>
    <t>b'\x0b1"u\x81+\\OzH\xd1\x97\x01}\xc0E\xd4/u0\n{\x9cR\xf6\x1a\x18\x80\xfe\x01D\xfe'</t>
  </si>
  <si>
    <t>b'I\xcbr\x17\xfcy\x88(\xd7\xc8a\xe0]\x03\x0bl\x14\xd8\x9b*\xd8\xf0E\x9a\xda\xfd&amp;\xad0(&lt;\x91'</t>
  </si>
  <si>
    <t>b'\x9a\xe7\xd1\xa3(\xcb\xd9\xefo\xd3l\xfc\xb8\xf4A\x97\x9cOP\x9fL\xc3\xf1\x18F,\xaf[\x9dL\xafQ'</t>
  </si>
  <si>
    <t>b'\xe1\xd7M\xe0\xe5"dt\xd4_\xf3\xdc\xa2\xab\xa7m\xefi\x00\xbdI\xb5\x11\xa2&gt;A\xd3\x18`]\xff\x8e'</t>
  </si>
  <si>
    <t>b"`\xe9\xdb\x91\xdb6\xdd\xf0[\xbb'\x9c\x87\xd9m\x9d\xa5b;n\xd9\xf330\xf6\x1d\x81\x80\xafM\x86\t"</t>
  </si>
  <si>
    <t>b':&lt;\x1a\xa5\xd1\x8c\xe3n/7\xd8z\xeb:\x7f\xe3\xaf\x8b4\xa3E[\x8b{\xef \x97\x89d\x01\x84k'</t>
  </si>
  <si>
    <t>b'\xc9Y\xcc|Gr\xeb\x96^\xe5\x01\x1e\xad\xf2\xe7 %\xb5\xec\xd9\xee\x87\xef\x86X\x17\xa7\xb8\xd5(,\x0c'</t>
  </si>
  <si>
    <t>b"\x86\xb5QD\x19C\x83\xfd\xccMM\n\xbe\xbdP\x8d\xf4\xf4N'9\x13\xd4uw\x86(c\x06#%\xe8"</t>
  </si>
  <si>
    <t>b'\x9e\xd6M\xf1\x17J\xc8\x806A\xa4\xac\x9c6AGB\xe1\x8c\x99\x03XV\x8a\xe0z{\xcd\x11\xe5\xb3\xeb'</t>
  </si>
  <si>
    <t>b'W&lt;Qev\x07\xba\xa0\xe7gl\xec\x80_h\xb5|\xa5b\x92&amp;\x7f\x19\x14\x12\xd6\xbcq\xcf\x18\x00\xf3'</t>
  </si>
  <si>
    <t>b'_\xb3P\x9dr]\xdc\xd5\xf6\x81\xe9\x80\x17\xbel\xb0|+s\xe0\x12\xee\\\xc50A{rHr\x1c\x8a'</t>
  </si>
  <si>
    <t>b'\x8e\x95m\xfc\xa0Tl\xff\x88)K"\x86A\xa7\x992Y\xcc\x8d\r\x99c\x05\x1e\x88\x94(\xbfR\xa0\xb5'</t>
  </si>
  <si>
    <t>b'\xfc\xc8Y7\xe1E\x13\xef\x18\xce\x13\xa2\xb5%\n\x16\x8c*\xf1\xbc\xc53-\xb5m\x9e\xe1\xe6\xce\xc0I\x07'</t>
  </si>
  <si>
    <t>b'\r\xb4$\xf8\xf8\x92\x01m\xc6\x9e\x89R\xf1\x98S&gt;e\rQ\xaa1\x06\x04\x10\xe4#\n\x88\xd8yB\xa0'</t>
  </si>
  <si>
    <t>b't\x81\xe3\x94B\x9dd\xf6B\xfe\x1d;p&amp;R\xf4\xd9\xd8c\xf8@\x90\x11\xbc$\x1a\xb2\xc4\xcd\xd3pT'</t>
  </si>
  <si>
    <t>b'\xea\xf1\x9e\xa2o\xb8C\xb6\xd0\x0ef\x81^\xef\xe3\x89\xf4_N\xf9 @|\x02-\xcap\xef\x10\xcbzJ'</t>
  </si>
  <si>
    <t>b'`\x18D\x8f M.s\xe6\x089\xcc\x01M\xdc\x8d\x08\x00\xbd\x00\x14\x8f&gt;\x81\\\n\r~+b\xafT'</t>
  </si>
  <si>
    <t>b']\xb3\xb4@\xdf\x98\x1b\'\\G\x96&amp;"\x02~\xcd\xda\x1a\x96\xfe\xecav\x0f\xac\xac\x10\xb0kZ\xbb\xf9'</t>
  </si>
  <si>
    <t>b'\x0f\x90\t\xa4R\xfcu\x97\xd2\xb8\xa7\x11zv1\x01\xecd0i\xcb\xd5\xba\xe5\xf9d*6\xd5L\x1b\xb1'</t>
  </si>
  <si>
    <t>b'%\x02u\x06R\xfe\x16#z\xa1\xd7\xd3u_\xd58\x1e\xf3m\xa9\xd2\x02\xfa\xa4\xc2*\x18pC\xe1\xb6y'</t>
  </si>
  <si>
    <t>b"9\xc8\x12\xf1{\x1c\xe2\xce\x04\xc74\xe6\x06\xbe\n\xe6\xa2'\xcd3\x1c{\x16=\xc2\x15\x88\xban\xbdf\x0f"</t>
  </si>
  <si>
    <t>b'\xb0\x94\x86\x93\xd5FM\x95\xc9\xba\x9c\x12:w\xe1\x97\xdf\xec76\x86\x13\xbf\x0f\x9e\xcb\x83c\xcb\\C)'</t>
  </si>
  <si>
    <t>b'\x98\xda\xa6\x98\x85\x96\xa6\x10\xac\xa19\x1enizf\x86J\xdf\x0b{\xde1\xf7\x17\x12\x14BH\xa3i\x81'</t>
  </si>
  <si>
    <t>b'\xbc\xedo\xce\x97\xf6b\x18Z\xe8\x96\xf0ug`\x0f\x86\xd1C\xb1N(D#\x16\xac\xb3\x1c\xb3\xb7\xf6\xe5'</t>
  </si>
  <si>
    <t>b'\x0b\x145~\x96\x08\xc8\xd7\x8fS\x90N\xc6\x9c\xcdG\xfe\xfb\x13\xba~n\xea.\xda\xe5I3:8\x1b\x1c'</t>
  </si>
  <si>
    <t>b'\xdc\xb7\xf9\xb2\xc8\xd2\x00\xd3n\xc8\xa1;]Hbz\xfcT\x9e/\xb7t\xe3~\x9e!s\xb7\x11\x16=['</t>
  </si>
  <si>
    <t>b'\xe9\xb6\xe97\xd8fm\xc4\xbcv\xe2C\xee]\x1f\xa5_\xc0\xad\xa1\xbb\tBU\xef\xc5\xfa\xa0\xe2|\xb7H'</t>
  </si>
  <si>
    <t>b'\x98\xcb\xb4\xe9\x92\xb3\\\xf1\xfa2\x0b~\r\x8be\xd7\x97pf^\xdd\xcc|\xd0\xfe\x00V+\xaaQ-\x81'</t>
  </si>
  <si>
    <t>b'D\x83\x94!\xfdD\xe4\x8a\xdd0P\x84\xbb\xf6\x00 \x96\xa9\xbe\xc1\xe8\x8f/9\xd2\x1c\xba\xf3\x9fo\x97N'</t>
  </si>
  <si>
    <t>b'&lt;I\xae\xd9\xd9\x8a\xe6\xa0\xae\xd4\x91;;d\xa3\xd3D\xbf\x8a`\x82\xe3\xab\x02Bp\xbb\xc7GR\x983'</t>
  </si>
  <si>
    <t>b'?\x9d\x8cqbjf\xa2\x14\x88o\x80F\xc3\x1c\x84.7\xf0\x03 \xac\x11\x8c\xae+\xea\x07\x12\xaf_\xdc'</t>
  </si>
  <si>
    <t>b'h\t\xfc\xc4OrIi\xa1/\xb5\xf4\xf4\xc1R\xde,/r\x99(\x0eq\xe5\xeb\x83\xffb]\xd0\xa1z'</t>
  </si>
  <si>
    <t>b'\xd9Y\x81\xe2\x8b\\\x9b\xc5\xedQ\x9d(\xd0\xb0\xdd]\xffR\x8a\x1d\xa3|\xa2\x81D\xf1\xe2 `\xb9I\xa7'</t>
  </si>
  <si>
    <t>b"\x1f3nn\xff\xecvU'\xbfc\x85\xaa\xde\xd7\xd9\xf7%\xce\x12\x17\x94)\xa3\x82\xaaH}U+\x96q"</t>
  </si>
  <si>
    <t>b'\xc9\xb9\xd0\xf8\x7f\xb0*\x05U\xd4\xc3\xc7(3\xaf\xc5T"\xca\xd7\xe5\x8c\xff\xe1|\x8b\x97P\xd3U\xa1\xdd'</t>
  </si>
  <si>
    <t>b'\xb0e{\x86\xe3\xc4\xa8\xe7(f\xa4X\x0f0\xd7\xf5\x00\xc6-\xce\xa2\x1d\xe1\xa3\xf1\xc0\xf12\x9d\xe6O\xf6'</t>
  </si>
  <si>
    <t>b'c\xbb\x97\x0fT&gt;$\xb4\xb9=\xbaZ\xec\xf45\xdf-\xc77\xdf\xc3\xcfl\x1dFzT8lWB\xce'</t>
  </si>
  <si>
    <t>b";\xd7\\\xe4}\tb\x8d\x1f&amp;|\x1d,\xcbo\xe8\xa9\xdfBd\x04L9F \x8aj\x05'\x04\xd2\xea"</t>
  </si>
  <si>
    <t>b'pK\xf8\x14\xfcY\xb3\x03*\xd8\xd8\xb4\x87\xa3.H\xb6Y\xc7\x08\xb7Bgw\x9d3\xc8\x84\xfb\x1e\xa9:'</t>
  </si>
  <si>
    <t>b'\x87og{\xcbC\x04BV\xe9\tC\x0b\xfa\xc7\x9eM\xca\x90\xfd\xae5\xb3?r\xb0\x18\x1c\xdf\x9b\xe0\xa8'</t>
  </si>
  <si>
    <t>b'V\xef\xdf\xe1\xd4\xa3\xfd\x80\x19\xba\x88\xc0\x9d\xf8I.\xb9\xcc\x7f;D\x9f\x9bN\xcc"0\xee*\x96\xedF'</t>
  </si>
  <si>
    <t>b'j\x1f&lt;\x19=jr\xae\xa8\x1e\xea\xaf\xb5\x8fs\xce\x9cP\x86\x1f)\xd1\x96\xb8\xb7\xcdG\xaf\xe6?\xbe}'</t>
  </si>
  <si>
    <t>b'M\xe0\x7f}Ta5\xf9\xde\xb1\xaa\xf8JH\xee\xfan\xa6Z\xa8&lt;\xe4#\xcb\xe8\xdcYc\xbaY-\xa9'</t>
  </si>
  <si>
    <t>b'+ \x95}A\xb7o\xbf\xc4\xd6\x8c\xe3i%\x80\x08L--\xb2\x04\xa8\x8c\xf2y{\xae\x11\xca\x8f\x03\xf5'</t>
  </si>
  <si>
    <t>b'\xb9\xad}.K\x0e4\xdd(\x804\xe1\xf8\x82Jb\x19\xe0\xb7\xa0\xf74a\xd0k\x93\xe5S\t=y1'</t>
  </si>
  <si>
    <t>b'8\xf7~\xbbF\xf2V\x9a\xdc\xfbg&lt;}\x82\x1d\xfb\xe7\xa8^\x04B$q\x97\x91\x97\xa4\xba}\xca\x0b\x87'</t>
  </si>
  <si>
    <t>b'\x8ar4z\xaf]3\x0e\xe5\x96y\x89\xc7h\x84J\xc90\xfa\xf7\xe3\x04\xdat\xde\x10\xdf@K\xc4\xa4\x01'</t>
  </si>
  <si>
    <t>b'\x18X\xb0k\x83\xfb\xaa\x83\xef\x15D;$\xd1\xa6\\\x84t\x7f\xbc-\x10]\xe7\x1d\xae\xec2\xc8\xd7\x99J'</t>
  </si>
  <si>
    <t>b'\xa7\xf1:\xa5`\xb7\xc5^\xf6\xd7\xa7~\x1a\x9c\xf1,\xfd=\xa5I1~\xd1c\x19\x98{\xee\xd8\xfb1J'</t>
  </si>
  <si>
    <t>b'y\x8b\xaf\x0fB=I\x8b\t_mq$\x8c\n 1?\xbc\x7fX0v\xe1|\xd5-b\xd4\xdb\x91\x08'</t>
  </si>
  <si>
    <t>b'+1\nggqk\x1c\xcc\xfe^\x02i1\xd3\x9b\xe8\x90\x17\x8cg\x86Z\xbf\xf7\x85Y#\x11:\x92\xfe'</t>
  </si>
  <si>
    <t>b'\x97\xb7\x1e\xdf\xcd\xa0\x96\xa6\x15&amp;\x1b\xa1\x1e\xc3\xde\x8d\xe2\xa9z\x9e\xb0\xd7\x8b\x85\x8a \x01A\xfd\xdd\xb0\xb0'</t>
  </si>
  <si>
    <t>b'E\xda\xf5o\x95SR\xa2\x15\x8c\xc9v5\x85\x16\x1c|\x82\xb2~b\x83\x92C\x02\x19a\xa3MK\xca0'</t>
  </si>
  <si>
    <t>b'\xf5\x8f\xeb\x0fR\x11q\xdc\x83*Ni\x915&lt;\x14\x13\xff\xdb?\x81E\x83\xde\xe0\x7f&lt;\xbeP\x9cfR'</t>
  </si>
  <si>
    <t>b'/\xf1L\x17\xdc\xf5\xe9\x88\xfa`xc\xd5\xd8\x94~o\xfc\xbb\x9e\x01vR1\x9b\x83\x165p\xd6P\xe1'</t>
  </si>
  <si>
    <t>b"2\xf5\x8c)\xc4$\x18-\xd5\xfc\xeelFW$\x18-\xde-0\x9d@\xd8K\xd5'\x98\xef\xf3]HS"</t>
  </si>
  <si>
    <t>b'-6\xba\xc5pRj\xd6\xd66z\xc3\xf7}\xef\xb6\x0c\x18T\xce5\x8ak|\xad1\xa5\x84B\xf1uB'</t>
  </si>
  <si>
    <t>b'\nH\xf8l\xfc\xdd\xe6\xcbZ\xb0\x13\x02\x19M-\xe3HV\xe8\xd2\xec\xfcCSSz\xf9\\\xc2)\xae,'</t>
  </si>
  <si>
    <t>b'\xec4\xac\x12!\r\xb26\xfa\xe6\xc8\x89\xcc\xd8Z\xdcy$\x11[+\xe0b\xa7\x1cbw:\xf4?()'</t>
  </si>
  <si>
    <t>b'\x99\x1b\xd6\xd18\x18\x89hNN\xdc\x9e\xd4\xab\\ !\x80xD\x89_Cc\xfe\xd1\x93\xfa$]\x92\x08'</t>
  </si>
  <si>
    <t>b'Z\xc3\xebg\xff\xbd\xd4\x8b\xe7\xc9\xa6\xa7d\x80n(\n\x81\x89G\x19:\x95p\xc6\xe9\xfa\x85\xf5\x98K\xad'</t>
  </si>
  <si>
    <t>b')^\x00A\xe3\xc0]\xf0h}\xf2\x04\xd5R/\xa3\x01}\x03\x93@|!o\x83\xda9\xafm\x1a\x95\xb5'</t>
  </si>
  <si>
    <t>b'\xa9vt\x1ebP\xca\xc48\xd1\xa6\xa6\xce\xbf\xa5\x81&gt;.\xea\x08\x89\xd4\x0b\x82\xc1\x8b\x97\xbcI\x0b\x7fl'</t>
  </si>
  <si>
    <t>b'\xea\xbb*\xbc\ro\x8f\x89j\x9b\x8a\xf0\xbd\x9b}]^\xf4*qZ\x81*~\x80\x1a2\xab\xb2\xde/\x90'</t>
  </si>
  <si>
    <t>b'\xc9\xfa5\x8d&lt;\xf44\x91\xa4 \xadz\x86~\xba\xd3~\x90\x82\x07\x19\xa6\xd5(\xa50f2Wa\xeb\x9d'</t>
  </si>
  <si>
    <t>b'?\xb3,\\\xac\x10\xe6Q\x9e\x7f~\xb5|\xaa!\xc4\x8f_ CB\x1eo.\xa6\xba\x93\x9cK\x95\x9c\xaf'</t>
  </si>
  <si>
    <t>b'E\x9alO&lt;&amp;\xd0\xc7|&amp;cR\xdf\xc1A\x90\xa9\xfd\xf3\xf1E&lt;\xaf\xb6\xe3\xc6\xf9(\x9f1\x80\xca'</t>
  </si>
  <si>
    <t>b'\xc3D\x1b}\xd6\xc8C\x9e\r\xcc\xe9\xd9)%\xbd\xd7\x9d*=\x9d\x82_~\x8e\x0b\x8e\x97\xc1\xde\xb2~\x1b'</t>
  </si>
  <si>
    <t>b'\x92\x10\xcd\xb7N\x1c~]\xa8d\xaa\x04\\\xda=\x92\xab\x12\xf5=s\xa8xS\xe9d\x10\x92\xc8\xcf\xd0\xd7'</t>
  </si>
  <si>
    <t>b'\x15\x00$\xad\xf1{\xea@\xcd?\xb8\x17H~d\xc7\n\xd1\xfc\xe72)\x121@y\xde\x04\x12u\xaf\xab'</t>
  </si>
  <si>
    <t>b'\x87OS\x19\x9c\xfb\x93q\xa8\x12\xe5\xd8|L\xd0M\xd8H\x17)vAKn\xb3&gt;\x89s\xb4C\xb9S'</t>
  </si>
  <si>
    <t>b'\x11Z\x110;gL\xc5\xf3\x05zv\x7f\xa92F~\x05\xca\x92&amp;\x8b,\xbc\x1bj\xb1\x93\xbd\xcb\xca\xe8'</t>
  </si>
  <si>
    <t>b'kz\x8a\xdd!2\xd8b8\x9c\x8d\xe7t\x04&amp;x1TaM\x05:\x9b\xa5\xa4\xa0\x9e;o\x9eC\x91'</t>
  </si>
  <si>
    <t>b'\x81\xd4\x9f\x12\x8aW\r\x85\xf5\\\x80\x19n\xa2\x00\xdfTA\x9a\xda\xde\xb7b\xf4j\xab_\x9f~\xb4m\x0e'</t>
  </si>
  <si>
    <t>b'\xb8\x13\xe5\x93LO\x88\x19\x8c\xf3\xe6\x1a\xaa\xfa\xcc5`\x1b\x16\xaf\x06\xc7\xb1a&amp;\xd3\r\xb5\x8d%\xda.'</t>
  </si>
  <si>
    <t>b'_\xec\x02U\x18\xcaKENCE\xc3\xe2\x88\xd8\x8d|\xdf`\xb8\xdd\xf5Iv\xac\xce\xda\xedxr\xb0\xd4'</t>
  </si>
  <si>
    <t>b'T=\x13\x14\xe4\xe5|\xf5H\x80/\x82\xc3\xd8\xb8\ra\x10e\x95\xde\xdd\\~\xce\xc9\xb3\x17\x1f\xc4\xf9\xde'</t>
  </si>
  <si>
    <t>b"\xeb\xe6~f\x87\xe9\xc3\xf9c]\x89\xe6s\x18'c\xdb\x90&lt;\x8a\\\xb6g\xab\t\\+\xc2\xe9\xa0*^"</t>
  </si>
  <si>
    <t>b'\xf3&lt;zd\x18?\xdd\x9c\x181N&amp;n\xbb\xd1\x1b\xeb\x17/\xb6OM\r\x90\x9f\x96\x12\xcd\xc2w}\x9a'</t>
  </si>
  <si>
    <t>b'\x19\xdf{Z\xff(Kw\xae&amp;\t\xbboN+\x99AV\xdd&lt;\x8a\xf0[\xff\x11\x84z_\x14?Ei'</t>
  </si>
  <si>
    <t>b'\x94\xdb\xaa\x19\xcb\xc0\x80\xd2Ppcf&lt;\x14\xb9p6;!u]\x02C-\xb5M\x86\x83\xbd\x11\xa9\xbe'</t>
  </si>
  <si>
    <t>b'\xb2K\xb1\xa8\xe6\xaf\xe3N\xfd\xa6+\xda\x8f6\x84\xcb\xbd\xb5G\xacq\xc7\xcdZ\xfe\xec\xb63\x95\x01\xe1\x97'</t>
  </si>
  <si>
    <t>b'W}.Cjn\xc8\xcf\xe72\xac\xed\xf2\xa3q\xb3\x93\xe0ehI\x11\x19\x9e\x15}\x0b\x97\xd7\x04\x99\xe0'</t>
  </si>
  <si>
    <t>b'\x0b\x92]M)\x1f)\xd4\x95\xbf\xaa\x98\x81\xf5\xb8\xa0[;B\x01)\x1bf\x90[1F\x88\xfam+\xe1'</t>
  </si>
  <si>
    <t>b'\r\x90\x10\xea:R \xac\xde]\xd8\x8d\xb1\xa5{\xbe8\xbeF \xc4J\xc5\xe1\n\x8e:\x19\xe6\xbb\x0f\xc3'</t>
  </si>
  <si>
    <t>b'\x1b\x85\x19]\xe1B\xa4\xd8\xb7\xe3n\xd6\xfeU\xe6\x1b\xe3G\xb2qz+\x1fp\x83\xa0t\x9c\xe5\x19\xd4\x18'</t>
  </si>
  <si>
    <t>b"\xf4z\x99\xe2\x9b9\xf5-cyd_\xa5\xda\x11}\xdb\xca\x7f\t\xa1h\xa2\x16'L\x90E\xa4l\xd9\xe1"</t>
  </si>
  <si>
    <t>b'\xa58\xe8\x05\x94\xa2\xf0\x0f\xe6\x00Y\x1d\x94\x1a\x8c(\xd1\x7fc\x0c\x16y2\xbf\x05\xaac\xb9[\x1cL\x14'</t>
  </si>
  <si>
    <t>b'\x9f\xb9R)6\x85\xbfO\xaa\x1d\x85\xd2\x86\x8d\x0b\xdaa\\\x13ZR\xfcG\xdeA\xde@\xd8\x12\x00\xa2\x18'</t>
  </si>
  <si>
    <t>b'fH\x07\xd2\xf6\x0bDv\xb4s\xcfS\x80\xb8&lt;7{\xb1\xd7C\x0fE,^4@\x1e\x90\xd4\xa3T\xbc'</t>
  </si>
  <si>
    <t>b'\xaa%\xb7\x14\x9e\x88\xf6\x80l\x04~*4\xdc\xfepp\x80j\xf00\xf7\xb1\x00|\xf1\xf2\xaf5\xdc\xe3\xaa'</t>
  </si>
  <si>
    <t>b'\x1d\xa9\x19+\x9d~n\x07\x07\x99`\xd4\x95\xa5N{ur\xe1\x11\x0b\x06\xc4E\xb2\x9eOAB\x10\x07\x17'</t>
  </si>
  <si>
    <t>b'\xbfS\xbex\xc46\xbb\r\xaa\xdcT\xff\xc8lO&gt;K)s\x86\xaa\x03O\xf3T\xeb{$&amp;QY\x97'</t>
  </si>
  <si>
    <t>b'#~\xe2\x1b\x9an@n\x9b\xc1\x861\x17+\x06\xe9\xe3\xb2\x85\x04\xa7\x9b_l\xfeDs\xfdH\\\x15\x03'</t>
  </si>
  <si>
    <t>b'O\xe4\xe5o\xb3C\x19\x0e\xe5\x9f\xe1\xd8mY\xf0\xc9\x90x*#\xdfs\xd1\xc17\xdc\xe9\xc3\xb8\x0f\x0c\x1c'</t>
  </si>
  <si>
    <t>b'\xfe?\x82\x90\xd5\xdf\xe6\xd9I\x95n\xcd\x81\xd7\xcbq#(T\xb1\xf1\xf7\n\x91\xeaz\xd0\x9fd3\xe5Z'</t>
  </si>
  <si>
    <t>b'\r\xb05mv\x0b\xfb\x88\xf7\xbcue\xad6\x9e\x86?8]Dz\x8b\xb0c\x8a\x7fl\xca\n\x8f\x03j'</t>
  </si>
  <si>
    <t>b'bbh\xa969\xa1\x8c/3\xbfB\xe4\xdd\x9e0\xe4p\xe2G-7\x13\xf0\x859\xca\x01\xc5~z6'</t>
  </si>
  <si>
    <t>b'E\x00\x17x?F\t\xcdn\x8f\xec\xb0\x9e\xb1N\xc7\xe3\xb3\xf0\xc8\xc4\xb4\xdd;\xf7\xf4\xac\xab\xf6j\xb6\xa7'</t>
  </si>
  <si>
    <t>b"2_\xc8\x03'^\xb1\xe9;\x89\x99;Ga6\xa0|\xe6Q/3\xe3x\xc0\xce\xd9\xcb\x06\xda8O\xb3"</t>
  </si>
  <si>
    <t>b'N,\xb7\x8c[\xff\xac\x1a#\xaa\xdf\xc9q1T\xdc\xb6/\x95\xc6&amp;\xb6Y\xdc\xe8\xaa\x8c\x92\xcb\x1f0\x1f'</t>
  </si>
  <si>
    <t>b'\xbe\xc4\xe9"\x85D-\x82&gt;Z\xa9\xc12\x0e\xe4n/\xda\x7f\xbe\x94B\xd3\x86\xee\xf5l\xeb\xaf\xbbB\x85'</t>
  </si>
  <si>
    <t>b'\x04mNo;D\x80\x89\xceyaP\xa1\x01\x1e\x1b5\xfd\xd2\xa5\xd7i\x8a\xf0\n\x19\xba5\x84A\xa4N'</t>
  </si>
  <si>
    <t>b'\xb9^\xbe\xf5\x9b\xaf\\\xc0g(\x7f\x17\x99\xc9\xe7p\x03\xfc\xd8\xa2\x9c\xeeIb\xb2Q\xef\xc6\xc9\xea\xf7\xb0'</t>
  </si>
  <si>
    <t>b'\x0fa15\xca6\xf5\t\x04\xa7j\xb7\x0f\x17\xaf\x97&amp;\xcfNe\x19hpn\xeba\xc4\x82\x18A\xa7w'</t>
  </si>
  <si>
    <t>b'\x8am+\xf4gK\xf5a\xb9t\x0fJ\xe9\xa5\x064m\xfe\xae\xb9`\x93\xbf\xae0\x089 /\n}\x08'</t>
  </si>
  <si>
    <t>b'\xaa \xa4\x9d\xdd2\xb4(-Qb\xc0$omI\xb8\xec\xf4\xf2\xeb\xe5\x92.\xaa\xd1\x83\xf60\x8f\xcf"'</t>
  </si>
  <si>
    <t>b'\x1c)\x9a\x88\xb2\xd0\x16\xac\x9azt\x05\x98\xdf\xd10"\xf8Ay\xbd\xaans\'6\xa4\xb6Q$$\x90'</t>
  </si>
  <si>
    <t>b'\xd5\xc2s\xdd5}~y4\xad\x04\xc2\xb2&amp;%\x88\x16\xe5z\x11N\xa8\xf0\x85}\x12V\r\xd9&lt;\x1c\xff'</t>
  </si>
  <si>
    <t>b'\xda\x8b\x9a\x19\xd2\xdf]\x85\x99`\xe1\x04\xfedO\xca\x0c\x84Ha\x8a\xa9\xdf\x8dE\xb1\xc1\x0f\x945X\xc4'</t>
  </si>
  <si>
    <t>b'\xa9\x9a\x11\xdch\xb7\x86\xe1\xf1\xc7_b\xad\xe3?[\xd2I\x9bFPC\xc4\xba\x84V\x9cj\x03\xda\x01\xa6'</t>
  </si>
  <si>
    <t>b'O\x91\xd1\x91\x7f\x06\x83\xdeB\x92\xf4\xf3P\xa69x\x9b\xc8\x1dQ\x8a3\x90\x15\xa5s\xac\xe6\xfb\xc2?\x1d'</t>
  </si>
  <si>
    <t>b'\x00#\xc01\xaf\x9e\xb8\x92\x00\xa3\x9e\xe7W\x96\x9b\xea\x1ewZ\x04y\x1dZ\x11?\xcf7\xc4q\xfd\xb4y'</t>
  </si>
  <si>
    <t>b'\xa2\xbb\xed\xca\xdc\x80\xe0\xcd\xbd\xd7\x02+\x13\x94e\xdd\xe3\xcf\xe4\x88f+\x91\xfa`\x0c\xc9\xb6_\xd1d.'</t>
  </si>
  <si>
    <t>b'\n&amp;\x8e\x01K\xad\xdc/\xab&amp;\xa6\x10\x9a}&amp;\\:\x8a`\xdb:\xf3\xe8h\xe9\xdb\xd5\xf2\xea\x81\x8e~'</t>
  </si>
  <si>
    <t>b'\x1f\x1dQ\xd7?\xa4\x85\xc8\xbe\xd1?\x8bo\xef3N\xe2)\x17\x12\xefC\x08{bo\xea\xef\xa7\xd6\xa68'</t>
  </si>
  <si>
    <t>b'\x1f\xfb\xe7\xcf\x83lfsm\xe8\x11\xd6mr\x1d\xf4\xda9\xa8LAY\xed\x13\x1bD"\x98\xf7\xa2\xb2W'</t>
  </si>
  <si>
    <t>b'ut\xef\x89\x11\n1\xe9\x1b\xbc^\xfd\xad\x92\xb2\x02\xc1\x03\x92\xf1\x1b\xc5s\xc9HD\xa6@1\x90\xb5P'</t>
  </si>
  <si>
    <t>b'\x8e\xe7OI\xfa\xb2m\xbf!K\x81\x80^\xed\xe6\xa9t\xc4\xca:7\xe8\x06\xabY\xea\xbd0\x1d\xa0;\xb2'</t>
  </si>
  <si>
    <t>b'\xa1\n\xb9\x04a\x03T\xc87\xf5\x84m\x7f\x8d\x0c,\x12\x99\x97~o\x1e#\xa2}\xdf\x98\x85\x9bQ\xa4\xa3'</t>
  </si>
  <si>
    <t>b']6\xd3\x03\x07r\xdfVT\xff\xed\x9aOs\xc6\xab\xbb\x15,f\xea\x98\x08\x03E\t\xa4\xf4\xf4\xfb\xb7^'</t>
  </si>
  <si>
    <t>b'\xae\x19\x15QI\x08\xfe\x07\xf5\xc9&gt;\xef\xf1\xce\x7f\xaez\x08J#\x94K\xa7\x07\xea\xcf;gJ\x19^j'</t>
  </si>
  <si>
    <t>b'&amp;#\xe27_\xb3?\xf3\xe9+\xe7\x9f\xa7\x94\xdb\xfe\xc6\xfb\xf7\xe8\x19d\x18L\x10i\x91\x7f$cx\xfb'</t>
  </si>
  <si>
    <t>b'F/\x95\x92w\x08\xbeQ\xa0\x14|\x92\x03p\x80\x91\xa8\xcf\xa1.\xf9\xdcw\x7fe\xd6{&gt;2\x89\x82\xef'</t>
  </si>
  <si>
    <t>b':\xbd\xbb+\xaa\xca(\xc3\xa0zd+\xc63\x94\x90\xe2\x1d\xa2X?\x83\rRs\xf0\x81\x12\x87.\xe6o'</t>
  </si>
  <si>
    <t>b'\x8f\x83\x11\xb0\x9cy\x9c\x98\x0e\xa8\xe4\x0b\xb2\x14\xa1Y\x13\xa0|\xecSE\xcf\xb85\x91\x90\x8c\xe5&gt;\x9a\xaf'</t>
  </si>
  <si>
    <t>b'&lt;\xe91\xae\xed\xbdj\x9f\xc1S\xf5[\x0f-\t*\xd8KA?|\xd5\x98\xe1\x82\x9b_K\x8f*$4'</t>
  </si>
  <si>
    <t>b'\x90\xe6\xca\x96!\x97/\xf1\xad\xac\x88-\x1d\x10\x80\x07K\xe6\x17\x1b\xf3A\xdb\xdf\x19c\xbel\xf6\xdb)y'</t>
  </si>
  <si>
    <t>b'\xd0d\x82\x11\x7f\x95}\x0eL\xdb&gt;z\xe5\xfd\xc3c\x9b\x9f#97w@\x96bG\x07\x93\xf9\xc5L`'</t>
  </si>
  <si>
    <t>b'\x99}\xe8\x03X\xcf\xa3q \xa2\xa1\x9a\xf2\xe9$\xbd#\x8acX\xa2\xbe\xfa{\x8a-Q\xceF\xd5\x17?'</t>
  </si>
  <si>
    <t>b"\x18My\xe4\x92\x89'\n\xb9\xdcu\x1b\x85\xe7\x94LHFF\xee\x1da\xb25\xb5e\xe1\x8c\x05HZ "</t>
  </si>
  <si>
    <t>b'\xa8)\x94Q+\xd4s\xbe\xd6]\xe6\x95\x96[\xb6T#\xe3\x13\xbf\x14}\xc9\x037\xc4\x1c\x0f\r \xc2\x16'</t>
  </si>
  <si>
    <t>b'\x7f\xe9=\xc7\xf3Rhc\xfd\x89D\xa7\x9dp\xc2\x07\xca\xc5t\xaa\xcfe\x9f\x87A\xae\\\xabM\x9b\xdb\xae'</t>
  </si>
  <si>
    <t>b"Y\x14\xd4\x18\xab\x0e\xa52\xc6\xd4\xe1A`ru\x1dL\xcc^\xc3I'5\xe4\x0ej\xc5U@\x1f\xfd\xc4"</t>
  </si>
  <si>
    <t>b'z\x03\xf5\xcb\xc4\n\xc3\xb4\xf2\xd5\xaa\x01\xea\xbf\xb0y"\x02\x9d\xd9\xa0\x83FY\x08o\xc1\x1b\x92\x1a8+'</t>
  </si>
  <si>
    <t>b'\xf9\xf0B]::\xf6\xc4S\xc2\x9a\x0cb0\x1ea-\x9f\xfa\xd6\xa1\x03\xf5)P\\\xe4\xf55\x9a\xf9\x0b'</t>
  </si>
  <si>
    <t>b"\xbe\xe7\x0e\x83\x7f\xd8\xe9\xc6\xe7\xbe\xc3&gt;5\xa5\xc7'\x89q\x10\x83\xc7J\xfa\xc38\x98:\xc4\xbb\x9a)\xe0"</t>
  </si>
  <si>
    <t>b"\t\xeb\xbb \xf6\xa2\xa2\x82\xaf\xf9\xd58C\xf4Mm\xd1A\xf0hw\x9dE\xac9\xa7'W!\xe8\xd5\x98"</t>
  </si>
  <si>
    <t>b"\xf4\xab\xbf\xca'\x86{'\xb0\x83Q94\x84(\xd7\rB\xe3\x8c\xc6\xb6\n\x89\x86Q\x1d\xb9\xfcG\xf7&lt;"</t>
  </si>
  <si>
    <t>b'\xf0\xc0\x16\xbd\x8a\xdf{\x18b3\xcaQV\xd6J\x04L\x90\xe1\xbf\xfc\xd4+\x9e0_Nw+U\xf1P'</t>
  </si>
  <si>
    <t>b'\x90\xc5\x1e"\x8d\xb6\xd6\xd4\xf3;\xa5\xeb%!;\xfd4C\x98\xcd\xeb\xbc\'*e\xb6\x0e\xf0o|\xcfn'</t>
  </si>
  <si>
    <t>b'\xa1\x85|\xdf\r\x8e\xf2[\xa1\xdcUp/D\xbf\xbeX\xf9\xf5\xebC6\x03\xa3\xefId\xa0\xe5\xd4\xb9\xba'</t>
  </si>
  <si>
    <t>b'^C*W\xa2\n=\x8d\xd96bH\xe5E+\xdb]$\xe7\xa7\x9d\x97\xf9\x93\x05\x01\xe8\x9a\xf4\xe4\xa0a'</t>
  </si>
  <si>
    <t>b'i#&lt;\xeb\xda\xf7\xfb\x9bL^\xf6d\x101&lt;\x03H\xcfX\xc7\x0b\x84\xb3W:{8\xbdx\x05&gt;r'</t>
  </si>
  <si>
    <t>b'\xf2_)\xd7L\xc9\xab\x83\x82\\\x10\xdaB\xab&lt;~,\xb2i\x03z}\x8c\xa6\xc1\x9c{\x9f\xc1J\xe4!'</t>
  </si>
  <si>
    <t>b"\x9e\xf3O\xdf5\xa1`\xa7\xf7\xd5\x1a\x11\x13\x04\x9b\xf7\x853\x9c\xad`E\x00\xe6\x12\x04\xf1|\xa8\x08T'"</t>
  </si>
  <si>
    <t>b';\xbe\x03\xa6c\xec*\x8fR\xc1\xc5\x13\xbf3\xc0G\x16\x15\xc0\xf3\xf4\xfb\x0cX&gt;\xb3%\xe2\x03\x84\x06['</t>
  </si>
  <si>
    <t>b'\xa0\xf7\xca\xb0\r\x94\xf3\xbe\x9e\'!\xeb\xaf\x16\xc3h#"\xa9\xc4\xf7T\xac\x97\x8b\x83W\x8d\xa3\xaf#\x9a'</t>
  </si>
  <si>
    <t>b'\xba&lt;"\xc5\xb4\x0f\x0e\x8d\x8f\xb0hW\xce\xa0\x0f\x86\x86Z\x19\xda\x950\xd3\x17/\x8b\xa1U\xc3\x1fF\x07'</t>
  </si>
  <si>
    <t>b'\xf6\xf2m\x05\x19\xbbA\x1b**\x13\xf3\xb6R2c\xc5l\xc0\x84\xbb2\xd7\xec\xbaK`8\x0c\xe8)\x05'</t>
  </si>
  <si>
    <t>b"h\xaf\xf2\xf1\xfb7\xc8\xd5u\t\xfa\xd5\xc1\x03o\xf3\xc7\x18\x91\x16I\xdb\x90A'\x07\xd9\xc7\x8cu5\xbd"</t>
  </si>
  <si>
    <t>b'{\x90\x82\xb7\x93W\xbf\x96\xb7s\x11\xd0\xe1\x1d\x16\xed&amp;\xb3\xcewO\xc6\xda\xa1\xd3\x9b_\x1e\x11\x802x'</t>
  </si>
  <si>
    <t>b'\xa8\\\x7f\xa7}x(a\x04\xdd5qH\xd1O\x8e\x12IP[\x9b\x1c\x90\x88i]\xdc\xc8\n\x07\xa7\xd9'</t>
  </si>
  <si>
    <t>b' 8\xc8\xb8\xbb\x81\x03\x00`\xf7(\xd7\xb5\xd4\xdd\x03\x11\xef\xcc\xc9;\xc9G\xc3\xbd\xb0=\xb3\xfao\xabs'</t>
  </si>
  <si>
    <t>b'\xb6H\x94\xe2\xf6^6VT\xa1\x04#\xdfY\xbf\xfem}\x1fsB\xa0bh\x1b\xc0\x95|\x9a\xd3\x9f\x91'</t>
  </si>
  <si>
    <t>b's;\xe5*\x8dZ\x89s\xf9\x81\xf6E\x1cW\xac\x91\xfa\xa2AThiwj\xd5%\xfb\x19w\x11\x1e\x11'</t>
  </si>
  <si>
    <t>b"U'VM\x05\x8f\x0e\x11\x1c\xea8+A\xb18q\xbbG\xf0\xb7\x1a\xc1Gn\xde\x12-\xbb\xba\xa0\x94\x15"</t>
  </si>
  <si>
    <t>b'\x80\xf8 \x86\xf6\xb9\xad\xee}\x92\x92f\x04C\xd55\xef\xa6\xfdr\xc5\x86\xc2\x8ch\xbd9w\xe4\xcb\x0c\x92'</t>
  </si>
  <si>
    <t>b'\x85\xe1B\x82\x82Z\xb4\x92\x16\t+\xd0\xa4\xef\xaf_\xeaCF\xb7\xd2\xeb\xe3\x80\x0f;B)\xf0#\x82\xc3'</t>
  </si>
  <si>
    <t>b'U\x1c+\x1d\xf4\xbf\x17\x93\xc8\xd2\xcc\xa5\xb7\xc9\x8c\x97\x01\x7f\x9b~\xd6\x9e\xe6\xf8\xc2\x0eQ\xdf\x8b\xa9\x9a0'</t>
  </si>
  <si>
    <t>b"'\x9a\xad\xdc\xd0\x01`\xaf\xb5\xe4+\xab\xae\x18 \xd5\xf4\xa7ve\x90\xbb\xd0|\xc4\x01`\x91\x82s\xf1\x0f"</t>
  </si>
  <si>
    <t>b'\xdbl\x9d\xbe\xb4K&lt;\xb5\xfa \x9d`\x03 \xfd\x1c\xa0\xa7B9\xc4\xb8\xd8\x95F\xd8:\xf5\x91W\xedp'</t>
  </si>
  <si>
    <t>b'\x1aL\xc3c^)\x05!\xd4\x9d5\xb7I\xf0\x8bb\r:\x15\xa83^&amp;\x80\x11\xae\x1b\xda1\xebU\x86'</t>
  </si>
  <si>
    <t>b'\x95\xeb|\xb3a\xc8\xb5xiQ\xc3J?\xd8z;\x17\x19\xe7\xea\xbc\x14\x86\xca\xaf\xb6\xec\x8a\xdd\x81\xec\xbe'</t>
  </si>
  <si>
    <t>b']G\xea\xe3\xa6{\xfb\xd1$\xcb\xe4AA\x95WMwU\xd9\xf9\xe5\xd5\xaf\xaf\x82&lt;\xc6\x94\xf3&amp;\xe9\xed'</t>
  </si>
  <si>
    <t>b'W\x89\x05\xfa\xeeg\xa0\x89%Mq\x90\x12\xda\xd7\xf3\xf1}\xffg\x98@\x82\xd1\xa7\xf9\x16\xa3\x83\xde;\xb0'</t>
  </si>
  <si>
    <t>b'=\r&lt;\x93\x85~\x89\x83w\x10M\x84a\xe7\x87g\\\x1bRh\xa1/9p`9\x10\xa6\x05U\xacl'</t>
  </si>
  <si>
    <t>b'us\xae\x98(\xc7\x12\xb6\x801\xe2\xc5B\rbi\xb9\xf6\xd7\xb5\xb95\xd0UoRns\xc5@\xea]'</t>
  </si>
  <si>
    <t>b'\xc4\xadl\xcc/F\x98\xcf\xdd\xbb\xfc\xc6\xf5}W\x88bF\xf9\xc6\x11\xdcc[\x0c\xb8\x16\x17\xfc\xc5qN'</t>
  </si>
  <si>
    <t>b"\x06\xd4^\xca_hx&lt;i\xe3\xe4[\x08L@\r\x0e\xb8t\xef\xb9'\x84\x1e\xa8\x9d\xc7\xf2\x94\xa7\x9bW"</t>
  </si>
  <si>
    <t>b'Q\x9b\xde\x1dC3\xef\xad\xf4\xc9\x19\xe3\xac\xb8\x10\x1d\x8a/"0d#\xa0\xe3\xa1\xa6\x98Wr\xce\xe1\x93'</t>
  </si>
  <si>
    <t>b'\xb7\x91\xdb\xdb\x87M\xe1\xce\xfb\xd5\x8b\xd6\xd6\x07\xcc\x8d\xf1\xd8\xe4A\xee\x8a/O\xe5\xe2\xd6\xaf\xac.\x9f\xb1'</t>
  </si>
  <si>
    <t>b'D\x93\xab\x9at\xce\x04\x9c\x16-\xf4\x0b\xa0\x8e\x94\x14`T\xe3\xee\xd7\x9f\x96\x99\xf12\x86\x97\x01 \xa6\x0f'</t>
  </si>
  <si>
    <t>b"My\x14\xe6pN7\x98\x19\xd1\xfd\x85\xe6F\xf4\x89\x0e\xbd\xe8\xb3\x92'C\xf4e\x8aP\\}\\\xba\xda"</t>
  </si>
  <si>
    <t>b'\x99H\xfb6\xb3\x17+s\xcd\xb6;:\xb3\x9b\xa6\x87\x95\xb5|\x02\x06\x07\x9a\xc6\xc6\xfa\xe5\xdc\xb1\x1f!\xb4'</t>
  </si>
  <si>
    <t>b'\xf6\xb2\xd2\xfb\xf8&lt;\xe1u\x07G\x13cCRu\x0bW\rF\x99\x9e\xc3\xed\x98Z\xd6\x12\xff\x91\xe3K\xf7'</t>
  </si>
  <si>
    <t>b'"\xd6TD_\x19\xf8\x0e\xe5\xf9\xd6Y@j\x9b\xf0d\xa8\x91|\x12\x15Q\xe3\xd5N:\xccW13\xce'</t>
  </si>
  <si>
    <t>b'\x04\xbd\xb6\x8e\x9es,\xb7\xdc\x90\xb2\xdd(bplZ\xfe\xddaA\xd5D\x16b\xb71\xdea\x9e\xcc\xce'</t>
  </si>
  <si>
    <t>b'q\xc3\xdf\xd5n\xf3\xba\x84\xc2\x9ctE\x8f\xcf\x87\xe6\xd8\x06\xbe\x97\xe6\xaa\x97^g\xba\xa0\x94\xa4\x90U\xe3'</t>
  </si>
  <si>
    <t>b"~\x95\x87\xcc'\xb0^q{f\x0f\x80-\xcf\x88\xf8\xda\x86\xfd\xe8U\xa9\xb4\x96\x1c\x91\xd9\xb2C&amp;\x08&lt;"</t>
  </si>
  <si>
    <t>b'\x9b\xa1\xbf\xa6\x05\x16\xccJf\xad\x10N5}\xaf\x0c\xb5\x84\x80\xdd\xc29\x94\xf6O\x9b\xb9{\x0e\x1a\xeb\xf9'</t>
  </si>
  <si>
    <t>b'\xb0\\\x91\xf0\xee"g\x84r\xd0\x16\x19S\x12\\W\xecJ\x83\x04\x19\x07=\xeb{\xbb\xa3\xcc\x80\x12\xb6h'</t>
  </si>
  <si>
    <t>b'\xc2r\xf3G\xc2\x03\xbc\x1duP[G\x92~\xa7\xee\x05\xfc^\x0b?\x1dI\xbe\xdaG\xecd\x16\x0b\xfa:'</t>
  </si>
  <si>
    <t>b'\x00\x1c\x84\x17\x84r\xcc|\x8eS\xfd\x9b\xbeg\x9f\xf1-\ndjs\xe0&lt;\x13%\x95\xbb\xe4\xcb\x19\xbd\xa2'</t>
  </si>
  <si>
    <t>b'\x16\xe1D\xa46\xe9\x82\xf2;|\x89\xfes\x8b\x98\xe2\x89\xac\xbdl\x1e_\xf9\xc8\xfb3\x8c\xde?*\xe2\x12'</t>
  </si>
  <si>
    <t>b'M\xcf\xf0aW4\xa3\x1d\xfaO\x1cg4\x06\x7f\xc3\x11;nR\xe2K\x03\xec\xb4\x9d\xea\x88\xef\xa9&amp;\xa4'</t>
  </si>
  <si>
    <t>b'\x9drW#\x14\xb8\xf1\xd4\x94\xfb\xc6\r\xfb\xb4\xe21\xba\x81\x91\xba\xc1\xd9\xa6\xdb\x99\xdd*\x1eg\xa1\xec_'</t>
  </si>
  <si>
    <t>b'\xe7\xb7FBz\xa5\x06\xe6*5\x02\xd1\xe4\x95\xb6\x0c;\x15d\x1a~x\x83\xa4\x1dA\x95\xc8\x98\xc6\x9f\x92'</t>
  </si>
  <si>
    <t>b'e\x9f,\xc8\xa6\x15O\xcas\xcf\x17~\xfe\xb0\xaf\xa8\x11\x93\t\x8eu\xe6\xe3\x9f\xc2L\xab\xcc/\x81\xd5\xed'</t>
  </si>
  <si>
    <t>b'\xaeIlg\xfa\x0e\xe95\x99\xfc\x9eh\xf8\xe4\xcb\xde\xa2\x1f\xb3\xdf[W&lt;\x9al\x99p\x8c\xd6\x02_\xa7'</t>
  </si>
  <si>
    <t>b'\x830\xb5Y\xd1\xea\xb8X?K\x0f\xa9\xcb\x9b\xa6\xac\x7fl\xd8\xb6\xbbDa\xdd%\xad\xe7\\\x93\x94\xa5\xb8'</t>
  </si>
  <si>
    <t>b'\x904\xce\x1e\xb8\x0f\t\xcc\xa3\x1aK\xc5_i\xaeP\x08\xe4\xe7j\x81IN`\xe8\xfdk\x88\x9c\xd5\xa3@'</t>
  </si>
  <si>
    <t>b'&gt;E\x1a%O\xca\x87\xa6\x83\xed\xd1mcj\xf3BH\xdc2\x1f\x19\xe1\x8b\xb1\x8dnV\xe8\xed\x9f\xd5\xd6'</t>
  </si>
  <si>
    <t>b'1\x83\xf5\xf5=\xa8\x85\xffH\x05P\x12\x94\x14\x06\xa6}\x08\tr\x86BG?\xfc\xf9\xa9\xfb\xaf0zL'</t>
  </si>
  <si>
    <t>b'\xa9p\xde$&lt;\xb4Ul:G\xca\x07\x94E\xad\xc4\xfa`A\xe3r&lt;t\x8c\r\xa0O$\x9b\xda\xaf\x0f'</t>
  </si>
  <si>
    <t>b'\xa5d\xc6K\xb4C\x05H\xba[\xea`:\xe8\x1f\xe9\xabP\xe9\xc2Z\x8bE\x8d\xda\x1b\x98*\x16\xbat\x9e'</t>
  </si>
  <si>
    <t>b"H|\xaf\xbb-wO\x86\xa7K\x96\xa1\xa9)\xc4\x86\x86\xcdP\xde\x03\xc4\x0c\xfc\x85\xd7\xc4'\xb5\xcf\xf1\x8d"</t>
  </si>
  <si>
    <t>b'\x16\xe7\xf1\xf7@\xf4f\x07;(59\xbbk \xcd\xe7\x86\xf2\xf1\xebb\x84\x8e\xe6\xf2A\xfa\xf5\xeb*\xfe'</t>
  </si>
  <si>
    <t>b's\xc5\tkv-n@D\xb0\xbe0Jb!q\x9a"p\xcfg{Q\xb8\xa3i\xfb\xfe\xfc\x83\xdb\xc6'</t>
  </si>
  <si>
    <t>b'=\x1a\x05\xa2\xf6v\xdffo\x852v\x12\x90M\x11\x17\xdbQ\xbcN\xf8\x0f\xfb!\x9f)I\xa8\x04\xbf\xd4'</t>
  </si>
  <si>
    <t>b'+\xb1\xd9g\xb6o\xa9\x93\x12\xdd\xcb\xf6\x11U\x98\xc7\xba5;\x1a\x87Nl{\x86\xa5}&lt;\xac3\t\x98'</t>
  </si>
  <si>
    <t>b"zL')w\x8d\xd3\xfd\xceT&gt;\nT\x1f\xf5\tJB\x93\xee&gt;k\x15}Y_\xb7$\x9d\xbc\xbb\xd7"</t>
  </si>
  <si>
    <t>b'\xee\x8d&amp;4\xc2(\xd4\xa0R\xdd$\x81\x89\xb7\xed/\xfc6E\xfew\x9f\x94\xbe\xdd\x1c\xea\x00j\xc0\x12\x12'</t>
  </si>
  <si>
    <t>b't\xc9\x05\x89am\xcd]\x93Xn\xba\xf6\x8a\xe2\xa5\x17\xac\x1ch\x86x\xe5\xa8\xa3\x80\x8e\xd1\xb5mZ\xcc'</t>
  </si>
  <si>
    <t>b'\x7f\xad\t%\xcf3\xa2MV\xffD\x9f"\x91\x821c\xc3)\xe4\xbe\xb3\xb7\xb6\xe4\xaf\td\x95\x16h\xed'</t>
  </si>
  <si>
    <t>b'fX\x0eRt\x8c/\x1b\x0fji\x17\xc1\xad\xe2\xbc\x83\xe4\x10\xfd&gt;\xa8\x1a\xb2\x86C\xe0\x80QxE\x94'</t>
  </si>
  <si>
    <t>b'=\x0b-\x14i\xfe\x1c\x0bk\xdfx~t\xac\xe9x\xf3\xb7\xa8\xb8y\x8e\x8a\xe9\xa6}\xa1 \r\xa7\xf1\xf7'</t>
  </si>
  <si>
    <t>b'\x90\xfb{\x17I\x1a|\x1d\xb2Wn\xa9x\xe8\xfdX\x87A\xd9\x18\xca\x1b\x00,YE\xc0\xc6A\xce\x06\xe4'</t>
  </si>
  <si>
    <t>b'"6:\xed\x06\xfa\xb9\xa4q\xd5(\xb6&lt;\xfd\xcb\xbc\xde\xe2SO\xa1~\x97\xa0#U;\xdf.\x91\xaf\xdb'</t>
  </si>
  <si>
    <t>b'R\x17\xc4\x18\x04[\x1b\xa0_\xd3uP.ccuM\xbe\xd2\xee\xca\xd7%/\\0Z\xc0w\xc89\xe5'</t>
  </si>
  <si>
    <t>b'\x97\x1d\x10\x8aE\xd5G\x98a\xd5\x8f\xcal\x9d\x9b\xc3\x01\x18\x8ex\x90\x91\xce\xc41\xdc\x05Kg\x12n\x8d'</t>
  </si>
  <si>
    <t>b"\x0b'0\xc3\x96.{w,\xec7}\x97\x9e\xcb\x99\x8a\x8c\x88\x0e\xe9\xe4t\xa4O\xc24\xbd\x1f\x15\xa8+"</t>
  </si>
  <si>
    <t>b"dvJW\x0c\x8e\xef\xd4\x8b\xec\x98A\x1fd\xa0\xea\xfc\xed\x06\xfe'\xb4|\xc3\xd7\x06o\xf5}\x16\x98\x19"</t>
  </si>
  <si>
    <t>b'&lt;\x8d6q\x96\x83\xe6\xff":\x8e/\r\xcb\x0b#\x91\x05\xf7\xb6\x7f4\x9d\xff\xe9\x86\xa9~d\xdf\xf0\xb6'</t>
  </si>
  <si>
    <t>b'@\xbc\x97\xff\x93UlzT\xc3\xbfP\x17\xb6\xdb\x9dL\x1d\xed\x0f\xf7\x94\xea\xc1\xdf\xa8\x07\xac\xb6\xa4jL'</t>
  </si>
  <si>
    <t>b'\xa4}Zn\xa2r\x16\xdb\x00\x9e\x7fS\x8d_\x90M\xfc\xff\x98K\x1f\xdc\x04\\\xda:a\xa1\xa3Y\x9d\x89'</t>
  </si>
  <si>
    <t>b'f\xdf5\x87\xa8nqvY\xd12OQ\xd0\x10\xb1y\xfd\xd6\x1d\x11\xff\xcb\xb2\xfb\x9c\xb5\xff\x1b\xa8\xa5%'</t>
  </si>
  <si>
    <t>b'\x19:4\xd4\xd1\xe0\xd7_\xea\xbb\xd3\xd0r9\xbf\xddY+\xf9\x8f\xfc\x8fG\xeb\x80\x8c\nxF\xe2d\x7f'</t>
  </si>
  <si>
    <t>b'U\xa2\xd9\x11a\x96w\xfb\x99V\xa7\x0e\xdb\x08L\xca`\xe5\x11\x90\xf7\x00l\x8c\xbc\x7f5\x1dI|\x7f\x7f'</t>
  </si>
  <si>
    <t>b'$z\x92x\xec\x14\xca\xb6\x9e\xc2p\x81Z\xb8H\xf5\xd4\xd2\xd6\x1a\xab`\xdc\xabA\xa0&gt;=}\x85\x1ff'</t>
  </si>
  <si>
    <t>b'4\xfc\xa0AY\x98\x03\xac1IKc\xa1O!\x97\xd6\xcd\xb4\xdf}`\xbf2\x97\xaa}[$=\xdb\x7f'</t>
  </si>
  <si>
    <t>b"\x14\x944'j\xfe\xba\xd4\t\xc6r\xa4W\xc3\x18\xa8\x8f\x9f{\xa6\x04\x14\x1d5\xdc\xf2\x83T4&gt;b\xb5"</t>
  </si>
  <si>
    <t>b"LX\xd2U\x87\x08\x90\x05\x9a\xbf\xa1,m})e\xeat)k\xc4\xbcy\x13Q\x19\xdej\xef'k\xd3"</t>
  </si>
  <si>
    <t>b"\xeai\x1e'\xabkF\x81\x95S\x1dj3V\x84\xe0\x06\x9cE\x18K\xa5H\x86\x1e\xcd\xb0m\x14\xe0\xe2\xd9"</t>
  </si>
  <si>
    <t>b'\x91\x1d\xff;\xf6\x8cl\xa73\xfb\x8d\xcd\xdc\x9bD\xe3\x15t\n.\xaa}\x08\x02P\x0b9x\x8cq\xd4\x15'</t>
  </si>
  <si>
    <t>b'\xcb\x06\x95D\xa4\xac]\x00\x86\x84\xd1\xf58\x95\xb8\xba\x0b\x8a\xa1c/\xf3\xf2\x10S\xff\xde\x90\xa03\x17\xb6'</t>
  </si>
  <si>
    <t>b'EFe\xeaL\xa0\xc7\x0f\x0c\x86\x19+\xf4@\xe5\x8cO\x17\x05{\xe9\xdd\x80LL\xbb\xc2\xba\x1eI\xde\x9a'</t>
  </si>
  <si>
    <t>b'\xe2W1\xf4\x9c\xd5\n\\\x93\x1c\xf3\xa9\xd4\xdb\x1b\xc8m\x80\xf3&gt;-\xefi,\xdf-\x8c\x0c\xb5*[\xbf'</t>
  </si>
  <si>
    <t>b'|\xcd\x9c~\xd9 \xc5\xbc\xd7\xb2\xf4H\xd8\x8ba\x82ed!\xd8\xc4\xc0\xe2\xf8\x90?\x03\xfe\xb3?B\x93'</t>
  </si>
  <si>
    <t>b'\x17\xff\xcel\x04\xd2\xb4\xf382\xc3\xfe\xf2-\x9b\xb0\x99\x0c}O\xc3\x16\xf2\x98\xa7\xafS\xbaY\xf3\x94{'</t>
  </si>
  <si>
    <t>b'\x90\x04aM\xe84\x1d;S\xed\x10\xe2\xe1\xda!\xa1\x1d\x0b\xdd\x9f\x1d\xa90\xc0\x95Ms~E\x14jn'</t>
  </si>
  <si>
    <t>b";H\x8b\xd6\xbcB\xef\xc27d\x84'\xb7xA\xbe\xe4\x06\x0f\x02\xda\x15^\xe8o\x87\xac\\\x18^V\xfc"</t>
  </si>
  <si>
    <t>b'xw\xab\xe8Xi+[Euhy\xf7\xf2\xa1\x10F)\xb1/\x9f\x9c\xd5\\\x99\xb9dc\xdcZi8'</t>
  </si>
  <si>
    <t>b'\xeb\xbc\x10\xa9\xa5\x9a\xef\x1e\x1b\x8c\x11\xeeh\xd6\xc6\xa6\xc8!\xa2&amp;:0\x02#9\x85T\xf9|\xa4a\x9d'</t>
  </si>
  <si>
    <t>b'\xee\tA\xe0\xa4\xc8\xe2\xa5v\x1f\xb7a}\xcc\x8a\x85+\xc2\xc05\xdd\xb3\xa7\xcf&gt;\x17OnPm\x15u'</t>
  </si>
  <si>
    <t>b'\xab0\x95/u\xe8\xddN\x9f\x1e- \x90NL.F\x95a\xe9\xec\x10R\x02"\xe72\x84\xa4\x82R:'</t>
  </si>
  <si>
    <t>b"\xbe\x14\xbd\xe3\xe1\xa3\xac\xa5\xbf\x83\xc4t%v\xcd]\x0b\xbb#\xf46\xf5'\x8d\xb3Z\xf1\xa2\x08\xe8\xd2\x7f"</t>
  </si>
  <si>
    <t>b"\x15\xbe\\X\xa1\x8b\x05\xf6\xcb\x0e|.\x9d\xdfP\xc4'f\x03rr9\x8b\x82\xfe\x98?\xd06\x1d)\x10"</t>
  </si>
  <si>
    <t>b'S\x80\x0c7wK\x1e\x98\x90\x814E\\4-\x82He$\x1cg\x19\x11\xd3%\x08\xa0{\x0e%\\\xdd'</t>
  </si>
  <si>
    <t>b')\xfe\x82z2\xfe\x7f\x8c\xc2e\xc3@L\xcaf\xe3\xfc7t\xe0\xc0A\xfay\xd9\xed\x08Y\x02\xa9\x06\xd0'</t>
  </si>
  <si>
    <t>b'\xad\xcb\xf4\x94~\xd2V\x1b\xf9\xcc\x12\\\xad\xa5\xd66\x9a\x00?\x1f\x1d\x84\x86\xf0*\x97\x06\x84\x95\x98\x9ev'</t>
  </si>
  <si>
    <t>b'\xee\xbf\x87}\xa7\x80&lt;\x80AGWnF\x9eM\x930,\r\njT\xc6U\xc7yyl\xe8\x88F`'</t>
  </si>
  <si>
    <t>b'\xa6Ie\xfa\x0e\x02\x86`\xde\n\xfcC$X\xca\x11\xfb\x82\x81gkw\x8f\x93q\xd6\xd4=\xd1\x17\x89S'</t>
  </si>
  <si>
    <t>b'c\xb18UF\xcc\xe6\xde_\xd6\xf0W\xb1\n\xe8OC\xf3\xee\x7f^-\x05\xb9\xaaRaX\x83\x05\x1e\xb2'</t>
  </si>
  <si>
    <t>b'\xc4Q\x08\xa6`ck\xd5\xa3\x85\x95\xfdy\x9by\r\xce\xf4\x97\x14d\xfa\xd6\xb7\xbf\xaa\xd8\x97\xd6\r\x9be'</t>
  </si>
  <si>
    <t>b'\xfd\nC\xe3\x01hR\xa7|4QW&amp;\x9b\x96\xfc\xcbh\xa0x\xfd\x0f\x1fH\x00\xa0\xf5\x1f\xe8S1\x92'</t>
  </si>
  <si>
    <t>b'S@\xebPP~\xa9\x13\x8cL`p\x0b2\xf8\n\xad\xfc\xdf\xdb\x9a\x81O\x19\xfd\x99\x06\x99=\xe1\x04W'</t>
  </si>
  <si>
    <t>b'\t\xe3\xe1\xcd\xbc?\xb4&lt;\x042\xe2Z\xa8\x93\x82\xd1\xe1\xa0\xf4\x03P\x1d\x16\xd8\xa3\xad\xd0\xcf\x83\x18\xc6\xd5'</t>
  </si>
  <si>
    <t>b'\xe3yCF2\xabh{bO\xe2\xd5\xb3\xa3U\x11\xfe\x8e\xf3\xe2\x07PPH6&lt;Z\x11\xa1^\xb2\x14'</t>
  </si>
  <si>
    <t>b'\xa7\xab[\x1f\xf0G\x1e\x9fa\xa4\x01\xd5\xa60\xc0\xa2 \x81\x1b\x89\xbbK\xce\xcc\x8b\x03f\x8f\x10\x9c\xe1\xd0'</t>
  </si>
  <si>
    <t>b'5\x17\xa7\xe3\xab\xee\x1c\x98\xca\x0f\xdf=o\xc9\xbd\x11\x07\r\xf9\xa13\xc9\xb5|G\xf7\x1b\xbb\xc6\xc0\x7f\xad'</t>
  </si>
  <si>
    <t>b'\x81m\x13sg\xb2#\xf7\xd1\xf0\x04V\xc5\x93y\x9e\x95\xb9\x07\xb0\xc6\x02\xe7\xda\x1c-\xd5\xf3\xb2\x88od'</t>
  </si>
  <si>
    <t>b'p\xdc\xec\x8aC\x10Xx \xbfs\x0e\xd7\xb1~l\xe4\xfe\xce-8\xd1\xf7\'\xc6^V\x02[]"Y'</t>
  </si>
  <si>
    <t>b'L2zX\xa0&amp;\x1b\x08\x00\x0b\xf6\x92\x93Z(\x99\x9b\x83;/j\xa9\x00\x9aI\xc4B\x07\x95\xaa\xd2\xaf'</t>
  </si>
  <si>
    <t>b"t '\xdb\x0cC#z\x98\r\x00Z\x15c#\xce\x93@\rG\xec\xb1E\xcd&gt;mSF\xacd\x14\xe6"</t>
  </si>
  <si>
    <t>b'.\x1f\xea8\x0c\x80\x8c\x83\xc5b8L\t\x95|\x0f\xb8Z\\k\xbe\x80xS?0\xac\xb6\xcc&lt;M\x7f'</t>
  </si>
  <si>
    <t>b'\xda\xbe\xde\xbd$\xcb:s\xfa\x1d\xd5\xe9\xbe\x7fvnJ\xb1S:\xf4\xf2\xfd3\xa6j\x03,\xc2\x99Rc'</t>
  </si>
  <si>
    <t>b'\xb4\xeeC\xe6\xc4\xeb\x0c\r\xcc\xe7\xca\xa3R\x88\xcd \xf5\x88\x02\xcc\xb3\x9bs\x90\x8e\x07\xcf\xd8\xbd\xe5@9'</t>
  </si>
  <si>
    <t>b'\xdb\xec\xb7\xbf\xf3\x80\xce\x87\xef\xb9\xd0\xe7\nFit~\xac\x19\x18\x88-G\xd4Ra\x14w\xdf\xf6\xe5\x9d'</t>
  </si>
  <si>
    <t>b'\x99B\xf0\xe6\xa8^\x9a\xb9\xbeQg\xd6+\x98FJs\xef\xea\x8e=Po\xd6\x1f\xef\xc3\x9a\x19\xb1z\xfe'</t>
  </si>
  <si>
    <t>b'3\xf6\xc4\x05\x83\xa1\xf1\xad\xd5\xafB\xf9\xd0\xf6\x17,\xc4\x15\x0c\x91\xa5\xbc\xa7w\xd5\x18\xf9\xfa\x9dp\xe8\x03'</t>
  </si>
  <si>
    <t>b'\xbf\xc1\xe7|\xf1X\x80\xd4\x01\xf6\xebppt\xdbA\x90\xfd:\xf9\xdfN\x817\xce\x03\x97\xa6\x96*\x00&amp;'</t>
  </si>
  <si>
    <t>b'v\xcd\xcb,2\xd8[\x82\xa4\x88\x87\xc2\xb0\x90\xc3k\xff\x83\xc3m\xe9\x00\x0e&gt;\x04\xcaU\x1c\xd8Gq\x97'</t>
  </si>
  <si>
    <t>b'7&lt;\x96\x90\xe2\xf0\x8b\xa5FE\xb7\xb9\xd4\xb5kf\x80~\xc3\xcb\x19O\x99\x05\xa4(\x0e]\xec\x86\x02\xa1'</t>
  </si>
  <si>
    <t>b'\x93\x8a\xa4\xce\xbeI\xa0hX,\x00\x89;\xe1\xca\xb8\xb8\xdc\x9c=:K\x0e\xac\xfb\xc2\xa5P\x94e\n\xdf'</t>
  </si>
  <si>
    <t>b'!\xa2\x06H\x15\xea\x0e\x07=\x1f\x0e\xaeM\x8c\x15\xa2\xb0j\x061\xa2\x13\xe4\xc7 /\xcd5\xba\x8d\xc4\xb0'</t>
  </si>
  <si>
    <t>b'&amp;\xa2gq\xc8\xcb\xe5g\xb9\x0e\x8f\xa8B\x0f\x1e\xfc\xde\xf9\xb8\xc3|MF&amp;.Rc`\x15M\xe8\xc4'</t>
  </si>
  <si>
    <t>b'9:\xab\x03s\x876\xf8K\x0cx[\x9d\x10!\x18C\x07T*\x04\xfa\x86\xd0\x12\x82_\xcd\x81\xb6\t\xcd'</t>
  </si>
  <si>
    <t>b'\x8f\xacg\x7f\xc8\xac\xafr\x96\x19+\x9e\x9dry\x16\x02\xac\xd8\x1a\xa3\x98g\x93\r\xd6\xf5\xf7V\xdao\x1c'</t>
  </si>
  <si>
    <t>b"\x12Jn\xf7\xb0\xa34\x06\x9cU\x9a&lt;0.\x87\xb0:\x9a\x821\xcd'7Y\x0b\x9b\x95nIl\x84\xfd"</t>
  </si>
  <si>
    <t>b'\xae\xd6\x1d\xd7&lt;~\xcaXS\x0eS\xf2\xc5\xd1kG\x96\xc0\r\x19\xfc\xef\xa4\xac\xd0\xde\xd1C\xb8.\xb9\xee'</t>
  </si>
  <si>
    <t>b"E\x0b\x85I\x87;\xb9\xc5\xdd\xbdP\xe6\xad\xc0\x86uQ\xe9\xb4\xb4'Z\x9e\x9b\x84\xedWcC\xe8\x11\xa4"</t>
  </si>
  <si>
    <t>b'g\x93\x9fk\x1f\xed\xdf\xc0\xcbg\xf8%\xe3\xbf\xb5\xa1f}\x8fV\xd7S\xf8\xaf\xce\x12\xdf\x04~\xce\xee\xf1'</t>
  </si>
  <si>
    <t>b'\xa6{7\xa7#j=K\x08\x15\xef\x02r\x05j\x9b\xf6\r\xbf\xd3\x12s\x0c\xc6\x9dv\xe8b\xc0\xab\xdc!'</t>
  </si>
  <si>
    <t>b'\x99\xd8\xefU:z\xc7\xe0\x8f\x85\xd1o\xc4n\x17\xac\xfe\xcb\x00\x93\xa3wdcP\x10\xad\xa84\x9b"#'</t>
  </si>
  <si>
    <t>b'A\xf1biA\x99\xc3\x8dd\xd6\xa2\xf3\xfe\x1b\xa9\x82l\xe8{\xd7\x00M\x13H\xda\xde\x97\xb6&lt;\xb2\x89\xb6'</t>
  </si>
  <si>
    <t>b'Q\xcc\xdct\xc5\xe3b\x9d\xa0/\x1e\x89\\\x94\x97J\xd5\xf4D\x80\xc6\xf1\x1a\xcd#\xf0\xef\x1e\x8c\x03\x1fZ'</t>
  </si>
  <si>
    <t>b'c\x98\xc7$.5\x99* \x9a\xc4\x90{\xd3\xcd\xcb\x06\x13\x90e\xa5\xee~\xcd\xd8\x9c\x1bU\xf5\xf5p6'</t>
  </si>
  <si>
    <t>b'\xca\xae\xce\x11\x9c\xa4\x82\xc4H\xe4\x9a\x8cM\xe0J\t\xcd\x19B\x04\x92\xb1\xc7\x9d\x03\x8d\xa0-\xb5\x14"r'</t>
  </si>
  <si>
    <t>b'\x8a\x9f\x8dZE\xf6\xc8\xa7\x0f=\xe2\x97\x9f\x18\x91\xc7\xb7\xc2\x1f\x9f\xf4\x8c\xb1\xe1p]\xdc\xd7_p\x01\x8e'</t>
  </si>
  <si>
    <t>b'\xa4o+\xd6$`\xe9\x9b\x8d\x1d\x05\xe5|\x0f\xc0S\xe5\xcf\xc5\x9a\xa0\xa3\x9bB\xe3y+\x9a\x82\x80c\xfa'</t>
  </si>
  <si>
    <t>b'\x15\xd6\xa9\xae\x8cXL\xfa\x98\x11y\xcf\x9e\x03U\x18\x88\x184\x01\xbe\xb1\xf5\x0c&amp;\x96\x8a\xe7\x07\x1e\xc4f'</t>
  </si>
  <si>
    <t>b'\x9c.\x03\x10\xf2\x07~\x1c\x00\xe12\x1d\xc9\x10r\x12^\xd4\xbd\x8f\xa2,*Eau3a\x9d9\xcf\xd9'</t>
  </si>
  <si>
    <t>b'}(\x89k\x8fh\xaf\xbf\xbbXY-\x9c\xfa\x86\x02}\xbb\xe3\xd2\x1b\x1b\xf2Ol\xf0\xac\xc6\x840o\x03'</t>
  </si>
  <si>
    <t>b'\x8f%\xb5\x0f\xfe\t\x9c\xaeC\xdc\x9f4?U\x94H\x8ap@\x9c\x84\xbed\xd5\x8c\xc4\xd3\xa8F\x99q#'</t>
  </si>
  <si>
    <t>b' $*\xf1i\x9bs\t\xbc\xbe\x92\xea\xac\x11\x0f\x87\x80\x0e1\xa2\x1eb\xcbw\xbfx\x92e\xff%\xc7C'</t>
  </si>
  <si>
    <t>b'Q#\xf3\xf6\xcbA\xb7\x0bC\x13\xde\xe6\xc09\xd8\x1c\xae\xc3\x14v!\x89\x82-\x85\x9d\\\xe0\xc1\xfdL\xc2'</t>
  </si>
  <si>
    <t>b'ru\x88}\x13\xce\x06E*\xf4\x8f\xd1\xc61\t/\xb7i~lXp&lt;\x81\x97\xac\xfa\xf4\xa8t\xad\xa0'</t>
  </si>
  <si>
    <t>b'=\xe4d\x1fkwZF\xad|\x0f\xcf\x8cx\x8f\t\x8e_i`\x98\xeb\x88\x7f\xa9\xb9\xd3G\xd3N&lt;\xff'</t>
  </si>
  <si>
    <t>b'\x9fV\x97\xd8\xad\x1b\xd2(\xf39d\x8d\xc5L\x06&gt;\xe1\xad\xfd\xb0lE1\xa7\x9e?)\xbc\xc9n}\x0f'</t>
  </si>
  <si>
    <t>b'\xf8\x04*\xc2"\x91\xd1g\xf1E\xc1= [\xe4\x9c\xe5\xec\x16c\x8f\x9b\xbbK\xc3\x93\x88\x1e(s\x1aO'</t>
  </si>
  <si>
    <t>b'&gt;\xeb&lt;"~\x1aG\xb2\x94\xb2a\xef\xe7\xea4\x8bg\x0615L\x9c\x1b\xcb\xd6f\'\r\x8cF\x0e5'</t>
  </si>
  <si>
    <t>b'B\x944\x83\xb4\xee\x9c(\x0b\x04\xa6\x9b\x8cYJ\xa2\n5\x9b\x8e\x0c\xe0K-\xb0*\x9c^\x82b\x1c\xe8'</t>
  </si>
  <si>
    <t>b'\xafk\xbc\xd7\xd9\xb6\xde\x83r\xea\x970\xea\x9f\xca\xc2\xf5\xdeR\xe2\xcfA\xc0\xaaUM\x99\xe7\x11\xac\xd4\x0e'</t>
  </si>
  <si>
    <t>b'R\xb3A)\xaeA\xaay\xd7P7\x07&amp;w\xa0\x00\xcf*\x90\xd20\xadq\xb8\xd7\xc4l\x135\x9f\xdc\x07'</t>
  </si>
  <si>
    <t>b'\xd5\xfaM\xaa\x1cfum\xb1\xf6.\xe6,!U\x03\xa2dP\x0f__3\xe0\x19\x0f\xcd\xc4\x1e0bx'</t>
  </si>
  <si>
    <t>b"'\xe4 g\x9d3\xc1v7:\x06\r!'g\x90\xaeu*\xeeF\x9c\xfa\xef\xd0\x15x\xae\x08^F\xd5"</t>
  </si>
  <si>
    <t>b'V\xaf\x95\x9d\xd3\xbd\xc9\xad\xa17\xec\xd5\xf6\x10~w\x14\xe1$\x84\xc3\xf2\xa2\xdc\x98\xd3\xc6\xb5kU"\xa3'</t>
  </si>
  <si>
    <t>b'"\xfa \x85E4PL){k\x19,D\x91\xbc\xfa\x1d\x97\xdf/rQ\xe0~\x10\xfa=\x93\xaa&amp;H'</t>
  </si>
  <si>
    <t>b'\xaef\xab\xcd\xac!#\xcf\xbb\xc9\xe2\xcf\x0b\xd9\xfa\xa4\xc2\xd6~\x8e\xee}\xd7\x1a\x82\x9c\x0e&lt;=\xe3\x18\x87'</t>
  </si>
  <si>
    <t>b'\xd9\x94\t\xf1O\xeeNup\xd2`p\x9a\xa2\x84xD V\xb3\x05\xff\x8e\xb4\xf6\x18D\x9f\xb4h\xf3A'</t>
  </si>
  <si>
    <t>b'\x83\xe5W\xb1\xaew\x04\xdfy_\xca\nf0\xaa\xa1%w\x08c\xa2\x7fJFL\xfb\xfb])(P\xab'</t>
  </si>
  <si>
    <t>b'1\xd2I\x04\xa3\xdf2\xea\xff\x07\xedy\xc86\x91\xb1\x03\x88\xdd\xc5\x84\xb5\x85\xe3\x11\x05K/Q\xd6\xa5\x83'</t>
  </si>
  <si>
    <t>b'\x8fpb\x1ef3\xfc\xe0\r\xa5\x8ee\xab8o\x12RB\x1b\xa1zF{\xa9\x88{\xd7\xdeN\xa0\xca1'</t>
  </si>
  <si>
    <t>b'\xc5_\xd8\x87\x91\xa6\x15\xe5\xf5w\xa8\t\xfa\xcaP\x97{\xa18IK):\x0f\xc1MM\xbe\xc7IH\xff'</t>
  </si>
  <si>
    <t>b'a\xa7\xe6\xe90\xeb\x13v\x84\xcbM\xcc\x84\xcf\xb3\xa0\xe4\xe1kBk4\xc4P\xddX\xf3W\x97x.\x9e'</t>
  </si>
  <si>
    <t>b'\xd1\xddpk\xe1\xd3\x89\x98\xd1dI\xf5\xc4\xe2\xde\x87\xb9\xbba{\\\xb3\xac\xef6\x89&lt;\x9fYd\xdb\xf6'</t>
  </si>
  <si>
    <t>b'*\x94\x0c\xf1wh\x13\xfc\x06\xf6\xfb\xe6\xdd1\x973\xb4\x01.\x844\x0e\x02\xc5{\xbf\x04\xa6F\x14\x1dc'</t>
  </si>
  <si>
    <t>b'\xcf\x13\x92\xdfG)\xb8\xc1\xe0\x17 \xb0\x7f\xdb\xce\xb8M\xdd\x1a\\\xc9ME\xff4\xe2\xe7\xfcX\xd08p'</t>
  </si>
  <si>
    <t>b'\xbb\n\xf3WI\xc7\xe2\x81\xc7m9\xd5\xa2\xd2K\xd4\x89\xda\xd3\xe7\x1d\x9eJH6\xceeaV/]\x93'</t>
  </si>
  <si>
    <t>b'\x90Y\x0e\xbdH\x05\rS\xd6M\x8a\x9d\xff\x9b\x99\xab\xb0\xef\x01\x06B\xa6\xdc\x0b4i\x94vO\x14\xd6\xc0'</t>
  </si>
  <si>
    <t>b'\x1e\x80\xaa\xd3\x95\x90\xf1\xdc\xb5\x9c\xde&lt;k=\xda\xea\xc8z7HS\x19*r\xa1\xd2\x15E\xb9\xfev\\'</t>
  </si>
  <si>
    <t>b'\x0b\xa5l\xd1\xc9\x93-\x10^`\xe0\xe0\xe5\xa1\xb0\xd5\xa3o\xafJ\x8dW*6.\xd0\xbbK\xbdZO\xbb'</t>
  </si>
  <si>
    <t>b'\xe0DW\xa5\xb7-\x1b\xfc\x949\x89\x00]\x03\x8e%\x1e\x9c+\x7f^8H\xe2\xde\xbfJ\x88\xc1#.\n'</t>
  </si>
  <si>
    <t>b'R"I\xec\xd3\x07b\xf4=\xa7\x93\xbf\xfe3\x892%\x9c\xaew\x9a*(3\x98\xf8\xd6\xd3T\xb6FI'</t>
  </si>
  <si>
    <t>b'\x8a\x10\xdf\xc0\x8a\xdc\x91\xc6\x94x\xe4\xd2\xee\xa9N\xbe{~\xf5\xb8\x08\xe8\xa4\x08\xa8p\xe6\x05\xed&lt;\x99O'</t>
  </si>
  <si>
    <t>b'\x8a\n#VD\xc4\xce\xf8K\x17\x0b\x04\x86$u\xa2p\xd7\x18\xc0\xb0\xa5\x07\xa4Q\x01(\x0f\x18o\x90o'</t>
  </si>
  <si>
    <t>b"\xb5\xde\x9d\x18\x9e`\x15\xff='\xfd\x06\xafv\xf1\x1c(\xf1n\xc8\xaa\x14\xa0\x96s\t\xba1\xc6u\r\x9d"</t>
  </si>
  <si>
    <t>b'h\x07\xebQ]\x83\x84\x99\x80\x98\x81\xb8\x07K\xed\xf2\xd3\xb8&gt;\x9c-#\xce\xf9[\x0f2\x10k\x8c\xe7\xe8'</t>
  </si>
  <si>
    <t>b'\x9bl&amp;\x96\xbd\xaa\xa6\x97\xf4\xf6\x1f\xe1\xe5\x9e\x8d\xf6\xc4mK\xc5\x12\xef\x07\xf1v\x11\xc3\xb2_\x8e\xf5\x8f'</t>
  </si>
  <si>
    <t>b'\xd7\xd1&lt;\x88\xd3VK\xea\x12\x1e\x1aa\xcb\xe9\x94\t\xb2\xd1(\xbcgG\xeb\xb7\x91\\\x908=\xba\xd7\x81'</t>
  </si>
  <si>
    <t>b'\xf4\\B\x9b\x8e\x9fn\x9dL\xd2K^bB\xf0\x9e!%\x0f\x8f8\x1ae\x06f\xc0\x03\xa4\xd9\x01\xe5*'</t>
  </si>
  <si>
    <t>b'&amp;\xad\xdb\xbf8fXG\xfa\x08\xff\x8a\x98\xa3o\x8b\x1f\x807\xe7\xdd\x12r\x8b(\xc0vb\xa5\x08\xa6N'</t>
  </si>
  <si>
    <t>b'C\x0fB\xc5&gt;\xb5\x80\xea\xdb\x82\x17Q4s&gt;\x1c\x8e\x01\x07E\x1cfi_\xb8\xe1:\x84SK7\xae'</t>
  </si>
  <si>
    <t>b'\xa1\xbbL\x98\xe2`\xb5e\xa9u\x8eTzog`\xb6\xbb\xb5Lw\x85V\x92\x94kDc\xdc7\xb4\x98'</t>
  </si>
  <si>
    <t>b"\x85|T\xdf\xc7\xeb\xb6R\xb9\x07u\x0b8|'\xd8PF\xdf\xcc}\xe3br\xb9\xff\x9c\xa4WC\xf1\xcf"</t>
  </si>
  <si>
    <t>b'\xb9\x9b\xce&lt;\xf6\xde\x06e\rK\xc1\xd3\xa6\xa6\x0b&lt;N:\xe5P\xf6p\x9bC\xea\t\x83k\x0ej\xea\xf0'</t>
  </si>
  <si>
    <t>b'\x7f\xf4\xc7\\p\xd5y\xb6#y,w&lt;\xe4\xe4\xf8V\xe3\x0b\x97\x03\\EY\x92}M$\x83\x0bEm'</t>
  </si>
  <si>
    <t>b'\x93\xb5\xa4-C\x81\x8a\xcb\xcav\xc5\t\x8e\xbc\n\xf45A\xa7\xb5k%\xb6J\x85?Z&amp;\xec\x0c\x19E'</t>
  </si>
  <si>
    <t>b"\xf3'=\x88\xcb\x1a\xd3\x81\xa0\xa3T\xbe\xd8\xf1\x08\xf7_\xcd\xce\x84\xb8F\xea\x8c\x8d1N\x16\x808c;"</t>
  </si>
  <si>
    <t>b')\x8c\xeaY\xcaZ\xef\x97[\x91\xec\xc1o?)L\xf6T\xbcq\x05\x8a\x84\xcf\xd9\xfc\xc2\xda\xed@:\x9f'</t>
  </si>
  <si>
    <t>b'\x9f\x0b/~k\x14\xf8\xc3S\xc3c+\xfb\xd1\xd3\x16\xd6s\x10\xff\x10\xce7\x05\xe8SL\xc2\xaf\xd6\xb09'</t>
  </si>
  <si>
    <t>b'\xd6a\xfa\xfd\x94y\xec0t/\xc5iHzMIs\x01\x0cX2\xa8K_\xa6\x03\x8c\xaa\xcf\x93Y7'</t>
  </si>
  <si>
    <t>b'\xbc\x06\x1bM\xb3\x8b\'af\xcf3\x7fC\xe6\xc9\x00G\x1ei\xe8\xc2s"Ek\xc4&amp;\xbbnB\xf9!'</t>
  </si>
  <si>
    <t>b'\xe8=G\xa5\xff:\xe55o\x89M\xbc5o&amp;Q\x9b\x1d\xb1$\x1f\xf7\xabc\xbfR\xc7\xdb\rJ&gt;r'</t>
  </si>
  <si>
    <t>b'\x84\xdd\x17\xb8&gt;\xfe\xbb\xfa\xee\xe3\xde\xfc\xf3\x19X\x96\xd3&amp;\xa1\x10\x12$\xcc\x95eo\xf5\xaf\tJlE'</t>
  </si>
  <si>
    <t>b'7\xf7\xa4\xbcS\x1a\xd7\xba\xfe\xe4\x1e:\xa9\t\xc4y\xf7k\ts\x8a\x8cO\x9aP\xe7\x02\xd4f8r\xec'</t>
  </si>
  <si>
    <t>b'l~`\xda\x1e\xb2c\xab\xf9.3Hj\xb4k\x1eS\x1el\xfe\xd6\x9f\xb1i\xe2\x1d\x03J\x06\xd0\xb6\xa3'</t>
  </si>
  <si>
    <t>b'7\xb4\x02y$\x04\xddN\x9e1\xbd\xb4v\xfe8\xd7|\x1e\x05\xb6N\xf1\xc2:\xc7:Gv\x19\r\xe5b'</t>
  </si>
  <si>
    <t>b'\xb2"\x06\xe0\x99g[\x00\xc3\x13\x18\t\t\xd3\x9e\xbd\x08u\xfd\xf2&lt;\x19\xe2v\xfe5\xb2\xe6\xd8\x12f\x9d'</t>
  </si>
  <si>
    <t>b'tMv\x1f\xc5\x19\xd4\xa62\xc6\x023\x86\xdc\xf5\xb7\x15\xd3\xb5\xb6\xea\xcc*#4\xaa\x1a7\xdf@Zr'</t>
  </si>
  <si>
    <t>b'\xae\xd6\xdb\xc4_p\n\x82\xf8\x91|/\xb0~\xc3U*`\xee\x92\x9f\xa8fK\xfc\x0c\xb7\x12:\xea\x86\xaa'</t>
  </si>
  <si>
    <t>b'P\x05%\x95&lt;{\x86\xe3)\xdb\xdf|e\xcc\x8d\xadm^\xde\x1b\xc1\xab\x13\xe5\xe3X\xec&gt;\xf2&gt;\xb1_'</t>
  </si>
  <si>
    <t>b'J\x8e%.\xfa\xcc\x07xl\x98\rVW\x89&amp;\xf8\xdaG\xb5\x81zX\x15\x8c\x9c\x9a\xe1)qJ\xd1\xad'</t>
  </si>
  <si>
    <t>b'0\x85F!\x8f\x86\xcc(c?\x93\xeeon\x9bF=\r\xedG\xef\xc8\x7fa6p\xbe\x96\xeb\xfa\x06\x92'</t>
  </si>
  <si>
    <t>b'\xc9\x04\x8e\xae\x7f\xe4q\x14F\x8dz\xae\x0b\x0bg\x8d\x0cA\x15\xac\xfaS \xda\xb2\x03k\x92\x06\xd3\x91\xdb'</t>
  </si>
  <si>
    <t>b'\xf63\x93\xbe\xe9\x15m*\x07\x0b\xc0\xfb7r\x10\xe1\xbc\xf9\xa7\xc6\n\r\xb4\xf3\xf2\xbf8\xf0@\t\xe8\x90'</t>
  </si>
  <si>
    <t>b'\xe4\xe8\xea\xb4\x02YT/\x0eH\xda9\xe1\xdb\xb7\x05c\x1c\x91HWU\x1e\x160B\xb6\nG(\x81\x89'</t>
  </si>
  <si>
    <t>b'\xb4\xd5LB\xdbuB5a\xaa\xdb\\\xe6\t\xbdg\xd3\xeecj"-7WR\x0f\x18`W\x7f\xcbI'</t>
  </si>
  <si>
    <t>b'\x8a\xeb\x0f\x91u\xd1\xae\xdfqF\xb2\xd7\x82&gt;\xe20J7F-U8_\xa1\xc0\xb9\xab\x05\x96\x90\xd1\x16'</t>
  </si>
  <si>
    <t>b'E:\x1c"\xfb\x8c\x1b\x0f\xf6\x96&amp;-\x1d\x04Y\xfc\x88\xe2\xdcz\x81\x85\x92\xcb\x81%\xa4\xd9T\x80\xb2\xe5'</t>
  </si>
  <si>
    <t>b"\xd9~\xba\xadE\xf6V\x9cv\x90\xd0PJ\xc7\xb1\xfe\xff\xa1\xf9\xf1\x9e\xafD'\xb8\xc8\xf7[u\xdc\x11n"</t>
  </si>
  <si>
    <t>b"\xc51\x87\x1d\x1cX\xbc'\x1f\xca\x87\x0e\xe8J'\x10\x8fgMM\xfc@a\xb0M\xca{e\xdb\x19\x15\t"</t>
  </si>
  <si>
    <t>b'\xf4z\x9c)-\xa5\x10\x7f\xf2\xaf\xe7h\xe6\xf6\xc1\xd8\xf11\x81\xe3\x9d\xedY\xc6\x04\x15\xdd \x9e\x04\xab:'</t>
  </si>
  <si>
    <t>b'\xb01\xf2=\xcd\xa1\x94\xb1\x8f*?\xbdc\x8fT\x97d\x86\x8c\n+\t\xbd"\x90\xbd\x95\xd2\xf8\xf32x'</t>
  </si>
  <si>
    <t>b"\x1bs\xc3\xf1|!\xf5\xce\xdf:Dp\x94'\xf1\xdb\x14{\x88\xe8h\xd0\x1e\xeb\x1a\x00\xa3\xe8\xa6`S\x1e"</t>
  </si>
  <si>
    <t>b'\xa9N\xd3\x18\xea\x1e\xd8b\x12\x03\xb3\r\x85IQt:\xc5M\xb5[\xe7\xf0\xae!\x184}\xb8\xf5C1'</t>
  </si>
  <si>
    <t>b'\x18\x03\xc3\xed\xd3\x89\x0f\xb0\xa5@B\xe0`\x7f\xca&gt;\x8c\xc8\xfa\xf8*\xbb^\x1d^\xbci\x03\x85%\x0b '</t>
  </si>
  <si>
    <t>b'Dz\x8d\xde\xca\x9aR"3\xf5\xc6\xac\x17\x03\xaaDSp=^~\xc47\x1dD\xcfU$\xbcd[\x03'</t>
  </si>
  <si>
    <t>b'\xc3\x8e4{\x9dV\xba\xd4\x9f\x13w\xa5g\xc3\xf7e\x96q\x17H\xc6q\x9bx\xe2\xfd\xc6\x86\x7fpSF'</t>
  </si>
  <si>
    <t>b'y\xf7s\x045\x8d\xd0\xe6\xf1s\xe81\xd1\xfb\x02rm\xcd{]y\x90\xb7\xf8\t\x05#\xbf\x7f2\xcf\xe9'</t>
  </si>
  <si>
    <t>b'a\x1e\x99\x92\xd0j)\x88+\xe6\x8e\xc4\x94\xda\x8fI-.\xbc\xc7\x88\xbe\xefe\xb4\x95]a\xff\xf8N\x99'</t>
  </si>
  <si>
    <t>b"\x00'/!\x99\xc3\x87'$\x9eLe\xbdb\xecyr5\xa14i\xcd\xc5\xe7\\\x19\xdbP\xa0\xcfK\xce"</t>
  </si>
  <si>
    <t>b'\xec\xf4,\x94\xb8\xe9\xb7\x05&gt;\xdc.\x94\xc03\x12w\xd23\x94&lt;\xf4\xb0~\xe9\xd9\x95jQ\xc1Q\xb6\xdf'</t>
  </si>
  <si>
    <t>b'\xb5P\x91\xea\xd7\x93f\xd6\xd7L\xf1If\x89\x1bu\xdf\x17\x1bnr0\xa4\x9a\xb9r\xf5\xeb"~7\xc8'</t>
  </si>
  <si>
    <t>b"o\xdcV\xda\xbatGp\xee\t\x93!\x08E\xf4\xe9\x81\xffC\xfb'\r\xe9\t+\x98\x01?\xaf_v%"</t>
  </si>
  <si>
    <t>b'\x84\x80t\xf8\xbc\x14\x12`\xe9\x95Z\xdc\xddB\x88!}\x9b\xd84\x8dI\x05\x86\xf2\xa9\xfc\xcc\xfe\xe2\xe6x'</t>
  </si>
  <si>
    <t>b"r'\xbd\xe3\xf2\xdbM%\xa6\xba\x89\xe3\xfc\xbe\xe9\x9a\xb0m~[\xa9Q\x83\x8e\xa28\xef\xab\x9cB\x83*"</t>
  </si>
  <si>
    <t>b'=\xf6NI\xecS\x15N\xf4:\xe5\x1cO\xb7\r\xf1\xb8\\\xb1g\xef\x0c?Y\xcb\x89Cn\xa4\x0f\xb2,'</t>
  </si>
  <si>
    <t>b'\xfbH\xfe\x92"\xfdu\xa9\xd9\xe7p\x110P\xbbI=\x9bg\xa5#\xe1\xcf\xf1\xb9.m\x84\te\xea,'</t>
  </si>
  <si>
    <t>b'\x7f\x0c\x8db\x18\xb6\x1a\xad\xbbT\r\xaf\x1c\xf9\xa3\x82M\x9c\x8d\xddi\x86\x01u"\x14\xc6Uq\xf4\xc9&gt;'</t>
  </si>
  <si>
    <t>b'C\x83d\x19p\xf1\xef\x8a\xd5\xdd\xcbq\xed\x94\xd9s\xa5\x1bSF\xe9\xec\x15\x1c\x81\x0f\xe7\xc2\xad\x06B,'</t>
  </si>
  <si>
    <t>b'~\xb53\xc0\xdc\x1d\xea\xf7n\x96\xcak\x94G\xe8(\xb5H\x1f\xff5\x12\x14s\xb2\x98\xf3\xc4\x05\xcf\xfb\xac'</t>
  </si>
  <si>
    <t>b'E\xa2\xeb!B\xf2\x9a\xf7\x9c\xde\x89\xa4EQ6\xe6\x0b\xa5\x14m\xd7\x95\x15\xbd6c:\xe5\xf7\xe0s_'</t>
  </si>
  <si>
    <t>b'F"A\xaa\xd8vp\x1a\xc4\xe8\x1d\xe7P*vRS#x\xeen\xc0\xc4X/%\x81=\x96\n\xdb\xa9'</t>
  </si>
  <si>
    <t>b'\xc2m\x9b\xf9\x05\x9a\xf7T1Y\xac\x18\x05\xe4C\x98\x01\x04\x14\xd4\xf2e\xc0\x90H&gt;\xcd[\xf9\x19\x97/'</t>
  </si>
  <si>
    <t>b'\xc8\x99\x1b\x08gsp|3y\xa1\\\xfd\xd1&lt;\xe5\xed\xc3\xf9\x1d5\x18\xb4\xa8\xf5OjP_\xd8\xde3'</t>
  </si>
  <si>
    <t>b'\xb0\xc7bP^\xda^R\xc5\x93\x11;\x00b\x8eN\xb4H\xef\xe2\x00\x83\x85\xe4E{\xbaw\x17\xff\xe4\r'</t>
  </si>
  <si>
    <t>b'hI \x12\x05\xd3\x16\x19\xe0\xdeX\x98\x9e\xba\x13 \x0cy\x08\xd0\x1b\xfb\xd9\x1f~wx%.\xfc\x14\x83'</t>
  </si>
  <si>
    <t>b'?vANz\xf3\x7f\xd7\x0b\xd2U\x9c\x17\x80^\xe1\x1f\xab\x1d@\xd1?\xe2\x18\xd267\\\x9c|\xab\x08'</t>
  </si>
  <si>
    <t>b'\xaa\xb2\xee\xfe\xddJ\x87\xc8\xe3 \xd5\xff7\x9b\\\xae._\x17\x07\x02\x83d\x02\x13\x10EY\x9c\xc1\xce\xa4'</t>
  </si>
  <si>
    <t>b'\xde\xb6&gt;\x93G\x14\xb4\x0e\xf5\xb1 &lt;w\xfb\xb1{}\xe6\xfb\xdd9\xa2\x16;\xdb\xdfN\x96\x03\xbd\xa8\xef'</t>
  </si>
  <si>
    <t>b'\xad0s)\x1c\xfdo\x07\x94D\x83\x99\xc1L\xc0\xac\xc8\x8a\x17\xd64\xe7\xaf\x93\xb8\xef\x92I\xc8\tZ/'</t>
  </si>
  <si>
    <t>b'\xc2\xc6\x83\xcb\t\xa3\x0fD\xd0\xbf\xb1V\xdb\xba|\x8d g\xbeh-\x83\xcf\xd5\x80W\t\xe8&amp;Zh\xc1'</t>
  </si>
  <si>
    <t>b'B\xe2`\x9e\x94\x0b?\xf4Z\x1d|"\xc2\x10ytI\xbf\xd3\x88U\xa7\xdf\xf7\xeb\x9c\xbb\xc1p\x8d~C'</t>
  </si>
  <si>
    <t>b'\xa3\xd1\xe8\x0f\xb5\xb9"\x9b.y\x8c\xc2\x87\xad\xd0\x87\xe7#\x1a7\xbf\x91\xcak\xe5K&amp;\x0b\xf8\xaekd'</t>
  </si>
  <si>
    <t>b'\x91\xaf\x04\x97D,\xee1L\x00\xc0\x83\xc5\xf6\xea\x9d\xc4,\x08u\x8b\x91\xae\x93a\xf8\xef\xd5\x1aG\x175'</t>
  </si>
  <si>
    <t>b'\xd0\xa8ay\x1f*M\xbc\x1d6f\x90\x96\x16\xf4\xd5\x93\t\x0b-\xe8\xcf\xce\x86\xf8IZ\x00\x8b\xd2\x02\xca'</t>
  </si>
  <si>
    <t>b'\x0br\xe1\xd9\x17\x99.a\x88\x88\x83\x85\x8d\xf7:\x8d.C\xe2\xcaR\x7f}}\x92A*\xd1T\xf7h\xd1'</t>
  </si>
  <si>
    <t>b'\x02\x9d\x9e\xc8\xa4M\x84 \x81\xbcNov\xcf\xdd3J\xb2\x83\xa1t\x86\x91\xa8\xf5\xf6\x83\x91&gt;\xa6g}'</t>
  </si>
  <si>
    <t>b'\x12\xe9\x90g\x86\x1d\xe7\x00\xe6\xcc\x8f;2\x9a\x01\x067\xbb\xef\x82T\xf9\xc2\x170\x85\x878(\x87r\x84'</t>
  </si>
  <si>
    <t>b'\xc7\xe0\x83\x0c\xf9}\xaa\xe7Nm)\x90\xf4;\xdd3\xfe\x81\x0e\x15r\xda\x14\xe5\xca\xa1\xd9n\x8d\x86\xf7\xf0'</t>
  </si>
  <si>
    <t>b'J|\xe5\x82\xca\x0e\xb6\xcb\x84\xdf\xcd\xb4u\x95)\xe2L\xb2P\xbf\xcfK\xfar!\x83\xce-V3\xd4\x1e'</t>
  </si>
  <si>
    <t>b'2\xa0qx\x9f\x800l\xd0&lt;g\x1b\x94\x1a\xfeo\xf7\xb8x\xa9\xb4\xcb\x146\x15\x96@M\xcd\x8e\x1dc'</t>
  </si>
  <si>
    <t>b'\xe1\xb5\x00\xab\x8fC\xb61\xe3^B\xa5a\x11\xbe&lt;2\xaf\xd1\x98NM@\xdb\x1f$)\x9d\xe1\x81\x17u'</t>
  </si>
  <si>
    <t>b'\xb4H\xdfY\xa4\x9fr\x1020\xfbF)0\x03\xdb[\x12\xc5,9q\xff\x890\x9b\xb5\x96\xe8\xe7\x11j'</t>
  </si>
  <si>
    <t>b'\x9b)\xbes\xa0K\xa8\xe1\xe8\xc6\xf02\x82\xc8\x07\x93\xab\xa9\xb6\\8\x04&amp;\xc9\x8cR)~\xe2"\xa7\xda'</t>
  </si>
  <si>
    <t>b'\x90\xa9j\x16\xcc\xa7\r\xf4\x07\x86\xaa.!x\xe3\x90N\xff*\n\x8c\xb1\xdaV\x9c\x02xOm\x84\x1bd'</t>
  </si>
  <si>
    <t>b'\xc3\x85F\xaf7\xc1\x9f6\xcd(\xe9k\x90\xe1\x81\xfaf5\xf5xID\xf9\xc0\xa8Iw#\x0b\xb8\x932'</t>
  </si>
  <si>
    <t>b'\x02\x92y4S\xc6\x18\xea{\xc9}\xc5\x0c\xa46,\xdb7\xbb\x12@\xe6\xb3\x05\xa3\x7f\xb5\x82\x17 \xcf\x14'</t>
  </si>
  <si>
    <t>b'\x1a&lt;M\x02\xd5\xa7)\xfe\x1e\x05\xbd\x84\xf1\xd7\xf1\xf9O\xf9\xb4\xdal\x9e\x91\xcf\xae\x8c\x84\x03\xbf\xfc\x95\xdf'</t>
  </si>
  <si>
    <t>b'\x9c\xdb^}\x02\x81\xd5\x8e\xd6\xc8w\x95\xe7A\x18\xc8\x1a\x16\xd4\x1f/\xd9q\xc0\\\xca\xa6\xfa\x06?\xde\x07'</t>
  </si>
  <si>
    <t>b'\xac\xbdcyi]W\xf9\x12p\xdbhZg\x880\x03\xe4GD\xd80\x9aj\xe4\xc2\xf0V\x93\xc7_\xe0'</t>
  </si>
  <si>
    <t>b'u\xd9e\x93_\xacB!\xe0\x0f\x1e\xce\tO\x1d\n\x07\nS\xdf\xaf\xb1\xcd\xd6\xb7&lt;\xbf@\xd5\x84B\xfd'</t>
  </si>
  <si>
    <t>b'W\x98of\xc01\xa4\x08N7\x7fD\xdb\xe0D)kt\x99\xcf\xec\xf2\xe8\xed\xe3\x83\xc2y\xb6&gt;\xa3\xef'</t>
  </si>
  <si>
    <t>b'\x17uao\xf1^\x7fU.\xcc:C\xf0\x08\xf66\xc2n\xc6R\x99\xb9\xd6\x84\xba\x0b\x06\x96\xb3\x04zV'</t>
  </si>
  <si>
    <t>b'?A\xee\xa3\x0fY\xceu\xa4\xbb\xd5\xe2\xa4\xeb_$\xa1\xd6\x92:\xe4\x088L.\t\x03\x1ci\xad\xa4\x00'</t>
  </si>
  <si>
    <t>b"\x9c\xa2\xe9;x\x07\xa2(\xdcD\x988\x85\xc6\xc2\x86\xaaFdp'\x7f\x1c\x8eo\xc88W\x93@nu"</t>
  </si>
  <si>
    <t>b'\xf7\xfe\xf8\xbe\xab5\xac\x1a\x81\x1c\xffj\xd3\x15\x7fy\x16\xbb\xcej\xb5\xdb)\xdf;\x80:\xc6\x04+\xce\xe6'</t>
  </si>
  <si>
    <t>b'\xb8\xe8\xf0\xea\xc7K\xfc\x0et\x8d\xbb\xab\xea\xfd\xd8\xdd\x81\xe3\xf9oG\xed\x0b\xe6\xc9\xd7.hm\xd1&amp;$'</t>
  </si>
  <si>
    <t>b'.I\xd1\x8a\xf0i\x15:$\x81\xd2G&amp;\xbf]}&amp;\xf8\xf9\xab\xb8\xed6l.\xbcB\x01\xba\x061`'</t>
  </si>
  <si>
    <t>b'jIe\xa6\xdbZ[*\xb3z\x8af\x84\x8f$\xc1\xcf\x85"\xec\xe3J\xfd\x84}R\x7f\xfe_\xf1\xb4b'</t>
  </si>
  <si>
    <t>b'/|\x1cx\xd6\x08\x88\x96\xdd\xcf\x86\xbc\r\xac^\xdb:SJ\x19\xcfpdc)\xbd\xdd\xd7\xad\x0e^\xdb'</t>
  </si>
  <si>
    <t>b"\xf3:\x07\x15U\xeb\x12#U\x04j)\x18\xd7g\x8e\xa4'\xd4\xf8p\xf0\x95\xb5}\x00\x92\x89\xcf\xae\xaaw"</t>
  </si>
  <si>
    <t>b'\xd5\xbfMV\x94\xf1\x85\xc1B\xcf\xdb\xdb-\x1f\xb7\x96\x1fh\xd0\x95\xd2\xdc\x89\x12\xf5n\x15D\\\xec\xc0 '</t>
  </si>
  <si>
    <t>b'\xb7\xec\xd2\xbe\xfe\xb7Ybn\xd3~B\xb3u\xe0\x99\xb1\xa7\xa0\xad\xdf\x97l\x1d\x8d\xe8\xd2\xa7r\x1f\xb9\xe0'</t>
  </si>
  <si>
    <t>b'\x8f1\x1d\x13k\xf4\xad\xdcG\xaf\x8a\x16\xcd\x03y:u\xe9\xe0F\xbd\x89a\xbfF*\t\x94@\x06U\x8a'</t>
  </si>
  <si>
    <t>b"k97\xe3\x0b\xd4\xb46\xae\x8e)\xf8\xcd\xfd1'\xf7\xfa\xeb\x01\xf0\xa4\xa8-\x96\xf1|q\x8a\x0f,\xa4"</t>
  </si>
  <si>
    <t>b'\x99\x00_r\x1e\xd7\xeet\xed\x89\x93\x19\xa2\xde\x99\xf2\x92G\x15\xd9\xcf\x7fCD\x9b1\x12\x80\xd4\xa0T\xa4'</t>
  </si>
  <si>
    <t>b'-y\x1b,$\xa4#-\xd6\xa3\x10\x1aC=\x8b\x9b\xfd\x15$\xc5\xe8\xe9j\xc5w\x15p9\xe7\xcbk\xcc'</t>
  </si>
  <si>
    <t>b')o\xe7\x82\xca\xaa\xcb\x1d\x9e\x93\xaf\x8a\xb5\x19\x1a\xfdT\xf6\x99\xf2C\xffi\x9a5\xe74\x9bZ\xd3O '</t>
  </si>
  <si>
    <t>b'8\xc4\x19\x9c\xbe#a\x13\x8e\x1d\xf9\x1f\tH\x16\xe2 \x15a\x18\xe3\xd6A\x07\x96b\x07\x8dV\x86^\x87'</t>
  </si>
  <si>
    <t>b"\xbb\xe6\xbd\xe04\xf4\xe9a\xb3`\xa0B\xa0\x8f\x05b\x89\xb4Z'w?\x19\xc7\x01\xd0\x95\xf4\x19\xd1`K"</t>
  </si>
  <si>
    <t>b'\xbe\xa6&gt;\xdc\t\xaa\x83\xd5r\x91\xbe\x8aO\x95\xb3\xea\xf7\xdf&gt;\xd4n\xf9\x00\xf9lk\x96l\xbeg\xd5\x1f'</t>
  </si>
  <si>
    <t>b'\x10\xb3\x9ef\x832\xe3!\x8f7\xe9X\x05\x96l\x8fyz\xf7)x\x12\xdek\x93\xd2`#\x8d\x84\xde\x8e'</t>
  </si>
  <si>
    <t>b'\xd3\xe1\n\x16\xb6\x98KJ\xc4\x16\xf4\x9dx\xcc\xdc\xc2\xd8\x9eAo&amp;\xb1\x80-\x98\xd1X *\x93$\xc6'</t>
  </si>
  <si>
    <t>b'\x05\xa7\x82\xfe\xb8\x95%\xab5\xc3\xe0`\xba\x88\xe0\xaa\xec,0\xe5-e0\xb7\x9a\xf2\xc6\xa7\xe6`\x90\x8a'</t>
  </si>
  <si>
    <t>b'W\x11K\x85\x14\x8c\xf9#\x00\x14\xf3Y@\xfd\xc8\xda\xeb\xb4\xcf\xecZ\xf6\xbcwJ$Bx\xcc\xe4:\x10'</t>
  </si>
  <si>
    <t>b'Hj;tK\x8c\xac\xcf8J\x8d\x9a,\xd7\xb79&gt;+\xef\x9d\xbb\x96\x9d\xf2,u\xd6][D\xe6('</t>
  </si>
  <si>
    <t>b'X\x9cVHV\xe33\xc3\xf50)\x98e\xc0\xa6\xd6\x06\xd4+\xa6\x1f\xfbM\\\xc5\x7f\x06w:Z\x80H'</t>
  </si>
  <si>
    <t>b'\x91S\x00~\xfcB\x95\xc6\xf1\x05\x9c\x0f3\xdez\x8c\xc8\x83\x9aX\xbeJ\xfc\xbb\xfb\x07n\x16\xe5\xd0\xacX'</t>
  </si>
  <si>
    <t>b'\xbel4\x04A\xb3\xd8\xd3\xd8\xa0\x19u\r\xd9A #\xe6-IMN\x13S\xa1\xee \x97\xa0\xce/\x10'</t>
  </si>
  <si>
    <t>b'\xe8%0C\xb4\x187\xbc\xf1%\xfd\xa7R\xca\xa0\xbf\x07|t\xc9:-\xb9\x1b\x9d\xc8\xa3\xd2oe\\\xf4'</t>
  </si>
  <si>
    <t>b'\xf8\n~\xe8\x93+$\x9cO\xb0\xd5&lt;\x18l\xbcN\xad\xe6\t_o\xd7\xaa1\x99\x00\xe8\xeb\x997\x86\x14'</t>
  </si>
  <si>
    <t>b'\x16\xc4,\x85\x994\xae\xb2$#\x89\xbf\x14|\xcf\x15h\x13\x14\xb4\x148\x9c=\x91\x96\xe8\x9d\xf4\xad\xd5\xaa'</t>
  </si>
  <si>
    <t>b'A\xac\x15\x00\xec\x97\xde\x9dzu\xd3\xb8h0\x90\x8fZ\x1fB\xa8wK9\xa9\x19&lt;\xb3\x00\x17\xe4\xe0K'</t>
  </si>
  <si>
    <t>b'\x80\x19\xf9n\xbc\x91\x87\x93\x17K\x19\xeb\x18HRI&gt;\xd4\xcf\xf3\xe9\x13\xc7\x01\xb5\xd8b\xdb\xe3\xc1\xa5\x89'</t>
  </si>
  <si>
    <t>b'\xc6{\xa3\x0e\xb2\x9e\xac\xddG"s\x15\x81Ze3t\x04\xb5\x02\xad5\xa0\x85\x13\xccS\xce`B[\x0f'</t>
  </si>
  <si>
    <t>b'\xca\xcbQ\xb1[\x90\xa8\xcb&lt;&lt;J\xb1WN3\x14\x95\x17[.\x8ak\x1d\xad0\\\xa4\xc2:T\x83\x18'</t>
  </si>
  <si>
    <t>b'Cy\xd8b\xf2W\xc9U\x1b\xcc\xbe\x90\xbe\r\x9a\xef\xd1\x93\x8b\xe2\xbe\xf3\xcd\x06\x82\x0e\x8e\xa9\x0f\xcb\xf3\xb7'</t>
  </si>
  <si>
    <t>b"\xb7\xe2\xd6\x8e\x90\x12,C:\xb0#c\x88.'\xf8\x13\xab\xcf\xd1\xd0\xcf4\xa7$8\x19M\xe6\xe0\r\xbd"</t>
  </si>
  <si>
    <t>b'\xe6X\x19q\xb2\xf3\xa1\xb0c\x07\x19\x16\xe4\xf1\xe7i\xc6\x823V-\xdfJ\x15\xe6J\xe3\xa8\x18\xf6|h'</t>
  </si>
  <si>
    <t>b'\xc8\x8d\xfe\xb0\xef\xfe\xc5\xf5s5\xc4\x9f\xe8\xf9J\x08,R5ly\xc5\xd8!\x98,\xfdu\xeb\xad\x80\xe1'</t>
  </si>
  <si>
    <t>b'\xae*\x0c\x84\xeb\x1c\x95\x18Z\x8d\x83@\xde\x8bR\xc7\xbc\xc8\xe7\xaan\xc4\xc6\xe9\xa1\x0c\x18\x12o\x95\xe0-'</t>
  </si>
  <si>
    <t>b'$\xa2a.\x16\x9b\x9f\x1a\x1deS\x93\xf3\xf1\xc7J{cB\xae#\x84\x8c\x12\xf4\x0f\xceQvx`\xf9'</t>
  </si>
  <si>
    <t>b'\x9c\xa1\xe6\xcd\xb5\x8dr\x82p\\n\x81\xe0.\x19\xab1\xb5ee\xd3\xbdmu\xf1\xf7`&lt;:n\x00\x8f'</t>
  </si>
  <si>
    <t>b"\xc9x\xa1x\x9as\x167\xe8\x12\xa2\x02y4\x10\xc6'\x8f\xb09\xddr$\xba\x1a\xbf\xff\x1e\x98\xd7mb"</t>
  </si>
  <si>
    <t>b',\xe1!\xe6n\xc1\xf4/\xd1\xcb\xd2\x18\xd6.\xcf\xddj\xad\xf8j\xeaB\xb7\x16\xc5\x88\xdc\xaa\xa0;m\xba'</t>
  </si>
  <si>
    <t>b'\xab\x19j\xc9\xda]\xb2v@T\x82\xe3\n]x\xf7\x8ct:-\x82\x85\xe8\xe3c\xa0F\x90\xb0k\\\xb5'</t>
  </si>
  <si>
    <t>b'\xa7\xd5\xf1y\x89bsY\n[:\t9\xaf\x91@\xaf\x89v\x7f\x1cI\x88\xefg\x01\xa4\xb1\xc5&gt;\x0c`'</t>
  </si>
  <si>
    <t>b'\x1e\xcd\xe9?JT\\\xe34\xe8!\xa5\x8f7^\x8d&lt;\xee\xda\xec\xef\xc0V\xfe`\x8a\x8bYj\x80\xea\xfc'</t>
  </si>
  <si>
    <t>b'\xf7\x0f\xccZU\xe7r\x1a?\x97\xb8\x07\xc8of\xefo\x18\x82\x16\xaf\xa8\xc4\x19p\xf3\x99\x83l\x88\xd8['</t>
  </si>
  <si>
    <t>b'\x92W\x90\xb1\x85\xd6\x87\n\xbf#\x02J\xca}Bd\x0b\x94\xcd\xbb\\l\t\xa7\xec\xab\xf3\xa0\xad\xddE\x85'</t>
  </si>
  <si>
    <t>b"I\x8cZ\xb1\x99;\x0f\x06'\x97Y\x07U\x80\xaa-Z\xc0\xa9\x176\xaf\xb6*km{=Jg\x88Z"</t>
  </si>
  <si>
    <t>b'9\xfa\xc2\x92\xf3\x89Vy\x88\x14w\xd0\xd0&amp;o\xe2Z\xe2\xefi\xf1\t\xf4\x90A\x90%E1J\x0b\x03'</t>
  </si>
  <si>
    <t>b"{\xc3@\x98\x12\xa1\x8b9\x95\xbf\xa2n\xbe\xbc\x9c9v`\x03A\xd3\xa3\x18\xe2'\x08\xa0\xc4N3\xdf\x88"</t>
  </si>
  <si>
    <t>b'\xc9\xb6\xa7C\xfd\xa3&gt;\xf4\xb2\xea\xd6DL\xe81\xd6m0\xe3\xca\x83\xa4Z\x0c3\xd9Vb)\x98\xcd)'</t>
  </si>
  <si>
    <t>b'n\xb7\xe3\xbcQ\xa3\xacc\xdd\xfed\xc8\xa0\xb6\xc6\x94\xb9\xbe\xe0\xf6\x96ns"]X\xa5\xf3\xf8&gt;)\x9b'</t>
  </si>
  <si>
    <t>b'$}e\x8b\x9b\x195.n\xfb\xca\t\xfcg5\xd0\xeb\x8aB\x1c%\xe3\x02\xb2\xdc\x7f\xbc$Oo\xda\x02'</t>
  </si>
  <si>
    <t>b'V\xbe\xd1Q\x00,\xebS\xc8@\xa8\xc3\xdb\xd98\x89h\xd1\x9e\xcb\\\xdc\xbct\x8cD\x1f+\x1e\xb7\x88\xfe'</t>
  </si>
  <si>
    <t>b'E\xf7\x14`\xc4\\\x9f\x07\xb8\xdc\xf5g\xc3L\xd6\xe0\xd2\xbe\x97\xde\xa4\xe0\xc1\xb2&amp;)\xaan\xe7L\xa8O'</t>
  </si>
  <si>
    <t>b'&lt; \xe4\x0c\xe7\xd6t\xde\xd1\xbf\xc9~\x80\x87\xe9+$\xeb\x8a\x17\xf1w\xad\x97\xb3\xe4\xc8\xff}\xbce\xde'</t>
  </si>
  <si>
    <t>b'\xfe\xdc\xc9Oo\xd6\ne\xf0cN\x06\x96}\x85\x06\xb6\xcf\x1eX\x1d\x99a\xcc\xceA\xa9\x1a\x9b\xef\r\xd8'</t>
  </si>
  <si>
    <t>b'm\xf7\x80\x89\xaaio\xc9B\xe5\xb4\x85\xe4p\x10P\xb9\x0e\xbf\xc6\x91\xe9#K\x8bc\xc8\x8bA\xb9\xd1\x84'</t>
  </si>
  <si>
    <t>b'J\xbb\x0e\xda\xd3R%\xef6\xf3\x02\x85\xe1i\x1ad\xcav\xd6\xb3\xc7\xb4d5\xd8b\x92\xdeN:\x9f\x96'</t>
  </si>
  <si>
    <t>b'\xa0\x14\x1br\xc7.\xcc\x0e\x1e\xfa\xb9\xd454\xf2\xb4|\xe5\x18J\xc6\xe5\x80\x98\x87y#Y\x84)\x13\xed'</t>
  </si>
  <si>
    <t>b'K\xd2GL\xce\x9c\xa6Qp\xfe9\xee.\xf1\xf7\x11\xf1\x8b}\xeb\x06 \x80\x8cyz\xfe\xe2/\xb6\x84\xe9'</t>
  </si>
  <si>
    <t>b'\x0f\x8cb\xd0:d;a\xddG\xa0R\xbc\xc8\xa5\xea4\xadN0\xbd\xde\x8d\x15\xaf\xf5\xbe\xc2\xf9d\x03\xb9'</t>
  </si>
  <si>
    <t>b'\x8d\x83\xa9e\xae\xa3+6\x99\x10\x87\xdf\xbd\x8aZ\x91\xe7\x8c\x876\xfb\xe2\x1a\xfep&lt;\xec{\xdd\xbdk\xce'</t>
  </si>
  <si>
    <t>b'.\x9en\xd7\xe4\xefX\x1dc\nC\xd1\xa7%\x01]\xe6fgOj\x90~\x7f\xc1\xdep\xdd\xdf\xa6\x97\x08'</t>
  </si>
  <si>
    <t>b'R]~\xa7\x9f\\?D\xe4\xf1u!\xa5\t\xa6\xb1\xd2pc\x1cN\x16\xbf\xec\x02 \x9c\x08O\xdc\x86M'</t>
  </si>
  <si>
    <t>b'x\x80\xf4\xd3\x84G\x95}\xbd\xbd\xce\xc8\xf7\x07\x0fm\xe1\xd2\xe8|\x1a\x8c3\xc7\xb4\x07M\x10\xee\xaf\x08C'</t>
  </si>
  <si>
    <t>b'\xea\xda\xbb\xbbL\x85\xc9\xa8n\x9c\x8dA\xfd\x9e\xaa\x92F\xb2h\x93lq\x14;\x01.E\\Z\xdc\xbf\xbb'</t>
  </si>
  <si>
    <t>b'+\x14y\x10N\xc9\\\xab*\x18j\xa9,\x7fR\xd8_\x9f9\x8c@+\xa2\xa9\xfb\xd4u\x1f\x81\x8eO\xd6'</t>
  </si>
  <si>
    <t>b'^"\x8f\xe3\xfe}\x1f\x0fe@,\x90}r\xe6\xd0Cm}\x80$\x9d,#\xa8\xd2\x0b\xbb)\xc0\xa4\''</t>
  </si>
  <si>
    <t>b'\xe5\x9a\xdb}\xfae\xc2\x15&amp;\xb0\xff\xa1{\x96\xae0\x002\xb6\xddG\xbf\xd0\xa7s\xc5\xd8_c2\xd6\xfd'</t>
  </si>
  <si>
    <t>b'9:\x0fyh\x0b\x9b\x8d4\x1833\xf9\x90\xce\xc7\x05\xa1\xd2\xf2\x87\xc1\xe4\xdc\x84\x1d_h\r\r\xf2\xdf'</t>
  </si>
  <si>
    <t>b'\xd6\xa4s\x93\x95\x10\xa7\xa3/rNU\xd4\x91\x8c\x1csDct:\xfc\xd2\x01C&gt;\r\xb4!\x9c\xfd\xd6'</t>
  </si>
  <si>
    <t>b'R\xd28C#em\xab\x89\xbc\xfa\x08\xb9cg2=\xe3%\x0e\xb8^\xffw\xadn\x9f\xa3C\x90\xa6\xce'</t>
  </si>
  <si>
    <t>b'f9\xd2\xde\xebQ\x1e\x89\x18\xe2&gt;\xd2\xfa\x10\x08I&lt;\x0b\t\x08Z\x1b\x03\xcf\x0f\x93\xec\xb4\x1a\xbd\xb5\x95'</t>
  </si>
  <si>
    <t>b'f\xa19\xe0\xae\xed\x02\x92\x95\xbf\xf4G\xad`\xd2=\x9b\xb5\xca\x12@\x06S=h\x128y\xc0\xcc\x89%'</t>
  </si>
  <si>
    <t>b'\xdf!4\x82\xe0\xfd\x86\xaee\xfb\xa91_a/\xebq\xd8!S\x88A\xe1\x11\x95\x9a\xba\xcb+P\xd2L'</t>
  </si>
  <si>
    <t>b'\r\xcd|r\xfa\xef\xf5\xe9\xb4a\xb9jW\xc75;\x91\xb1\x80\x91\xd4B\xdb;W\xc9\xe1\x01Tk\xe2\x80'</t>
  </si>
  <si>
    <t>b'O\xe2h\xa5\xb3\xf2\x82y\xc7\xd9\x83\x04P\xd8\xa9HQ\xd2\x81o&lt;C?X\xd5\xa0N\xb7\xd4\xc58\x9f'</t>
  </si>
  <si>
    <t>b'kBfr\xb1\x00\xd0\xf7?\xf4_\xa5w\x0f\x93\xc2]\xea\xd9T\xaa\x886\x0b\xfcQ\xa8r&lt;\xd9\xfc\x15'</t>
  </si>
  <si>
    <t>b'\xd3|l\xd58\xcb\x07o\xe2.\xb7&gt;\xe5L{*\x9au\xf2_\x96\xd0\x11~\t\x88I\xb8\xb6\x96$\xaa'</t>
  </si>
  <si>
    <t>b'\xbf\x1a&gt;\xd7\xf1\x8b\x00\x7fA\x16L\xfc\xcd\xa5\xcd\x82\xff=\x01\x82\x17\xa4\x89\x8bbr\xd5\xd7\x02\xef"g'</t>
  </si>
  <si>
    <t>b'*\x80xw\xec~\x1b\x84\x05\xf6\x11Lc\xa9\xea\xe1V\x9ad\xda\x93\xca\x04n\x9d\xd4\x8c\xca1\x92/\xf5'</t>
  </si>
  <si>
    <t>b'se\xceU\xae\x19\xb1=D\x08\xe9}\xd7\xff\xaaS\x85\x8f\xf4\x1c\x04J\xcc\x15\xf8\x82a$c\xfe\x13\xf3'</t>
  </si>
  <si>
    <t>b'!\xec8\xcb\xc9\x9c`\xec6\xd7yH\xeeJ\xee\x88}W\xa8\xcc\x10\xe67\xb7J\xfc\xbb\xc2\x84~\xf2Z'</t>
  </si>
  <si>
    <t>b'X\xc3\xd3\x0f^]uRU\x1c\xd8\x06\xce\xe5rn\x950m\xacF\x14)\xfb\xa0\x8d[\x15\xe1\xf7\xce\xfa'</t>
  </si>
  <si>
    <t>b'B\xb3\x1dBd\xde\x10\xa0X*\x04s\x98\x85x\x8a}\xe4\x00\xf2l\xb2\rT\x06\xa0\xf7\xfe\xd9\x99\xda\x84'</t>
  </si>
  <si>
    <t>b'\x81\x81b\xa7k]\x00\xff\x86\xbb[\xcbQ\xfc\xc0\x99E\xf8\xc3W\xa6S\xb8\xdd\x03\xa4\x84\xe0\xc8S\xfd\x99'</t>
  </si>
  <si>
    <t>b'\xcd\xd0\tYw\x8eox\x17\xca\xea\xc4&amp;q\x10\xe9&gt;\x99-\xa8\xecpc\x82\xc7\xcdN\xb7\xea\xd1\x13\xb6'</t>
  </si>
  <si>
    <t>b"@$\x93\x0c,`\xdc:\xd3_\xf4\ns1\xcd\x87\x17j\xc9\xdc\x05\x0fok(\x9f\xad\xfe\xdf\xba\x0b'"</t>
  </si>
  <si>
    <t>b'Tj\x0e\x1f)\x92Lc\xce\xf0{\x06\xc6\xc4!\xcc\xa6\xf8\xa0\xce\x15\x8e\xf9\x15\x81\xe94\xca\x9b\x19\xa3)'</t>
  </si>
  <si>
    <t>b"\x81\x9c\xfa\xd44\x18\xc7\xfd\xe4\xa1\xb2ZO\xc5\x9c`'\xfb\xc6J\xfd\n\r\xc7\xcfZ\xe6\x8f3\x99\xa56"</t>
  </si>
  <si>
    <t>b'9eS\xd5X\xfbJ\x04\n\xb9\xd0\x11K\xf6B\x88ZN\xa8\xcft\x0b\xf2\xd1K\x15V\x92}\x12\xea\xaa'</t>
  </si>
  <si>
    <t>b'Y,m\xe9\x00RO \xe4\xe2\x0f\xd2\x0c[\x13\xccl\x11\xeeYy\xe8O\x06\x88U9\xa0\xa8A\xed:'</t>
  </si>
  <si>
    <t>b'\x91+\x95Q\x1eTx\x19\xba\xd5L\x1a\x8f&gt;\x8d2\xbc\x86\xca\x12\xa2\x98\xeb\xd0\xa6|\x07\xde\xcc\xa5\x02\xf6'</t>
  </si>
  <si>
    <t>b'\xce\xf04\xc2\x1f\xbd\x04\xd9\x11@W\xc2\xb4\xa4\x85\xb3\x1c\x02G~\xdc8r\xab\xcf\xd5\x04\xc9\xa3\x18\xfb\x9f'</t>
  </si>
  <si>
    <t>b'7_&amp;\xf0\\\xe0M\x81@\x8d\xc2\xec\x7f\xd0t\xf0\xc9U\xd6A}H\xb0\x97)\x1b\xac\xfa\xf8\xe4\xd5|'</t>
  </si>
  <si>
    <t>b'\x96\xdc\xc3\x1c\x02\xc8&lt;\x0b\xdc\xb7\xc2\x91Mxd/@\xdb5\x1b\xb2\xa8\xcap0\xf5\x1b\xd7\x14|\xca\x1f'</t>
  </si>
  <si>
    <t>b'\xb4\xa2\xdd\xe5\x18x\xe1\xf96z\x10\xac\xf4B;\x05\x1d\x06z\xbcG\xf7\xe2\xd2\x05k\x16\xedZ\x9f\x0c.'</t>
  </si>
  <si>
    <t>b'\xedJME!\x7f\x9f\x99y2\xc2\x90)\x84\xbe\x9a2\xe1LIY\x9a\t\xce"\x0cq\x0cQu\xdb\xaa'</t>
  </si>
  <si>
    <t>b'G\x86&amp;\xc1\xdc\x92\xdbJ\xae\xec\x9b\x97Z\x8c\xb6K\xff\xbd\xee\xb5U\xf9\x06\xddH\xfd\x06\x10[\x83`\x1b'</t>
  </si>
  <si>
    <t>b'\x8f\xd6\xb7\xfa-\x15\xdf\xfc\xae"&lt;F\x8d\xb8n\xef\xe0\n\xa8ZT\xe9\xbd=\x05\x17\x11C\xfb,\\\xec'</t>
  </si>
  <si>
    <t>b'c\\&amp;\xf8\x90\x91\xf4\xf6@IS \x07\x0c\xbb9D\xed\x07\x1c:\xb2@B\x1b\x07\x1d\xdb\x05\x1c\xe7N'</t>
  </si>
  <si>
    <t>b'\xc9X\xb3\xb1\x12\x9f\xe1\x94A\x00S\x19&amp;&gt;\x149\xd6C\xfa\xdb\x04.K\x91\xe3\x15\\\xd0\x11\xfe\x1d#'</t>
  </si>
  <si>
    <t>b'\x88\xbcJ\x1f\x82\x02\'\x1f\x99"\x10\xbd=t\xb6\x84\xa5\xe3\x16\xfe\x87\x02\xe3\xef\xe0\xfd\xf8\x8a\r\xbf\xa4\xba'</t>
  </si>
  <si>
    <t>b'p2,\x19\xa8\xa7\xaf\xbd\x8e\x8dm&lt;\x8d\xd8\x01\xc8\x13\xfdJ}\x95s\x97\nHA\x02\xa4V\n\xa5\x9e'</t>
  </si>
  <si>
    <t>b'\xcc\x13\xce\x1d\xa4=kX\x85\xd1\x0c\x90\x90\x87\xd4\x19{\x92\xd0\x81\xb1\xda\x07\x0e\xbb\xc8\xd8\xc6\x1fR\x7f\x94'</t>
  </si>
  <si>
    <t>b'\x9b\xe0p\x8d\xb0}y.\xbb2&amp;\xcb\x8f\x11|\xe0\x8e\x98u\xac\xb7\xf2\xba\xa9\x06\xb9\xba\xec\xd6F3\x9b'</t>
  </si>
  <si>
    <t>b'\xaa\xbd\x88\xc9\x0fI\xfe%*V\x8a\xdc|?\r?\x90\xfb-d\xa3\xb5\xe6\xd6:\x83\x97\x92\xcd3\x93\xd7'</t>
  </si>
  <si>
    <t>b'\xc1\xaf\x97\x88\x92\xbe\x0es\xe7M_\xe1K\xe4Y \xadn\xdbL\xf5\x93\xe2\x84&lt;{\xf5\xfc\x96U\x95\x92'</t>
  </si>
  <si>
    <t>b'\xf2p\x8e\xb1\xe9\x94\x94\x98\x90\xda\x0b_\xefo\xbe\xecx\xe2l\xfaf%\xcc\n\x16\x85Q\xb6\xac\xc6\xab\xb7'</t>
  </si>
  <si>
    <t>b'\xc8\x89\xfb\x9b\xdf#\xa9j\x99\xf93\x91\xc0\x9e\x95\xbc$\x0cWX@i\x7fZa\xf2\r#\x8au\x92L'</t>
  </si>
  <si>
    <t>b'\x88b\x84\x86h\xaa\xf6\xcf\x07\x7f\x90\x91\xe4\xe2\xef\xb2\xc7}\x88\x94!\x9c\xd4\xda\xdd4\xf3\xc5=\xe8\xdaa'</t>
  </si>
  <si>
    <t>b'5j#@\xa8\xf8\x15pO\x91/n\x03\xddK\x98j-\xe1a\xcc\xff\xe1\xaf\x8a\t\xdcz\x7f,\x7f\x86'</t>
  </si>
  <si>
    <t>b'\x18\x90\x9c\x03\xb9\xacL\t\xf6\x8cA\x10`\xfe\x80\xc6\xef\xcd\xb7\xfai@\xdbb\x8f\xb4o\xf1\xc9v"j'</t>
  </si>
  <si>
    <t>b'\x02e\xd6\xa0\x05\x07]\\\x81D\xc0(\x95\xa6*\x10cE\xdd\xa8X4\x98\xcfI\xc6\x86\nc\xc4L\x1d'</t>
  </si>
  <si>
    <t>b'\x10\xab\xd8\x04\x8e\xb4\xf8\xf0KB\xd5\x17x\xca\x83\xcbl\x13[;s\xca\xd4\xac\xb6uH\xbe\xbd\r\xf5+'</t>
  </si>
  <si>
    <t>b'\xd6\xab\x84\xc4u\x9c\xafi\xa0\xe7$2\x0f!\x1f\xf5\x91R\xda\xfe\xc0\x19lmWrV\x1an\xc5$\xb1'</t>
  </si>
  <si>
    <t>b'E:\x06\xe6\xde\r\x10\xff]\x1eWpI\xc2\xe4\x18\xdbc\x1bh\x97w\xf7g\xea3\x12\x00G\xdb\xb4\xb5'</t>
  </si>
  <si>
    <t>b')`\xa7\x97&amp;\xcd\xfa\x943\x86\xbe\x1c\xef\xf2\xe3\xeb\x81V\xbdQ\x95$\x14oW\xd6\xe2\\5Y\xd3\xdf'</t>
  </si>
  <si>
    <t>b'XsX\x95\xf3;4\x01\xe4\xf4O\xcb\xb6J\x96\x80\x82&lt;\xc1\xc7}\x9a\x96\x81-\r\xda\xeeZ`\xa3\xf9'</t>
  </si>
  <si>
    <t>b'I\x19\xf6\xe7\xf5\xf1\x98&lt;\xb4\xae\x8a\xc2\x14\xa3\x1a\xae\x95\xbf\xed\xd8E5\xbe\x8c\xce\xb40\xa8\x0f\xf01_'</t>
  </si>
  <si>
    <t>b'\x8c\xe9\x8c_51\x94\xed\x16\xe1\xe5\xb5K+\xf1\x1fG\xbe\x91\xac\xd0\x1520\xf5fY\xa3\x19}\x1c\xbd'</t>
  </si>
  <si>
    <t>b'\xb1\xea\xfe\xdf\xc0\x18\xb8#\x00O#\xad\x84\xbc2m\xbe\xab\x9d\xbfap\x9f\xb0\x95OP\x01\xb6\xc7\x84\xdc'</t>
  </si>
  <si>
    <t>b'cox\x94D7\xd9E\xcf\xa3\x0e zf\x8b\xb4/\x1a\x9b\x8cw\xc9u\xbd\xc8/\x96m\xa8C\xa5\x8c'</t>
  </si>
  <si>
    <t>b'\xb3\x1a\xfb\xb55\x87\x80M\xc6\xf7\xe9]\xe3\x9fX\xdc\xc6G\t\x02\xc4K\xb5\x07\x80F5\xf8\xb9r\x8d\x08'</t>
  </si>
  <si>
    <t>b'\xb4\xcb\x01`\x8c`\xba\xdf\x97\xdeQ\x85\x91\x9a\xffO\x02\xb5\xc8(\xc7\x10\xc1\xaa\x86\xce\x86[\xd0g\xd3\xb3'</t>
  </si>
  <si>
    <t>b'W\x15\xa4\xf1s\xa1D\x16r3\xe9Z\\\xe2\xd6\x05\x03!\xe6\x7f\x9d\xfa\x1d\xb9\xd4\xaa\xc6\xef\x11\xad\xd0{'</t>
  </si>
  <si>
    <t>b'\xf5\xd6\xe0\x9f\x02\x931\xfb_\xe2\xca\xe2\xd2\xb0\xe90\xc3p\xb0\xeb&lt;\xc3\x11\x9b\xb2S\xcd8[\xab&amp;\x07'</t>
  </si>
  <si>
    <t>b'(n\x04m\xa8~R=\xf5|\xa4\xfe\xfe\x85f\x80\xf9XB\x80\x99\xb3\xc8\x86\xed.\x01YXPm\xe4'</t>
  </si>
  <si>
    <t>b'\xa3.4W,\xb1\x06\xff\xa4\xe2\xc2y_\xf6\xd4\x05D\xbb\x1b\xca\xa9B=:+IDD\xc1@\xc6\x89'</t>
  </si>
  <si>
    <t>b'\xee\xd3\x07\x9c!y\x11\xb2\xa4q\xebg\xabc\xf5\x92r\\J\xda\xd6\xc5*\x06T\xc7wJ\xa8%\xd3\xc0'</t>
  </si>
  <si>
    <t>b'^r\xd9\x83:\xbc\xdc\xb4\xde\xfe\xa9\xcdu\xba\xde\xa2FNrw\xe4\xd73\xcf9\x9d\xdb}\xe3$\xb16'</t>
  </si>
  <si>
    <t>b'I\x9e.\xd11v\xf6\xbff4\xd5\x1f\x14\x00\x10\x1dI\xe5\x7f\x1f\xf6P\xeb\xdeP\xe2\xe1RO\xb4NR'</t>
  </si>
  <si>
    <t>b'\x96\x1e\x84\x8cR\xeeT\xb7@&lt;T\xa7\x9e\x9b&lt;\xff\xd9\x05\xc0N\xa5\xe0\r$\xd8\x96~\xd1\xa8\x84\xecM'</t>
  </si>
  <si>
    <t>b"\x9b`\xde\xb7/_BJn\xab\xcb%|\x0b\xbd\xac\xe4\x87\xb1\xffW'|^z\xf5\r\x12\xa7\xe0C\x88"</t>
  </si>
  <si>
    <t>b'\xa2\x04\xeb~\xf5\xaa\xb8\x8bA| q\xad+\xd1~\xfe\xcc\xad\x89\xe1k.\xe9\x08\x1c\x90\xeaLF\xec\xad'</t>
  </si>
  <si>
    <t>b"@5\x081\x99g\xddx+3\x81\x9e\xaf;\xc9\xbd\xeb'\x12\x8c\r\x08\rS\xab\xf8\xd5C\x0b\xbe\xeb\xb2"</t>
  </si>
  <si>
    <t>b'|2\x0cWl\x9dTQ\x0c\x97\xe6\\\xa0\xd1L\xc1\xd3*\xbe\x1d\x11\x95\x12\xc6M\xaa]s\xed\xf3\x99\x04'</t>
  </si>
  <si>
    <t>b')\xcfN\xba=\x97J\x06\x11\x07\xc3UZ\x894\xb9\x05\xb4\xe1\xf2|{\xd8\r\x1fds\x8cNk{\x97'</t>
  </si>
  <si>
    <t>b'83\xfe\xa9\xb5\x05\xff\xb6\xc7\xd7\xe7\x96K\xe6\x1e\xf8\xd2\tB OkK\x9a\xee\x89\x06kE\xd7Un'</t>
  </si>
  <si>
    <t>b'\xd6|\xafz\x82\x84k\xf0\xd3P\xf6\x8e\xf6\xfaE\x9b\x12\xc9\x968\xf5\x95%\x93\x1a;\x1c\x1e\xe9X\x1f\xbd'</t>
  </si>
  <si>
    <t>b'L\x8a}\xce\x08}0\xb6+\xd4\x9d\x01{\xfa\xe2\n\x9cZ3R\xc6\xa8t\xa9xJ\xc9\x8a&gt;\x92C\x84'</t>
  </si>
  <si>
    <t>b'\x8fu/"\xd1\xe2z^5\x01\x0cd\xd3\xca*\x904\x0b\x82\xbcY\xce|T]u\xf7\xe1\x82\xd7\x95\x11'</t>
  </si>
  <si>
    <t>b'\xda\xe2&gt;\x9cs9\xdd\x0f(\xd4v\x9aT\xfa\xed\xbd"\x83 \x8c4$H4[QD@)\x19Q\xef'</t>
  </si>
  <si>
    <t>b'\x1e\x18Q\x06\x82X\xd0\x870\xa5\xe2\xf0\x90\x8d|1\x8a\xec\xe4.\xfef\xca\xcc\x0cJ\x9e\xa72\xb8~\xe1'</t>
  </si>
  <si>
    <t>b"\x04#0\x97\xe8\xdd\xe1\x8cJ&gt;\x0e\xf4I\xf3\xc2' \xc0\xfd\x81\xa01*\x8d\x08\x0b\x0e\r\xc9z\x97\xbb"</t>
  </si>
  <si>
    <t>b'W0\xea-?\x81\x93\xa7\x8f\xc3 E\x84\xe0\xe2\x10\xa6\x16\xabb\xea\x1d\xae_\x8bs\x97E^\x9bv*'</t>
  </si>
  <si>
    <t>b'%}\x1bE\xea\x11M|\xbc\xaeTj\xbd\xdf\xea\xcc^\xfc\xf0h\xa3}\xc1\xbfQg\xd8\x7f\xfbG\xc3\xfa'</t>
  </si>
  <si>
    <t>b'\x11\x85\xf5\xe7K5\x13~V\x88\x1dz\xf4\xe4\xe8\xe5\xe23p\t\xcc\xb4,mI\xb0o\xf7\x1d\x06\xb7\xaf'</t>
  </si>
  <si>
    <t>b'}\x8f\x11v\xc9\x9dV\x88e\xcbjB#\xee\x86\xcex\x8fU=\xe1\x805o\x00\xd0\xb4z\x87\xae8s'</t>
  </si>
  <si>
    <t>b"\xff\x0f\x84R\xc9&amp;4\xe1\x0f\x10\xdf_\xb8\xbc\xd1W\xc7\x1e\xc5\x98i\x029\x80\xf5\x95'\x9f\x9c\xb9\x9b\r"</t>
  </si>
  <si>
    <t>b'\xe7\x9f{y\xe9\x9f)\x94m\x9fY\x08/\x9b%\xc0XAU\xce\xbe\xb6c(\x1f\xfe\xac4\x9d|\xbf\xc8'</t>
  </si>
  <si>
    <t>b"R{\xbe\xce\x08\xe2&amp;\n\x15\x8f\x1a('\x98m\xa34w\xdc9\x9a\x0b\xa0N\xb6\x15\xdf}(\xb2Z\x8d"</t>
  </si>
  <si>
    <t>b'`t\xed\xbdy\xb6P\x07\xfb\xac\xf4(Aj\x96W\x8f,\xe0\x10\xf3[,\xdd\x8e56\x96J\xcf\x01\xe8'</t>
  </si>
  <si>
    <t>b'\xa8\xb69^\x0b\xb1:\xa5\xdaa6B\x1c]\xae\xcc4\xfd\xfa\xaa\x8f\xc5\xc6Ddo8\xb8\xce\xb0\xb5}'</t>
  </si>
  <si>
    <t>b'\xebFij\xc5\xffa,\xc9\xe7\xcf\x88\x00G\xcb\xc6[g!\x16\x84\x87&amp;\x08\xa9\xd6j1\x99\xcd9\x12'</t>
  </si>
  <si>
    <t>b'\xe64I\x14#\xaf\xc0\xc5\x90&amp;B\x98\x11Tm\xb5\x1b\x8d\xd5\x00\x8a\xd4\xcc\xc3r\xbf\xees)\xdfY\xc4'</t>
  </si>
  <si>
    <t>b'\xaf\x94\xc3\x1dW^\x96L\x9f/;\xa0\x98i\xed\xd8\xe0\xacNV\xa5 \x9f\xe2h\xfbt\x141B\x1f\x85'</t>
  </si>
  <si>
    <t>b'\x0b)\x99\x18\xdbJ\xa4\x1c\x8a7\xd09\xa1\xde\x07z\xc2\x91\xa9\xcb\x8a&gt;\x14\\\x8a\x16\xec\xea\xb4\x02\x923'</t>
  </si>
  <si>
    <t>b'A\xde1\x80$w\x94s\n\x10\xc8\xa4X\xacc[f\xb8\xd7\x93}}\x9c\xef3{\xdb\xc6!\xa9\xdfK'</t>
  </si>
  <si>
    <t>b'\x19WA\xde8\xea9\x83\r\x16\x06\x93\x11\x8dj\x05\x83\xee.\xc8\x1c(\xf4\xdfra\x8a\xbe\xd3w\x92\x97'</t>
  </si>
  <si>
    <t>b'D\x95\xa7\xa0\xc3\x9c\xdd\x08}1x$\x05\xa1\xe0\xe8L\xae:\xd5B\xeb\xbb$?\x01\x19d\x88D\x17\x01'</t>
  </si>
  <si>
    <t>b'C\xf4\x0b&gt;\x9b\xbe\xdfSd\x01\xd4\xaa\x86G\x81d\x01\xdd\xb0\xb7\xbaMG\xa8\x84$)\xdb1\x91\t\x14'</t>
  </si>
  <si>
    <t>b'\x1f\x83\x9fR\xd9\xd6\xec\xce\x90\x18\xc7N0\xae&gt;\xa6v\xdf\x12^&lt;\x9c#\x0f\xf57\xd6;\x87\x0bg*'</t>
  </si>
  <si>
    <t>b'\xaf\r\xd6\x9d\x08\x16\xe6\xe2\xf5!\xe2o\xb2\xd8\xf4\x92\xa83\x8d\x8b\xe0\xa1\x96\xe79\xdf\xf9\x1d:\xb7dL'</t>
  </si>
  <si>
    <t>b'\xeb\xec\xbb\xda!\x83=u\x82\x8cl\x83\x10\x89\xed\xa1\xbd%\xf7\x84\x98/\x88&gt;\xb2f\xb3=\xc1\xbc\xdc\x86'</t>
  </si>
  <si>
    <t>b'\xac\xec^\xd4\xc8@\x88~\x93\x11\xfe\x8a\x19\xf0\xee|*xP\xb2\x89\xb7(\x81+\xf4TA\xcb:s\x98'</t>
  </si>
  <si>
    <t>b'i\x12"@\x84\xf5\x12\xa6\xb75\x06\x9a\xfc\x1e\xf2\xfa)&amp;\xb2n\xf9fq\xf3L)\x136(i\xcc\xbc'</t>
  </si>
  <si>
    <t>b'\x86\xbb"\x19\xe5\xae\xb7\xf9\xc8\xc8\xe6\x97U\x84WA]x\xf3\xf1a\xfeH\xe6\xc7\xf2_\x0b\x92I\nA'</t>
  </si>
  <si>
    <t>b'4\\z=\xdf\x0c\xf3\xa4\x83?\xbch\xe20\x9b\xa8x\x86`\x19K\xe9:\xfc2\x02\x01\xb3|z^\xa6'</t>
  </si>
  <si>
    <t>b'\x1c\x88\x82?\xd8K\t\xb7p$\xd3K\x87\x95+\xb1,\x8a\xa7\xdeY\xad=\xf4h\x8b\xe9QZ\x15\x8cf'</t>
  </si>
  <si>
    <t>b'\xd8\xe4.\xed\xc7k$\xe67[W\x9a\xbb\x80\xee\n\xeb&gt;\xad\x85w0\x0bIl\x83\xbc\xadX\xa8\xbf3'</t>
  </si>
  <si>
    <t>b'\x00n3\x8f(\x874\xf0\x1e\xf3\x1d:\x9d\xfb\x88\x01j-\xbb@\x1f\xa1{\x03\x8f\x1d\x8f\xcb\xf4w\xde+'</t>
  </si>
  <si>
    <t>b'b1%/\xac\x83),\xe9\x11LO\xd23\xa9Ym\xc3\x03\xfd\x06M\xd1\xab\xfaS\xb0WQ\xd8ba'</t>
  </si>
  <si>
    <t>b'\'\xf5\xef\xdd_\xcc\'\x1b~*\xbe\xe8\xb1\x10sa\x1b?-"\xbc\x89bot\xf2\xa6\x14\xb0V\x90\xb2'</t>
  </si>
  <si>
    <t>b'TX\x05\x06\xdc\xfa\xca\xf5\xebUk\x03\x15\xdb\xe0~$Y\x85\x8c\x05\xc5\xeb|\xd7\r\xa0\x89\xf1\xf0j\xb0'</t>
  </si>
  <si>
    <t>b'\xfa$\xf8\x00\xb9\xa3\x89)\xf8\xf9\xfe\xcaQV\r\x9b\xaf\x1e=%K/\xd25\xb8\xffY\xfb\xed\xc1\xf9\x0b'</t>
  </si>
  <si>
    <t>b'\xf2\xeeqE\xca\x9bAL\x907[\x7f\xa2\xfe\x8a\xb8\xc8O9.\x91&gt;~\xb5\xff\xa7\xb3F\xddcZ\x9e'</t>
  </si>
  <si>
    <t>b"aVVWl\xc5\xd8'vS\xefX\x89\x80y\xc5\xef\x9bt\x01\xbd\xc71\x87\xf6g\xed\xef5\xddU\xb1"</t>
  </si>
  <si>
    <t>b'S\xaa9\xe5\r\xbcN\xe4\xd6\x85,\xde\x127_\xd1mZ\x05\x11px\xa4\x9d\x94?\x95\xec\xb2\xd1\xa5\xc7'</t>
  </si>
  <si>
    <t>b'\xfc7\xe8\xdc\x83g\xa5\\?\xa3\xf3?N\xbdS\xed/nx]\xfb,\x99\xa6C\xa5\xc6QQ\x08g\xca'</t>
  </si>
  <si>
    <t>b'\x15\xfcV\x124[\x16%?\x94\xb9]\xbb\xbbn6L\x00\xa1\xdd\x95\x83\xa5\xc6T\xcb\x0b\x0e\xb2\\o\xfd'</t>
  </si>
  <si>
    <t>b':\xfe\xff\xb24\xfb-qiy=A\xff\x9a-${\x89\x10u#g\xa4\xea\xdcHc^\x05\xe0\x03\x8e'</t>
  </si>
  <si>
    <t>b'c\xb7\xff$=E#\x90\xb4s\xcb\xf4\x1c\x17Sv\xa5\xa9\xd1\xa0\xdd-XG\x1c\xe2c\xda\x06\xe1z\xd4'</t>
  </si>
  <si>
    <t>b'\x8e\xdd\x89\xa1\x8a\xc2Yu\x1d;$5\xbc\xf6\x02\x87yVzy\xa5\x1e\x11\xf7\xe1\x88u6\xc9I\xc8\x9b'</t>
  </si>
  <si>
    <t>b'Z\x1c]~\xa4xJ\xac\xd6FQ\xef\xddDG\x12\xf0*\x03!\xb2z\xa8\xf3\xd7S$\xf9\x84\x0e+\xad'</t>
  </si>
  <si>
    <t>b'd\xdd\xb7[\x84\xe7N\x1a\x934&amp;\x99\x1c\xc7Kg\xedco-\xc1\x80\xcf\xffv\x9f\xf0\x9fr-\xea&lt;'</t>
  </si>
  <si>
    <t>b'\xd7m\xf0\tC\x8b)3"\xab\x90/\x926\xe5\xda\x84OO\x0c\x07,\x95o\xe0CL\xce\x00\xba\x04^'</t>
  </si>
  <si>
    <t>b'\x1c;\x88\x84c\x8d]\xa9J\x8c\xd5\xa6;i\xa0\x8e\xab\xbe$\xdf \xec\x1c\xc0W\t\x97M\xc4\xa9!\xe3'</t>
  </si>
  <si>
    <t>b'\x80j\\ \x80\xc1O\xb2\x88\xd8g\x1bO\xdc\xc6\xf3\xc5HB\x11\xd2\xd9~@\x88*]\xbb\xe9\x9e\\l'</t>
  </si>
  <si>
    <t>b'2or\xe2\xf55\xf8\xee\x0f\xe8&lt;\xba2\xeee\x91z\x18\xc9E\xbd\x88\xd86\xa6\x91S\x07\xa7\xbc\xc5j'</t>
  </si>
  <si>
    <t>b"\xe8\x83\xab\xb7\xea\xe11\xa6\x1e+\x00\xaaY\xa1_'\xd9_\xf8w|\xd2\x1c+\xc2k\x96\x16U*\xe3\xb3"</t>
  </si>
  <si>
    <t>b'\xa7XA\tO\xb8\x1b$\xa1\x02\x02\xd8\x82\x1ahoKR\xc7)SR\x80\x0f\x08\xe1\xf1&lt;\xb2 \xca1'</t>
  </si>
  <si>
    <t>b'\xbb\x07U\xb8I% d;\xd3\x8f\x05f"\x1f\xa3\x1f\xaeo\xa6\xd3}\x17\xf6q|&gt;s\x7f\xcd\xbcw'</t>
  </si>
  <si>
    <t>b'\xceU\xe8\xe2\xaa\x9e\xc0\x95Lc\x83\x91\x8cT\x02\x82$&amp;\xd2\xf1\x82\xc6I*\x13\xce\xab\xaf&gt;\xb7\xda\xbb'</t>
  </si>
  <si>
    <t>b'$9I\xbd\xdc\xd8\x0b%\xa2\xdf{\xae)4Lo\x19x\xab\xdb+\xec\x9e\xee\x84\xd9\xf82\xf1\xc9\xb6c'</t>
  </si>
  <si>
    <t>b',\xb5\x13\x9dK\xc4\xc6\x8e\xa2\x06\xff\xfc\x1b8P\xd8\xff1\x13=\xe8\xdcmc\xf9H\x9f\xee\xe1\xc0xy'</t>
  </si>
  <si>
    <t>b'\xf8\xdc\xcc\x84L-\xa9\x91\xd9\x98\rp;\xc1\xf4\xa4\xbd9M=\xa9\xe8\xd2\t\xe4CF"ZX\x8f\x06'</t>
  </si>
  <si>
    <t>b'\xdc\xf4^\xd2\x0e.;\x7f\xd5\xa9|\x9fiA\xbcs\xed\xe4\x90\xb3]j\x90V\t\xad\xcc\x0e\x99!\xaa\xf3'</t>
  </si>
  <si>
    <t>b'\x93\xc6\xcc\xa3\xb6K\x15\xeb6\x15\xcf5\xb8\x90C\xa8\xda+[\xa8&amp;\xf3\x01rWM\x81\xf8n\xb9\x00\xae'</t>
  </si>
  <si>
    <t>b'\xb3\xde\xf5s\xa0\xa1\x8f\xfc4\x9aU\x17\xe2%\x9cn\xfe\x0c&lt;\x08\xba+K2\xcb6\xdb\x89KL\xcf\x8d'</t>
  </si>
  <si>
    <t>b'N\t)3\x10\\\x9d\xbe{\x9c\xd4\x15\x8c\x07\xa6L\xf3&amp;\x15R\x7f*\x97\xff\xb5V\xe2\xe9`\xfc \x7f'</t>
  </si>
  <si>
    <t>b'uS\xf9\xe9\xee1\xfa\xcf\x0f\x00\xf5\x18\xa9\x92g\xcc\x1c(\xf78b\xf2\xd9\x8f}n\x91*wQ\xaaf'</t>
  </si>
  <si>
    <t>b'\xe5Q\xdd\xd6]\xd6\xdc\x8a\x02"\x05k-\xc1\x83\x19\xff\xff\xacxx\x8c\x01\xec\x96 \xe2D\x87\x0c\x80U'</t>
  </si>
  <si>
    <t>b'*\xc2\xe6~\xe1i\x80\x0b\x17\x0e&amp;\x9d\x8c\x9cF=f\x14\xa3p\x14jRO]j\xf6b\xcc\xbb&amp;U'</t>
  </si>
  <si>
    <t>b'\xc2\xc3.\xe3J\tf2R\xaa\xbd\xe8\xddl\xb5\xf1J\x0f"W^\x19\x0e\xd0\xc2\xe8\x02\'+\xf6\x02\xe2'</t>
  </si>
  <si>
    <t>b'i\xa6\xda\xf6\x94\xf4\x01ar\xcf\xa8\x07\x12{\xc9\xd7WR\xa3\xb76\x08%\xa4p\xd5J\x86k\xaa\x90^'</t>
  </si>
  <si>
    <t>b'\x95\xebZ\xb7(\xbb\xe4\xbb\xafp;\x0f\xaaE\x9bHz\n8\xc1\xba#C*\r\x1dk\x9e\x08\xfd\xe7&gt;'</t>
  </si>
  <si>
    <t>b'0\x19\xb9\xdb\xc2\xaf\x98\x87]o\xbbK\xe24\xb4\x00\xf8G\xe4\xcdB[=\x12jk\xaf\xec\x1e\xa9`\xac'</t>
  </si>
  <si>
    <t>b"\x9f\xcb[T\xb8'+\xe5&amp;\x8e\x96\xe1\x06\x11\xee&amp;\xc0Q\xd6\xe6YC1\xf0\xd4\xc6\x03\xa4\x8dS\x19\x10"</t>
  </si>
  <si>
    <t>b'uK\xee\xc8u&gt;\x8e\xbaR\xe7\x00\x87\xe1:Rz\xea\xd8\xcbI;6\x1d\xae\xb7m|\xc1J\x85\xf2E'</t>
  </si>
  <si>
    <t>b'\x93\xd2\x8bx\xa4@\x00p\x98E\x160\x075p\xd1\x08\x8b\xb1\x07\x07\xdcn\x15\xc7\xb4Wb\xc6\x9f\xf2\xe1'</t>
  </si>
  <si>
    <t>b'F\x83\xf1\xfd\x86\xd5\xa0\x19\xb1\x877GQ\xfc_\x15\xd0\r\x10\x15@\x046c\xcd\x11\xdc\xd7\x19[\xc5\x05'</t>
  </si>
  <si>
    <t>b'`\xb7\n\x00*ND\xa8\xab\nZ\x83\xcb\x11\xbc\xa0r\xee^\x0b\xcf.1dT\x93\x03\xc5\x17\xef\x06v'</t>
  </si>
  <si>
    <t>b'r\xb8\xa84"\xb6Y\xc9\xde\xfaT\xa3\xb2\xda\x82\xe1\xfb\x97\x0f\x97T)@\xd5\xec\x08]\xc2/C\x991'</t>
  </si>
  <si>
    <t>b'\xc5\xab\x93\xdb\x08\xae\x92\x9f{\xe4S\x8c\xa5\x89h\x04\x88\xb7d3)\xed\x91W\xb5*\xc7\xdf\xa97\x95\x1e'</t>
  </si>
  <si>
    <t>b'\xf2\xdc\x194\x00\x87\x88\xd1\x98f\x94\t\xf3\x93\xb7\x04\xe5U&lt;k\xe0w\x86\xff\xc5\xe0\xf3\x85N\xf7t\xf3'</t>
  </si>
  <si>
    <t>b'\xbe_\x19\xdb\xc4\x1d\xc5\xb8\x8dM\x0cP\x159y\xe4\xd3\x98t\xf3\xa4I\xd8b,V\x84\xff({ra'</t>
  </si>
  <si>
    <t>b'\xf3\xe8=\x9eG\xad|\x8b\xdd\xc9s\x06\x9b\xd3\xbbO\xa4\x9d\xe9G\xd5\xb3\x89\xc3.Sx\xbfXB\xba\xdf'</t>
  </si>
  <si>
    <t>b'9r\xd4\xb0\x1d\xf7\x816m\x91\xb7}4\x8d~L{X\xb0\xcd\x8b\xe2\xa5\tp\x83\xf7S\xb9I2\xbf'</t>
  </si>
  <si>
    <t>b'\xd2\x12{O\x05\xacv\xe5\xc5d\xb0\x8b\x0e\xc0\x13Zx\xd9\x8dVR\xbas\xfa\xb0A-w4t\x98\x9e'</t>
  </si>
  <si>
    <t>b'\xd0\xc4\x9d\x00Ba\xd0\x8c;\x0ef1\r\xb8\xe0,\xee\x9e\xd8\xd7N\xa2g\xceO+r\xd8u\x8f\xd8\xb4'</t>
  </si>
  <si>
    <t>b'L\xe9\xf5?\x01\xec0\xdcUD\x1d\x07\x1c\x86\xe5\xcb)\x8f\xe9\x06\xf1x\x94\xe9D1J\xa4\xb7\x81\x8f\x06'</t>
  </si>
  <si>
    <t>b"\t\t\x88:R7\xed`D'#\x92&lt;\xdb\x17\xdb\x11n.\x19A\xf9t*JF\xeef\x85\xf9hD"</t>
  </si>
  <si>
    <t>b'\xb9\x12\x0b\xcf\xa5\xcf\xcam3l\xd93[\xe78\xd2\x0bC/\x90\xfd#\xc85\xb4\xbd\x89f\xc9\xa6\xbc@'</t>
  </si>
  <si>
    <t>b'\x8b\xa3@ty\xd0\xc4\x914\x0b\x16&lt;\xa4\xc8\x92\xdf\xaa\xb5F\xb4\x9ff\x92\xa1\x8a,\xe3\xaaf\xe7h#'</t>
  </si>
  <si>
    <t>b'(qP3\x91\xc96\x0eR\x0eZ\xe1\xcf\xd2\x11\x99\xa2\xfe\x91H\xf3\x1e\x81\xe0H\xbaz\xf4\xdfr\xc7\x1b'</t>
  </si>
  <si>
    <t>b'\x0c\x0c\xf6T\xcc\xe0\xbd\xaa\xf5\xea\xe8\xe3\x87\xde\x95(\x9a\xe2\x7f\xf7\x08\xbf\x96\xfe\xee\xdd\xf6\xed\x89\x8a\xa5y'</t>
  </si>
  <si>
    <t>b'\x8d\xf9n\xc7\xdd\x0e\xd3\xce\xfa\x13\xf5AL\xa4Eu\xca\x17F\xf9\xbeD\xe1\x03J\xb6j\xc1\x1aW\x91t'</t>
  </si>
  <si>
    <t>b'\x98\xcf\xc9"Ws\tB\x9c6(sk\xc6~t\xd7\xcf \xa7o\xb4\xf46%\xa5\xd5-\x1e\xebu]'</t>
  </si>
  <si>
    <t>b'w\x0b3(\xd1k\n\xee\xf0M%\xc0\xbdXx\x93m,\x06h\xad&gt;\xa4\xad\xdc\x03c\x95\xc6\xcf\x99\x97'</t>
  </si>
  <si>
    <t>b'\xfbk\xcd\t\x80]\x88\x92sv\xa1\xbc\x95\xd5p\xe5\x1b\xc6\xbb\x82XX\xdb\xb2_\x9b\xfaVa\x04\x1b+'</t>
  </si>
  <si>
    <t>b'r\x7f\x15\xcd\x91H\xfb\xf5\xc2\x0b3)\xe0\xe7\xe3w\xe8\xb7\x84\x05\xe8\xf5t s\xf5\x85\xd0\x1eP\x81\x01'</t>
  </si>
  <si>
    <t>b'\xc6&gt;{.A_H\xe8\x13B\xfes\xeaW\xafW\xb3-\x80\xd8\x18\x01\x0bn\xd0+s\x16\xfau\xe01'</t>
  </si>
  <si>
    <t>b'\xca\xa0\x1a@\xd6\xd3\x81\xa8\xf8\x9cy\xd6\xf3fv\xfc\xdc\xd6\xdcI\xa57\x8fE\x12\xcb\x98;\xf4L\x84\xcb'</t>
  </si>
  <si>
    <t>b'\xc1]\x06\xacoOD(\xdd\xb7\x8f\x94\xd0\xc8\r_"K\x8f\xfb\x1fI8n\x88i\x82\xd7-C\x13\xb1'</t>
  </si>
  <si>
    <t>b'\xf9"x(!5\xcb\xaf)\x924~MqS\xbas%&lt;\xcbJ\xf0&amp;@p\x19\xb1\xa4\xbcF\xcb\x04'</t>
  </si>
  <si>
    <t>b'y\x13b\xe2)\x1fi\x87\x82r\xc9\xc6}\x90\xef\x10\xa9\xd7\xfe;\xdc\x81\xb11\xcd\x1f\x90\x97\xae`v\x1d'</t>
  </si>
  <si>
    <t>b'\x00z\x03\x97)\xf9\xac\x04\x03n\x1d\xb1\x9e\xdd\x06\x805\x94\xa0\x7f\xd1y\xf5\x02cETm\x0f\x80\x1b\\'</t>
  </si>
  <si>
    <t>b'QQc\x8cAy\x81\xc0\xb2\x9e\x9c\xc2\xd7\x18Q\xea#b\xe34\x19\x1a\xf4\xd8\xdcP\xee\xe5\xaa\x01]\x0b'</t>
  </si>
  <si>
    <t>b'\xd3\x81\xc5\x9d\xb1\x86\xcbU\xea\x1aS\xd6L\x7f\xff7\xd5\xfb\xc2d(\xc6\xfe\xdaxK\x16\x15\x86\x91\xa9K'</t>
  </si>
  <si>
    <t>b'\xcd\xdeZ\xe63\x95\xf2\xc7\xec\x07B\xf7\x9f\x97C\xa2\xcf\x0b\x8c@\t\xbePs&amp;]\x8ec\xc4?\xda\xd0'</t>
  </si>
  <si>
    <t>b"\xc2\xfb\xa4i\xfa\xcb!\x95\x93c)C\xa4E\x14\x96+\x8b`\x16e\xb2'\x02\x19g/F\x90-\x9f\x9d"</t>
  </si>
  <si>
    <t>b'`\x8c\xb5\xd9\x1c&gt;\x05\x860@\x8d\x00\x98\xcd\xeaP\xc4m\xe6n\xb2\x08\xbb\x9d/\xeb\x8ad\x86\xfe\xfd\xef'</t>
  </si>
  <si>
    <t>b'`\x9e\xe2H5h\xd8R\x8a\xa6\x0e\xd0\xea\x04\x90\xe5G\x9c\xa6%\xc1X\x7fX\xd1\xd6V\x06\x9e\xd7\\\x18'</t>
  </si>
  <si>
    <t>b'\x0bS\xcap\xd5O\xeah\xe3\x0c\x04\xb8\x8d\xcc\x8f\x14\x95\x13\x98v\xc4\x18))\xf6\xd60\xdc\xdd/&amp;\x9a'</t>
  </si>
  <si>
    <t>b'\x88M\xb1#\x89\xaf\xf5\x18\xd5\x1f&lt;\xbd\xf8\xa9G\xf2D\x11:\x04`\x9f;Q[\xd6\x12\x08\xe7\xdb\xf4\xee'</t>
  </si>
  <si>
    <t>b'&amp;\xab\xc4\x91\x17\xdd&amp;\xe8\xafv\x81I.\x0cY]\x84TH%\xb0\xe60\xae\xb0\xe5!@\x03y\xa9J'</t>
  </si>
  <si>
    <t>b"nU\x96\x80\x00\xd7\xb6\xd9\xc1~\x02'\xf4\xb6\x0b\xa5\xd0,\xfd\xbe\xe1M\x14\nO\xe3\xcaN\n\xce~\x8d"</t>
  </si>
  <si>
    <t>b'2o\x13\xc6TJl\x89\xfa\xfeE\xa7\x926\xcc\xefj\xb7k\r\x087\xa9u)\xf86\xb6\x98\x19PY'</t>
  </si>
  <si>
    <t>b'\x93\xf5%r\x9e2\xbb\x89c\x06YB-\xceTW\xaeH_\x12\x0f\xee\x8a\xb7O\r\x80\xfd\x1a\x1d\xeb\xad'</t>
  </si>
  <si>
    <t>b'\xbb}\xe7\xec\xae\xceH"8O\xd9\xc5h8\xa1\xe4R\'d\xf1\xfe?\x8c\x95`\x0f\rM\x84\x94\xd1#'</t>
  </si>
  <si>
    <t>b'\x90\x94\x85]\x9e)3\xa2Q\xfe\xc6\xc4\xf2\xae&lt;[~B\x80\x1b8\x8et\x18p\xa3\xbd\x81\x95?\xd8\x80'</t>
  </si>
  <si>
    <t>b'\x13\x08\xff\x02e&lt;\xceJ2\xe6\x17.\xe4aAb\xc3\xb5\xc0\x8aP\xcb\x9c8}\xd0\x9a\x02\xd8\x86\xfc\xb2'</t>
  </si>
  <si>
    <t>b'\x0c\xcf\x94\xf8o\'"\xb2\xd731\x84i\xe5\x8a\xae\xcc\xe3\x97\x94u\x1e\x112\x9e\xcd?\xa8f|k\x93'</t>
  </si>
  <si>
    <t>b'k\xb1\xa5&amp;\xed\xb3\xdc\xac\x9a\x05\x98l\x18\xd1\x9dl\xdb0C$\x8e\xd6|\xc4\x84}.\xdbv\x02g\xc7'</t>
  </si>
  <si>
    <t>b',\x1d\xb8M\x97\x06\\:{\xb9\x82\x17\x85\xb3\xd3\xe8%}\x1fi+\xd0\x13\xb0\x0e\xba\xa6\x8aeQ\x17\xd9'</t>
  </si>
  <si>
    <t>b's\x17\x88\x1c\xf6\x85\x04\x9fi\xf8C1\xc2\xd2d\xdd\x96\xa1\xc4\x8d\x12|\x1a\xa7\x0c#E\x9a\x80\\@U'</t>
  </si>
  <si>
    <t>b'\xb0\x8b\x04O\x88\xb7\x00\x84\xdch\x1d\x19\x96\xabT^\x15\xed\xff\x8c\xc1\xd9\x9d\xdf\xa9/\xff\xf72\x08\xb3\xa0'</t>
  </si>
  <si>
    <t>b'\xc4jBO\xbd,\xe2c\x03Y\t\xbb\x00\x08CQM\xf48\xf3(w\x85\x83\xd1\xc1\x9d\x8a\x9b\xb9\xa8\x8d'</t>
  </si>
  <si>
    <t>b'_&lt;\x84\xce\xc0\x0cd\x0fg\xa0\xf8\xb9\x1cJ\xf8\xd0\x96L\xbe\xff\xb4\x91JF\x97$)\xdfJq\xf8\x80'</t>
  </si>
  <si>
    <t>b'g\xfb\xe9\xdc\x00\xbd\xb2\xf5\x1ewd8\xbb4Z\xb6\xc6\xa7!\xc7R\x11\x06\x0c\x91N\r~\xa8\xf8\x7f\x8d'</t>
  </si>
  <si>
    <t>b'%G\xbc*\x13 @\xed\\V\xa3\x7f\xd7d\x1c&lt;\xa9-\x00\xf9cf\xc44\x99\xba?\xa7)\xf8\xae~'</t>
  </si>
  <si>
    <t>b'\xf6\xb5n\xceF\r\xc4M]\xf2|\xc1\x8dPKK\x919\xb1\xbe#\x94\xc2\xc2DBA\xa0\x12\xce8D'</t>
  </si>
  <si>
    <t>b'\x9d\xbc\xd1\x00\\\x98\x1aC\xc3X\xa5\x92\x88\x1b\x93G\x95a?\x8acz\xb3Cv\x94\x8a\xce\xa0\xc8\x88\x0c'</t>
  </si>
  <si>
    <t>b'\x0b.SK\xa6U\xc7V\xee\xf5\xc945&gt;\x9duB\xb3(s\x8f\xad\xf9Y\xe7\xfb\x00\xf3V\xd4\xf7}'</t>
  </si>
  <si>
    <t>b'\x95\xa6Qq=\xb6\xf6\xbf\xc7v\x9dZm\xb8e]\xbf\xaf\x89;w\x8a\xd1\x17\x02\xa0\xcd\x86\x13$\xa6\xd3'</t>
  </si>
  <si>
    <t>b'\x85m[\xc0OB"\\\x04\xeaBue\x9b\xfcbI\xb5}\xdd\xe6\xcd\x8fjy\xed \xb4\xccf\x0e\xd2'</t>
  </si>
  <si>
    <t>b'\x9a/,]\x0c\xa4\x014 \x97\x89\xcf\xb3\x01\x1f\xda\xfcO\x92\xa1\x8dA\x8d\xf4\x90I\x7f\xc2U#\x8c\xbe'</t>
  </si>
  <si>
    <t>b'y.BZ\xfa\xd0b}\xfa\xb1\xd4B\xbd\x95{\xd6\x1d8\xe3}\xa1\xb6\x9c\x1b\xe1\xd4\xb5J\xfcG\x1f\x80'</t>
  </si>
  <si>
    <t>b'\xa7\xb5w;^\x87\xde\xd6\xa1\xa6s\x88M\xdf\xf7\x9e\x84a\xb8~\xd97\xad\xb2\x1b*P\xcd\x0e\xd8jY'</t>
  </si>
  <si>
    <t>b'\xb8\xe6\xb0\xf0D\x0e\x04\xea\xfc`\xe1\x00\x91\xcc\x1c\xa8\xd9\xc6\xa8\xf6\xa8\xa6\x12\xfe!|\xbb\x1c\x11\xfa\xb4\xd0'</t>
  </si>
  <si>
    <t>b'\xb9\x82\xbe8\xb0?\xb1s\xc2\xc3t,\x8cJ\xb6O\x9d\x98\x87|d\xd9@\x86\x89\xb4\xa1\x88\x00Fq\xe2'</t>
  </si>
  <si>
    <t>b'd\x8aV\xc4\x82\xd0&lt;\x1e\x94\x1d\xb3\xc5\r\xfc\xfe9s\xdaw&amp;\xc8r\x92`&gt;D4\xb4#@\xe7\xd8'</t>
  </si>
  <si>
    <t>b'Q\xb1\x03x+mL\xb9\xaf\xd0\xed\xda\x07\x964P&lt;\x9a\x14\xa5\xa3c\x88\x8f\x95W\xfc\xc6\x118\xad\x8b'</t>
  </si>
  <si>
    <t>b'\xa3(Z\x90\x8fC`"\xf36\xdb5\xb1\xc4\x91\x9fz\x81l\x99\xf5\x1eW\xfc7t\xb7!\xfe\xf0P\xdc'</t>
  </si>
  <si>
    <t>b'\xf6\xc2\xf7\xb2\x02\xfa\xbf\xa4\xaal?\xf0\xfb\xcc|\x84\xeb:\x8d\xbb\xfa\x18\xda,\xd1\\\xbe\xb2\xba\x0c\x8d\xde'</t>
  </si>
  <si>
    <t>b'\xa1\x87\xdf\xa1\x80\x9dV\xa4\xd6oT\xd89\x9a\xc4\xeeF\xffkU\x8e\x84\xf9 \xe8\xfc\n\xe3)\xc3\x8f\xea'</t>
  </si>
  <si>
    <t>b'L\x99\x0b\xd8\x1cA\xe0\xf9\x8ePM\x9e\xc9\xc8\xd4\xc9f*{GH\x0fs\xf9K\x8e&amp;\x1b\x0c\xb2\xcf"'</t>
  </si>
  <si>
    <t>b'\x9f\x08X\xf4hh\x8aV\xf7\x90\xe9\xeci\xf9h\xcb!H,\xccZ\xb7\xff)\xb7v|\x11_\x98\xc6}'</t>
  </si>
  <si>
    <t>b'\xdae\xc6&amp;c6\xf9\xe6\xd4\xbf\x94\x99\x12..\x9dB;\xfe\x13\xe5S\xf4\x9f@\xfc_,\xcdffb'</t>
  </si>
  <si>
    <t>b'OFD\x08\xe5.\xf8^\xa88qH\xad\x84\x94\xd5\xecF5?\xc1\x14\x18V,\x15*\x0eW\xa8I\x1a'</t>
  </si>
  <si>
    <t>b'\xc9\x95\xdeP*@cPV{R\xd3\x03\x81\xfd\x82\xdefg{\x872\xd7\x9c\x97\x88]q\x06/5\x1f'</t>
  </si>
  <si>
    <t>b'\xfe\xef\xc3\xe6\x9b!\x10\xf7\xaa\n\xc7\xb5\xe3\x94\n&amp;n\xf8\xad\xc4@\xca9\xdf*d\xd0B\xf2\n\x95R'</t>
  </si>
  <si>
    <t>b'\x9d`E\x98\xcb\xef\xed\xfdQe\xe0\x90%Sj\xdfs?\x129Mo\x94\x0f\xf6\xbf$\xbdD\x12\xb1/'</t>
  </si>
  <si>
    <t>b'\xb2\x11U\xcf](\x15\xd1\xcc\xb5\x7f\xd3\xd6v=\xf1\xbb\xd11\xdb\xed\n\xcb\xef\xfbA\xb5\x8b\xbf\xa0\xcfG'</t>
  </si>
  <si>
    <t>b'\x01\xec\xf56X8\xdf\xa6h\xde[\xf0\xcbu\xae4\x8ds6\x1b\x0ef\xa5\xd7\xca1W\xf1\xdc7\x0c\x16'</t>
  </si>
  <si>
    <t>b'\xf6\x12~\xb51\xc3F\xe2\xc8\xdfRS\xb2\x88;x\x00\x96Km\xd5\xb9\xd86\xc67YVw\t\x18\xea'</t>
  </si>
  <si>
    <t>b'\t\xa2\x93_\x85\xf5\x0e|dXVP\\\x02!\x1c\xd2ka\xc6\xc5TEsR\xf3}\xbb\x9bmV\xe3'</t>
  </si>
  <si>
    <t>b's\xff\xe6k\x8e\x99\xd9\x90\x1bBj-a\xac\xec%\x91\xfaR\xd9\xc0\xf3\xc8@+\xfe\x13\xa5{\xe5\xfb\xa0'</t>
  </si>
  <si>
    <t>b'#|\xf3\xef\x91\xfd6\xf6_W\xe8\x8d\x7fF4%n\xa5\x08\xfb\x10\x06Y\x8d^\xd19\xbe\xd3\xb5\x80\x9f'</t>
  </si>
  <si>
    <t>b'e2\xa7\x08\x84h\xf3F\xb85\x8e\x10\x06\xc1T\xeec\xd5\xf1RR\x02\x18\xbcF\xa9\x88\x98\xec\x81\r+'</t>
  </si>
  <si>
    <t>b'u\x9b\xafi\xe2\xb4?\x16\xf1 \xed\xc1c\xcf&gt;\xa0\x9b(\x9f1\x16W\x08\xb65\x94\xb1Y\x06\xdfM\xe0'</t>
  </si>
  <si>
    <t>b'\xed\xc1\x12\x9b\x17"\xf5\xa5\xc3\x1e\n\x97i\xfb\xeby\xcb\xfdh\x9c\x03\x0f\xd0\x04\x8e\xdcY\x87)s\xe4\xab'</t>
  </si>
  <si>
    <t>b'%8i\xdd\xdd\x15&gt;v\x14\xaf\xb8\xb9\x98\xabc$\xda0\xfb\xd8\xd3\xb2\x08\xb8\xa7\xa6\x8c\x8c\xecm\xe8\xe3'</t>
  </si>
  <si>
    <t>b'&gt;\xaf\x8c^\xb7vy\r~\xe0#\x88\xf4\xe9uq\xa6F2\x88\xe9\x9f\x8b\xfex}\x8e\xa9\xf4.*\xae'</t>
  </si>
  <si>
    <t>b'\x07O\xdf\xa4M\xac\n\xde\x88\xbe8|y\x8c\xcc\xf1\xc3\x1b\x16\xf5\x17\x99\xefJ!\x0bCga\xd8Z\x04'</t>
  </si>
  <si>
    <t>b'\x08\xed\x18\x82\xe7\x11\x1c\xbc\xd7\x1c\x1a\x1c\xec\xcd\x87\xab\xe4TGR{j\xdb\xfam\x94\xc9xS\xb1\xe9\x1f'</t>
  </si>
  <si>
    <t>b'\x9bD7\xde\xcd^\x86\xd7\xe2\xea\x1c\x07\xecm\x08\xb7\xb7E\xf2z\xd6\xc7b\xfb\x11n\xf9\x0f[V\xec\xcc'</t>
  </si>
  <si>
    <t>b'\x97\xb6\xd9\xed\xb6\x8eb(M\x94\x14\x82\xc4D\xa8\x9b\xe5\xed\\\x0c_\xa8y}\x80\xde\x04\x1e\xe7\xf8\xb4\xee'</t>
  </si>
  <si>
    <t>b'\x11l\x18\x81_j\xae}\xdc\xc5c\xc4E\x89h\xc3\xd5\x11K\xb9 \xabs\xa3\x8f\xa2\xd4hHl1\xb2'</t>
  </si>
  <si>
    <t>b"\x03E`\xe8\xd1\xb9\x89'\xd1\xf0\x13H%Ra\xbd\\\xac\x04\x0f\xfaL \xa1\xdcr\xb8\xbd\x08b|\xda"</t>
  </si>
  <si>
    <t>b'\xf7\x8e\x04z?\xe4\xff\xae\xd5\xec\xc0h\xe8\xdd\x08\xd6i7\x82l\xaaV\xaa\x14\x8b~\xbd\xaaNb\xc6+'</t>
  </si>
  <si>
    <t>b'\x10\xb4 \xe3:r\xf0$\xe2\x8e\x02Q\x8d\xb6\x90]\xd9\xa6\xe0\xb0qD\xcbY\x92T\xfa\x83@\x929\x1e'</t>
  </si>
  <si>
    <t>b'\x83\x86^DQ\x98|z\x0505Wz\x83\x17\x82b\xb7\xac\xa1\r\xe7\x18\x01H\x9aZ\x03#~\xde\xca'</t>
  </si>
  <si>
    <t>b"\x80\x9e\n\xe1\xb3`\x0e\r\xb5c\xf6\x19z\xd9\xa6:\xcb~w'\x04\xec\xee\xa5gc8\xde\xebvk0"</t>
  </si>
  <si>
    <t>b'\x06\xc6\xa0\xf1\x17\xd1!\xf3g\xdf&gt;=v\\\xcc\xdc1m(\xc0\xc1q\xef\xe1\xa0^\xb6\xfdX=\xf8\xba'</t>
  </si>
  <si>
    <t>b'\x84 \xfc\x053\xdcE\xad\xce\xf9\x00 \xe0^\x19\x9cjd\x14\x99V\x01\xcfpZ\xea%a\xc5ofK'</t>
  </si>
  <si>
    <t>b'"\xc4~2\xfc\xd5J\xe5"\x0c}\xd4\x07A\xa0=\x9b\xfa\x00o0\xba\xdcAa"`\x8f?5"u'</t>
  </si>
  <si>
    <t>b')2a\xd5\xf8\xb2tq\xdd\xbb/\xac\xba\x85l\t\xe6s\xb0\xe4\xb7\xc9\xe6=\xb8\xe4\xb9ZH\xeb_F'</t>
  </si>
  <si>
    <t>b"\xad\xcc\xaaqg\xe8\xfe\xe9d,W&gt;\t\xbe\xbe\xf1\xb9\x94\x08*\xfa\xc9e\xfe'W\xd14\x81O|\xe8"</t>
  </si>
  <si>
    <t>b'\xbf.\x80B\x8d\xff\r\xa0\x96\x1f\x0f\x1d\x88\xc9\xef\x0c\xf8\xcf\xf1\xa7[i\xf3pd\xc4\xa2]\xa4L\x83\xd5'</t>
  </si>
  <si>
    <t>b'\xbb\xd1Y\xe3\t\x90\xc1!\xf7\xa1J\x02\xab)s{\x18\xe82\x18\xf4%\xb8\xec\xb0\x1e\x01\xf0\xfd\x07\x8d\x98'</t>
  </si>
  <si>
    <t>b'}\xe4\xc8\x08C\xdfd\xe3\xff\x87\x0c\x80\xb9D\xa0\xc5\x11j\xf5\xb3L\xf8Oxo\xa8Y=@\x1aPa'</t>
  </si>
  <si>
    <t>b'\xe9\x14M\x97\x04\x8b@\x9ee\xd1\x9f\x02\x85\xcfy\x189\xa1\\K\xb7M\xce\xe5\xf6\x1d4\xb0\xac#[\xed'</t>
  </si>
  <si>
    <t>b'di\xf2\x8d\xee\xda~\x8e\x8c\x97\xa7\x99\xb8\x05^u\x19\x84\xbb\xb8\xad\x938\xf5*o)2W\xcf\x9f\x8a'</t>
  </si>
  <si>
    <t>b'\xc9\x87\x9b\x842\xdaX6AD\xde\x1dk\xa6\x15\xc5\x12\xf0\x0b6\x9f\x03\xe9\xfa\xebh?\x7frW\xf1\x86'</t>
  </si>
  <si>
    <t>b'\xea\x9a\n\x8b+(\xa4\x13O\x88Q\xdeG\xa1\x93\xa5a\xd2\x9e \xb7\x0f\xf1\xfd\xe0i\xa5Q\xb6\x99.#'</t>
  </si>
  <si>
    <t>b'\x13\xc6\x88\xdbEj\xc6\x0c\x0c\xdc.\x1b\xf1\xcb\xda\x92\x00;\xe0\xafy\x96\xe4\x85\xb2\xa2W\x92\xd2B\x07\xe1'</t>
  </si>
  <si>
    <t>b'\xe2\x87G\xf2\x8d5\xac\xa2r\\\xa6\x11\x19\xcb\xd8\x0e\xba]\x183-\x1aO\xbd\xeeITdrk6\t'</t>
  </si>
  <si>
    <t>b'\x87\xc3\xb3\x88\xbc\x00\xd9V\x08\xc5r\xf6\xf6\xab\x18\x13&amp;&lt;\x95R?z\xdcy\x82\x18L\xd5;\xde\xc5R'</t>
  </si>
  <si>
    <t>b'5\xb5k{\xb9\x8c\x8b\x92u\xe8*i\xda\xaf\xd0Vi\xbd\x060;\xce\xf3\xb88\xaf\x90\xd8\xe0\xa1t\x9a'</t>
  </si>
  <si>
    <t>b'\x9a\xdfi\xabD\xec\xf28\xbav\xebc\xf5R#\xe9\xa7\xa1R\xb4oi\xdc`\x9a\xc7\x18\xd9&amp;\x02\xdb\xf5'</t>
  </si>
  <si>
    <t>b'\x00\xe3\x1f\xc4(\xbf\x85\xf0&gt;\xdd\x81\xf4\xcc!z\xfb\xa6F\x0e\x94I\xc0\x9e/\x8b\xb5\xaaE\xc8d[/'</t>
  </si>
  <si>
    <t>b'\x00\x85\x02U\x06\xe8\xe1\x1fmk\xa1`_$\x1f\x05\x88\xdc&lt;\xa1\xc9\x18;\xcb\xacn\xf31\x96\xd5\xa2\xe2'</t>
  </si>
  <si>
    <t>b'{\xe9\xc3@\x10\x85mu\xc9\xb8s:\xf0\xb4^\xb0\x83\x1d\xe5V\xe4\xe4F\xf2\x98\xef=\x9b\x15i\\\xea'</t>
  </si>
  <si>
    <t>b'\xe4\xd4\xbd\xa7:1O\\]\xf7@\x9f{\x0e\xc6\x06\xd7\xf0\xcc\xc6\xcb\xb5q\xbd\xa6\x85\x08\x88+e2\x0f'</t>
  </si>
  <si>
    <t>b'=M&lt;\xc9\x9e\xbc\x9c\xe6=\xbb\x13\xfdk\xad\xf6\x8fT\x19\xf3\xcd\x02K\xf7_\x8f\xf5\x17| 4\x91\xa9'</t>
  </si>
  <si>
    <t>b'\x84ui\x94\xa0\xb7@e\x03\xfb\xcd\x83=# \x99"~\xbe\xe6\xcf\x0f\xbd\xfaAh\x11\xaa\x11\xb2\x18}'</t>
  </si>
  <si>
    <t>b'\x93\x11{\xf1\xeb\xa6dl\xd5&amp;e\xe7\x07\x12:\xc1\xa68\rs+0\x11\x96S\xe1DA\x9c\x9c\xe3d'</t>
  </si>
  <si>
    <t>b'\x9a\x1d\xf9\xa0a\x04\xd04\x16\x1c\x8eWv\xfd\x886 O\xf8\xc9\xa9\x12=\xdb\x8dT\xf7D\r\x05\xcc\xa4'</t>
  </si>
  <si>
    <t>b'\xcb\x8d;\xaf\x91\xf6\xce{uI\xdb\x88~\xf4\x88\x19Li\xea\x0fP\xeb\x8d\xb5R\x14B&lt;&lt;\xf0\x9d\x01'</t>
  </si>
  <si>
    <t>b'\x99=2?\xad\xe3\xff\xc5F\xd3\xf5B\x1c_6"\x9aH\x9bO\x87\xaaJT\x80\x94\xc3\x1df7$\\'</t>
  </si>
  <si>
    <t>b"\x18'\xc1\xe1\x0bg\xb3\xc9\x90\xbf\xc4\x87(\xf8L\xce\xb4\xe5\xc1\x04\x1f$\xd3,\x8c\x1d\xa0Xb \x92O"</t>
  </si>
  <si>
    <t>b'?_\x1c\x82\xc9\xbf\x9c\x87\xcc\x8b\xdfPi\xfc\xfa9\xbc\x7fK\r\x08\x93Jq9\x92\x9f0\x0e@\xb1\x98'</t>
  </si>
  <si>
    <t>b'\x9e\xfe;\x86\xc7\xf7X"\xc8\xef\xc3\xf2\x8c\xad\xfdE3`z\xd44\x0f?\xffJ\xcem\xb1R\xc1\xa3\xb8'</t>
  </si>
  <si>
    <t>b'\xfa\x9f\xfc\xb4j\xb0\xc4E\x16\x9b~\xfac\x87\xb9\x07\r\x80^[\x8c\xbf{\x0f [\x1f\xdf\x1a\xd1\x7f}'</t>
  </si>
  <si>
    <t>b'\x0f_\xd9\x84\x8c\x16\xab\xb7\xec\xd9\xeb\x893L\x1b5)\xc3&amp;\xa2\xe3\xdc\x9c\t\xbb`\xdf\x04HFj\xf7'</t>
  </si>
  <si>
    <t>b'\xe8\xeb\xd7\xab~T,\x07Td\xf6\xf0\xed\xa9\t\x17GX\xdb\xc9\xfb\xa8a\x05\xef\xce\xd44S*s\x1a'</t>
  </si>
  <si>
    <t>b'\xf9~Tx&gt;\xe7\x1ePm\xee\xc3\xa2[H\x1c|`\xb8Q\xa6\xc5\xe4\xc2+8J\x1f_\xf1B\xf3\xca'</t>
  </si>
  <si>
    <t>b'\xce\x88\x86k\xd6\x1b\xc4\xd6\xbb\xbe\xe3~w\xad\xc0qc\xd3Z\xed 1\r\x89n\xff\xd9\x0e\xde\xa8\xb4\\'</t>
  </si>
  <si>
    <t>b"\xdf\xd9'\n\xdc\x89U\xbbXtc\x83\xb6XT4\xab7\x90\x8c\x88\xb6\x86\xfc\\\x7f\x11\xf2I]\xb8q"</t>
  </si>
  <si>
    <t>b"d\xce\x83\xcf\xcc\x9db\xd5F\r'\xf2\xb7S\x1d\x87\xf8\x02\x7f\xf5t%\x96]\xa7\x01R\xee\xf6FF\t"</t>
  </si>
  <si>
    <t>b'3\xcf\x8eK`&lt;\xcf\xeb\x17\xaa\xf5p\x01\xb0\xa5\xc9L-\x0emM.\x8d\x0e\xc6\xf0,e\xb9\xa7\xdb\x9e'</t>
  </si>
  <si>
    <t>b'\x8b\x82\x0f"\x11\x84k\xbcx\x12\x04P\xf3%\x17\x0f\xae\x8d\x9a\x0c\xady\xbcb\xdeKS\xb5\xd6\x15\xd2\xc3'</t>
  </si>
  <si>
    <t>b'\xd0\x11\xd2\xda}\x12\xfc\x1ek\x15F\xa6\xb3sd/\xf5\x92\xda\x82\x18n]\xb9\xb4/\xa6\xd8\xa8\xede\xc0'</t>
  </si>
  <si>
    <t>b'W\xb1K\xaf\xe4\x00\xf1V\xf4jKh2l\xdbG\x82\x8c\xdcVZ\x8e\xe9\x9f)\xf0\x82\xce\xa4g\x9c\xd3'</t>
  </si>
  <si>
    <t>b'w\xec\xaa\xa3$\xc3\xee\xea\x80\xc5ZVq\x05\x902_~x\xf4\xce\xa8\x04t\xb0\xfd\xb7\xe3QT\x7f\x82'</t>
  </si>
  <si>
    <t>b'\xb4\xb80\x86\\\xf9MO\x95\xe0&gt;\xd3_A\xa2\xef\xb6\xe3\r0\xfbrDE\xc7\xb8\x87\x9b"?hI'</t>
  </si>
  <si>
    <t>b"\xe1F\xc6'\x9b\xcfo\xb2\xed\\\x9b\xb8/r\x1c8\xd2\xa8*\xdaY\xcd.\x8f&gt;\xdcR\xa6W\xf9\x00\xe4"</t>
  </si>
  <si>
    <t>b';\x9d2K\x87H\xe1\xf5\x12n\x18\xc8*%\x7fo\xa4by\xa0\xbf\x1an@\x8ep\x13\xaf_\xf8\xaa^'</t>
  </si>
  <si>
    <t>b'H\x1b\xd4\x0c\xebB9(\n\xf4\x8f\x9f\x8f\x07G\xb3\xf8\x05\xbajr\x8a$q\xd1\xaa\xc6\xab\x0e\x18\xcc;'</t>
  </si>
  <si>
    <t>b'\xff\xfc\xf5}5G[\r\x05x\xfb\x83b`\xef \\\x9d\xb3\xac=*)\x91\xd8\xf0\x1c\xdb?a9)'</t>
  </si>
  <si>
    <t>b"\xa8\xe6b\xe3'\x81\xed8\xd8\x06\x99|n\x11\x146\x19B\x89y\xaf\xa6\xee\x0b\xd6\xf8\x9d\x19I&gt;\xf7\x8c"</t>
  </si>
  <si>
    <t>b'AIMJ1Y\x9b\xcb\xedH\x8f\x1a\xad&gt;Zc\xb9\xe0\xfa\xf5\xa0\xb6\xe5^Z\xec\xc0,\x94\x1e\xc4\x8b'</t>
  </si>
  <si>
    <t>b'\xfc\x13\\\x9d\xa0\x85\x12]\x98\\\xca\xff\xc5\xf5X\x03\x07$\x81\x9d\x0cL\xdb1\xdc\xcc\xa8\xf5\xd5\xa1M\x9a'</t>
  </si>
  <si>
    <t>b'#!\xa3\x86Gt\x8cQ\x00\xc7\x06\xbf\x0f`&amp;_\xa7d\xed\x1e\x16\xe1^,\x0b\x172tj\xe6)\x1b'</t>
  </si>
  <si>
    <t>b'Cg\x9f\xf0\x05\x1a\x02=\xb8\xa9\xa7\x87\x83\xda\xc6\x87\x97\x93\xe1\xe3m\x08Z\xc6}\xff\xde\xb8\xa00WQ'</t>
  </si>
  <si>
    <t>b"\xc0\x01\xed}\x87\xa9\x954%\xc2\xe9\xc5\x85`\x86}x=\xf3\xfb'x\x8e\x9f\x8f\x82f\xc1bU\x93\xcc"</t>
  </si>
  <si>
    <t>b'\xdfA\x0c\x0b\xe1f\x18\x8b\x92&lt;6\xf4|e:i\xf8\x1e\x80\xb8\xff\xa5\xe1\xd7\xbb\xb7\xe4\xa1\x10\x14\x84\x00'</t>
  </si>
  <si>
    <t>b"F\\!\xdf\xaa\xe8\x8f\\\xc3Y.\xa4b\xd5\xbf\xc0f\xe0&gt;i\xe6\x93q'\x01\xf0\xf3\x03\x8a%\xddX"</t>
  </si>
  <si>
    <t>b'e\x0e\xd4\xd4\x15\x16s\xe9\xb8\xb4I\xefH,k\xc8\xc7\xcf\xfcK\xb6\xfc\xc8\xb9.\xd2\xc4/\xdc\x0bp\xb2'</t>
  </si>
  <si>
    <t>b'\xe6zo\xca\xa9Sc\x90\xc3|\xe2\xbe\x15\x81mm\xa2InS\xd1\xd9\xc2\x94{;\xf7=\xdb8\x0cX'</t>
  </si>
  <si>
    <t>b"\xdc\xffAcKkV\xa8's\x1a\xf2N\x15\x19\xc7\xaa\x82w\x86\xb5\x8e;=\x9e-E\xa3XmQ\xed"</t>
  </si>
  <si>
    <t>b"\xd2\x86\xf0\xe1\x1a\x06\xab\xee\xb9\x80\xc4kI\x7f\xb7,]'%,L\x16l&amp;nj\xa2\x17\x07\xf6\x8d\xa9"</t>
  </si>
  <si>
    <t>b"'\x89\x87\x85\xa1\x1e\x90m\x0b\x9c\xc4\xea\xd1\xee\xae\x9d\xa2\x00\xa3bE\xf0 \x1dC \xef\xb0\xf6\xaan\xc0"</t>
  </si>
  <si>
    <t>b'v\xf4\x98Fj\xdc\x1f\x05\x94\x7fe\x15Q\xc4j\xba\xb1\x9e\x02\xc1j\xf1\xb6K\x94A\x8f\x7f X\x9b\xe1'</t>
  </si>
  <si>
    <t>b'\x10Y\x8b)\x84\x0b\xc8M\tWvf\xed(,P\xd0\xec,\x10\x11\xe8Sz3\xf9i\xb24 \xcd\xcd'</t>
  </si>
  <si>
    <t>b'\x06\xef\xce\x1e\xfd\x9e@\xa7\x88L{T\xa0\x89\x90\xa0\xdc\x9fG\xfb\xf5u\xd5\xdc\xa8\xe5#\x18\rJ]\x16'</t>
  </si>
  <si>
    <t>b'7\xfd\xd2j\x0cuG3G\x9b\x19g\xf4h\xfeSB\xdf\xa7&gt;\xbd\x01|\xf4\xee\xb3\x89&gt;\xa8\xa6\x85u'</t>
  </si>
  <si>
    <t>b'\xfda"\xda\xc1\xa0\x1f6\xe5\x9fN\xd8\x86\xc6jG\'\xbd\xf1\xfd\xb7\xe1\x8a)FF\x86YJ~\xb9C'</t>
  </si>
  <si>
    <t>b'\x82\xdfJ\x17\xdb`\xf5\xe6\xca\x05O\xa8.7\xecC\x8a\xb4\xc3:\xd92\xb9x\xc0?\xdf\x82\xc3\x96\x1b_'</t>
  </si>
  <si>
    <t>b"\xc7!\xf4\xfe$d#\xe0\xe4'9\xe2\x92e@\xb9\xf1\xac\xec\xc3\xc7, \x1dw\xcd]G\x8c_@\x17"</t>
  </si>
  <si>
    <t>b'\x8a\xaeH\xb8\x00\xf5B\x00\x1et\xe5\xb1[D\xb8\x04X;\xa1\x99\x96\xb7F\\o\xf5\xb17\x18\xa2\xf8\x9a'</t>
  </si>
  <si>
    <t>b'\x91\xf8\x98\xb7"\xac\x9f\x81\xe5\xf3\xff\x03\x80\xafa\x0e&lt;\x80\x87\xd7\x08$\xb6\x8e\xffTi\x80V\xc0\x019'</t>
  </si>
  <si>
    <t>b'\xd5\xc05\x19\xfd\xfd\xb1*\x88Kv\n\xd3\x1a\xcb\x92\xf6s4\xb7(\xbd\x94\xa3\xa6\xd7\x8e\x1a\xa4\x13"\xf0'</t>
  </si>
  <si>
    <t>b'Ap\xff\x94\x99\x8c\x8f\xca\xf4qM\x97\x84\xa6\xecp\xe6u\xdf\x14\x95\xe2\x92\x81A\x82\xb7U\xb5f\x97\xd0'</t>
  </si>
  <si>
    <t>b'\xa1\xec\x9bY#*\xaeGG\xe5\xb0B\x1e.`\xd8\x90\xa3\xdf\xccH`\xcb{-q\x15\xac\xed\x93\x0co'</t>
  </si>
  <si>
    <t>b'\xce?\xc0\xb8\x95GL\xa5\xf6D\xf4\xa5\x99\xd5B\xb6qA\xb3]\xd7\xeeOI\xfe\r\x06\x8e\x9f\t#\x01'</t>
  </si>
  <si>
    <t>b'\x1e\xb9\x8c\x1a{\xd0T\\\xedr\xf9\x97\x91b\x18\x15\xb4p\x80\xecJbc\xacL\xc4.\x95\xb9\xaf\xfe\x8c'</t>
  </si>
  <si>
    <t>b'\xbd\xe9Y\xd7\xdc\x8b\xf1\xa6v\x1bd\x94\xd2T\xacYK\x86\xc3\x99;h\xcfa\xb9\xa3X\xe5\xdc\xc0\xdf;'</t>
  </si>
  <si>
    <t>b'+7\x91AM5\xe6\xe4\x80\xc7U\x8b\xb4\xc2\x04\xb7\xc0\t\x8dc\xbcT\x8a\xf8/*]q\x94\x9c\xff&lt;'</t>
  </si>
  <si>
    <t>b'\xfb\xd5\x0f\xb7q:\xde\x81x:\x01F\x80a\x1eZ\xbc`\xd3OU8\xf8\x8c\x05\x8d\x99\x86\x88\x1c7\xba'</t>
  </si>
  <si>
    <t>b"\x97\x1c\x91D\xa6\xadA\x7f(w0P\x83'\x18~\xafUZU\n\x1b\rf\xaf\x04\xd6?\t\xbe\x1aA"</t>
  </si>
  <si>
    <t>b'\xba\xe0\xc3l\xdb\x85b|w\xab\x94\xe1\xe5w#\x99 \x99\x08\xdeP\x0b\x81G&gt;\x95!;l\xc4\xc2U'</t>
  </si>
  <si>
    <t>b'=%!]\x11\x05 \xca\xfd\xcd[M\xebP\x12\xaf8\r&lt;{Q\xe9\xfd\xf2\xc5zw8f\x8a\x7f\xf9'</t>
  </si>
  <si>
    <t>b'\x04/\xeafT\xab\xa0\xe2z\xa5\xc8\xd9\xa9\xd6e\xee\xe4\x0b\xec\xaeyWy\xad\x1d\xd3@\x8c\xfdj\xaa\xed'</t>
  </si>
  <si>
    <t>b'a\x0eFNZ\xca\xd5\xf5\x88\xe0\x07V42\x02m\xfd\xb3U\xfdW,\xab\x8e\x88\xfa*\xe2\xf5h\x14&amp;'</t>
  </si>
  <si>
    <t>b'|\x13\x8dS\xc3?\x1d)\x18\xf3\x1d;\xbcs\x1e\xabl\x08M\xe54\x80\xee6\x08I\xb3\x8au(\xf6\x02'</t>
  </si>
  <si>
    <t>b"\xa1'\x8d\xe8\xc2v\xa8\xf8A8\xd5\x84\x19\x16\xdf=\xf1\x00\xf9v\x0f8t\xc6\xac\xc8:\xd3l\xa6\xdf\x11"</t>
  </si>
  <si>
    <t>b'/q,\xfc\xfa\xf2\x15pn\x96\xbc\xe2\xa3\x1fH\xf18\x18Yk\xcd\xc2\x08\xd2\x01\xb8\x12x,U\xd2\xc7'</t>
  </si>
  <si>
    <t>b'z\xed\xbf3cpvQ\xae\x83\xae\xd7?\x1fB\t\x9fA\x03\x0b`\x9f\xef\x1b\xb8hy\xa3!\xf8\xfe)'</t>
  </si>
  <si>
    <t>b'N\xd5:\xb7cV\xc8\x85\xa7\xa9$vNO\xad\xc1\x8e\x13;{\xc0\x82\xd9\xc9y\x06\xb6\x15\xb2\xf8@\xfb'</t>
  </si>
  <si>
    <t>b'\xcbY+f\xc7\xb2\xe1-\xf5\xff\x07^\x16\xe2U\xd1\xc6\xbb\xea\xc1\xb7\x85r\xd2F\xf0\xe3\xadR\xeeg\xb2'</t>
  </si>
  <si>
    <t>b'\x1a\x9c\xd7S\x96@c\xd1l\xc8\xf2J\xb5\xb2\x8b\x8b\xd0i\xee\xb5-\x10c\xd0}\x84\x85\x0b\x1e)\xd6,'</t>
  </si>
  <si>
    <t>b'\x16\x9e\xfc\x90\x87\xa0\xf4\xe6\xcb\x0f\x18\xc5\xc7\xeb\xe8\xa1w\x1eFW\xdfZkbZD)\x82M\x9f\x02\xa5'</t>
  </si>
  <si>
    <t>b'Ex\xa8k\x13\xd0C\x12^\xf74N\xe6\xb8\xf4e\x9dW\xe0\xa1W\x84\xc8\x11\xba\xa2\x0eB\xe9\xe0-\x06'</t>
  </si>
  <si>
    <t>b'\x8e\x93=\x99A\x95\n\x18\xeb\xe5\xa9y,D\xfe\xafp\x01\xeb\xc2\xb0\xdb\r\x98Q\xce\x0c\xef\n\xba\xac\xb0'</t>
  </si>
  <si>
    <t>b'\xe8\x113L\xb8c|k\xcb]\xe7\\Y\xba\xdc\xbf\xdaL\xcd\xe4\xa6\xdfL\xd6\x846}\x1dW;L`'</t>
  </si>
  <si>
    <t>b'%H`\x19\xab)\xc8\xbe.\xea\xff\xe6\x80P+\x00Wc\x8cQ\x02\x88Pn\x98\xf6\x84ve]&gt;\xbd'</t>
  </si>
  <si>
    <t>b'\xce\xb2\xaaA\x82\xaf\xd1\x84\xd6Y0\xef\xd3@\xf9\xa2\xf3o\xa3\xb5j\xb6\xbc\xa5\xf3\xeb\x1b\xb8.\xae,\xd8'</t>
  </si>
  <si>
    <t>b'\xb6\xe4\x80\xe9\xc3\x88\x81\x10(B\x848r\xba\x04]d\xa7\xe8q*W\x1b\x08\x00\x0cq\xef\xb3^~\x7f'</t>
  </si>
  <si>
    <t>b'{\xad\xa0g\xdb\xa7\xd5\x01\xaeZL\xf9\xb8bJX\x97\xde\xfaj\xc4\x99-\xc2j\xbf\xa0\xf8\x1f\xfcT\xfb'</t>
  </si>
  <si>
    <t>b')\xf0e\x08M\x9fipL\x17\xd6\xeb\xf3=J\x9bY\xb3\x0f%\xfckN\xa2\xfe\x1c \x86$\x860P'</t>
  </si>
  <si>
    <t>b'DE\xee\x17\xa2p\x11BLdP\x12\x9a\xa2\xa5R\xb9}\xfbJE;\xa6]\x9f\xbaL \x84\xd0\xfe\x0b'</t>
  </si>
  <si>
    <t>b'\xc9\xc8z\x85+K\x05 \x05\xf7\x9f\x04\xad\x9b\xd7\xcd\xb4\x97\xe6\x12\x9f\x0c\xff\x07S\x11\x1c\x94\xd7\xa0&amp;+'</t>
  </si>
  <si>
    <t>b';p\xac*\x88r\x17J\x86\xf0\x18!@v\xe2\x87\xad\xee\x9a&gt;\xff\xd9X\xa9\xed\xd2N\x1a:9\xe8\x8f'</t>
  </si>
  <si>
    <t>b'\x8c\x84X\xfe=L\xe2\xf6\x92\x1dm\x81\xc5\x127?\xb6\xa7\xa3GO\xef\x1a0h6Q\xc0\x92Q&lt;\xa3'</t>
  </si>
  <si>
    <t>b"~\xcf\xea\xbf\x0cx\xb8\x00\xaf}6\x95^$\xa5U\x16\x8b0\xfa\xe6\x00r.\xf2\xdd{g\x00I`'"</t>
  </si>
  <si>
    <t>b'\\;i\xa65(\x14\xdaPc(*0\x14\xc7r\x1a\x85\xe8s\xd1\x15\x8a\xa9R\xa9DBG\x1d\x93\x00'</t>
  </si>
  <si>
    <t>b'\xbc8A\xfd\x02\x92\xf5XR\x95Oy\x01\r "@\xc4\x08U\n\x04?D\x16\xc3L\x877\x87\x910'</t>
  </si>
  <si>
    <t>b'\xe91\xcc\n\x15\xbc\x7f\xd0\x1d\x82\xf7\x1d$:\x91?\xf95Tf\xa3\xf7\x83\xbc\xf9\xfdE\xaf\xc1\x94\x06\x92'</t>
  </si>
  <si>
    <t>b'R\xa1N\xd7\xee\xf9^\x19\xe5\xbb\x98\x1dW\xe8\xdf9/\xb6\r\xe7\xd2\x19&gt;\x1ft\xcb\x06\xfa\xeet3\xfb'</t>
  </si>
  <si>
    <t>b'wTz\xf8.\x9b\xa46E\xf4\xc1@\x82\xd4\x1f\xa7\xc9\x89^\xd4\xc9\xaa\xeb"\x19\x98T\xb6\xf8\xe9#\x0f'</t>
  </si>
  <si>
    <t>b'\r\xc0\xdfb\xc7\xc1\xae\x98\xe39\x0f\x01\x05\x06\x9c*\x9c\xe3\xc5\xef\xf4\xaa\x1a~\x08S\xf9\x19V\xc0\xbdN'</t>
  </si>
  <si>
    <t>b'S\x81\xa5\xd5\xadk\xd3\xce\xb3\xc8\xbchM\xd5\x12\xd6\xef\xe34\xab\xfc\x00\xaf\xbc\xb1\x92:-\x1e\xd5\xa7j'</t>
  </si>
  <si>
    <t>b'\xd6\xa4K:#H\xcc\xd0/\xe20\x97\x1b\xee\xf0\xb2-\xfcjS^\x86\xf5g\x88t\x8aK\x94\xa5\x94r'</t>
  </si>
  <si>
    <t>b'\xdf\xa5\xca\xe9UUAFh\xfb\xe1\x9d\x87-\x07g\x87\xd8C1r\x1f\xbb\xc1\xe3\xed\x02]\xfc\xcaH\x9c'</t>
  </si>
  <si>
    <t>b'\x16\xa2\x83\xa5Qw\x9b\x8cUGUi\xbc\x0f;\xdc\x93\x12\x14C\xcc\xb1\x17-cn\xe5\xb5cz4\x9d'</t>
  </si>
  <si>
    <t>b'\xc8^\xa07\x9a5)\xf6d\x9f\x99\xcc\x94\xa2\x9d\x8fHB\xfd\x88n\x06W/@!Tx\x8fXs\xc0'</t>
  </si>
  <si>
    <t>b'\xa7\x9a\xb0\xad\xba\xde\xd4\xa2 \xe6\xf9\xee\x7f&amp;\xc1F\xc7\x8f\xd4\x14\x17\xab\x1cO\r\xea\x14u\xfaW\xcc.'</t>
  </si>
  <si>
    <t>b'\xda\x97\xfb\xab\xf9K\x99z\x9b\x8d:\xdc\x06\x05o\x0fU\xe0D&amp;V\xf7\xdb\xae\xbc \x12\x92Mz|,'</t>
  </si>
  <si>
    <t>b'\x8d\x7f:\xd6px\x92[\x89\xdaz\xae\xf7\xa2\xe8m\xb1\xb0c\x9b;&amp;\x03P9\xe5`\\\x90D\x01.'</t>
  </si>
  <si>
    <t>b'\x0e\x1f\xa2\xd4\x8e\x98\xa1\x85i\x93O\xce\xb4\x80\x12}\xe6\xdd\x07K_T\xba\xd6p4h\xd5)\xb8\x176'</t>
  </si>
  <si>
    <t>b'\x1blO\xa4\\\x82\xdd\xf0\x86\xe8p^\xe7u\\\x10\xdd\xb8\xec\xefx\x8d\x0c\xc1L#c3&amp;\xd2\xfc\xfa'</t>
  </si>
  <si>
    <t>b'\xb3Gx\xea\x93\xfe\xab\xb3\x98\x00j@\x1d\xcfby&amp;\xacy\x9f\x1f\xc3\x06\xf2\x95\xf5\xc3\x02\xab\xdeZ\x90'</t>
  </si>
  <si>
    <t>b'\xb1\x87\xc9X"\x0c=S\xe4u2\x8a\xf4X\xf8\x84\xfd[\x91dU\x08\x17*2w\xc0\xf8kf*\x81'</t>
  </si>
  <si>
    <t>b'/\xdc\x1eUc\xddfM\x979l\xb5g\x04%\x13\x98\xca\xb8\x8d@9$\xebS\xa6 \x10\x9c\x84H\xa5'</t>
  </si>
  <si>
    <t>b'7\xe34h:\xc9\x9c\x0e\xfa\x1a\x17i\xfa\x9dzb\x81\xc2\xafP\xc9F!F\xcf\xdfG\x82\xfbS\x13\x17'</t>
  </si>
  <si>
    <t>b'\x92dR=\x8cl.[\x962\xbe\x06\xb6\xebJ\x8a\xc7\x05\xb3\x0c\x8f\x98\xe6\xba\xc1\xe8\x02\xd1\xdc\xa7K\xa8'</t>
  </si>
  <si>
    <t>b'\xc4,\xf3\n\xf36\xb2\xee\xd1\x16\xcc\xeay\xaf\x16\xf1\xc9\xa6\xa8\xa9\xdf\xacln\xb1\x9b\x0b\x8aI\xe5M\xc1'</t>
  </si>
  <si>
    <t>b'\xaa\xef\xc73\tC\x06d{\xf3\x02\x16\xee\x81\x8d\xaf\xc9et\xba\xf7y\x06c+Ka\xc8jU/;'</t>
  </si>
  <si>
    <t>b'\xbd7\x96P\xb8\xf8\xa7$=r\xf5\x01\xb1n\xc9\x83\xd7\xa2y\x1b\xd8\xe2\xbc\xea\xfee\xefr\x8b\xd0N('</t>
  </si>
  <si>
    <t>b'^\x16S\x9aa\xee\x82-\xccgC\x1a\xddt\xa0\xd7\xc7k\x1d\x86\xd3\x17a\xf3\xda\xc7~Ml\xa71\xce'</t>
  </si>
  <si>
    <t>b'x\xbe/`\xd1Q\xce\xf9\r^\x04\xb0a\xde\x88*y\x96\x1b\x90\xd9X\x01s\x80ft\xeb\x86n.\x96'</t>
  </si>
  <si>
    <t>b'\xa6&gt;\x81\xb7\x8b\x88\x8a\xee\\\xd6\xbaaQ\x84\xac\r\xf8\xe7\xa5\xefU}\xad\xa5\x80yj`\x9f\xea\x13\xa8'</t>
  </si>
  <si>
    <t>b'\xea\x96\x01\x1a7\xc5\xe2QO\x81\xe9\xf8\xb2\x8f\xe1-G\x99\x9f\x00\x12\x1c\x17J)\x038c\x9b\x9b\xf5r'</t>
  </si>
  <si>
    <t>b"\xe6`]\xb2\xe0\xf9N}\x7f\x1c\x88\xce#M&lt;\x90\xc2\xa5\x04\x94\xc8LN\xe1&gt;\xf0\x01\xfb\xf9'U\xfb"</t>
  </si>
  <si>
    <t>b"\xe0\x8c\xc6*\xacsk\x99`\xbe\x83\xf20\x06c\xa4\xb7\xc1\xad\xf6\xa6\xbfk\xa2\xf3r'5Y\x99\xce\xdf"</t>
  </si>
  <si>
    <t>b'p\xe3e\x85\x1d\xca0\xc3=F\xb9\x80\x94\xe9\x9b$\xd4\x0b\x1eP\x0f\x01\xe2\x98\x1fR!G|\xa3\xbc\xd2'</t>
  </si>
  <si>
    <t>b'\xd7o\xa0\xb71\xf9o\xceLp\x84\xe0\xb5\xbfT\x03\x84\xe0\xda\x1dj\xc8W:e\xa0w\x80]EaM'</t>
  </si>
  <si>
    <t>b'\xba\xba-\xf48B\xb8\xb6f5`n\xbcQ\x83l\xbfI\xde\x95\xe9I\x87\x1fJU\xd3J\xf7/\xa4\x00'</t>
  </si>
  <si>
    <t>b'\x1c\xd0\xed+S\x19\xae\xa0\x80XV\xe3:s\xaf93O\xb8\x1c\r,&gt;\xe4J\xeff\xa2\x9a\xd7Q\x8c'</t>
  </si>
  <si>
    <t>b"\xc8\x04^%7\xed&gt;\x9bl%\x8a*\xc6v\x18\xac\xe5.\xfb'\x01\xa1V\x99X\x96\xb3\x87\xeb\xc32\x01"</t>
  </si>
  <si>
    <t>b'\xa4\x84\xe6\x88\xd3\xe3\xb0w\xdfR\x94\xd0\t\xf9v\xe8\xc4\xa7\x95\xfb_G! \x11\xa9\xca\x0fq-&lt;\x94'</t>
  </si>
  <si>
    <t>b'\xa0\xd9\x0f\x18.\x0c[\x0c\x04&lt;\x0b\xae\xd7%\xe6\xe5\xf78TmV\xa5\n\xfd\r\xbe\xedy\x1e\xf1\x12\x03'</t>
  </si>
  <si>
    <t>b'\xa8\xf4\x95\xb7\x1b\x87\xf6\x9a4\xe3\xbf"\xca\x17\xa8e@\r\xd8\x9f\xf4ut(y\x1a\\\xfe\xca\xbf\x870'</t>
  </si>
  <si>
    <t>b'\xdf\xd3\xa4a\x97\xfe#\xb1\x82\xe2\x9b\xbb9\x9bX\x00\xb6#v\xb2&amp;\x9f5\x10\xb9\xbdK\xba\xbd\x93\x00]'</t>
  </si>
  <si>
    <t>b'=*\xf3\xd6\x03\xc1\xa6\xd7)V\xb2\x0f\x10;\xf2]\xc9\x02Fp\xf4\xb3\xffIw]jj\xc8\x1dm\xab'</t>
  </si>
  <si>
    <t>b'I\xb2\xad(\xbf\t\x95\x17#\xe8X\xef.\x1e\xfb\xb4dt\x12\xdf}\x12j\x93\x1d\xf9\xc6\xcd\x99/\x02\xc9'</t>
  </si>
  <si>
    <t>b'p\xcb\xda(\x0b\x14hPf\x08\xeb\xf3\xb8\xb3\x99\x91\x17\x81\x87\xcb\x92\x0el\xfd{sU\x86\xfb\xa6c\\'</t>
  </si>
  <si>
    <t>b'-\x1b\x1d\xf9%P\xcb\xdbdJ\xa1\xae\x87\xc9m\xc3q\xa9j\xe3G\x96\xe0\xed \xf1N\x15\x93\xd4\xa2\x19'</t>
  </si>
  <si>
    <t>b'\xe6&lt;\xd1.\xe4\x1fQ$\xad\x81\xd1\x19\x18\xc0u\xbe\xe1L\x10=\xaaH\xef_+\xb7z\xa9\x1e\x993\x9e'</t>
  </si>
  <si>
    <t>b'_\x1a\xbe\xb5k?\xc8\x9d\xa8\x87\xac\xee\x8d\xda\xff\xc6h\x0f\xab_\xd4\xe8#\x0f\xf2\xabv,\xec\xb5\xca\x01'</t>
  </si>
  <si>
    <t>b'T\xcb@Yg\xd9x\x0f\x0fQ\xb8"Z\xe9\xd3Iz"P\x01l7R\xef}\x08h\xe7\xc2\xda\x9ar'</t>
  </si>
  <si>
    <t>b'\xc1?5\x12Nj\xd2G^\xe5\xbd^^EY\x05\x7f\xee\xea\x93D\xc4y\xb9\xc37\x1b\x8co_MF'</t>
  </si>
  <si>
    <t>b'\x9e\x8f\xcb\x8ff:\xf3\xf58\t\xa1\x00\xc2\xf5\xb8\xfb\xd5\x9b93}\xf5@\x06\xaa\x8e\xd7\\\xeb\x91o\xba'</t>
  </si>
  <si>
    <t>b'\xa6\xa4d\x82\xacpK\xc3\n)\xba3\x05\x9aC\\p\xa0\x9aGjo\x11\xf0.3\x07Cai\x87s'</t>
  </si>
  <si>
    <t>b'\x06mO\xa1+bU\xc8 ~{\xd5\xf3{\xa4+\xf4\x11\x1c`\xc0\x03$\xd2\x0f~\xcc\x84\xb7u\xa10'</t>
  </si>
  <si>
    <t>b'H\n)\x97\x07\xb4DAL\x04\xd5`\x99\x97\x02ax\xa73\x179\xc0\x0b\xc7\xbeZ\x11\xa8c*T{'</t>
  </si>
  <si>
    <t>b"\xaeSD/\x7f\x1bc\xbd\xab\x8d\x0e\xcc'i.\xf4\x14\x99\x16m\xdc1\x94\xa7\xb7sc?Z\rM\xe0"</t>
  </si>
  <si>
    <t>b'F$-F\xf5\x8e_\x0f\xbb\x9c[\x01\xf1zyi\xe5A\x8e\x8a\x13M*@\x1a\xe5\x90u\x06\xa5/\xe7'</t>
  </si>
  <si>
    <t>b'u\x18$4\xc8?z\xc9:c\xa2\xafX\xa1hF\xd4gyL\xb1\xf2\xea\xae}\x06\xd0!\xeb&gt;5y'</t>
  </si>
  <si>
    <t>b'\x90\xb7\xe0\x10n*\xbd\x93X\x0e7\xe8\x838\xf6\x03bv\xae\xa8\xd3\xd9k\xea\x8a\xc8*B\x12#\xf1\x19'</t>
  </si>
  <si>
    <t>b'\x9b\xec\xc4\xc1{1\xf5\x83\xdd\xe1\xcfH\xa8\x19eA(\x05\x96r\xdc\xc2r\xbc\xcakf\xba\xde#\xdf\xd9'</t>
  </si>
  <si>
    <t>b'n(\x03\xd9\xc4\xe6\\\xd6\xd6&amp;W\x87[\xcfM\x04jjX\xc9\x8f&gt;2n\xa9#\xd4*\xadR\xe1\r'</t>
  </si>
  <si>
    <t>b'5\xf96&amp;\x04\xdbB\xd4R\xfa\xd2R\xc4\x86X\xba}\x16\xae\xfeT\x94\x164\xe0\xd0\xe8\xd1\x07\x1a\x1eQ'</t>
  </si>
  <si>
    <t>b"\xa9\x15D\x97W\xc6\xc4\xde\xed\x96\x0c\xd1\xac'\xe3\x1a\x17L{0k\x05\xe4\x92\xaa\xf0\x03\xd0\xe19\xef\xed"</t>
  </si>
  <si>
    <t>b'1dX\xce\x04~\xb5D6\x83\xb3\x8f\x06rh\x9am\x07\x84D\xf1\x8d\xe2\xe4s\xfa\xc2\xae\xb57\xc0P'</t>
  </si>
  <si>
    <t>b'\xe9\xcd\xb9\x8c9\xf4\x94\xb9\xd6\xb1[Oe\x13\x94i\xb8\xe1\x8b\x96?\x03\x11\x89\xf3\xd4[\x85p*S\xf1'</t>
  </si>
  <si>
    <t>b'\xf8\x7f;\x0b\x0e\x9f\x06\xc0\x12\xb1\x94\x04p(@\x17k+\xc0,\xef\xca\xd0\xc8\xd5\x9e\x93\x90\xd5\xb6\xdb-'</t>
  </si>
  <si>
    <t>b'\xd8\xf2\xa3O\x1e\xd3\xa4?\xc5D^\x8f\x11K\xae\x1e\xcb\xe8\xcd\xe7\xf7\x17\x01B\xea\xfd\nbV$5u'</t>
  </si>
  <si>
    <t>b"\x9b\xa3\xb7XQ gw\xa6F'!{\x04\xe8\xe5\xcc\xd0\x90\xd7\xba\x98hToyq\xbb'v\xf3\xa8"</t>
  </si>
  <si>
    <t>b'\xe3\xb9\xef\x19 e9p\xba_\x05\xc5\x12\xc6um\x7fY\x8c\xfb\xb4A\xe0\x87\xf5\xc9\x90\xb7\xb0\xb2j1'</t>
  </si>
  <si>
    <t>b'\xdd\x0b\xc19\xb8\xc0\x06\xca\xeb\xad\x9d\xcag}\x83\xf2\xa9\xbc\x9b\x9fLj\xb6\x1c{\xf0\xd2\x1c8\x16\xb6\xe8'</t>
  </si>
  <si>
    <t>b"\xfdGJ\x84\xb4\x07?\xbc\x8b\xb7!|r\xaf\x0c\xfa\xf4=6\xe3i\xa3\xaa\xda\xf6~'\t73**"</t>
  </si>
  <si>
    <t>b'&lt;\x13\x923\xfe\x87\xbc\xc8\xd4\x8c\xf2|t\xdc\xba\xb1vN\x0c3\xb7@\xb6(\x8e\xa0=\xba\xca5\xf7{'</t>
  </si>
  <si>
    <t>b'\xcbV\xaekm\xd3%\x8e\x12}#\xf2\x84w)\x1ew\x1c\tZ\xc3/\xf2\x1a\xc3\xe4]y\xbf\n-\xf6'</t>
  </si>
  <si>
    <t>b'wi\x1b\xc3\xec\x9c%9\xce\x0c\x00\x87z\xe8\x1eQE\xcd\xff\xfb\x92\xb0\x94B\x0b\xdb\xeb\xaa.Fb\x86'</t>
  </si>
  <si>
    <t>b'E\xb1\x962\xb0\x01}I\x04\xcfE\xd2\x80=\xc4\xcdZ$i\xf08%\x86\xd6\xb8g\xf1 \xad\xfc\xbf\x8b'</t>
  </si>
  <si>
    <t>b'*\x0c\xdbV#\x99\xf3L\xd8\x93\x030\xa5\x07\xe0+\xd3\xd3\x89]]\xb3V\rI\x83\xb1\xed\xe5\xf3:\x80'</t>
  </si>
  <si>
    <t>b'W\x12_$\x12\xd2j\xea\xb8\xd3\x94\xab\x8cu\x1c\xe0u\xf6}eJW_"\xfa&amp;T\xd0\x04&gt;i\x87'</t>
  </si>
  <si>
    <t>b'\xa0\xa3Q\xd3M\xa1\x94Ew\xbb\x8ce\xb7U&amp;y\xe0M*S\x81\xc2vf\x1f\x8d4-\x01\x876p'</t>
  </si>
  <si>
    <t>b'\xc6\xed\x82\x85Q\xb4E\x8c4\x9fV\xd1\x03\xaa\xb3\xca\x87\xc2H\xf6Y\xac\xee*\xc0/\x19\xfd\xb0\xd1k\xf6'</t>
  </si>
  <si>
    <t>b'\xc6&amp;K;\x85\xe5\x0b\xcd\xf0k\x89\x1dR\xb1\xfc\x89W\x1cS=,9\xd1\x05\x9c#\xc9z\x9a\xe3\x93\xd2'</t>
  </si>
  <si>
    <t>b'\xee/\x0bun,\xca;\xbeb\x1c\x97\xebe&amp;\xe8\xea\xb6\x13\x04A\xad\x19)L\xd0u\xc2\xdb=DC'</t>
  </si>
  <si>
    <t>b'\xffW\xc1\xf4\x94\\X&gt;\xbc^h\x9b\xc08\x18\x9a\x85G\xdfX\x18!\xd9v\xb42\x9dFG1\x17L'</t>
  </si>
  <si>
    <t>b'9ZKBu\x98\x0c\xa8\xf7`\x9e;_\xd2\x90\xf1\xb1\xc0\x8c\xed\xc8=\x01\t\x9a*\xb6\x17fw\xc2\xb4'</t>
  </si>
  <si>
    <t>b'C\xd0\xaay&amp;|KpX%\xf9H?\xf0\xbfK\xe3z\xe2\xf4l\x84\xbe\xbd\x89\xa0\x96\x12S\x80\x8b5'</t>
  </si>
  <si>
    <t>b"\x91\x87\xbb\x83d\xe9\x99\xfd\xe4\x9b\xfb\x80\xee\xd8th\xb1xG\xf1OuJC\x03\x98C'C2\x90\xa1"</t>
  </si>
  <si>
    <t>b'\xd8\xffJ\xd6\x91\xb6\x83\x8e\x111e]\x07\x1fL0\xf7\xae^x\xd3KE\x13\x9e\xc6\x81\xac\x84\x1f\x10\xf8'</t>
  </si>
  <si>
    <t>b'\xe59\xc0_\xe2\x1a\xeb\x97I\xb2\xef\xea\x96P\xbah_5Lh\x84Ow#\x07\x11\xcf.k\x0fP\xe8'</t>
  </si>
  <si>
    <t>b'gI8\x95Vo6\x9b/\x96\x9d\xc8n\xd6\xddr\xcb\x05\xde\xe6\xda\xfaj\xffN3\xba\xd8\x97\xb7B\xe5'</t>
  </si>
  <si>
    <t>b'\x06\x0f@\x07~\xc6&gt;\xa4\xe6\xcc!Z\x83\xa3\xe6i\xae\xba\xbah\n\xd5q\xd3\x80a\xf4\xb2\xa5\xa5p&lt;'</t>
  </si>
  <si>
    <t>b"\xe9\xcb#\xc0\xf1\xa4\x84r\x88\xd5tC'\xb6\xfd\xd1\xd0\x0b\x8fR\xd6:2t\xb3\x92\x04Ww\xc51."</t>
  </si>
  <si>
    <t>b'\xe8g2f8\xa7X]-b\tLm\xc4\x8d[\xe8w0!\x10\xe7\xb5.\xb0&gt;H2f\xfe*\x11'</t>
  </si>
  <si>
    <t>b'\x1b \xae\x91\x0c\xe0\xdc\xb8\xd0\xf9+c)\xe5.\xb5\xc5\x18\x9ex\x98\x7fm9e{\xaeM\x9c\x85\xa1\xe9'</t>
  </si>
  <si>
    <t>b'Q\xa8*.\xf7\x8d \xcb"\xb0^\x96\xc2e\x8d\xe8\xdd\xb68\x83g\x07\xb6\xf4\x14\x7f\xa9\xd5\xbadoI'</t>
  </si>
  <si>
    <t>b'f\xdb\x95O\x05\xb28:d\\\x03\xa0uP\x06\x17t3\xe3\x9e\xd5p\xd5\xfc\x87\xb8\x8e\xaa\xe9\x85/\x1a'</t>
  </si>
  <si>
    <t>b'\xe9\xd6\t\xaf\x0e\\\xb6kk"h\xb6\x8c\x91\xa2\xc6\xd9#rL\xbd\xfeI\x17\xa0\xb9\xfdy\x1a\xc1M\xb3'</t>
  </si>
  <si>
    <t>b"7\x8e9\xedI\xefr\x1d\xb0\x17\xb7j\xe0\xaf\x91\x11\xbb\xc2\xf8-c\xbb\xa4\xfd\xd6\x99fh'\x8d\xf1\xb8"</t>
  </si>
  <si>
    <t>b'\xf9v\xc7\xf1\x128{Y"\x8d\x11\x9c\xcd\xaf\x1dr`\xd9\xb9Q\xb6"G\xa2\xdf\xf3\xa5\x0b\x00\xc8\x7fg'</t>
  </si>
  <si>
    <t>b'@\xb1(~$\x0e\x81"\xf2g \x88\xaf\xb1\r\x04\xb8\xd7\xa5\xf1\x19\x87\x8b\x1f6\xca\x91g\xcd\x8cs\x98'</t>
  </si>
  <si>
    <t>b'\xa8\x11a\xe1\xbb\x1b%\xd7\xb4;\xb7\xf0\nW\xbak\x0e\x1f\x11\x10\x02\xc7\xe9n$D\xe04\x86qD0'</t>
  </si>
  <si>
    <t>b'\x87\x08\r\xc9\x14\x15\x11\xb3\xf9\xba\t#\x02\xe6b\xc9\xab\x08\x01]\xb2\xb6\xf9\xde\xe1\xc0\xc3\xa8jU(('</t>
  </si>
  <si>
    <t>b'v\x8e\xfa so?WO\xf4\xed\xb2\x0b\xa4\xf1\x11\x03o\xfa, \xc6\xc4\x13\n\xcf\xe4\x98\xec\xa3V\xe4'</t>
  </si>
  <si>
    <t>b'K\x9b\xe50\xef\xd1z\x1dT\xc4?\xea\xca#\x95}Oj}e\xf9_/)\x07\x02\xd0\x9fT&amp;E\x7f'</t>
  </si>
  <si>
    <t>b'\x94\xe4ALP@\xd8:C\x9fL\x952W\xbc\x16\xfd\xce\xa8\x05\x1b\x7fe\xe9=#\xd7\xcd@\xba\xd0\x10'</t>
  </si>
  <si>
    <t>b'\xe8\xd2\n\xcf\xdbI\xbaM\x8a\xfd\x84\x0c\xfa\x9e\xa2\x1a\x0c\xb9\xbc8M\xec(\xc3\xc7\x97~\xdb\x0b4\xa6U'</t>
  </si>
  <si>
    <t>b'\x8c\xbf\x0f\xf4\xde\xd5\xb4\xc9\xe4\xbb\x82W\xbf]z\x8f\xc5\x8b\xbb\xf6R\xb0+\xd0\xcf\xb1X\xccD\xa1\x880'</t>
  </si>
  <si>
    <t>b')M\xcei_\xe34 V\xcab\x7f\xef\x1enxM/D\xae\x83\xe9GzpL,\xe0\xf6\x93\xd7\xf6'</t>
  </si>
  <si>
    <t>b'. D\xe5Y; txP1W\x19\xea\x11Ej\n\x13%/\x8f%o6A\xbc\xd1\x9d\xf8!\x10'</t>
  </si>
  <si>
    <t>b'\xc9\xdb{\xaf\x1f\xb7\x05z-\xe04\xf3\xea\xbb\x88\x00\xf8\xc5\xa3\x1f\x05\xa79\xbc\xd0\x94R%/\x1a-$'</t>
  </si>
  <si>
    <t>b'\x1a2\xc2^\x00\xee\x87I\x16\x88\xb50r\x80^\xa7\x8bd\x1f\xab\xda\xad\x96\xd5\xd8&gt;\xeb\x01\xe9\xd0Qa'</t>
  </si>
  <si>
    <t>b'!\xaf\xef\x04\x18\x17\xe2bE\xdeB\xbb\x0e\x9fr\xfa\x85ni\xa4\xff\xa0x\xdf\t\xe2a\xe1\x8eY\xf3;'</t>
  </si>
  <si>
    <t>b'\xd3\xa0\x97]\xf3]{\xb1P\xed\x9dn\xeaP\xce[\xf7E\xa0\xb3\x83Ae\xf88&lt;\xcdy\x9a[\xc0\x9b'</t>
  </si>
  <si>
    <t>b'\x03\x99\xbaI$yn\xc2xI\x1f\xb0a\xd5\x13\xefV\x07\x83p\xca;\xc38\x8c\xf4]\x01\xa8{W\xaa'</t>
  </si>
  <si>
    <t>b'H\x9d!\\w\x1a3\xd2+"\xaa$bB\x0e \x19\x19\x1d\xc9y\x7f&lt;(\xc9\xecp\xd5g\x91m\x15'</t>
  </si>
  <si>
    <t>b"U+\x05\x0c4\x87'u\xd9R\xce\x18\xcf\xb7v|3oFg\xe3\xff\xdf\x0f^\\\\\x16\xa0l\x03\xef"</t>
  </si>
  <si>
    <t>b'\x95a&gt;IK\x9a\xffi\xec\xb4\x81y`\xcd\xc9w_?\xe1\x08\xeb\x04\xfb\n\xc0\xe6s\xf6\x07b\xce$'</t>
  </si>
  <si>
    <t>b'o\xeas\\A\xb7\xe6.6\xbb\xee|\x10)?\xfd\xd1\x1d\x81\xf0\xb3\xc2}5\xdc\xa4\x11\x1e`##\x82'</t>
  </si>
  <si>
    <t>b"g\xbc\x03\x1a\xbaf+\x00c\xd0\x1fT\xe3\xd9\x1a\x94!\xfd#\xca\x9bi'g\xb8{\xc2\xc8W$\x18\x8a"</t>
  </si>
  <si>
    <t>b'\x92\xbff\xed(\x93\x1a\x9f1\x99\x0c2\xb9\x83 \xe3E\x8bG\xee1\xac\xbb\xe0)k\xe6\xbf\x05\x83l\xfa'</t>
  </si>
  <si>
    <t>b"\xe5=d\xa2~\x95:ba\x80\x07'\t\x8dp\xae\x92F\xd2q:x\xe8*J\xb6\x83\xddR\x91\xb1\x91"</t>
  </si>
  <si>
    <t>b'E\xf1\xe9\xf5\x1f\x05,\\\x9a"\x15\x9c\x8a\xef\xf0\x9b\x1a\xf6\xff\xd7?e\xdc\x8c\x176V\x08J\xccy\xa1'</t>
  </si>
  <si>
    <t>b'(0\xa4\x8b_\xb0\xcd\t\xa9\x97\xf6\xf7`\x81 \xb9\xf8\xad/\x0e\t;\x14\x1f\xdf \x05\xe5\xf0\x00E\xed'</t>
  </si>
  <si>
    <t>b'lc\xee\xb2\xdav0\x91\xb5 4\xc7\xb6\xf3\x91\xbd\xe6U\xa5\xf8w\x07\xe3\xac\x96\x11ej;&lt;\x07\xba'</t>
  </si>
  <si>
    <t>b'\xf7\xeb\xc0\xc2\xb2d-\x9e6+ \xc0+~\xee\x1d=g\xed\xf6\xf7\x14:\xb1@\xa0\xf4\xbeM\xea\x89\x14'</t>
  </si>
  <si>
    <t>b'$\x04\xab\xa2\xb5xd\xd0\xcb\xd7\x9e\x12\xd4\xb7\x9e\xd6p*\xf4S\xd3c\x11f\x01`\x87\x19\xc1\\\xe5\xdc'</t>
  </si>
  <si>
    <t>b'&gt;\xc5\x0f}\xbb\xd3 \xd1R#\n\x80\xcc\xd1zm.\xbfC\xfb\xee\x15r\xbc\xec\xe09:@\xffO\xab'</t>
  </si>
  <si>
    <t>b'\x9e\x836\xee\x0b\x1a\xba)\xca\x1e\xe1L$\xf5^?*\xf6\xe7\x16&lt;\x86NR\x9319v\x0e&lt;\x01\xad'</t>
  </si>
  <si>
    <t>b'\x85L\xdcai\xb8;\x01!\xaf9\x86&amp;I\x06\xb6AC\xc5\x8e\\g?\x9a\xa7`\xa8\xa4\x18f\x02\x80'</t>
  </si>
  <si>
    <t>b"\xc0='\x06\xf7&amp;\n\x87\xe9g\xc6u\xd4\n\x7fl\x85&lt;2\xb2&lt;\x13\x97\x86[/a\xff\x1d\xd7K\x00"</t>
  </si>
  <si>
    <t>b'\x81\xc6o\xc2\xce;\x9c\x14\\#\x02"\x96Tk\'Lt\xfba\x02\x01\x18!f\xd7S\x01X\xf1\xac['</t>
  </si>
  <si>
    <t>b'\x8f5\xedc;ak&gt;\xb5\x11\xdd\xf8\xb9\\\x0e\x98\xdat\xad\xde\x91\xe5$\xb0\xeb\xbdW\xf7\xba\x03\xe4?'</t>
  </si>
  <si>
    <t>b'\xb7\xcf\xf4\x13\xd1\xc2\xf4\xa0F\xff\x83\xa0:\xb4\xe1J\xd2J\x0bZ9\xf8\x02w\xee*A\xd1\x96\xb0\xb5\x19'</t>
  </si>
  <si>
    <t>b'\x96~\xe6\x02\xe4,\xcc\xbc\xd6\xc8\x8a\xd8 \xa0\xeat;\xd5\xb9\x9f\xc7\xe0\xb4\xd6\x02\xfe&gt;\\\xe3*\xb4J'</t>
  </si>
  <si>
    <t>b'\xf4q\xdeo\xf4\rt\xae\xe5onm\xd7W\xa1P\xb4\x1b\xaa\x00\xe5\x84\x8eFx\x9a\x9fX}\xcfP='</t>
  </si>
  <si>
    <t>b'\x86\xb2\xbf8d\xaeX_\x1d\xd7\xab\xad\xcfpY &lt;t\x9c\xce\xb2\r5\x83u\xca\x99?\xfd\xe8\x05\x9c'</t>
  </si>
  <si>
    <t>b'D&lt;z\x18\xffD1s\x0e\x12\x8c\xc9\x8b\x1f8\xbd\x9c\x88\xce\xf1\xaf\x8e\xc9\xef\xa23\x0e\xc2\xe5~\xb1\xd1'</t>
  </si>
  <si>
    <t>b'\xcf\xa2l`Q\xc2_\xcf2\x7f\xe1k\x81\xe6\xbd\xda\x92h\x9c\x1e&amp;e\xd1\x1e\x9d\x16\r\xbbJ\xa5\x8c\xaf'</t>
  </si>
  <si>
    <t>b'W\xcfc\x96]\x08\xda\xd6\xfe\xff\xb5\x86\xdcrg\xed\x985\x19i\x1bA:i\xc2p\xe6\xc68\xab\x1at'</t>
  </si>
  <si>
    <t>b'\xbe6\xc2\xc4\xce7\xe2^s-\xc4\xc3\xce\xcfpu"\x18\xaf\xa8\xcc%\x9e\xac\xa1\x90\xd1\x13\x98\x93O\xbc'</t>
  </si>
  <si>
    <t>b'O\xe3&amp;\xc8^\x1d\xd9\x19\x8c\\@\xef\x16OYi\xfd\xf0\x8a\x0f\xcb9\xeb\x88E\r\\\xa2\x83\x91\x89\xcc'</t>
  </si>
  <si>
    <t>b'\xd6\xfc\xb1("\xe8\xa8\xec\xf1\n\x9e\x8cQu\xbc\xb5\x14N\xbes\x90\xaa+a\x15b\xb7\xae\x00\x92X\xd4'</t>
  </si>
  <si>
    <t>b'\x92]\x8d\x01%\x19\xf5F\xd4\xb7&gt;4\xc2u:$\xfd\xc4\xe0\xcc&lt;\xa5\xfcc\xca\xa0M3yt\x06\xfd'</t>
  </si>
  <si>
    <t>b'L\x81|\x00"\x18t|\x0b+\xc4a\xe3\xc8N\xfd\x99\xd29j\xc9z\x0eKW\xb1D{x\xd8\xca\xd2'</t>
  </si>
  <si>
    <t>b"\x9e\xeaE\x87w8\x83\xf3\xe8\xc2N\xa8\xeb\x9c\xf2'\x9b+\xc1\xb5\x9b/3\x9f\x892b\xdb\x8b\xe6\xf4\x17"</t>
  </si>
  <si>
    <t>b'\xe8\xbd\x11\x94\x0c\x89m\xf3\x00\x18\xc4\xeb:K\xe7\xf8\xce4.b\x86Q\xa8\xaf\x1cw\x15\x14\xce\xc9\xcc"'</t>
  </si>
  <si>
    <t>b'F&amp;\xa8\xa6\xb5-\xac\xe8\x13\xc3\x8b\xb1)\xc8\x1a\xbb\xc7VN\x13\xc97\xb2\xf5i\xb0Do\x9e\xb4\xcb\xda'</t>
  </si>
  <si>
    <t>b"\xbe\x8f\x19\xe6\x04\xd42\xf7G\xe5/o\x19\x8b\xc5\xa5\x17\x1b\x08/C\xf8\x17\xa5\x88A\xac\xb4\xd5'\x1f\xad"</t>
  </si>
  <si>
    <t>b'\xa4\xff?g\x87\xae\n\xdat\xb1\x8dx\xbd\xb3\x1f\xd7y\xec\x13=X\xd0\x87\xdc\x85\x9a\x98\xcb\xe7\xc2\xa9\xb4'</t>
  </si>
  <si>
    <t>b'\x0b\xf1\x86\xb1\xe4U\xfe\x92\xc3\xdaU\xbb\x8b\xc8E\xf30N8CDs\xa5\xf9\xcdD8\xf2*\xf7\xe1\x8a'</t>
  </si>
  <si>
    <t>b"\xc87\xe62Af\xc3'\xd4\n$\xc02\x8a\xaf|[\x18bO\xfe?\xf8&amp;\xd1\xe8\x00@\xa2R\x99\xfe"</t>
  </si>
  <si>
    <t>b'\xd5\x19\xb8\xe1\x07@\xc3\xebv\xd7\xef\x1f \xddvi )Z\xd9\x0f\x0ei\x13\x14\xc7\xf9\x7f\xc5\xe6\x17_'</t>
  </si>
  <si>
    <t>b'\x9c\r4\x13\x06n\xb8\xcf\x93\x05yY2\xf8G\x87La\x9c\xffZ\xb9n\xcd\xc6\x0e\x07,\xc9\xbb\xe8\xfb'</t>
  </si>
  <si>
    <t>b'\xbf@\x9a\xe4\xe9\x122\x90\xc6hk\xc1\xa5B\x88\x97L\x0b\x05\x1c\xed\x1d$\x04EQ\xd6\x9d\x9fQ0\xbb'</t>
  </si>
  <si>
    <t>b'\xe4@\xf5\xcb\x9c^\x85u\xc4\xf6\xae\xb3\xec\xb8\x15\xf7\xa6\xd1*\x11\xe3n{\x9d\x19J\xefEb7i*'</t>
  </si>
  <si>
    <t>b'k\x1d\x0b\xf4h\x80[^$\xb0\xc7\x93E\xcd\xd1\x901\x9dK0\xea\xd5\xe4\xba\xf4(\x97\xf8\x80\x1d\xa5@'</t>
  </si>
  <si>
    <t>b'[f\x13J\x84\x01&gt;\xe3&amp;\xd8\xd1\xe8D)\x15\xe40\xa5\xa6~X\xe7\xaa\x88\x9d\x82K^\xfcyZ\xd0'</t>
  </si>
  <si>
    <t>b'\xf9[\xac\xea\xafpC\x99\x8b\xb9\xdb\x17\x87\xdc\x92\x93\xf29\xa9g\xdd\xd0\xbbTp\x92&amp;\x0c8\xcf\xf8\xf8'</t>
  </si>
  <si>
    <t>b'\xe1\x89H\xc0\x9d\x04\x1cv^\xd7\xb5\x00\x10j\x02\xef\xd9\x93\xed?t\x9carN\xe0\xec_^\xf498'</t>
  </si>
  <si>
    <t>b'\xf8(\x84\xa9w\xaaU\xbd\xf4\xa2\xfe\xb8\xab$\xf0\xeaH\x8bz&lt;\xb9p\xd9\x96\x9d\xeb.k\xea(\x1b\xea'</t>
  </si>
  <si>
    <t>b':\xb6[\x88\x8e1\xf7\xe7A6t=\xfe\x9d\xbdq\x82D\xb7|.0^\xa6q\x94\x0fF[+A\xfa'</t>
  </si>
  <si>
    <t>b'\xfdm\xbc\x80vB3\xe5uN~\x92\x05\xf2\x11\xb5j\x04/\x91^\xd4\xd5a\xd9\xaf\xe4\x04-7&gt;u'</t>
  </si>
  <si>
    <t>b'{w\x9dN\x9a\xd4\x17n\x04\xa5\x07\x91g\x8b\x9a\xf4\xa1\xfd\xb7\xca4\x85\xa8C3.B\xa4\xce\x8b\xb9\xc2'</t>
  </si>
  <si>
    <t>b'\xeeu\xf4;!\x8e\x1dB\xd9?\x0e\x88\xd8q\\\xefK\x96\xb4\x8b\x8f\x87\xf2\xbb\x070\xb4w42\x13\xc9'</t>
  </si>
  <si>
    <t>b'\xd1\xa2\xc3\xe1\x8e\xa5\xe0\x85\x9fs\x0b\xb8\x80\x99\xee\xc3\xee+\xdfI\xf9\xd6l\xf9\x1b\x90]&gt;\xb4-\xb3\xfe'</t>
  </si>
  <si>
    <t>b"O\x0f{[\xb3\xa5\xbeXn'N\xae\xbaFu\xedl\x9f\xcb\\\xb9\xeak*:\xbbs:'\xdc\xc6\x90"</t>
  </si>
  <si>
    <t>b'\xc3\xd7#\xbf32\x16\x1c\xf6\xe5U\xcd\xb9\xff(H\xf2w}\x16\xda\xf8\xbd_\x81"\xc4\x0b0:/\x1b'</t>
  </si>
  <si>
    <t>b'\x8b\xcb{:k|\x9c5\xff\xc7\x02\x03tE\xc8\xe9V\xd9\xf3\xd4\x1ex\xd6$\xb9{//\xa7\xfc\xe4\xce'</t>
  </si>
  <si>
    <t>b'\x05R@/\xcc\xd8n\x94\x13\xa6\xc3\xfb\x84\xdeD\x16}\xb1\x03\x07\xfb_\x01\x08(\xa4\xdc\xa8c\xd8\xb2\xf6'</t>
  </si>
  <si>
    <t>b'P\xe8@{V|\x93\x07O7\xa9\xce\x02\xd5\xbf\xe8y\xab\x14\x9e\x02\x9f\xe4\x0b\x13C\xee\xc2N\x0cWo'</t>
  </si>
  <si>
    <t>b'\xd2\xbf\x9b\xcd\x087\xd1\xee\xb2\xc9\x86s\xabVwr\xe9k&amp;\xa4\x9e\x11\x89YC1\xc3=z\xc2WL'</t>
  </si>
  <si>
    <t>b'V\xd5\xd8\x8di\xd4\x942\xf7\xa8\xfc\xfc\xdd\xc4\xc0\x92\xad\xc3\x9a3h9\xc2\xb2\x84\x9d\xff\xa2n\x012\xd7'</t>
  </si>
  <si>
    <t>b'\xd9\xb4\x89\xa9(\x17\xa0B\xaf\x9a\xb7\xa6\xc7\xbde8!G\xb3\x98\xa1\x95\x8c\x17\x90=R\x1c\xe0\x95\xd7\x86'</t>
  </si>
  <si>
    <t>b'p\xbe\xdc(v\x81\r\x97-\xf4\x8a\x15!]\x0b\xc8\x08\xfc\xa5\x88\x01bsl[\xc9&gt;\x1cq/_@'</t>
  </si>
  <si>
    <t>b'!i\x1blo\x00wc\x82s\x83;\xa4i\xd4\xb9\xa1\xadS\xa3\xd1|\xe2y\xd6\xed\xd9][6\x9b\xf9'</t>
  </si>
  <si>
    <t>b'\r\xf3\xed\xb4\xb4K\xdc*\xba\x01\x10\xe9\xc5\x12\xcf\xb0\xfe\xfb\x0e*a\x8c\xc0M\x01Jb\xb0"\xab=$'</t>
  </si>
  <si>
    <t>b'2$i\x87\x95\xc6|\x8e\xab70\xb5\x03\xe4\xca\xb7\xf5.\x861\x1d\xeb.\xea\xce*\xe6\rD\x8d\x1e?'</t>
  </si>
  <si>
    <t>b'\xc3^\xb1\xb7\xd7\xf0M\x17\xdbg\xcd\xe8\xeb\xfe\xb0uM\xc9\x9b\xa1F\\?\x1f\x8d;;NA\te&amp;'</t>
  </si>
  <si>
    <t>b'h\x16\xf1\xfc\xcd\x07P\xad\xf9=&amp;a\xfa`\xd8\xd1"\x98\xe7\x94]\x87*L~\np\xf6X\xfc&lt;t'</t>
  </si>
  <si>
    <t>b'\xe4\xdd\xdc\xc3N\xeewQ!\x86\x9b\\)\xdf\xa79:\xd6w1ZcD\xe1\xaf@6\x04;\xe3b\x94'</t>
  </si>
  <si>
    <t>b'\xda\'\x93~\xe4\x11\xcdz\x94\xecu\n\x94#S\x95B\xf6\xd1\x85\x08\x93}\xfd\xd2q\xdd\xe1S\xbb\x01"'</t>
  </si>
  <si>
    <t>b'D\xc9\x8c\t\x90\xc1\x84`\xe9\xf1\x1c\xeb\xed`&lt;\r&gt;\xe2\xe3\x19\x8c\x82\xd3\xecC\x0e\xdc\xe5\xde\xabh\xb3'</t>
  </si>
  <si>
    <t>b'\x85\x18\x88\xb9*\xdb1\x00\xceEE\xe6z\x8d\xaa\xc0 1\xc7\xf8\xc6\xe0d\xeeK\xc2\xeb\xe6\n\x9e\xa2\x84'</t>
  </si>
  <si>
    <t>b'\xca\xa5"\xb9\x97\xcc\xf1\xda\xfb\xbd\xb3\xaf\xd6\xa9(WdP@\xa0k\x9e\xf6\n\xd5m\x96T\xe30\xdb\xfd'</t>
  </si>
  <si>
    <t>b'\x93G\x08\x00\xc8\xb7\xd9\xcd\xd0\x95VaD\x15\xd67MDMF\xfe\xb6\xaa\x8c\x06\x17`\xab-\xd5|8'</t>
  </si>
  <si>
    <t>b'0\xcf\t\xbb\xd2\xce\x16\x0fqTR\xa9\xe4\xc4$\x9crE\x86W\x10\x11\x8ds$\xb4\x17\xfb\xc3\x1b\xd9\n'</t>
  </si>
  <si>
    <t>b"\xc3\x97+\xac#\xf657\xc3\xa2@\x19\\\x97XBR\xf39\x97F\xee8\x06\x8fb\xffX'\xb7\xad!"</t>
  </si>
  <si>
    <t>b'\x08\x87\x83RM\xf6&lt;V\xb0\xf0\x90\xbepC\xa3\xbd\xdc\x90@\x99\x0f\xcd\xd6s\xd7\x0bYH\xb8\xd4I\x19'</t>
  </si>
  <si>
    <t>b'O\xcfP\r}V|\x83OhT\xd3\xa5U\x02\x0c\xa9\xfdT\xa9\xd6\xf5\xe9X\xdbQ\x1d\xbe\xcas\x13\xb4'</t>
  </si>
  <si>
    <t>b"\xd8\xcd\x9da\xaa\xe1\xc2\x05BG'\xff\x00\xa2\x95\xc1Q\xb2\xb0\xc6\xd8\xb1\x0c[sS\xe0~\x1e\xb7\xab,"</t>
  </si>
  <si>
    <t>b'\xc0 \x9c4b_-\t+\x85\x9b\x03\xd5\x9f\xa7\x88\xcf&gt;C-J\xf0\x05~\x83mOi\x0f\xce\xfbG'</t>
  </si>
  <si>
    <t>b'\xcc\x81\x00\xd1!\x9e\xfe]\xd5\xd2\xcf#\xbf\xde[\xab\xc4\x88\xad\xab/cHz\xceV\x0eyP\xf5&amp;\x8e'</t>
  </si>
  <si>
    <t>b'\x86\xdc3\xff\x91M\x1a\x85\x80\x119K\xd5\xc6\x07\xad_\x87\xf5\x18L\x87\xce\x0f\x12\xcb\x1e}\x08z\x8b\x06'</t>
  </si>
  <si>
    <t>b'"B\x98\x0c\x92*:?G\xbf\x1e3\x10\xf7\xad\xad\xa5\xc4\xd7\xb0\xb9\xe7\xd9\xb51\xe47F\xb3m\xf9l'</t>
  </si>
  <si>
    <t>b'\xac\xf7o\x91\x9dNp\n\t\xc4\xe3d\xa7\xb0.\xba#\xab3v\x0c.odQX\xe8\x8a\x15\xa6\xa8\xd4'</t>
  </si>
  <si>
    <t>b'*\xa4[\xeebjC\xe3\xb2\x182\x8b\x1f\xcf\x07\xd9X-\x91B\x1eG\xd3\xd259\xb9v\xa9=O\xdf'</t>
  </si>
  <si>
    <t>b'\xa2\x1ezJ\x97\x90\xad~\xb6v\xdf\xb0\xe7\x80K\xe3\xbbX\x95?\xaa^|\x8b\xae\xd3J\xb6?(;)'</t>
  </si>
  <si>
    <t>b'd\t.}\xa7\x90k \x8d)\xdb\xca\xe5sa\x9bz\x93\xd2\x8b\xc3}\x81\xdb\xcb\xb1\x11\xd9\xabO&lt;\x15'</t>
  </si>
  <si>
    <t>b'\xb1;_\xcd~\xef\xaa\x92H\xd7\x81\xfa\xe4\x8e\xfd\xbd\x08\x8a\xa1\r\x91\xfb\xbd\xa6\xe3\x86M^\xd2fa/'</t>
  </si>
  <si>
    <t>b'w{\x03)\x92[y{=\xcd\x90\x8et\xb6\x11)\xda\xf4E\t\x1dc\xaf\xa2\xc0a}a5\xa9\xb4\xb8'</t>
  </si>
  <si>
    <t>b'\xc5R,\x8a\xde\xd5\x1e,\x00^\x7f\xe8\xcf\x91.\xb0{ht\xb8?\x0fB\x07\xff\x1d\x99\xf3\x13\x80\x9b\x03'</t>
  </si>
  <si>
    <t>b'\x90[\xedZ4;2\xc2\x02%7\x19T\xd2V\xbf;\xf1\xb5a)E&amp;\xd0\xd5\xf2\xd2\xc9&gt;y5h'</t>
  </si>
  <si>
    <t>b'tD!\xb7\xe0\xe9a\xae31\xc6\xc6h\x0f`\x91\x07\xbch\tV\xafM\xd5\xb5G\xfb\xf4v\xe5\xfd\x9a'</t>
  </si>
  <si>
    <t>b'+\xb8\x85i\xcbO\rb\xfb\x1ep\x98\x7f0\xc9s\xdc&lt;\x0f0\x15\x17n\x8d"H\xe0\xb1\xa4\xf5:\x82'</t>
  </si>
  <si>
    <t>b'\x1f\x8b\x0fW\xaeh\xfaE#\xf6\xaf!\xd0\xdf-qF\x93\x92_I\xd0\x8f\xd3e\xd7\xc0\xaac\x9a\xa3k'</t>
  </si>
  <si>
    <t>b'y\x07&gt;\xef\x19\xcd\xfa\x99\x95QTB"\xed\xf2X\x9a\x87\x9d\x96\xc2;\xea\xfb\xd1\x8e\xf8p7m\xaa.'</t>
  </si>
  <si>
    <t>b'\xd0|\xe3\x8d\x87ZH(F\xfc\xdeObxOyx\xa2-\xe1\xb7O\xad\xd5\x1b\xe3\x0e\xad\xa8\xad1\x1e'</t>
  </si>
  <si>
    <t>b'\xa0\xbd1\xafx&gt;"2\x9f\xbb&amp;\x01(\xe62=\xc6$\x91\x8a\xf0\x85\xd99\x17*\t\x00}\xf6\xdc\xbe'</t>
  </si>
  <si>
    <t>b"\xda\x97\xea\x80\x08\xbd\xf8\x12'\xa3\xa5+\x8b\xb2\xfd\xcay\xa9\x00\xd0\xc7_\x08\x9ef\xad3\n\n8\n\x89"</t>
  </si>
  <si>
    <t>b'v\xde\xb1\xa5\xba\x08u\xcaD\x99o\x8f\xf4v\x88&lt;\xae\xb5\xf0\x0f\xc2\x95\xe67x\x98\xe1\xa8\xf0JjT'</t>
  </si>
  <si>
    <t>b'\r\xccS\xd3\xe0\x03+\xb1tS\x93\xf0\xbd.5V\x02\\\xf5\x8d,d\x8b\xa7\x96\xbfO]Z\r;\x8b'</t>
  </si>
  <si>
    <t>b'\xdd;\x89m\xc0\xd9i\x816\xac\x80\xb6\xe7L;\xc0S\x93\x8e\xbd\x88\xc71\xbf\x06\xc4\x1d\x0e7\x8b\xf7\xc6'</t>
  </si>
  <si>
    <t>b"\xb4\xe9\x04-bj^\x990(\x16\xdds\xd2'C\xd3\xf4\xe8\xb2\xbf\x95\xea\xdd';\xbce\xe5\xb5\xf4b"</t>
  </si>
  <si>
    <t>b'p\xc1\x0f\xbd\xdfLENY\x83\xf6\xd1\x90\x8a9-\xb1dGR\xcc\xcd\xfei\xa0\x84&lt;vvvhx'</t>
  </si>
  <si>
    <t>b'\xda\\\xf7\xec\xe1&lt;\x88\t\t\x7f\x13\xf0WP/8\xe8\xd4HiH\xb5{\xa8\xc0\xa0\n\xff4\x8c\xb7='</t>
  </si>
  <si>
    <t>b'\xd4+\xa2\x1c\xfd\xcftb\x846j\xff\n=vT\xb7\x82!\xbc\xef\x18\x12\xa1\xe8\xfb\xaf\xd7\x9e\x10\xec\x84'</t>
  </si>
  <si>
    <t>b'\xf5\xd3\xa2{\x1et\xed*\xaeg)\xe0\xa2\xd7\xca\x8c\xb3\xb3\xea\xe9\xad~\x05\xf8S6\xcf\xbb\xf8M\xe1\xd1'</t>
  </si>
  <si>
    <t>b'\xd6\x15\xa3\xc3]\x94\xc6\x06\xd1/\x04\xaf\xcf\xec\xf0\xe7\x0b\x1d:\x8fE\x98\x84r\xc5\xf7L}F#\x02`'</t>
  </si>
  <si>
    <t>b'X\xa16\xffJ\x8e$\xd6R\xff\x03[-f\xdb+\x1c\xc5r{B\xa6*\xcegX\xbb7\xc7\xe5\x01\x80'</t>
  </si>
  <si>
    <t>b'\xda\xd3\x84&gt;\x9f)0F\xfc~\xc8\x00\xdeC\xe13\xa2{\x02\xb1\xcf\xb5\x17,\xa1 \xd0\xe0\x92E\xa9\xd0'</t>
  </si>
  <si>
    <t>b'M\n\xf9\xc2\x94C\xdf\x02I\xcb\x18$9k_p\xb9^}\xbb\xe8\x0fm\x9f\xe2\xa8\xf9,\xe4\xf5\xb3\xfc'</t>
  </si>
  <si>
    <t>b'\xf2\x90x\xb3q\xbaQH\x80\xe3\xd94}o\x1b\xb7g\xe8\xd1X\xe9\r\xc1\xae7\x8c"b\xb5W\xc7\x16'</t>
  </si>
  <si>
    <t>b'\xb4I\xb4\xdd\xe6\xd3\x18\xbaf\xe6x\x91A\xe5\xa6\xeb\x0f\xa2\x89Sa\x07\x11O\x1d\x084\xe9\x1f\xcf&lt;\x16'</t>
  </si>
  <si>
    <t>b'-\xb2\xfb\xa7.\x17\x1fbP\xcf\x8b\x9e\x10\x1d2\x96\x1b\x8c\xc5c\xc9\x1a\x17V~O\x1dV\xd9\xd2\xfa\xe9'</t>
  </si>
  <si>
    <t>b"`\xcf m:&lt;\xc6\x89'\xf4\xf8\xbc\xae\x17\xbe\x1b\x8bo\xe3-Z\xb8\x8d\xf0&lt;\xdd\xbfr\x01\xad\xb0\xb6"</t>
  </si>
  <si>
    <t>b'\xd8\xfa\xe2\xe9&gt;\xbb)-\x84=\x04;\xd6*\x87im\xb4\xfa\xcd-\x95\xf0Q|\xf5&lt;l&lt;\xe1Q\x85'</t>
  </si>
  <si>
    <t>b"\x10\xebA*\xdc\xd8\xd0\xa9n\x02e\x8d\x13#\xd4G\x8dve'\x12\xc4\xb0\xd7+M\x83\x16&amp;Fui"</t>
  </si>
  <si>
    <t>b'\x84\xb06\x89\x95C(\xcb\xd0\xfe71\xc0hS\xb7\xe3\xa2\xa9\x102\xa7\x7f\xafW\x9eo`\x9d\xeb\xf7g'</t>
  </si>
  <si>
    <t>b'\xfa\xe2\x08\xf4\x1c\xefI\xa0\xecS \x92\x8b5\xd6eb\t,\xaeq\xdb\xee\x8a\xde\x01\xe3\xe4\xec\xe5\x1b;'</t>
  </si>
  <si>
    <t>b'\xcf$=\xc83\x0c\x02\xdeF\x03\x1e\xbc\xf21\x92-z\xceZ\xe6\xa3pf\xa9\xf7\x92\x90\xa1\xc2\x10\xf3w'</t>
  </si>
  <si>
    <t>b'U$MH\xc9\x01\xf8\xbfk\x7f\xdbF\xa5\x896\xb5\x91\xe4E-\x8a\x1d\x03\xf1`&lt;\xd9\r\xef,R\x87'</t>
  </si>
  <si>
    <t>b'}&lt;\x90i\x8b\x1a\xe6\xb5\x8ft\tL\xd1\xda\x9f\xaa\xeb\x1b\xa9*\x8e-W\xa1SS\xad 4k\x9d\xbe'</t>
  </si>
  <si>
    <t>b'\xf5fT\xf2\xa8\xf5g\xa7\x89F\xc0\x13\x92\xb2{\xa1\xb5B%\x92\x03\xfa\x9e\x10/p\x9fb\xe7g\xe3\x88'</t>
  </si>
  <si>
    <t>b'4b\x88D&lt;\xe5\xb2i\xd2\x14\x03X\x03\x82\xc3k\xab\xe1\x90\r\x91/\xc7kx\xdb/\xbeMo\xb4q'</t>
  </si>
  <si>
    <t>b'qr\xea\xd2\xa3\xa1\xcf\xd2?V\x86\x9f\xfd\xf8Xv\x01\xa9\x07\xe3\xdc3u{\x9b\x9b\xed\xab!\xbf\xd4\xfa'</t>
  </si>
  <si>
    <t>b"W\x8a\x1d\xe6'\xdb\xa8Z\xb3(\xbf\xb2\x10\x13\x04\xa2\xe9\x9f:\x19U\x1c\xc0\xcd\xc1\x9eBS\x8b\xa2sq"</t>
  </si>
  <si>
    <t>b'i\xc4\x1e_\xca\x88\x1f\x84\xbb\x91P"\xff\xc4\xdc\xeez0\x01\xf6\x19\x94?c\x85\x1d\xa8\xfdT\x84\x90p'</t>
  </si>
  <si>
    <t>b'\x05\xa8P\xa9\xeb\x16n`A\x14[}0S\xdc\xae.\xf9|\x8a\xd3\x14\xfc\x10\xb6O\xca\xc7\xbdm~\xc5'</t>
  </si>
  <si>
    <t>b'\xb1\x9a\xf0\xf0\x90K\xe3\xcc\xaf\xa8$\x02\x1b"\x93\x10\xe5\x99r._\xd3\x18a\xdc]Dwp\xa2\x05\xde'</t>
  </si>
  <si>
    <t>b"'\x82\x1e_&amp;\xcf\x1d\x04#\x8b\xb76\x87D\xa0\x84\xa0@\xd9_aH\xd65A\xf3\xc3\xe6x\xf2\xbbd"</t>
  </si>
  <si>
    <t>b"\x10\xde\x01\x87\xc3\xcf\xb7\xf0\x9b\xc4\xd0b\x97SN8Au'\xc5p\xdf\xfa\x080\x81\x05XC\xde\xbft"</t>
  </si>
  <si>
    <t>b'\xf7\xec\xb31\x03\x0e\xbfR\\\xa1\xf4\xf5\xbc\x86\x87\xf7\xfc\xb7&lt;\xefb\x98\t\xae\x06\x0b?f\xaa\x0e\x87\xe0'</t>
  </si>
  <si>
    <t>b'\xe5u:\x82\x17"FM\x0b\xc2P* \x1c\xe5b\x04\xf6Gr\x8c\xf0\x15\xc8\xf8\xf3\xaf0\x8d\x99\xa0\x1a'</t>
  </si>
  <si>
    <t>b'\r\xd5U\xcf\xca\xb4\x04\xd4WC\xe4-\xdc\xd5\x1aN\xb6vN\xf2\x19\x11;\x92#\x05I\xd4\xbe"\xd9|'</t>
  </si>
  <si>
    <t>b'\xe8Dm\x85e\x87\x1d$q\xb3\xe4\xae3\x833cBj\xb6\x9e?d\x8c\x9c\x1f\xda\xea\xcc\xba\xaf\xce\xb3'</t>
  </si>
  <si>
    <t>b'\x0c\x88\xc0y]\x95\x87V\xf0(\xbc\xdd\xe4\x96\x06\xb2\xb3\x92Kjr\xb3\t\xb0\x15`\x0fL\xadi/\xe3'</t>
  </si>
  <si>
    <t>b'X\x87x\xbd\xa7\x90F\x08\x1e\xc7\x8b\t\xc2~\xbf\xe7?q\x19\xfd&amp;\x95b\x90\x9f\xbcXu\xaa\xf4\xe1\xdb'</t>
  </si>
  <si>
    <t>b'\xd3\x1d=\x9a#@\x1c\xf9\x90h\x9b}\xfa\xfd\xad\xbd\xf8T\xdeZ\x12M\x84\x94\xcb\x9d\xbd\xf3\x94\xc14\xc2'</t>
  </si>
  <si>
    <t>b'\x9c\x83\xb9duf\x1c~\xca\x8bUh\xdf\x11\xef,X9\xa6\x1f\xa8\x16D\x99\xd3\xe4Byl\xdf\xda\x14'</t>
  </si>
  <si>
    <t>b'\x82\xbf\xe2[\xcf\xd6l\x97\xf7\xc8\xf24\xd7\xba\xabg\xb4\t\x97\x80\xa7G\x1e\xf8\xc97T\xfa\x8f\xfcu\xe5'</t>
  </si>
  <si>
    <t>b'm\xf3\xbf\xb7\xe4Vu\xc4\xb0\xe1\xaa\xc0\x01~\xdc\xf8\xe6}\xdbzMm\x8bf-\xd9m\x80\xb8?\xaa='</t>
  </si>
  <si>
    <t>b'\xe8=\xc1G)\xda\xfb\xef\xe4\xc8\x87-\xbb\xd2\x82O\xf6\xc9\xd8\x14oD\xc4\r\x9coF\x8a\xab\xb1\x15%'</t>
  </si>
  <si>
    <t>b'=O\xa1\xc3k\x96\xbf\xcb\x12\xf9\x11\xc9\x99e\x97|o\x1b. zt\x89\xd0\xdc\x14\x0c\xdaD\x08i\x01'</t>
  </si>
  <si>
    <t>b'9\x1a\x8doaW\x1c\xc1\xc8;\xc2\xf0*P\xc9\x0c\xd1\xa8\xcc\n\x11\xa7\xf4\xb6\x9d`/O-\xa6\xea('</t>
  </si>
  <si>
    <t>b'l&lt;\x1bA\x08Xy\xdf\x96R\x1b\x89\xee\x1db1\xbb\x81\x04\xf5\xca.\xfd\x17\xff\x1d#\xf7P;\x83M'</t>
  </si>
  <si>
    <t>b'\xc3si\x9b\x9c\xcb5\xd2\x03\xec\xb6\x81\xf4\xc4(\xf7\xfd\xc1\xd1\t;X&lt;\xde\xa7\xf9\xc5\x8c\xa1\x04\xe20'</t>
  </si>
  <si>
    <t>b'\x94`\xc4\x96\xd3u\xee\xd0\x1a\xe0\x8e\x06\x87\xf6\x02N\xe6\xc8\xf7\xb8\x1a\xd2\x8fi\x9b\xa0\xa1\xd4,\xef*7'</t>
  </si>
  <si>
    <t>b'\xa3\x17QN-\x14\xdaN\\\xadX\x16/\xe8\xc2xZ*\xbe\xddB[\x05\xc5|L\xc8\x91Go8+'</t>
  </si>
  <si>
    <t>b'\xb8\xcf\x10X^{u&amp;\xe9\x86-vts\xa8\x9d\xca\xdfK\x82:i]\xe7\x98Z\x93\xc4"ST\xb6'</t>
  </si>
  <si>
    <t>b"\xf6h\xc0\xae}Ez\xa6'\xbc\xd7\x16\x00\x82\x85\x1c=k\xc9\xad\xf7\x8c\xc9\x0b\xd2\rdw\xa3\xbe\x01["</t>
  </si>
  <si>
    <t>b'Y{\xa8 \x99Qb\x11\x1b\xa1\xaf\xc0\x87\x05\x12ax\x7f\x87\xc40\xa9\x13f\x06Z1\xf0\xfa\x1d\x87\x9c'</t>
  </si>
  <si>
    <t>b';O\xf6\xd9\xf6\xb2\xd1\x05\x9bhvC\x995R24\xf2g\x95UI\x07\x9a\xeb\xae%88\xd7\xed\xc7'</t>
  </si>
  <si>
    <t>b'*\x14\x97\xd5TM\xb3\xe4\x81\xb7\x17\xf3N\xee\x1fx\xa54\x9e\xd4\x1fS\xd8\xbd\xb8wt0@\xc0\rp'</t>
  </si>
  <si>
    <t>b'c{\x85\xb7\xd4\xf5E/\xb2\x12\x95\xd0\x87u`k\x13S\xa0\x7f]\xc7\xba\x90\xde\xad\xc8px:\xb2\x03'</t>
  </si>
  <si>
    <t>b'\xe7q\x07\xc2\xc6\xdb\xd3\xd8\xee&amp;\x80\xe3\xf0\x04\xf5_\x0e\x159\xceY\xbd0\xe6;\x13\xc0[\xec\x99\xb7~'</t>
  </si>
  <si>
    <t>b"S[\xc7\xc0\x10\xf0\xf2\xc0W\xf23\xd3w'\xc2.\\\x05v\x06@\xfa\xa3Wj\x19\xb1\xc0\xfa\xf8Y\xa2"</t>
  </si>
  <si>
    <t>b'&gt;mF\x03]\xa75e\x02U\x13\x8a\xdd\x7f\x98\xe1i\x9f\x1f2N\n\x94\xeb\xb9\xf0\xb6\xa5G\x92\xe1\xce'</t>
  </si>
  <si>
    <t>b"\x0e\xfc\xc1aO9\xe8?\xe3U\xddh\x8a\x80U'\x99=YJ\xcb\x0fJ\xdcD\xdb\x86}?\xaa\x13\x13"</t>
  </si>
  <si>
    <t>b'\x86V \xe7j\x82\xd7!t{\xdeR\xa1\x9f\x89\xc7\x94\x84\xa6s\xc6\x19\x11&gt;\xbf\xd4\x97\xe7\\j7\xda'</t>
  </si>
  <si>
    <t>b'\xc7\xea\xcc\x1b\x1e\xdf\x0c\x03\xa9.\xab\xce\x8a4Z\xc3=\xa7\xc1m\xc6Oi*\x9a\x0b\\f\xfejJ{'</t>
  </si>
  <si>
    <t>b'\xab@7\xbc8\xe6+m{Pw\xd8\x0f\xde\x9a\x92\x1bi\xb4\xb1&gt;\xc0\xca\xf5\xac\xad\xbc\xe0A \xb3\xee'</t>
  </si>
  <si>
    <t>b'\x81V\xcd[ad\x8f\xb4\x97Cc7?6\xf5\xd3\x98i\xf9dV\x19K\xca%\xd8er\x06\xe4\xc5\xd3'</t>
  </si>
  <si>
    <t>b'\xb4\x06\x15TW1J\x1f\xca\x11L\x95\xafj\xf7T]\x9d\xbc)\x16\x87\x14t\xd9\x86\x05E\x93~rb'</t>
  </si>
  <si>
    <t>b'\xf4\x8d\xa1@\x8b2B:\xfe\xdf\x9e_\xe7\x9c\xf6\xa9\x82\xc9\xb4\x14\xae\x9f\xc41t\x03.\x84\xa2\x17\x18\x88'</t>
  </si>
  <si>
    <t>b'&gt;u`Tk,]N\xf1\xe4u\x10\xb5\xc0\xff\xd8Z\xe7b\xd9\xcd\x88k\xde\x06o&amp;H\xc0Rs\xb6'</t>
  </si>
  <si>
    <t>b'_Ho\xdb%\xeb\xeb\xbd`\x8b\xa9\xa8\xcc\xb2pp\xd6\xdc\x05&lt;\xe0\xe5h\xb3\\\xe4\xbd\xd9\x9a\xf7\xbb\x8d'</t>
  </si>
  <si>
    <t>b'P\xad\xbcP\xc7\xfe\xff\xf6\xde(\x0c#T|N\xdc\xb8\xab\xb7\xfa\x18\x06\xc24\xed\xd9w\xf6\x86L\x1ad'</t>
  </si>
  <si>
    <t>b'\xf8\xf4\xfe\xae*\xf2-\xa8\xac\xeaw\x0e"yd\x10\xab\x05[$\xff^\xc7F\xb8\xc6&gt;\x87\x16Z\xc7\xe1'</t>
  </si>
  <si>
    <t>b'\xd2\xea\x97\x8d\xf5\xd2\xd246\xd4\xf8O\xb1&lt;"]\x95\x11MW\x1be\xcb\xbb%\xb0\xe6\x8eu\xbcW\xe9'</t>
  </si>
  <si>
    <t>b"\x11\xeam\xcc\xae_\x93#\nG\xdad\xf8\xe0\xf38}\xd5D\xc9&amp;\xf2\xd6?\x08\xa2\xbd'\xdfp*\r"</t>
  </si>
  <si>
    <t>b'\xd6\x894\x1cO\x0f\x07\x84\x86\x05(\x1c\x9e\x8b1\xe0\xa6\x84\xc5\xd4\xab\xaa\xc1G~/\xb3W\x14\x9e\x03N'</t>
  </si>
  <si>
    <t>b'\x13yTr\xc2\xdby(\x1b"\xdbbC\xff\x0e\xd8i\xce\xe56\xdd\xd3\xd8FM\xf3L\xe7\x91\x11\x8e\x08'</t>
  </si>
  <si>
    <t>b'\xdbs\x17k\xa4 \xaf&lt;\xe9\xafBs\xb5\xea\xf0\xc6\xf2,\x8d\x19gq\xc1D\xd6\xff\xa5\xc1\x99\xad\xfe)'</t>
  </si>
  <si>
    <t>b'\xd2y\x91\xc4&amp;K]\xc6\xf2\xca\xdaa\xce\x8c \x9e\x81\xfbPM\xad;]n\x80\xb8\xba\xae\xbb\x82w&gt;'</t>
  </si>
  <si>
    <t>b'\xe4@\x00\xf9\xd5\xb5\xb3\x96\x1a\xe2\xb8(\xc8\x02\x81\x8a\xbf\x89|%I\xf1\xdd\xde\x9e\xcde\x8c\xf9m/X'</t>
  </si>
  <si>
    <t>b'\xb3\x05\x84\x816\xa3sq?\xfeh8\xe7kh\rp\x89\xa2\xf7\xf6\xbe?s\xb0\xa8\xb3]Y;\xfa\xca'</t>
  </si>
  <si>
    <t>b'\xd8\xa6\x18\x8f=\xba4\x10\xcf\x1f\xf2\x07w\xa1\x8e\xfbu\xda\x83\x82\x9a!\xbc&lt;D\xd6C\xa4\xdac\r&lt;'</t>
  </si>
  <si>
    <t>b'\xe3\x08\x90\x15j\xde\x83\x9fF\x16\x8d\x93\x95\xf7\xaa3\xe0[\x8du8\xaek\x1a\x1f\x81\xa1\x89\xbe\xdd\xc6C'</t>
  </si>
  <si>
    <t>b'C\xd5\xc2\x00\x8cZN\xacI\xcd\x85\x06\xa0g\xc1SPi&gt;\xaaz\xd7\xb04E\x9e\xc5\x18\x1f_z\x1c'</t>
  </si>
  <si>
    <t>b'.\xef0lD\xc8\xfe\x89k~i\xf0\x00\xf3$n\xbf\x9c\x1b-\xe2\xd6\xd6\x0eM9\xef;$+\x95q'</t>
  </si>
  <si>
    <t>b'Y\xd7\x00\x89\x05b\x1d\xe3\xc2$\x89\xd3\xfe\xa2K\xa4/\x9d\x150\xe9\xf8u\x05v3\xcdf\xbf8R\xf1'</t>
  </si>
  <si>
    <t>b'iwd\xf7`\xd4*\x1f^\x03\xceSnh\xc9`\xc7pB\xf2\x14sL\x03\x8d\xf4\x89\xd5J\xc4\xd2\x15'</t>
  </si>
  <si>
    <t>b'\xff7\xe5\xa2\n-gX;\x0b r\xf4\x8c\x0b\xb3\x05u\xc6\x87\xa2\xfc.V\x06\x82\x91\xafN\xca\x17\x06'</t>
  </si>
  <si>
    <t>b'\x8e\x01\xce^B\x85\xa9C\xecA\xe3\x1e1\xf0\xf59\xfb\x17\xfa\xc9`e\x99\x14\xfe\xf4\xeekLu0\xe8'</t>
  </si>
  <si>
    <t>b'\xe3\x0bT~pJ\x85\xa8]\x82~Z$\x95\xb1\xae\xdd=\xaa\xc7\xe5\x92U|\x1d\xc6\xe5Am\xbe\xee\xae'</t>
  </si>
  <si>
    <t>b"h=\xb8\xf8x\xfe]\xc5\xd3\xfc1\xfaC\x16\x1aM\x14\xbb'URHm\xf8\xed\xf2\xbdDe?H\xef"</t>
  </si>
  <si>
    <t>b'\xb3\xed#T\xbf\xfc\xfb\xc2\xa1\x0b\x82f\nN\x0bW\x17\xef\x86\xb6Q\x90_\xec\xc0\xe3\xa3I\xab\x99\xa7,'</t>
  </si>
  <si>
    <t>b"\xdax\xe7\x82\x83\xdc\x8b\x9da\r\xa5r\xc9\xf2\xab\xfe\xc5\x9bJ'\xad\xc8\xd0$\x00Kz\xec\x13\xef\xbb\xe4"</t>
  </si>
  <si>
    <t>b'\xec\xaf\xe5\xb2\xb5\x81\x0f\xae\x8f0&amp;W$K\x01B\x03M\xbeo\x0f\x1d\xbd&amp;\xe81\xb6D\xe9o\x11\xf3'</t>
  </si>
  <si>
    <t>b'^\x81k+;\xadG\xa5\xaf\x9a&lt;\xc5\xe0\\\xbf\xf5n\\\x08\xdf9\xf2\xc4\xff\x0f\xb1\xd2\xe4n\x9f_\x19'</t>
  </si>
  <si>
    <t>b"\xf1'\xb6\xfe\xb2#\x9e\xfdc\x92\xfcI&lt;\xe4\xf3\xf3\x81/\x0f0V\xcf\xac\xa3Q\xe5\xae\xd1\xe0\xb9R\x00"</t>
  </si>
  <si>
    <t>b')\xf3|\xec\x08QrO\xd5\xfc0\xe0cFs\xaep\xd83_2\xbez\xda\x91\x8adN\x14mA\xc2'</t>
  </si>
  <si>
    <t>b'\x86\xf90\xbd4\xca,\x03-&lt;~J\xdd^\xf3\xbb\t\xdbH\x1e\x9c\xf15\xa6\xa2\xae\x8e\xb9\x80@\xcc\xef'</t>
  </si>
  <si>
    <t>b's\xb2!)\xcc\xa1\xe0\x06\x80\xaf\x11\xd9\x95\xd3\x97\xab*\xaaL\xf1\x97(\xb0\x15M\xe9\xa9\x92-[\x84\xae'</t>
  </si>
  <si>
    <t>b'\xd5\xf8\xac\xa6m?f\xfd\x00\n\xc4\xfc4Y\xaf\xccb*\xc5\xd4~\xec\x0fD\xf6\x07&lt;\x01\x10\xcf2\x9a'</t>
  </si>
  <si>
    <t>b'\x9f\x9a\xc8zYd\xa7\xd8\xa4\xbf\x9e7Q\xbd\x10\x9bn\x1d\x7fN\xa1\xf2\xb8\xd8\xbd\xean\xda\xb1\xffps'</t>
  </si>
  <si>
    <t>b'\xd3y\x92y]G\xcc\xe0\x82Y2=\x0fXX\r\xb3YQ*P\x89\x02S\xef\x95#\xdb\x8e\x9d\xc2\xb3'</t>
  </si>
  <si>
    <t>b'\x1c\xe1\x9a\xba\x959\xdb\xc6\xf3\xfc=\xa4y^}\xfbF\x8dV\xb8\x86P\xf6\x1a\xd6\xe35Q\x85\x82\x88\xb7'</t>
  </si>
  <si>
    <t>b'\xa0\xceXq\xbd\x8c\xd7\x9e\xcc\x1bu\x15Y\xe5\xfe\xbc\x12z\x18\xcc\x94\xc6\x86\xaa\xf8s\xb1\x81A\xdd\xf2\xc1'</t>
  </si>
  <si>
    <t>b'\xbas\x89\xcd\xb8\xd2\xac\xdd2\xf2\x94\xaf\x9a\xbc\xca\x91.\xae\xb2\xe6\x9aH\xd6\x84\xbe\x08\xf0 \xe9\xba\xc9\xa6'</t>
  </si>
  <si>
    <t>b'\xd6\xfeg\x8eu\xbffm\xb1\n\xae.\x15\x85\xe3\x15\x08=\xc70\xcanP\x0f\x871W\x990pF\xc2'</t>
  </si>
  <si>
    <t>b'\x88%\x00&amp;]\xf1\x00C~\xcfCl\xa9\xe5\x8ep\xf3\t\x08_\x04}pN\x8bR\xad\xb9[\x0c\x87\xfd'</t>
  </si>
  <si>
    <t>b'8\x12\xd0\x03\xca|\xeb\xe3\\z+\x7f\xa1\x96wJ\\\n#\xab \x8a\x84t\x907\xc4ti0uv'</t>
  </si>
  <si>
    <t>b'\xfe\xb1Y\x9f\x90\x0b\x1e-YMn\xccw\x0f\xb1PZo#\x90\xf8On/k\xf0\x1d&gt;\x7fs\x18h'</t>
  </si>
  <si>
    <t>b'p\xc4\x82+ \xf9z\xe7+i6\xc7\xff\x19\n_\r\x186\x96\x98h\xc4W3\x1fZ\xb1!\x11SA'</t>
  </si>
  <si>
    <t>b'\xb1\x9a\xb2\x110\x91\xd7\x19\x7f\x98\x98\x98&lt;\xd9-^\xda;0\x03\xf0\xec6\xd0\x16\xff\xa3\xf0\xcd\x14\xed['</t>
  </si>
  <si>
    <t>b'J\x1c~A/i\xd2.\xba\xf9\xfc\x03\x0eXl\xbds"y\xa9Dd\x9dW\xb5\x94\xda+\xa0\x9c,I'</t>
  </si>
  <si>
    <t>b'\x00\xd6%\x8dsrel\x01@"\xcc\xe9\x8e\x92p\xb8\xb2\xef\xe8\xe2\xa4w\xf8\xc8Ar\xf9\xe8`\x02V'</t>
  </si>
  <si>
    <t>b'\xd25\xab\xee(\x147?\x8cm\xb0f\x89S\x14\t\xd4\xf9FZO7Pe\xf1\x1a\xbe\xaa\xe1\xdf?\x8c'</t>
  </si>
  <si>
    <t>b'/\xdf&amp;\x9b\xb8v:\xb3\xe4\xbe{=\x16\x8a\xdc-\xe7\xe1\x89H.Cp\xdf\xb4:Ase\xae\xe3\xec'</t>
  </si>
  <si>
    <t>b'\x1d\x15\xfa)\x1b\xda\xdcA\x10\xeb;\xe47c:\xadUo\x9d\xb4\xd2"\xe7\xed\xb2\xf1cr\x08"\x87d'</t>
  </si>
  <si>
    <t>b'\x1em*\xa2\x91\xc20\x80\x9f\xd8J\xa2\x855\xbd2\xaa\xad\x04kWGg\n\xda\xac\xd6\xa6\xfa@\xab\x88'</t>
  </si>
  <si>
    <t>b'1;\x98\x847\x98\xb3\xbc\x84\x8c\xd2SD\xb5\x82f\xc9{XU\xaf\x9f1\xb7\r\xb4\xb1\xc4\xdd)\x1d\x96'</t>
  </si>
  <si>
    <t>b"\x9b\xd9\xdf\tP\x92-\xaaN.'\x9a2a\xeb5\xda\xdcR\x83\xe8\xac\xf3t{\xecd\xe9\x1b\xc3\x03\x19"</t>
  </si>
  <si>
    <t>b'\xf9,\x08Z\x9b\x9f\xc3\xe5A%g"\xaa\xa0/\xef\xcd\xedT\xaf]\xb9\x8b9\xd1\xa2\xac\xad\'\x0f3~'</t>
  </si>
  <si>
    <t>b"q\xd5[\xcbD\x89\xc524U'\xe8\xdd\x16\x83\xd0\xfb\x98\xf6sY~\xe8D\xb0P6\xcd\x87\xe4\x1e{"</t>
  </si>
  <si>
    <t>b'T\xe1 \xcf\x97.\x00:\xf4l8\xc19\xd2w\ns %\x1dE\xde\xfd\xf6O\t\x00\xf1\xe6:vv'</t>
  </si>
  <si>
    <t>b'8\xe5\x84c\xaa\xd4\xc7x\xdf|\xbc\xeb&gt;\xc0AE\xb2Z\x0fd\xad\x91\xd1]\xc7N\x1c\xda\xfd\xdd\xea4'</t>
  </si>
  <si>
    <t>b'%\x99\x82\x11\x11\xb6\x19\xb9\x00\xd3\x90\x1cfx\x00\xccI\x0e\xa1\xea\xe0\x85\xdb&amp;\x98\x1c\xee\xfcD\xaf19'</t>
  </si>
  <si>
    <t>b'\x03S\xb1=\xf1 \x88\xad8,(\xe7\x15\x18\x01\xd4&amp;\xcd\x97\xc1&gt;\x85\xb8\xa5\x06dx!m\x99\x8dk'</t>
  </si>
  <si>
    <t>b'\xa0\xe1q\xf7\x9clTyy\xb0\x7f\x0b\x1d\xb3\x87\xf2C\x1b\xd9 \xec\r\nyz\x13n\xe8\x1e\xf7;N'</t>
  </si>
  <si>
    <t>b'\x87Y+&lt;Nn\xf6\xbc\x03Y\x0cDh\xcd\x11\xd8\x00\xa6\xde\xd1\xac\x18\x08B\xa3\xeb\xa7\xda\x8f\xaa\xf1"'</t>
  </si>
  <si>
    <t>b'\x0c\x9c\xf3\xbc\x973O\xeb\x19\xfaS\xf4\xa3:R\x98\xbe@4\xc9^X~\x80\xfc\xe5\x90:\x95)\x01\x82'</t>
  </si>
  <si>
    <t>b'XY\xd2j\xb2\xd7\xed\xc0\x8c{n\xd1O\x86\x00A\xf1\x9f\x9f\xfb\xf3\xc8\xdc*\x92\xf4\x82\x08\xd6\xd5\xe7\x0e'</t>
  </si>
  <si>
    <t>b"\xa9\x94\x06\xb7XY\xe7\xf5s`\x9b\xfe\x1adp\xf1UIsy'6\xe7#QK\xae\x05s\x03c\xb1"</t>
  </si>
  <si>
    <t>b'm\x03\xa3\xa2\xcc\x900%\n\x9c5D\xf64IsIPR\xe5\x08\x05)\xd8\\\xe5\xb3|I_\x948'</t>
  </si>
  <si>
    <t>b'\xa3\xe1\x94\xc4\xb3\x83\xf4\xb0\x9f\xb4\xbdy\xba\xf3\xd2|\xdf\xd2\x1emsP\xac3\\\tbi\x84\xb8HD'</t>
  </si>
  <si>
    <t>b'd\xce\xda\x1d\x9d\xc6I\xa8\xd6\xc8\xd7J\x89\xffm[N\xbeH\xec\x88\xa3\x99k-Wc^&lt;\xfa\x02*'</t>
  </si>
  <si>
    <t>b'\xc2\xde\x1c\xa3\xb1\xf8\xa5c\\M\x85\xbe\xf0\xe9&gt;\x8f\x90@M\xc5\xda\xe8@DB\xd03zP\x0f\x84K'</t>
  </si>
  <si>
    <t>b"H\xd1\xe1\x82'\x8es6#\x97s\xb70\xda\xcb\xcd\x02Tt(\xba_\x0c\x8d\x8e\x9d\xce\x99H\xccX\x95"</t>
  </si>
  <si>
    <t>b'\xablk\n\xb4\xf8\xe65k\xc5\xac\xf13\x0by\xff\xf4.u R"\xd3\xc3\xb3\xb2)\xa4\xe0\xea\x81s'</t>
  </si>
  <si>
    <t>b'\xd4S\xd1!\x95\xc9\x85J\xcb\x8e\x01\x81\x80\xbf\x95(\xdd[\xb0\xa2X\xfe\xd1\xcc\x01D{\xe6\x88x\xee\xcd'</t>
  </si>
  <si>
    <t>b"1\xd7\xd6)\x1f\x06K\x1c=\x0fVy\xebo\xe9\x90P\xb3\xaa'\x9d-\x10\xe5!\xe0\x0f\xc2\xa5/\x16^"</t>
  </si>
  <si>
    <t>b'6G\xf7:\xaa0\xcf#=\xc8Q\xb39\xae\x84\xd7\xe1j\xee\xd8\x9e&lt;\xf8\xbdD\xcf~[;\xb89\xd2'</t>
  </si>
  <si>
    <t>b'I\x00\xd4\xf8@&amp;Z\xcb\xcd\xa1\x99\xa5RA(\x97o_\xa1\xa8\x1f\xb68\x8f\x1f\xdf\xd0\xb0\x032M/'</t>
  </si>
  <si>
    <t>b"\xea[\xcc\xf2\xde\xb3\xe3\xcd0\xf9\x14\xdcG\xf7\xfc\xf96\xdf\xc9\xe8}\x19\x0f\xc1\x1b\x06\xcb\x81\x0e'gc"</t>
  </si>
  <si>
    <t>b'\x7f)\x00\x06Sb\xdd\xe7\xd7\xa9\x84\xbet\xd9\xe0\xd0v\xf5.\x19w~\x96\x14\xc0\x18_W\xca\xc3k\x02'</t>
  </si>
  <si>
    <t>b'%\x85*Qc\xf6uaN(\ts}\x1d\xa5\xb9{\xaf\x82\xb2\xb4y\xa5\x9b\xbd\xd5\rhl7\xe1\x0e'</t>
  </si>
  <si>
    <t>b'\x06!\xa6\xca)S\xe3=\xe1\xef\xba\xae,.\x04\xf2\xd6!$\x94\xc3\x92\x076\x04\xcb\x7f\x8biN\x98|'</t>
  </si>
  <si>
    <t>b'jY\x8a&gt;\x1c\x924\x9duQL\xd4\x82\xed2\x89\xd3C\xc4:\xcf\xe3;\xecPc6v`\xa0j}'</t>
  </si>
  <si>
    <t>b'\x1a\xb5xS\x06\x97J&gt;\x1a\xe1e\x9c\x9c\xe5\xea(\xdd&lt;4\xd6\xf9\x01Iu\xcdLu.\xa3 \xd5\xc1'</t>
  </si>
  <si>
    <t>b"M\xfa&amp;\xab\x1d\x08\x9f\xd2\xfb\xeb\xbc\x92\xa6MBM'\xddP\xc5\x1a\xf8\xb4R\x80\x80\xafj\x86U\\\xec"</t>
  </si>
  <si>
    <t>b'kX\xca\xab\xf2\xbc\xf4d\xf2\xf1\x82\x9a\xd8\xcb\x88\xcd\xc8\xcaN\x01\xd0#\xb7\xa2\x8b\xce\x05%\x7fx\xaa.'</t>
  </si>
  <si>
    <t>b"S\xdd\x9cQs\n\xea'\x1e\x8di:\x8c\xcd\x800\xfbRQ:\rwDpT\xeb\xe2\xba\xd0B\x90\x8e"</t>
  </si>
  <si>
    <t>b'\x0e\xf8hk5\x1f\x1c\x10\x9a\xf6~\xe5\x98\xaa\xa4\xa7\xcf\x8aE\x00s\xcc\x98gJ\x19;E\xcds\x95+'</t>
  </si>
  <si>
    <t>b'\xab9\x1c!\xcc\xbe3A=\xd6yHB\x9a\xedqf\x9e\xbc\xf8r\xa95\xb0\xa3\x80\x94\xcd\xa0Nh\x84'</t>
  </si>
  <si>
    <t>b"\x1f\x13F\n9\xfd]\xa5\x0f\xe6\xca\xb8\xaa\xa2\xa0'\xa3z\x84\xa2\xb1W\x0c\xb2M\n\x91g\xf5\t\x965"</t>
  </si>
  <si>
    <t>b'\x83=\xfe\xc8\xe3\xc5r\xdc\xff\x1etp\xbe\xc2o\x07\xfd\xb9[\x16\x1bu\xf4\xb4\xa5\x8c}\\\xe2\xf6%\x93'</t>
  </si>
  <si>
    <t>b'\x96\x1c\x9e\xa7\xfb5:\xbeR\xa0\xe2\xf5F!\xe7:\xe4&gt;\x07\xd1\x84P\x9d\x1fJ\x9c\x18~K\xbbn]'</t>
  </si>
  <si>
    <t>b'\x06\xaa\x10\xf3{Q\xc2\xd4t0,\xd8.P\xc0U\x03\xc4V\xf3\xe4\x1f\xeeT@Y\xec\xe3\xe4"0\xe9'</t>
  </si>
  <si>
    <t>b'BB\xf7\x02\xb0\x12\x9a\x01\x95\xba\xf7\xb2\xeb\xa6\x91q\xcbXL\xc9\x95\xc7G\xe0E&amp;SsKM\xfc;'</t>
  </si>
  <si>
    <t>b'\xa0\xe6b*\x8fF\xbb\x1cKHY\x8cA\x95_&amp;RL\x1a\xce\x9b\x87VZ\xa8\x95\xe5\x1a\xd4\x90to'</t>
  </si>
  <si>
    <t>b'\xd4i\x8f\x12I\xfb.\x8b\xc0\x9a\x15\xd4\x86\xe8O\xe9\xda\x06\xee\x19j!ZgK\xeb.Mn\x96b\xea'</t>
  </si>
  <si>
    <t>b'\x02\xb1\xe2\xe1\xa4\xc7\xfc1\xc2\xdd\xb4\xc5\xfa\xb2 \xf7&gt;T\xa6\x81\xee\xdeE\xbeO\x92:\xb5\xd3\xc3e\x1e'</t>
  </si>
  <si>
    <t>b"\xa5M\xc1se\x80\xd1\xce\x97\xad\x8ck2\xa8l\x1d,\xe3\x99E\xc1\x16\xda_Y\xad6\x08\x1c-'\xf2"</t>
  </si>
  <si>
    <t>b";\x8c`fc\xd6\x80\x01\xae\x95\xeblj\xcf\x8d!\xab'\xf4\x15*\x90%|\xbd&lt;9d\xbc\xc3a\xe4"</t>
  </si>
  <si>
    <t>b'\x8e:p\xf1c\x0c\xa7\xb5\xe5z\xff;\xe6!C\x92\\\xc0\xd3\xc6\xb5\xc1\x04?\xaey\xc3\x9e4P\x8aJ'</t>
  </si>
  <si>
    <t>b'2\x1f\x94\x9274\x02\x90i\x12\x8a\xec\xf3\xdbe\x1a\x8b\x8e\x8d\xf1\xde\x97&lt;\xae\xcaxU\xaa\xa5kV\xcd'</t>
  </si>
  <si>
    <t>b'7\x18\xf2\x91\xb1"\xb0\xdf\xbb\x0f!\xff\xf3j\x9b=\xbc\xc2\xa0\xd0gU3\xbd&lt;\xe3\x19x%K@]'</t>
  </si>
  <si>
    <t>b'\x19\xdfL%tk\ndz\x85\x171\xb7\x12#^\xec\xd9Z\x0c\x8a\x14\xaeJ\xa2)\xb9\x90\x9a\xc7#\xf9'</t>
  </si>
  <si>
    <t>b'\xae\xb7\x97J$\x03\xf9\xbd/\xb2#\x0f\xab\xe1\xef\xe7\xcaX\xcf\x9ai\xb0\x153\x8bm\xe5\\\x93\xc0Bl'</t>
  </si>
  <si>
    <t>b'\x8c&gt;\xd3\x02Tn\x01E\x9c\x16\xdb\xcbt\xa0Y\x0cO\xdb\xcf$\xbdm\x046\xa0 8\xc3VV\x00\x96'</t>
  </si>
  <si>
    <t>b'zD6@\xb4\xfe\xf8\x87H\xa4\xa7f/\xcc\xbe\xbe\xd3E\xdd9\x90\xf8y7W\xa4[g\xf5\x87\x9e\x93'</t>
  </si>
  <si>
    <t>b']\xac\xd1\xc7#A\x0c\x95u\xb5\x1a\t\xd7\x16\xf6c9\xaa\x91\xf4\r\xb2\xd6\x8a\x17d[\xc2\x1d\xc1\xb4\x10'</t>
  </si>
  <si>
    <t>b'T\xd7\x1a\xbdT\xd6Td\x12\xf4\xce\x83\x04\x91_\xe7"Cq\xa1\xf8{\x8b"\x1d\xbcG\x15\x98\x15\xb4\x91'</t>
  </si>
  <si>
    <t>b"}\xe1\x1f\ra\xb6\xc9M\xb9\x92\xe6IT\x90\xbf\xfd\xdai\xd5\xba\x01\xbf\x8a\x90'P\x00\x0f\xe5\x9d\xad\xf0"</t>
  </si>
  <si>
    <t>b'gm\xfc\xa0\xcf\x82\x0e_g\x8a\xe00Rxdh1\x14\xe6y5\x02!(\x1b\x0cd5l\x02\xe9g'</t>
  </si>
  <si>
    <t>b'\x8a\xd1\xfek&lt;3\\Z\tO,}i#\xf8\xa5uh\x162\xe1\x1d\xddf\x95P]Y\xbfg\xcc\xd6'</t>
  </si>
  <si>
    <t>b'BF0b\xbd\x80\xa3\rJ,\xe3\xa6\x1fsn\x01m\x02\xbc\xf6I\xda\xb7\x19\x07\xbc\xd7*s\x81-,'</t>
  </si>
  <si>
    <t>b'\x18\xe61\xf0\xb25\xc9d\xbf\x96U\x1a&lt;\xe2\xfbN\x08\xe1\x99K\x9d\xb8\x01\xc8}(\x0e\x18\xc9\x05\xed\x14'</t>
  </si>
  <si>
    <t>b'\xe98\x8aS&lt;(\xc8\x9d\x12\xef\x8a4\xcc\xc6:\xd5\x9f\x9cv\x18\x10f,BSN\x89X,\x9e\xd9\xe9'</t>
  </si>
  <si>
    <t>b'\xb5\x83\xc7\xefr\x81\xe819E\x06\xf3\xa7\xc2\xc6O\xad,\xef&amp;\x92\xcf\x17]\x05\xf6\xa1Ee\xe2Y\xb8'</t>
  </si>
  <si>
    <t>b"`\xe0X7^\x11\xc1w#\xd8P\xba\xad\xd3#\xc9\x80\xf4'\xf8\x10F\xf7$z6|\x7f\xc8W\xac\xf1"</t>
  </si>
  <si>
    <t>b"Iq\x94\x1f\x06=\xb3\xfe\xba\xe9\x91\x04\xf4\xb8\xa5\xf4tDo\xc8\x0e'\x96\two_To\x17D\xaf"</t>
  </si>
  <si>
    <t>b'\x84\xe6\xde\xdcTFN\xa70uW\xeeV\xb3\x18\x85\xad\x03\xa0\x93P\x99\x82\x07\xb3\xb4u!Ww\x17\xab'</t>
  </si>
  <si>
    <t>b'\x13\xc0h\x80\xce\xe3Z\xb6\xe7\x15\xdfzeE\xbe\x7f\xe7\xf6\xd5\xeb\xfe\x1f\xda\xba\x02\xa9\x8a\xbeR\x16\xf3\x04'</t>
  </si>
  <si>
    <t>b'X*\xc5\x17G\xe3\xb7\xca\xe9\xcd\x0eY\xff\x7f\xe6\x00\xd2\\\xa6\xe7\xaf\xb0\xb3\xbe\x0b\xe6\xba\x93\xac\x82\xef\x98'</t>
  </si>
  <si>
    <t>b'-\x93\x03\xdbMQ\xc4\xc0G\x05\x11\xe0\x01\x8fx\xf5\xbf\xe6\xe0\x92\x1f\xa6q$BQ\xa2\xc6\xe9i\x82\x1c'</t>
  </si>
  <si>
    <t>b'\x12\x92\x03\xf41\t\xbfW|\xf2\x96\x98\x0f\xf5\xe9\xa6um&gt;\xa9\x91W\x81O\x92\xd6\xe5\x8a&gt;\x13;\xbb'</t>
  </si>
  <si>
    <t>b'P\xbea\xb0\xe7\x18F\xbdurm\xbcZ3\xab\xf3\xe9\x06\xb4b\xc52\x87o\xe8\xa4\xb0\xc8q\x8a6\x9d'</t>
  </si>
  <si>
    <t>b'6\xac\x04&amp;\x08=\xf57\xf0Z\x10Zx\x9a\xed\x01\xf3\x96\x1e\xc0a\x0bI5\xaf\x16dT\x01P(\x10'</t>
  </si>
  <si>
    <t>b'51)\x85\x00\x89,;h\xe0\xe7^\xb4\x11\xabi`\xa1\x93\x9c\xd4\x0f\x93\x01\xc51\x82\n\x11\t\xab\xb3'</t>
  </si>
  <si>
    <t>b'\xe2\x1f:\x8f\xaef:\x98\xad\xa1A\x0e,x\x05\x1f\xe7!\xfd\x0e\x82XK\xb9\xdd\xe5\x06\x97G\xd8(\xfa'</t>
  </si>
  <si>
    <t>b"\xc4\x06\x1diO\xac\x05\xca\x05fo\x83\x19}t|p)\xb3'y\xb4\xc9\xdd\x82@B\x89J\ri\x92"</t>
  </si>
  <si>
    <t>b'\xc9a\x07\xa0\xf9\x1ax\x7f#\x1eS\x8e\xb3\x8d\x99$\xb2\xdb\x05y]N\x97(\xb5\xb67m.\xeb\xef\xd0'</t>
  </si>
  <si>
    <t>b'{K\x8c\xb8\xd8\x0c\xb1\xdf\xa7\xabR\xe5x\xc5\x84\xb9@\xd1\xfe\xd6\x84A!\xdf\xe7\xf3\x8ft\x02Y\xd9H'</t>
  </si>
  <si>
    <t>b'\xab\x91\xb51\x86\xedw\xce\x02\xaah\xdc\xec\xb6\xe7\x8b?\x89Wk\x9b\xe7\x9b\xc4\x94UQMN\x04_\x16'</t>
  </si>
  <si>
    <t>b'\xe3\xa8\x16F\xfd\xc9\\\x7f\x92\xe1\x06\xf4oH\xc9\x14=\xc8\x86\x019\xe9\xc6oN\xd4\xf8\x8f\xcd\x86\xb6@'</t>
  </si>
  <si>
    <t>b'\xf7qs\x1e\xd2\xcb\xbd\x9dJ\xb2p\xa1F/\xb3d\xef\xff0M\x10\xa4\xb3y\x86k\x89\xfb\x8b\t\xfb\xe6'</t>
  </si>
  <si>
    <t>b'{\x9a\xb2T\xcal\x14\xab\xfdB\xf9\x86\xf3f\xbeS\x99zb\xd3\x0fj\x07\xe3\xf2E\xe37^\xf6e\x1a'</t>
  </si>
  <si>
    <t>b'1\x84\x9f\x00\x7f\xf5\xd8\xd4\x8e\xdcBK1\x8e\xc4(\xa6\x0b\xae}\n\xb5\xd2\xd6DQ\x1d\xb6.d\x8e\x07'</t>
  </si>
  <si>
    <t>b'\x18\x8a\xf0\xf6M\xe9\x1be7\xe40\xf6P\xa1\xe2N\xe8\xb8^\xc8\xc4\xd7\xb5\xe3\x04\xef\xd2\xfd\x00\xab2\x91'</t>
  </si>
  <si>
    <t>b'\x06\x1c\xe0\xb8\x10\xdb\xd35\xa4\xdfNB\xa6~.\x95\xb0\r\xa8\x03\r5]o\x848Z\xc1Z(\x0e\xa8'</t>
  </si>
  <si>
    <t>b"\xb9h\x16\xe7\x04\x8b\x13\x0e\xa4\xdf*\x9d\xbd\x1beC8wJ|\xa4:\x19^\nH0\xf2\xd5@\xce'"</t>
  </si>
  <si>
    <t>b'Lo]t\xdcj\xef\xdf\xf5\xb9\nP\x7f\xa8+T\xbc\xa0\x1a\x8fg\xdfGi?d2\x9e \x03\xf9\xa6'</t>
  </si>
  <si>
    <t>b'\xc9\xb2\xbd\t&amp;\xb2\xa2\xb2\xa6\xa7!\xe0/\xa27\xdea)\xb6\xc0\x11\xfa\x02x\xf9\xcc\x1c\x85\x1b0\xc6_'</t>
  </si>
  <si>
    <t>b'\x8b\xff\x95g\xd9\xf8N@%\x03\xe5\xaa\x984"(\xdc\x15\xc8\xeb\x8c\xb1\xda\'\xc4\x83\x9c\x1a#\xcb\xb4\x98'</t>
  </si>
  <si>
    <t>b'\xe1E-\x7f\xa8\x99\x1bO\xd9}\xf4\xb42\xab\xd8\xf3\xf1A\x99cG\xe0\xeb+\xc2\xaf\xe81\x1b@\xb9\xb7'</t>
  </si>
  <si>
    <t>b'\xd6\xd4\xf3E\x88\xfe\x82\x9b\x04\xa5\x8aw\xacM}.&lt;\xde\x02h\x14\xd5W\x96\xb6\x0c\xf2\x86\x978\x10C'</t>
  </si>
  <si>
    <t>b'\x8d\xe1\xc7\xc0"\x15\x8e*\xf5\xde\xba\xef\xb9\x85\\x\xa80\xe8\xa1t\xe7\n\x86\xdaa\xfb\xbb\x02?\x92\x14'</t>
  </si>
  <si>
    <t>b'd\x96\xe45\x95\x13x)\x8a\x97\xd2\xb2\xab@\x16c\x1eU\x0e7\x8d\xa1\\R\x87\xd5nit\x1bq\xf4'</t>
  </si>
  <si>
    <t>b'6$y\x8f\xb58:\xbaa%o.,\xe3\xf4\xc7\x10\xf5\nXI\x85\x02\xff`\x87\xf6\xc4\xd2\xa7OL'</t>
  </si>
  <si>
    <t>b'\xb3\x95\xbd+/\x11FRwp\x9a5\xcc\xad\r$d\xd2\x13U\xfc(\xb4W\xc1u\xb3\x8f\xbd\x93\xd5y'</t>
  </si>
  <si>
    <t>b'\x8f\x96Z\x85uK\xf8lRh\xb0\x08\xa3\x9b\x7f|v(x\xd0$\x1aT\x0f[\x19Bt\x17\xc4\x8b\xef'</t>
  </si>
  <si>
    <t>b'\xd4\x06It\xa7\x1c+\xd0_\xa9\x9d\x1d\xbaK\xc6\xe4\x1b\x9d\x8c\xd6-\xd3\xd10\xdf`W\xeb\xcfu\xa3_'</t>
  </si>
  <si>
    <t>b'\xace\xd9w*\xc5\x066\xae&amp;R~:z\r\xd0\x94\x1d\xa54\x803\xaf\x17nV?\xbe\n\xc40\xe8'</t>
  </si>
  <si>
    <t>b'\x82\xb7\xff\xaa\xaa\x19\xb5\x01\x89$\xa0\xbb\xaa\xe0\x8b".\xc7\xc3\xb8\x07\xad\xe1!\xa5[l\xdal\xcd\x90\x9c'</t>
  </si>
  <si>
    <t>b'A\xd7\xbd&lt;x\xc1h\xde\xdf\xea1a\xba\xdf*\xac\xa1\xafS5\xb0`\xb5\xd3ebK\xdc;\xe1\xaaA'</t>
  </si>
  <si>
    <t>b'\xad\xa0\x84\xdfU\xd7\xb3]q\xd6R\x9c/Mva\xd68\x18I\x84\x9dv;\x8d\xe5\xa0\xabY\xe9\xc2i'</t>
  </si>
  <si>
    <t>b"}\x8e^\x93\xcb\xc1l\x88\x05\x98\xcb:\x84\xc3\xb1\xffO\x1a\xf4X\xa6\xe0bhpg^\xf8\x89'&gt;9"</t>
  </si>
  <si>
    <t>b'\x11\xbb\x98bB"B\xd8x\x81\x93\xcd\\kpJ\xb7{b6ST\x10s\x1fs&amp;\x81\x1ct7\xba'</t>
  </si>
  <si>
    <t>b'\x85\xe4\xa2/S\xe9d\xe83$]\x01\xd0\xf9\r\x1e\x84t\x17\xcc\xc0\xd58x\xfd\x8d\xc3\x1f\xf3\xcc\xa5\x05'</t>
  </si>
  <si>
    <t>b'\x8e\xd1\xb3\xcd#\xf0\xb1\xd8G \xe1\xeb\xf1\xd4x\xad\xcc\x1d\xbb\x9a\x9b\xbbb\xd8E\xa3\x1a\xc4\xc7L\x90\x14'</t>
  </si>
  <si>
    <t>b'\xf2{\x95\x95\xf5h\xf9m~\xb6\xd9Lo\xf5\xbb\xec\x19Wq\xf0\xa6\x9b\xf1\xef\xbcCe\x16\x06\xfd\xf2u'</t>
  </si>
  <si>
    <t>b"\xb5\xcf\x8f\xbb\x86\xcf\xe3\x0c@\xec\x1e\x00\x915BY\xe5\\h\x9b\xc2\xf2[\xf4#X\xc0'\x7f\x9e\x92J"</t>
  </si>
  <si>
    <t>b's\xb7O\xc7\x88\xd8r\xf1k\x12`\xed\x1d9\x95\xae3*\x98\xfaD}\xb5(%\xe1\xf4\xf8\x13\xc3\xb1;'</t>
  </si>
  <si>
    <t>b't\x03\xfe\xaare\x8b.\tZ\x0f\x1a\xd6\x8ah\r\x9cc5s\xb0"\xf9\xd8y4\xe2\x99\xe7\xc2\xb2\x7f'</t>
  </si>
  <si>
    <t>b'\xa1@\xc9Z\xa4\xca\x0b\xf8\xd4.\x86\xad"\x1b\x143\x02+]&gt;tT\xdcG&lt;$\xf1\xba\xcd\xa7\xe5\xbf'</t>
  </si>
  <si>
    <t>b'\xc9\xa2hq\xd5\x1a\xach\x0e\x83\x04\x0b\xd8\x13.\xfbt\xf2A\xd5x4\xf7\x91Z\xce[U{\x00Ri'</t>
  </si>
  <si>
    <t>b'\x833\xf84\xdd\x93\x97\x04\xd9\xeb\xb0A\xd1\xa6[\xbb\x9f\xb1;\xe0\xa6r\x10\x18\xc6\xfc\x80\xbb/E\xe63'</t>
  </si>
  <si>
    <t>b'\x9d\xd1\x0f.\x00\xb9\xab\x8a;\x96\x13V0\xe6\x07\xbeW\xad\xe7_\xe4\xf2R\xbe\xf7.\xc5\x891\x0f\x1e\xc7'</t>
  </si>
  <si>
    <t>b"?0L\xf1\x99w\x10&lt;'\xf5\x93\xb3\x7f\x0ct\x8c\xdaPo:\xec\xcau-\xbe\xdb\xf9N\xf8\xf1\xc2\x8e"</t>
  </si>
  <si>
    <t>b'\x88/ftf&amp;\xbf\x02N\xa0\x92!\xef\r\x07\x85"\xa6p\xf3r\xfeH\x92+\x8c\x03\xa3\xeem\x17#'</t>
  </si>
  <si>
    <t>b'\xd2!(\x08\xf5\xdf\x1a~(\xcc\xbc\x82\xac\xfc\x00P\x03\xeb\xd8\xcd\x0cbK\xc4\xbc4z\xe9\xccM\x84 '</t>
  </si>
  <si>
    <t>b'\xda=D\xe7\xaa\x99O\x00\x9f\xb0#i\x0e\x19$\x91\xb2\x82\x15\xc4x\x94~\xcdM\xb0\x0e\xc8\xdd\xd1e$'</t>
  </si>
  <si>
    <t>b'\xde\xae\x17\xd8\\\xb6(\xce\xb7\xd00Y\x86\x8c\xca\xf3t\x95\xda(a\x96-\xdb\xa9\x99C\x93,\x8fNr'</t>
  </si>
  <si>
    <t>b'\xc3\x12M\xcfr\x82\xf3\x87\xdb/\xf6\x17\x1eo^C\xbd\xd4\xb5\xf1Dd\xdeM\xf9\x92z\x81\xf4-\x04&amp;'</t>
  </si>
  <si>
    <t>b'\xd6\x1a\xbeb]ZJ\x96\xcf\x15\x84\xacn.\x15X\x9b\xae\xa9\xc36\xd7\xc1I28V\xdf\x10[\xb8U'</t>
  </si>
  <si>
    <t>b'\x90t\xfa/L\xdd\x91\x8c\x9d&lt;\xd0\xf2\xb5-\xf6\x0e\xa4\xa6=Q\xdb\x92\x0b\x9c\x87H\xd7&lt;(\xba~\x99'</t>
  </si>
  <si>
    <t>b'Zz\xd4W\x17P&amp;\x16/B\xb2\t\x11{\x97\x1e?0~\xa0p\xb5\xe2}\x8b&lt;\xb5B_\xe2"\x9f'</t>
  </si>
  <si>
    <t>b'&amp;CK\x18\xd7\xdd&gt;\x82\xfe\xc9V\x1f\x1e\xd9\xba\xb3\x0fm\xc7\xeb\xaf\xf2\x06\xf8K\x90\xd4\x0cG\xe3\x0bO'</t>
  </si>
  <si>
    <t>b'C\x8f\x8e\xe3+\r\xc3\xebXt\xea)4\xc1n\xbd?-\xd1D6\xfbV9M\xb3\x81\xa2\x9e\xa0\x9b\xf7'</t>
  </si>
  <si>
    <t>b'\x8ex{B\x94fS\x8a\xa1\x89E\xad\xe1\xb9\xcf\x90\x05\x88\x88\xfb[\x93\x8a\xf5\xce3\xf2?=\xe4\xd8\xd1'</t>
  </si>
  <si>
    <t>b'\x17\xbc\x0b\x99\xb4\xcex\xeaz\xd2\xb3\xca\xc1\x11\xfb\xd2\x87\xd9"\x07\xae\xf8Q\xdfu\xc7\xb9\x94~\x1a\x02\x19'</t>
  </si>
  <si>
    <t>b'@\xcb\x15\xcd#Z\xe38\xb3\x0eKR\xf99\xd9]\x14&gt;CZ\xd3\xabU\t\x19\x11\x1aOHx\x11\x15'</t>
  </si>
  <si>
    <t>b'\xd9\x1c\xed\xc3\x99\xd0H\xbe\xe3\x91H\x99\x0f\x8d\xae\x83\xf4\x04\xe16\x1c \tj\x17"Q\xc8 08)'</t>
  </si>
  <si>
    <t>b"V\x96u\x1e'\xfb\xc4\xf4\x13\xc6\xd2\xa0\xb2\x03\x83\\\xc9vE\xc1\xaeI;\xc3^\x08E\xa5q\x16tH"</t>
  </si>
  <si>
    <t>b'aA\xb2&gt;\xa2{j|\xa5\xde\xc9\x1bk\\\xa8Z\\\x7f1\xab01\x0b\xecY&lt;:\x9cW\xd3\x04\xf6'</t>
  </si>
  <si>
    <t>b'\t\x12\xe6rgV\x85\xad\r\x0e\x9c\xa4\xad\xc1\x96\xec\xf2${lt\x1c\xc7\xd0\xef\x9f\xea\n\x8b\x04\x08\xe6'</t>
  </si>
  <si>
    <t>b'\xf3\x8d#\x02\xfe[?1\x1a\xff}j\xf1w8\x05\xc1\xc7,\x06^/t\xca\xafF\x82:D.\xee\x19'</t>
  </si>
  <si>
    <t>b'\xb0Uv\x07\xbes\xa8\xed\x0c\x9f\xf6\x96\xa2:\x04\x9c\x98\xa3\x04\xff\xf0\x9eOd~\x93+\x88Q\x82\xb3\x15'</t>
  </si>
  <si>
    <t>b'z\\\x1f&amp;2gF\x8b\x88\x89h\xe3Q\xbfk\xe8\xe9S\xd7\xd9U\x14\xd0s\xdc\xfeX\xa8\x88\x95\xd9j'</t>
  </si>
  <si>
    <t>b'\x1a\xf2~:\xc1EEF\x00\x91\x1b\xce\xc2h\xcbb\xa1\xf8``\xd2Ee58\xb97p\xd3\x1b&lt;T'</t>
  </si>
  <si>
    <t>b'\x90\xe2\x04\x88F\x058\xef\x9b\x93\xfa\xbe=@\xf6BV\x1f\x84\x83\xee\x0cW\xb2\x02\xe8=\xcb\x9bbui'</t>
  </si>
  <si>
    <t>b'\x9e\xef\xf7=B\x16\xed\x84Z\x10\xa1\x98\xb8+\xe5\xdf\xff\xeb\no|\xd6\xd2\x11=\xbbLKZ7\x01\x00'</t>
  </si>
  <si>
    <t>b'\x15\xf3\xb70\x1e\xd5\x13D\xac\xcd\xf3X$\xbd\xe9,\x9e\x06\x15g~\x02\x8f\xadr\xb1M#(\x17\xd5\xf3'</t>
  </si>
  <si>
    <t>b"\xadP\x10P\x014\x83\xdf'\xb8\xd1\xbaUN%\x82\xb2\xa8\xc9\x13p\x15I\x04{ZZ\xd6`\x93e*"</t>
  </si>
  <si>
    <t>b'\xd3X\xc4%\x00j&amp;\xa7\xfc\x9em\x95\xba\xde\xb05\xee\x89n\xbc@=\x83\x95m\xa4F@0\xf0\x87\xad'</t>
  </si>
  <si>
    <t>b'&lt;\x9b\x0c\xd4\xce?\xa6\xc3G_\r&amp;\xee\x85=\xba\xc0z\r\xe1i\x81\x10\xc1\x93\x1e\x05c\x9b\x8e\x03\x0e'</t>
  </si>
  <si>
    <t>b'\xf26\x91D&amp;\r;\x9c\xbf\x13$r&amp;LtI\xed \x10\x0cY\x1bm\x91+\x18\r\x8ba\xc4\xe6\xc6'</t>
  </si>
  <si>
    <t>b'u\x81\xd1\xd2C\xc4IS\xae\x14\x82lpz/\xb3\xe5\xa0\xa7{\x93*\x11(\xfd\xfdY&lt;r\xe0!\x1c'</t>
  </si>
  <si>
    <t>b'\xb0VW@\xf98\xe3e&amp;\x8b\xf8J\xb5n\xae\x8e\x04\xaa~\t\xb9^6f\xf9c\xc4\x83\xb1\x9e\xbe\xcf'</t>
  </si>
  <si>
    <t>b'\x8dke\xe5\x8b\xa9\xaao\xfa\xd19\x97sx\x1f\x16;;\xec\x7fktKM\xc5\xcc9\xb0\xfd\xe0\x9f\x94'</t>
  </si>
  <si>
    <t>b'\xa6\x81!/\x9e\xca\xcd\xfb\xb1\x9aj\x02\x16\xb82J\xfb\xac\xd7\xd0\xc0\x06\x8eX\xe0\x16yvci\x93\x1a'</t>
  </si>
  <si>
    <t>b'\x9cO3%i05\xa9,D)\x8f\x80:H\x89\xca\x1aY,!??]\x9f\x9b\x08\xa1\x03TW\xba'</t>
  </si>
  <si>
    <t>b'N\xa6x\x97\x88T\xb5b\x0e\xf9\xa4\xeb}\xe1\x00H\xae\xaf}Pn\xdc8\xa4\x84e\xef\xa3PE\xf8K'</t>
  </si>
  <si>
    <t>b'\xb2:\x82\xe7N\xe8?,\xa7\xee\xc9\xd9\x7f\x03\x95\xfaP@+\xba7X\xbe\xd36)\x1eMF\r\xb0\x06'</t>
  </si>
  <si>
    <t>b'&amp;\xd6^0\xb1\xdf\x0ej@e\xf6\xf4\xd2\xfe#\xbdk!0\xd0\x0b\x007jT=\xa2 \xa6m\xbf7'</t>
  </si>
  <si>
    <t>b'\xa9p\x89\xe8${\xeeS\x0f\xb2\xdb\xdb6.\xb4\xb6\xea\x01%t\xc1G3\xd3\xa4\xf4%\xc9\x16p\xf1.'</t>
  </si>
  <si>
    <t>b'\x9c\xb25\xb7\xecV\xce\x14"Hx\x0bw\xbe9\xafL\xcc\xa9\xa2R`\xd2\xd2q\x99c\x86\xd5\xbc\x988'</t>
  </si>
  <si>
    <t>b'F\x8ec"\xac\x03{6\x02\xde\x1eM-\x8cK\xf3\x8e\xf4\x1c\xf4\xfe4*j\x91\x90\x1cu\xbb\'\x82='</t>
  </si>
  <si>
    <t>b'\x94\xf8\xdf#\xeay\x8d\x06\xbf\x80\xabp`08\xf9S\xe1?+d\x850\xb4\x124\xa7\xe8\x1cf+\x82'</t>
  </si>
  <si>
    <t>b'\x87\xd0\xda\xbb\xae\xca\x0f-\xaf\xb6uv \xee\x10\xdc\xc0\xeb\xc1\xcd\xad4\xeb\xf39`\x0f\xeb\x1bf%\xbd'</t>
  </si>
  <si>
    <t>b'@\x8d\xb7&amp;\xb3\x03M\x05\x7f\x1fs\x84\x90\x0e\xff\xafc\xb1!\x1a\xae\xd1j\x84\xa7\xc9f+;\xa9\xf4\x97'</t>
  </si>
  <si>
    <t>b'\x10\xf2|\xe0\xc2!\x03\x99w\xc2u\xe3\xd3\x834\xb0\x0c\xbb\xa6K\x00\xbe\x83\x8f\x105w\x08\xf7\xb5\xcf\xc9'</t>
  </si>
  <si>
    <t>b'\x18\xfa\xb4P\xffx\xf4\xfa7W3o\x86\xe5\xab\x91y\xc9\x1a\x91*\x04\xd6\xbe\xe9+\x97Ij\xb7G\xfd'</t>
  </si>
  <si>
    <t>b'\xcb\xbbQ2\xb7\xe6\xff+\xa25er\xb0\xbf\x96\xa2\xdd\xae\xa5\xa9\xac[\xe81\x91\xd7.\xb5\xb2\xc3\x9e\xb1'</t>
  </si>
  <si>
    <t>b'b00\x9d\x94\xb1)\xd5"\xa6^qz\x9aX\x89hdO\x04\x02M\r\x08\x0f\x95.\xafF\x93\xfbp'</t>
  </si>
  <si>
    <t>b'\xcdY\xc5\x7f\x90\xa8\xe6\x96bd\xe4\x90\xb3F9e\xb7R\xb1\xe8\xac\xe8\xb7\x95\x89\xd7\x9d\x9a\xe3\xfc\xb5\xe8'</t>
  </si>
  <si>
    <t>b"rWP\x86\x89\x9e\x8d\xaf\r'\xca\xc7\xcd\xb4\x86\xe3\x04\xbd\x00\x12\xfa.I\x98\x9c\xa5\xa6\xc6\xc3\x80\xf0w"</t>
  </si>
  <si>
    <t>b'\xfbJ.,\xb0\xc5\xd9h\xcbq\xe8R\xf8\x01\x9e\xf7\xc8$\xd7\xf3{\x94\x99\xfe\xb4"\x91\xfa\xa2\xab\x93O'</t>
  </si>
  <si>
    <t>b'%\x07\xd4\xf3\t\xa5\xb1.\xb1T%\x086\xd8;A&gt;\xc7D\x96Z;`h\xae\xf4\x00z\xdf\x8d\xc1o'</t>
  </si>
  <si>
    <t>b'\xd4\x03|s\x06\xbd\x19\x03)~r=j&gt;l\n\xb6I~+K`q\x1c\x12\xc7\xbbI\xc6\xc0\xa7/'</t>
  </si>
  <si>
    <t>b'\x19\xb6c\xc2e\xc5p\x13;-\x01\xe5\xdf\xab#\xecM%\xa5 \xb7\xd5\xdcxE59\xd7\xb7\xb9\x07;'</t>
  </si>
  <si>
    <t>b'\x07K\xf0\xd2O:\xb60\xe1\x1cQ\xa9\xdc\xfc\xc4\x99RY\xed\x01N\xeb%\x9d\xf3\xd3\xdb\xf3j\x96l\x0c'</t>
  </si>
  <si>
    <t>b'\xa3\xd0\xb8{\x19^\x81;\xd7\xc8\xdc\xce \xb2\x18*\xd9\xc8:C\xc8\xdb\xfb\xa5/UDz\x19\xa9\xbcj'</t>
  </si>
  <si>
    <t>b'\xcf\xf94\xe8\xc9q:A\x015)\xb3\xadf\x87\xd9\x9a\x95=,\xad\xc9\x8e\x16c\xd0\xa1ya\xd8\xc9\xaf'</t>
  </si>
  <si>
    <t>b'J\x07p\x84\xd0\xcd\xcd-\x80\x00\x98\x00\xc7\x1fJ\xa8L\xb5\x01\xd2\x14\xa2\x10\xd2\xda\xd8\xc6K\xae\xdb5\xd1'</t>
  </si>
  <si>
    <t>b'\xd9\x0c\xeb\x075\xb8FM\x0f%!k\x92\x8c#\xe9+\x85\xff\x9b\xa1\x8b8v\x894\x96UqZ\xe4\xb9'</t>
  </si>
  <si>
    <t>b'\x80\x93\x90\xa28\x1d\x900\xc1\xad\x92\xb2\xc6)\xff\xf5\xce\x95 t\x9f\\\x08rr\xad\x8a\xa9#U\xb4\xe3'</t>
  </si>
  <si>
    <t>b'\x8c\xc4\x1c\xe0\x03I\xa1j]\x98\xe5`^7\xb6\xee\n\x020w\xea\xe7\xf0Z\x05\xa5\xc9\x05v\xac_\x80'</t>
  </si>
  <si>
    <t>b'\xfc\xe5\xacS\x90\x9dG\xbf\\\xdb\x05&lt;\xb2:\xc5\x93\xa2\xfbU\xce\xa6\x8e\xecg3\xd8\x8f\xd0\x8aju\r'</t>
  </si>
  <si>
    <t>b'\x86\x8d4hy,\xdf\x8e\xf3\xfd;\x18Q\xbe\x90T\'\xf8\x0c\xcdf}(\x18f\xe8\x07$\x15\xf5"%'</t>
  </si>
  <si>
    <t>b'\xb9\xe0\xfb\x13\xbf\x1c]\xdat\x99q\xbb\xa5Jt\xc8\xa8|T\x8eg&amp;/\xea\xffMu\x92\xd3\x8f\xfc\xc1'</t>
  </si>
  <si>
    <t>b'\x03\xb7\xf3\x12;\xb3"\x08\xbd\xde\xddn%\x96\xbe\xbd\x8c\xec\xabf\x0b\x1b\x96!\x7fa\xf0\'\xf4\xba\x97\x0b'</t>
  </si>
  <si>
    <t>b"\x91'5O'&gt;\xe6p\xdd+ gd\x08\xa5\xa3.nn\x05\xb1f\x07z\xa7\xfe\xb9%F\xaa\xd2\xcc"</t>
  </si>
  <si>
    <t>b'\xc8q\n\x932.\xa9\x1e\x0e\xc1:\x12\x80~\xe0.\xba\x9f\x8cRu\x0e8E\x96\xee\x8e{%\xe1m2'</t>
  </si>
  <si>
    <t>b'2\xe9\xab#wE\xa0\xd9&amp;\xd1&lt;bT\xc5\xaa\xff\x86\xd4\xda\x87\x83\xa0\xf03\x8f\xc8\x08~&lt;\x12\xd1.'</t>
  </si>
  <si>
    <t>b'/C\x04E=Ptw\xc0?\x89\xdb\xa6\xc5\xe9\xe5aG\x1c1\x8f\x1e\xe7\xf8\x95N\xca%\xe5\xf2\x888'</t>
  </si>
  <si>
    <t>b'\x99[g7jU\x04\xe6w\x1f\x8e\xacZ\xa8\xff\xfd\xd4\xb9\xc1&gt;8\xcak\x8b\xbc2J\x1e\x94\t\xb2\x00'</t>
  </si>
  <si>
    <t>b'\xb0\x9b9f\xcb\x1a!\x07\xce\x184\x83\x87^\x95\xb1\x1d\xff\xa6Ojw\xaa2\\S\xb5,BQ\x1b\\'</t>
  </si>
  <si>
    <t>b'\xae\x0fE\xdf~\xca\xba\xc9\xe3\x83\xe8\x03\xb8\xcdv"\xc0\xf5\xbb\x0f(-\xf3=\xe1\xae\x13!\xc5M6('</t>
  </si>
  <si>
    <t>b"_\xf3x\xaaJ\x94&gt;-\xa2\xbb\x13\xea\x08\xa2\xab\x90\x05*\xe16\xa3\xcf'\x1b6\xcf\x9a\xa9y\xd5t\x1c"</t>
  </si>
  <si>
    <t>b"\xf1\\\xe4~d$\xaf\xe8\xb6HV\x9cO\xa2+%\xf5\x90\x00\xccX\xa884'sj\xa6b\xe8Q\xd2"</t>
  </si>
  <si>
    <t>b'\x19\x1e7\xf9yv\xfa:\x8c\xec\x8e\x8c\xd3\xa6\xd0\xc3\xe0\xf2\x9fF7\xa6\x01i\x9f]^\xdb\x87\xb9\xa7\xb1'</t>
  </si>
  <si>
    <t>b'\xbb\x89^.%\xff\xf6\xc4i\xaa9jJ\xb1\x1a\x19\xa2\x1c\x07\xe6j3\xb2u\xc0/5n\xedE\xf1o'</t>
  </si>
  <si>
    <t>b'\xef\xe2\xc8\x93\xb3\x9a\xd5\x8a+4\xef(\x89\xa6\xb7\xdfb\x8d{\xbc\x05\xa1\x97\x0e\xde\r\xd0\xf1\xdb\x03\xdad'</t>
  </si>
  <si>
    <t>b'\xb9\xae,MY\xf1\xc0\xbf=#^p\xfeh\x88\xe6q\xd5\xe1KE\x95\xf7\xc7B\xe9\xb2\xe8 q\x143'</t>
  </si>
  <si>
    <t>b'\x85\xb9\x81xV52\x87\xf5[\xfc~\x1d\xfb9\xbd\xfb\x1c9\x8e\x89p\x14\x01W?\x9a)wb1\xb8'</t>
  </si>
  <si>
    <t>b'\xe3\xf0UZ\xd7\xba\xaf`A\xc7\xbe\xcd\xe1A_\x95SGU*\x93=M\xb3\xa64\xed\xf0k\xf5H\xf2'</t>
  </si>
  <si>
    <t>b'\xe1\x02\xe6\x03\x92\xfd\x1c(c+\x9bS\xfd\xdb3sY\xe6\xe7&amp;E\xc5X\x11\xde)5\xb3\x0b\x16\x95g'</t>
  </si>
  <si>
    <t>b'\x06i1:\x1e\xb7\xf0Lz\x01Q\xe5\x9d)\xc3\x08w\xe2\xe1\xcfi\x9b\xe8\x0f\x8a\xcf\x9ac\xa3s2W'</t>
  </si>
  <si>
    <t>b'\xeb\xd2D\x84\x90\xbbs)G\x11\xc5\x08\xa9\xdc\x05-\xe4azU%\xe1\x86m\xf8P.\x80\xb7\xdc[['</t>
  </si>
  <si>
    <t>b'\x8b;\x909\x84\x14\x06U\xd7\xe0\x94`.\xb75\x8b@+m:\x03V\xc1~u\x14\x84\xf9D\xc8\x8a\x03'</t>
  </si>
  <si>
    <t>b'\x1a\xa4Y\x11\xe5\xab\x91\x8aJ\x8f\x13\xe5\xaeBUd\xfe\x1d\xaa-\x94\xfc\xd5Q\xb8R\xa7\xb1\x9b\x1a\xdd\xcc'</t>
  </si>
  <si>
    <t>b"\x86\x88\xae\xce\x00O\xf6\xc2\xc3\xa0\xf5T\x9d\xb8R\xd32\xe4&lt;\xccL\xa5\xef'Qf3\xae\xb7\xb3\xa6\xa6"</t>
  </si>
  <si>
    <t>b'\xf8&lt;\xcb \xb4\x10\xbcEW9&lt;\xf9\x9a\x0c\x14=\xcf=\xcdkCcm\x12\x1b\x19z\xadB\\h\xa1'</t>
  </si>
  <si>
    <t>b'@%\x86\xea\xebA\xceu\xa0o\xf7\x7f\xf2\x1a\xd6\x15\x02\xe4c\x02\x99k\xdb\x9dD\x9c\xc9\xf0\xcbf\xbe\xac'</t>
  </si>
  <si>
    <t>b'\xd0\xe2K.0* \xacO\x88Mxxu\xdf\x8e\x87U\xbc&lt;k\x08jhq\xbfz\xad\x97%\xaez'</t>
  </si>
  <si>
    <t>b'\xdf\xfe\x9f\xf5\x8b\xf8\x04\x97\xe3$\xfc\x96x[t\xb5\xc5\xdb\xee\xacb+\x05\xae\xab\xe5\xcf\xf5\xab/\xe4\xae'</t>
  </si>
  <si>
    <t>b'\x15:2\x13\xf2e\xd2\xa24\x9bC&gt;\x19\x97\x83\xe9\xaa\r\x1a\xbe\x93\xb7C3\x8f\x8a!Q\xd5\xe1\x0c\xd7'</t>
  </si>
  <si>
    <t>b'qt\xfc5.j\xdd\xd2!\x03\x18\xd3\xbf8_\xaf\xdfy\x92)\x96O\x96\xd3\x1fG\xd9\x7f\xd5\xb6Vs'</t>
  </si>
  <si>
    <t>b'\xcb\xb9\xc5\xc1\xaf\xee\xc8\xf9\xa3\x98\xb73E6\xbc\xf3\xed\xa2\xaf\x98\xc4\x13\xa5\xe5=\x8d\x96\x08V.\xbb\x1c'</t>
  </si>
  <si>
    <t>b'\xb6\xc91I\xfb`\xf1\xb7\x03\xa9\xebn\xc9\xc0D_Ng\xcbo\x00e\xbe0\xaa\xfeEf\xd48E\x8c'</t>
  </si>
  <si>
    <t>b'\x15\x0c\xb2,e\xfe6\xa4\xd7k]c\x03A[\x12\xf97\xe7\x97Q\x93\x84\xa8\xd6\x9c\xabBZ"\x85"'</t>
  </si>
  <si>
    <t>b'\xc1\x95\r5\x01j\x01c\xef\xda\xed\xc6\xa8\x84W\xd3\xe9y\xfcd\xb0jY\x1d\xff\xae\xcb\xef\xdb\rX\xae'</t>
  </si>
  <si>
    <t>b"\xfe\xab\x14\xa5L\xbc\xa1\x19\xdfY\xc7\x80\xceZ\xa3\xecg\x93\xff&gt;D3'\x83\x06\xfc\xbd\xbb\xa4E\x1c "</t>
  </si>
  <si>
    <t>b'\xc2,H\xd2\xb6A\xc5\xbdK\xc7\xa3o\x92T\x9c\x939o|i\xc06\xccP\x029s\xbd\xb6r}\xea'</t>
  </si>
  <si>
    <t>b'\xa1\xd4~\x88\xe6\xba\x92\xa0\x9a\xf4\nYe\x14)\xd5\x87\xd2\xadM\xe4\xa9\x97\x0b\x1d\\\xebI\x1984\xa8'</t>
  </si>
  <si>
    <t>b'\xe80\x11\xf65\x8b\x9a\x88Z\xf5\xbfd\x1f\xc1\xa7:\x88[i\xe8c\t*AhWo\xc2V\x89!\\'</t>
  </si>
  <si>
    <t>b'\xc8Q\xd0j\xf5l\xbb=\xf6S\xefM\xa2`\x8e\xde\xae@\x01\xe9\x1a"\x03x\xecs\x8f\xadX\x02\x89\x00'</t>
  </si>
  <si>
    <t>b'7\xc9\xe3\x0b\xfc\x0c\xe1D\x07\xa1\xf6\xf0\xf4!\xa4=\x9c\xa3\x03\xbevu\xce#\xf0i\x0es\x97x\xa9\x7f'</t>
  </si>
  <si>
    <t>b'\xc3Z\xf3! \xaf5\x99\xa4\x90F\r\x8e\x976\xa9\x0fd\x1b)2\xb1\xef0\x1ch\x0e\xf2d~\x14\x17'</t>
  </si>
  <si>
    <t>b'\xde)\n3X\x08\xfcv\xbe@}\xd2y\xec\xd2Iw\x8e\x83_\x9f\xf4\x7f\xff\x8d\x13\xc7\xe3&gt;\x84P\xed'</t>
  </si>
  <si>
    <t>b'\x80\x8d&amp;\x07f\xa7C\t\xbd\xa9w\xf5\x85R\x01\xa96e\xd7!\xd1E\xcc\xeb\x7f\xfb\xe2|7\x1f\x87\x02'</t>
  </si>
  <si>
    <t>b'\x8c\x1b\xd6\xf5\x99oE9\x84\xbd;:\xb3\x06I\xea$\xe8\x1a\x99\x84\xbe\xf7C"E\x1fp\xfa\xf4\xcf\x8a'</t>
  </si>
  <si>
    <t>b'\xaa\x0c\xd3\xc9\xa9\x19TS\x84*\xa0\xfan\xcf\xe9LN\x7f\xc5\xd0\xe0F\xd9\x04\x04:\xfa\x82\xd5\xaf\x95g'</t>
  </si>
  <si>
    <t>b'\xe6D\xef\xe9\x12\x7fDWB\xb3\x17G%\x0b\x94B)/\xc2\xbfgI\x12\xed\x87\xc7^\xdf\xcd\xa8\x06\xf0'</t>
  </si>
  <si>
    <t>b'\xf2d\x82\x01\x11\xc2O\x87T\xde\x9a\n\xf0\xd4\xf7\x8e\xdeb9\r\xda\xb40\xc3\xach]\xc4\xc4h\x7ft'</t>
  </si>
  <si>
    <t>b'\xf4\x1e\x0b\xea*\xd1\x91YG\xdb\xd3w\x12\x8e\xe7N\xd9\xb7uI#k7\x84\xc8\x98\xd6\x9e\xc4\xd4\x7fF'</t>
  </si>
  <si>
    <t>b'\xeeR5\xbf\xd01?\x94\xc5\xcc\x83Yy\xf0\x0f\x11*\xe7\x93\xc1\x1c\x15\x11\x8cSk\xad\nl\xdeL{'</t>
  </si>
  <si>
    <t>b']|/\x15\xc0\xa4\xfc\xb5\x12/\xa5\x8c\xd6\x84\xa9\x9c:8\xb0\xbb\xd3\xaeh\x9e%H\x80_\x11b\x7f\xb4'</t>
  </si>
  <si>
    <t>b'\x9c\xd6\xa5\xe0]$\xb9!\r\xc6\xdfu\xae\xc8\x1a5\xaf\x80\x14\xf0\xd3\xfe\x99Tt\xd0\xd5\x9d\xfaF:\xe2'</t>
  </si>
  <si>
    <t>b'\xe5Q\xd5J$\x07\x92\xdaj\xf9\xab\xb0\x8fb\xfa\x97\xda\x10q\xa6\xc4&lt;uVH\xfa9T\x96\xa7\xed\x1c'</t>
  </si>
  <si>
    <t>b'0S\xb7\xfe\x026\xc0\x00\xeb\x84Qy&lt;\xfa\x0f\xa0\xf6\x8blH\xb0g9MK\xe8\xce\x057J\xfb\xc6'</t>
  </si>
  <si>
    <t>b'\xd9\xfc\xb9\xdf\xe9\x80\x0b\xa8e\xfc\xed\x99\xf4\xdd\x17V\xa6w$m\xe5\xb7\xab\x9f\xc5t\xab5d\xbb_L'</t>
  </si>
  <si>
    <t>b'\x9bNP\x8br\xb1\xe9i\xe1*\xe3qGU\x80\xb6\x83\xca\x0b\x9c#\x93\xee\x93[\xfb\xc7\x08j\xbc\xb9D'</t>
  </si>
  <si>
    <t>b'\x8fI\x08zd\x1f\x87\xb1xLo\xb5D#\xe3J\xb6\xf8\xaf$D\x9c\xcaU\x9a\\\xdb,g9\x9f\xd6'</t>
  </si>
  <si>
    <t>b"\x81\xca\xa4\xc4\xf4'\xb0a\xc2\x8b\x05\x97\x8er5S\xbe\xc9\xc5\xac\x88\xd7H{\x90+i\xa3\xc9`\xca\xd8"</t>
  </si>
  <si>
    <t>b'\x88@\xc0\xc1u\x86nh\x16\xb0\xb3Z\xbe\xec\xc2\xbf)z\xae\xaem\x12\xffE\xa9u\xa54:\x7f\xb5\xe3'</t>
  </si>
  <si>
    <t>b'\xf0\xa5eb\xd2\x99\xd7\x91\xa2\xbf\xc7\xf9\xa4\x1b\x9a\xaf\xf7\xe31\xbd\x88\xcc\x89\x85\xeb\xaaG\xd3&amp;g6\xb3'</t>
  </si>
  <si>
    <t>b'&lt;\x8d\xa0\xad\xc4^\xef\xf1\xf0\xe3\x1b\xc0\xbb\xd99\xb7\xbc\xc5\xe85s\xcc/\xbd)\x86U\t\x82\nE\x85'</t>
  </si>
  <si>
    <t>b'aij\xf1\x06\xd2\x98\x99N\x12y\x94\x9b\xbc\x8c\x92\x0eU\xabrM\x1c\xc1\xde\xbc\xb4;\xc9\xc7\xd0\xec\xd2'</t>
  </si>
  <si>
    <t>b'\xf9~,\x860k\xaf\xc4&amp;Z~\x10r/\xc2_*a\x91\xedRd\xc9N\x97kL\xdb\x1d\x18+Z'</t>
  </si>
  <si>
    <t>b'\xc3\xc4h\xb1\x99\x87v#%\xd1\xd6~\x85\xb1\xb1\xfe\xf7\xf2\xa8 \x14\x96\x82y\xdd\x89\xbeK\x0e\xdc&amp;)'</t>
  </si>
  <si>
    <t>b'\x1c\xc8Z\xa7\x9e }\xd3\xf0\xee!\x9b\xfc\x7f\xe1\xb8P\xee7\x00\n\x07\xca\xbc\xaeLFC\xce\x00\xb7W'</t>
  </si>
  <si>
    <t>b'R\xa0\xbe\x80\xb6\x0f\xd9\x8e$\xa6\xb3\x02\xdac}Ot\x90B\xa4\x9b8\xea\xca6\xa1\xf6L\x91g&amp;B'</t>
  </si>
  <si>
    <t>b'&gt;\x05\xaf@\xa9\xc9\x12\x96\x82\x9f\x82\xd0\x0e\x13*b\x19|gU\xda\xcc\x17\xc0\x9f\xec\xe0\x8b\xb7e$\x03'</t>
  </si>
  <si>
    <t>b'\x11\xcc\xc1\xa8(E\xe9\xbc\xfe\x1d\x9d*^\xee\x85\x95\xe3Qm\x8a\xe0\xaa\xbf\xb8*\xd2u\xbeM\x17\xcc\x97'</t>
  </si>
  <si>
    <t>b'\xd7\xeb\xb5\x19\xdc\xb0;\xd2\x0e\xfc0\xcc6i\xf1#\xad\x0b\xdb\xfd\t\xdc\x95\xf3\x18\x90\xfe\x98?\xd2\xee\xe4'</t>
  </si>
  <si>
    <t>b'\xaf0\x03H\xc7|PmS\xfa\x8d\xbaHj\xeav\xee\x98PC\\\x17Z\xef\x12\xb4%\xd1\x7f"\'\xb4'</t>
  </si>
  <si>
    <t>b"\x15\x00%\xd0UmyK\r\xf9\xda\xe1{\xd8\xd2\xee'\xe1'\x12B\x14\xfdvL\x83\x9fs\x067z\x9f"</t>
  </si>
  <si>
    <t>b'\x03\xd4Xr+:\x02Y\xfd#\x9a&amp;(\x10J\xa0\x94C\xa3\xad\x088\xcf+;"\x96\xd5\xeb\x15I\xb4'</t>
  </si>
  <si>
    <t>b'\x0c\xa7~\x16cZ\xb2Le\xf5\x9c\xbb\xd3\x08\x06m\x1d\x04\xd6\xa3\x83\x03\x00\x17/\xf1:p\x990\x96y'</t>
  </si>
  <si>
    <t>b'1,$\x9f\xe4q~*\x00\xf0gC\xa6\x18\xb3\xd2\x8dm\x16\r\x7f@\x04\xbfR\x93\xd5)|\tJ\xb2'</t>
  </si>
  <si>
    <t>b'\xcf\xa8Y\x9cn\x8c\n\xd3}\xdb\x05Ic\x89\x8b\xab\x1b+\x87\xf4\xc6]g\xe9\xca\x81Q\xd7@\x8e\x08\x8a'</t>
  </si>
  <si>
    <t>b'\xc1/\xf3\xd0\x11\x82N-B\x19l\xc1\xa9H\xe5R\x1b\xe7\xb4mQ9\x04\x19N\xc1\xc4\xa8R\xd3\x06G'</t>
  </si>
  <si>
    <t>b'O\x9c\x07\x11\xac\x9d\x9c\xe4Q*\xdb\x16v\xba\x87\x84g\xa9|\xbd\x02\x9d\xe92\x13\x9d\x9ey\xe4\x88\x8fL'</t>
  </si>
  <si>
    <t>b'\x80[\xe1\xb4\xd6R\x9f\x0f\xf2\xb6\x91\x88\xda&lt;\xe7\xa7W;r\xe9\xd1\xe8\xbd\xd9\x13f\xf0s\xe1\x91\xd1C'</t>
  </si>
  <si>
    <t>b'\xb3\xc1hI\xb9\x11\x91\xd9C\x97\xf1?Q\xcc\xa1\xa4\x02\xfd\xb8b\x1b\x19\x8d\n\x12V\xb3\x1c\x040\xef\xe1'</t>
  </si>
  <si>
    <t>b"\xef\xf6\xc8\x08\x1a\x1e\xd0\x9e\xa4\xbcp\xa5\xfe\xfb\xdf' [\x84\xd8$C\x1e\xba\x17Rp6\xc3f\xecw"</t>
  </si>
  <si>
    <t>b'\x93hV\x86\xe6\n\xd5\x03\xebq\x96\xdd-6\xedm\x02\x17u4\xc0\xd2=\x92\xc0L!@\xb5\x92\x1b\xdf'</t>
  </si>
  <si>
    <t>b'+\xf5\xc5a\x02\xe4\xb79\xe6,\xdc\xdf\xee\x0f&gt;\xb3\xf0\xbc\x11\x80\xe0\xa2\x1b\x13Q\xb4;\xb1\x06\x03#&gt;'</t>
  </si>
  <si>
    <t>b'\x86\x85\x7f9\xb1|\xd5\xd1\r\xebzs\xb3\xe3\xbf\xfa\xd6C\xa7VX\x88\x8f:\x9b\xbf\xcaV\x04\n;K'</t>
  </si>
  <si>
    <t>b'\xe3\xafd\x07FR\x0f]\x89N\xb2V\xbb\xcc;\x15z9[`\xfc)N\x0f&amp;\xd4Q\xa7\x89\x0cD\x88'</t>
  </si>
  <si>
    <t>b'Z\x12I\x9a\xf5\xde\xb6\xe8j$\xfc7\xe0\xdc\xd2\xc5(r\x81\x98#\xd2\xb4\xce}\xe8\x0c\xc4Zg\xa9\xbc'</t>
  </si>
  <si>
    <t>b';\xa6J~o\xd2\x1c\x14\x8b\x99Q+|Qs5Gk\xa9\xfb\xc8\xf1\x05\xf1\xd5D&amp;\xdb\x08\xbb\xcb\x9c'</t>
  </si>
  <si>
    <t>b'\xf1\x8e}\xb4\xc4sjh~\xf6\xc2\x1cL8\x91n\xbfG\xac\xa1\xb2\x93\t\xa7\xdb\x0b?\xda\x1fm\xe3B'</t>
  </si>
  <si>
    <t>b'\x93\x98\x90\xea\xc8o\x07\xdc\xcf\xf7\x83\xe1\x96\xbc_JTy{\xfbE\x1d\x00Y\xd0\x14?B\xa7\xb9\x9e\xa1'</t>
  </si>
  <si>
    <t>b':0{\x86\xa9\xce\x87\xd9\xae5\xea\xba\xcc\x0c&gt;z\x0e\xa2m\xc1r\x04\xe9\xaf\xc1\xf82\x87N\xc6\xaa6'</t>
  </si>
  <si>
    <t>b'\xfa\x1a\xc2H\x0c\xa8\x1e\xc5\xeaX\xdbUF\x15\x10\xa2\x19\xe2\x8b\xf66\xfe\x02\x1e\x08e\x0f\x05\xff\xefs{'</t>
  </si>
  <si>
    <t>b'/\xdc\x9f\xe0\x1c\x85\xaa\xf0:\x12t\x8a\n\xf1=\xc4\x1b\xd8\xb3u=\x0e\x8b\x14a\x87K\xfcV\x9a98'</t>
  </si>
  <si>
    <t>b'\xa1e\xf9\xd1\xf2R\x13\x8c*\x87\x90\xa5\xe3\x82\x86\x95\xc4\x85\xfbP\xfc\xb5\xechI:\xcc\xb9\x0c+\xbb$'</t>
  </si>
  <si>
    <t>b'\xc49\xea\x99m\x8di.\x7f\x86\xb7\x93b\x87\x9cZ\xcf!\x0e2\xc7\x01\xc3\xcc\xdc\xbc\x063\xa5eCO'</t>
  </si>
  <si>
    <t>b'\xe1\x98\xf9\xf4\x9b_OG\x15\xfe\x938\xa1_\x03\x123\xdf\xf6\x11:Z\x8cH\x0f\xc5\xfd\x99Gi.1'</t>
  </si>
  <si>
    <t>b'oD\xe6\xf0\x96+:=\xd2r\xa5\x1f\x98l\xcc0\x90$\x86\x17\xb2\xd8\x93!\x17\xbd5\xdf\x8cj\x10\x92'</t>
  </si>
  <si>
    <t>b'0\xa9\xb4\xd2\x95\x9a"\x8d\x999\xd1\xd4\xd5O\x9c}\x07\x04\x91\xd7\x16\xc7\xf5\xca\xc6\xfdo\xeb\xd2\xb7\x8cy'</t>
  </si>
  <si>
    <t>b'\x95\xfchZ\x8c\xee-S\xea\xf5\xc2\xaa\x7f\xc4\xeb\xfb\x98H8l\x1a\x93l\x92j\xd23\xb5\xd0\xca\x9fh'</t>
  </si>
  <si>
    <t>b'\xd9\x9c\x04,\x96\t\x0f\xe5a\xd8\xe0g!-\xbdc\xb6&gt;Z]\xc3\xef\xa6\x9e \xe0[V\x17\x88#8'</t>
  </si>
  <si>
    <t>b'\n\x9fl).\xc6e\xe0\x8d\xfcu.F\x0f+&lt;\x12\x1co\xf8y\x9b\xf7\xd1\xe3:\xecQn\xea\x00\xe5'</t>
  </si>
  <si>
    <t>b'\xb8A}\x8b\xc8r\x9atK\xab\xb5C\xff\x06\xf8\x1d(k\xff\x10#\xeb\x05\x07S5\xab\xcfM\x83\xb3\x95'</t>
  </si>
  <si>
    <t>b'\x12H\xc4\x1a=\x15\xae\xd7\xb3\x066,\xa0J\xa1f\xb7\xe2M\xf1AR\xdd_\xf4\x7fi\xc8\x1c\xf5\xd42'</t>
  </si>
  <si>
    <t>b']b\xd3\x1a\xaaif\xc7(\r\x9e\xd2+\xb5\xebLi\xa0\x8c\x02\x1df\xb08\x1a^a\x13\xac{\xeb~'</t>
  </si>
  <si>
    <t>b'4\xc2\x9aR\xeavd\x87\x8e\xf8\xaf\xf9\x13\xdf\xc1\xacB\xcf\x01\xf5\xe9\xad\xd6\x8a\xe3\x1f_\xfd\x80\xbf\xe5\x01'</t>
  </si>
  <si>
    <t>b'\x8d\xc1`\xd2\xb5\x8c\xf6^sb\x83+\xaetL\x966\x1c^w\xa5\xe1\x16M\xe4)}\x88\xc5MN\xbd'</t>
  </si>
  <si>
    <t>b'e\xcc\xf0\x87\xff\xaee\x14W\xd9\xe4\xc6\xe0\x86\xf5\x92\xb4\xed\x1d/kg\xdb\xe3\x11Kk\xb7\xdaBPT'</t>
  </si>
  <si>
    <t>b'\xe19\xa8\xd4F/\xe5\xf2M\xfb\x8c3\xcf\x94\x86\xa2\x96\xbfE\xdb\xe2Fe\xdaH`\x0c\xac\xfbzu\x18'</t>
  </si>
  <si>
    <t>b"\x81\xef\xfet\xf2\xc8\x1f\xf7\xf0\xec{\xd0\xd9}\x13\x031\x1f\xde\xda\xa0\xb1z$\xe5H\x00\xfb'P\xeb\xc8"</t>
  </si>
  <si>
    <t>b' \xa7\xdc\x9c%\x9at&gt;M\xf7\x99\xafT\x1f\x910a\x9a\xbf\xfd\x8d\xfe\x0b\xa4\xab\xa5\x19\xb3\xf2L\xfd\xc5'</t>
  </si>
  <si>
    <t>b"o\x0b\xc4\x97\xdc\xa57=o\xd61\xb2b\xf0\xfa\xe1!(pv\xd6TL*o\x8bT9\xf6\xf7\x16'"</t>
  </si>
  <si>
    <t>b'\xd0fhy\xc6?&amp;\xf1\x96R{\x99\x05\xa7\xd6\xb7\n@\x1a&lt;&lt;\xb8wF\xb8c\xeb\x1f\xb83r\xf0'</t>
  </si>
  <si>
    <t>b"\xbaC\x8e\x83\xfc}\x13\x15\xea\x1f').\xb6\xc2\xd9i\xafU\xdf\x9a\xd0Po\x1e{V\xaaWe\xf7\x88"</t>
  </si>
  <si>
    <t>b')\xc4\xe0,\x11\xe1\x97\xce\x9f\xe3g\xcd\xc2\xf1$\xf8\xa5\n\xd3O\x98\xea\x90\xb3z\x0c\x01\xab\x94\x91l\x99'</t>
  </si>
  <si>
    <t>b'\x08\x92\xbb\xe0\xf5w\x82j\x95\x89WB\x1aW\x83\x1e;\x08\xe5\xbco\x83\x16\x94\x06rN\x80\xcc\xeaH\x91'</t>
  </si>
  <si>
    <t>b'\xf3\x80\xc1Oz\xd7\xe77|\xc1\xe2\xc5\xb2*\xdc\xa7gn\n\x95\xd5Nh|\xa7;\xd8B\x8eSA5'</t>
  </si>
  <si>
    <t>b' \x93Z:]\xdd\xc9\x07\x9fJq\xfev\xbeE\xb0\xca\x9c\x1e\x88o&gt;?\xf68Mb.\xb3\xf0y\xe9'</t>
  </si>
  <si>
    <t>b'\xea\x1c\x9b8qo\\XK\xa8\x14\x1fs\x00\xe2\x9fQj|:\xd8\xb3\x92\x8d\xda\x16n+!\x84\xeb\xd3'</t>
  </si>
  <si>
    <t>b'\xe9\xbd\n\xd9g^\x01^\x8cW\xdd9\x02\xa5\xce\xb25\xc3a\xd6[\xbf\xaa\x10\xcf6&amp;\xef\xe3zQ\xfb'</t>
  </si>
  <si>
    <t>b'\xbc\x99omLM\xfd\xe9g\x9e\xba?0\x8f\xdb\xace\x97\x17\x90=\xdb\xd7\xe8U\x95-\xee\xae\xa1\x8f@'</t>
  </si>
  <si>
    <t>b'\xa5\xb5\xd0\x84}\x8bk\x1b7#\xd8]W)\x08\x96|OU\x0f\xd5,\xadUr\xbc@\\\x84\xe0\xa8h'</t>
  </si>
  <si>
    <t>b'6\xf8M\x7f\x9ep\xb0(Wr\xdb\xed\x1837N#3\xb9\x95\xf4\x96\xc3\tb\xb27\xa2~\xb0\xe8I'</t>
  </si>
  <si>
    <t>b"\x1f+V\xf6c\xb1\xe4\\\xdc\x97'M7\xe0\x88\x11\x9d[\x90\xf6\xae\r&gt;I|\xc3\x9e\x89%\xd10-"</t>
  </si>
  <si>
    <t>b'$\x93\x0b\xb0\xb995\xddbC\xe1\xb8\x8fP\xa0\x0bN#eM@&gt;Q\x7f\xdbk\xd4l\n\xac0\xc7'</t>
  </si>
  <si>
    <t>b'\x01O\xff\xa3x\xb30\x9c\xca\x97\x02\xf9K\x8c\x0b\xd1\xfc\xd7&lt;\xe3\x92p\xa8\xc1oEg\xc4\r\x87\xdf_'</t>
  </si>
  <si>
    <t>b'\xf2\xf1\x10\xad\x92\xcf\x8bTr\xce\xd8\x1e\xc7Y\xd8[\x9c\xec\x83\x0c\xf7$C\xb6P}\xaf\x9d\x8c\xa743'</t>
  </si>
  <si>
    <t>b'\x9e\x9d`T\x8f(\xa9\xa8c\xaeX\x14\x8b=\x87&lt;\xa2SZ\x05\x9be$,\xe53\xab+\xf4\xae\xff\x86'</t>
  </si>
  <si>
    <t>b'\xe0\xdc\x03\x06\xe6L\xbf\x81\xeb\xf0\x83\x91\x05\xbb\xaf\x89\x9d\xcfL\x92\xb6I\xa7\xc2\xd7\xd57\xc1]\xa8\x85\x86'</t>
  </si>
  <si>
    <t>b"\x13\xfe\xa8\xb6\xc1\xbd\xef\xc1\xcb\xaf$\rn&lt;\x9a\xfe@\xf8\x14'3\x8fa\xf9\xbc'\xbc\x91\xc5)\xff\x8d"</t>
  </si>
  <si>
    <t>b'\xed\xf3\xa1\x0b,\x19\x81\xe2K4\xcf\xd5l\xb6#\x86\x9e0\xe0\xa6\x1d\xf5f\x91NL\xc0|\xdf\t\xb4\xd3'</t>
  </si>
  <si>
    <t>b"{\x95\xfa\xa2\x89\x07\xefS'\xa5\x0fT\xde~\xe7G\xb1\xa6\xe0\xfa\x02\xd9\xf7\xf7(\xeb$\xfe\x82\xa3\x00\xe0"</t>
  </si>
  <si>
    <t>b'\xfe\x07\xc2(6\xd2Uf%\xd4\x12r\xc8\xbc\xa6\xa8m&lt;\x8d\x18\xfe\xd9\xfa\x91\x90w\x12]~|\xb0\xfe'</t>
  </si>
  <si>
    <t>b'\x96\x18\xa8m\xc6\x99\xdc\xc1&gt;\x7f,\xed\xdb\xce\xc5Q\xd5l\xd1\xed,\x84J\x16}~\xdb\xaeS_\x95v'</t>
  </si>
  <si>
    <t>b'\xb6\x06=\xb5\x1ba\x07&lt;+=)Hh\x10\xabnM\x98\xc6\x0b\xbe\xbe\x1b\xb0\x8e\xc3\xd9\x0c\xf5qvO'</t>
  </si>
  <si>
    <t>b'\x88\xd4-\xfc4\x14\xac\x91\xe1F\xd2\xd2\x97\xd6(\xb3S F\x1ewe\x13pn\xb4\xbe\xd5V\xc04D'</t>
  </si>
  <si>
    <t>b'"\xa1_N\xf8\xe5O&gt;\x10&gt;v\xf8\x99c\xeb\xfeQB\x04\x8a\xe1i\xc1\x9c\xd7\xabQI\x9b\xa0;\x7f'</t>
  </si>
  <si>
    <t>b'5 j\xe6\xb41\xce+A\r\xacT\xd4\x93\xd2lw\xd3\x0e$\xbf\xc05 \x8b\xbe\x93{x\x9aG\xc2'</t>
  </si>
  <si>
    <t>b'Nb5\x95XG\x11s\xda\xb5\xb8\xe8\xc2\xcfa\xdf\xe39#\x10\xccZ\xda\x16\x1e\xef1\x1e\xd1\xf2\xe2R'</t>
  </si>
  <si>
    <t>b'\x8fM\xc4trO@\x8f\x18T\xc8\x12rXh1\xf2\x9eM\xfa\x07\xb9\\\xa7\xc5\xf5\xb8\x1d\xe9{\x1c\x1d'</t>
  </si>
  <si>
    <t>b"K\x93\x8d\xfd\x19'\xf5\xe3\xa2\xa1X\x0e1\xbez\\PX\xa9r\\5;\xad&gt; \xda\x8au\xd3\xcdB"</t>
  </si>
  <si>
    <t>b'\xa0\x84\x9dJ:\xa6[\xf1\x02(N\x8b\x9e\xe9\x1e\xdeKY\x81\xee\xa1\xf4F?\xdb\xa4S\x0f\xca\xaf\xe7g'</t>
  </si>
  <si>
    <t>b'nWg7\xdcXt"ju\xfd-\xe9\xc7e\xb7\xf5@,\xaa9&lt;WA$L\\ 3!Y\x92'</t>
  </si>
  <si>
    <t>b'\xbce/\x93\x12\x1av\xb6^\xdb\xeam\xb4\xf3u\xdd\x05\t5X\xa9b\xd7\x1c\x8e\x1dp"=\x86;\xb4'</t>
  </si>
  <si>
    <t>b"!8J\x9a\xe0\xa3\xbc:\x00\t\xfbt\x0em\xa2'\xd1*\xfeC\xdf\x84\xd5\xc1\xb4m\x96\xf2@h\xed\xf2"</t>
  </si>
  <si>
    <t>b'Rho6\xf5^\xdfi\x89\xe5\xd8\xbc\x19\xc6b\x80\xb5\xc4\x01\x81\xe8tv?&amp;\xc4\xe0r:\xda\xda\xa9'</t>
  </si>
  <si>
    <t>b'5\xb1\n\xe43\xa2\xf0!\x05s\x9d\x05X\x90\xa4A\n;\\z\x9eRKXg\xc1f\x86\xde:H"'</t>
  </si>
  <si>
    <t>b'b\xfe\x8do\x1c$k\xb4\xe0\xdeIc,\x8bMz\xff\xbbV\x90\x99\xff L\xff\x06|-\xd4\xe2\x9d\xec'</t>
  </si>
  <si>
    <t>b'\xd2"\xd5\xb4\xe0\x99\x01\xf4\r+\xc9\xd0SN\x8e\x94\xfc\xe4\x11/\xb8\xedXD\x95\xe3\xcbX\xa79+\xea'</t>
  </si>
  <si>
    <t>b'\x03n\xea\r\x9d\xd5\xcf\x8d\xa0\x19a\x8e\x96\\AE\xcf\xb5ZB\xfd\x08w:\x17\xe4"\xda\x9e\xa5\xff\r'</t>
  </si>
  <si>
    <t>b"A\xfd\xbb\x9a&gt;\x99Yd\xfe\xe9'|,A)\xee+\xd9\x94\xf4\xec\xb1\xc1y\xc9}y/\x93\x007-"</t>
  </si>
  <si>
    <t>b"Z\x8e;\xee\x01\x04\xd0{2\x82\xe0\xfa\x03y\xfb\xa7\xcb\xcb\xde\xa7&amp;\xea'\xe0\x1a\xc1\x98~\x11\xc6\xc7p"</t>
  </si>
  <si>
    <t>b'\x9b\xbd\xf6\x0f\nE\x12\x06\x1c\xecF\x884\x19\xea+\x8d&gt;\x9e\xe0p\x845\xa7\x969\xd6&lt;\x8e\xed\x7f\r'</t>
  </si>
  <si>
    <t>b'\xc4\xef\t\x9a\xb4\xb3{O\xc2LT\xefK\xe0\xebf\xdd"\xf1]:\x91y%\xb82\xd9C\x8c\xc4P\xa1'</t>
  </si>
  <si>
    <t>b'\xf6\x03$\r+\xdf4\xf9\xf44(\xecE\x7f\xc1{\xf4\x17\x84vD\xba*\x02\xd5\xd5\x06U\xd1\xf1\xc7\xd4'</t>
  </si>
  <si>
    <t>b'\n\xb4i\xb36C\xae\x82\xea&lt;\xed\x890\xb4\xe3\x01\x80\xadd\xb83\t8\xef\xfd~\x14\x93&gt;W5\xee'</t>
  </si>
  <si>
    <t>b'\x97\xb9\x02K]\x19\xd0\x9d0\xe0.\xc8\xfe\xbc\xca\x87j/P\xd2o\xe1%-\xd3\xc6\x95\xa1\x01\xa6\xb3N'</t>
  </si>
  <si>
    <t>b'$H\x8cU%\x9aQ\xb9\x04kK&lt;@\xe4\xd7P\xc6"\x87\xe1\x8c)z@8\xc7\xa5\xd7\x12\x08S\xf4'</t>
  </si>
  <si>
    <t>b'\x8e\x80b\xdd\xd6}0\xa1\x95\xb0\xd1\xf0\x98.\x11\xdc\xf7\x06E,]Yd\xbb\xcb\x80zy_\x90\xc8\x1e'</t>
  </si>
  <si>
    <t>b"\x80\x13\x1aZ\x17\xaf\x9b\x97\x88\xfa\xa5\x1e\x9b\xa5E'\x9e}\x986\xbe\x8e\\o*\x86\xd5\xfe\xe9\x85\xcb\xb4"</t>
  </si>
  <si>
    <t>b'\xb2\x1e\xf7b\xadL\xcb3\x8d\xc4\xfe&gt;g\xa4\x05\xb3\x97Y8|\xc1\x06\xf83\xfa\xbc\xba\xdf\x9e\xdb\x00\xd5'</t>
  </si>
  <si>
    <t>b'E \xadp\xc9\xefbw\xd8\xc5M\xac\x92\x08\x92\xc5\x94G\xe8\x97\xe5v-\x9aK\xe9\xf6\xaeH-\x93\xd7'</t>
  </si>
  <si>
    <t>b'\xe8\xba\xd5\xfa\xeb\x7fx\xa7\xc3\x1cJn\xdc1\x07\xc4\x1c\xfc\xec\xc57\xc0~YT\xa2hpWwQ\xd2'</t>
  </si>
  <si>
    <t>b'\xf0 \xed\xf8\x8b\xafIjb\x01F2O\xd4\xdb\x8a;r\x83\x1f\x82\x0c\x0f{2\x85\xa3\x80\x8b\xc1: '</t>
  </si>
  <si>
    <t>b'&gt;\x93b%K\n\x8d\xf6(\x1a\xb1\xfa&amp;\xb8\x14K\x91\x9c\x02h}\x91\xa5\x86\t\xd21\xf6\xb1\x10w\xbf'</t>
  </si>
  <si>
    <t>b')\x03d\xab\x88(4\xa4\x9c#$\xb3PE\xe6C)\x0f\xd7D\xf6\x97?\x12Y\xa2\xf0\xc05\x1f\xe0\xb8'</t>
  </si>
  <si>
    <t>b'N\x1f\xb1\xfd#\x93\x8f3\x1c#NT&amp;Z`\xbb?bI\x8e\x14ik\x93\xe9\x06\xa1\x93\xc3\x9b|O'</t>
  </si>
  <si>
    <t>b'\xcc\xf8\xbf6\xb8j\xc0\x0e\xbc\x1b\x19\xc4:\x8f\x91\xa1\xed"3H} %/G\n\xfe\x1fI\x89?\x14'</t>
  </si>
  <si>
    <t>b'\x8d\xc0\x15f \xd6 Y\x9c\xde\xa9\xd0\x94z\xe5p\xc7\xbb\x9an\x84\xb3z\x9b8\x14\x1a\xb0\xdc\x0c\xf0\xf1'</t>
  </si>
  <si>
    <t>b'Y\x9a\xf7\xf1l\x94\xc9\xed\xb2&amp;_C\xf6l\xf7\x02\n4\x7f\xd8jw\x03K\x83\xd0\xe5r\xd9\xbfZ\x88'</t>
  </si>
  <si>
    <t>b'\xd77\xef\x81\x03\xb7y\x1e\xc3\x83mJh\x9f87\xb3l\xb1\x90\x15\xe6X\x1e\xc3l\xb9h0R5\xc6'</t>
  </si>
  <si>
    <t>b'%\x8a\xe3&lt;\xb6*\xfe\x91z\x1fg\x11\xf7\x91p\x1b\x1c?\x19\xeb\xdd\x95\x03\x8es\x8fQ`\xa56\x84\x15'</t>
  </si>
  <si>
    <t>b'\xc1\x10CR\xd4)\x1c\x0b\xeb\xca\xf72\xd2\xd2W\xf55\xa6\xc3\xaan\xb1\xd9T\xf4\t\xeb\xd4\xb4\xa3\xc7\xd5'</t>
  </si>
  <si>
    <t>b'\xe03\x85\xda3\xb1\xd1\x05\xee_\\\xc3\x1e\xff\x85\xf9\xd3\xaa\xf6\xefdS\x94\x85\xf4-\xfe!i@\xb8\xe2'</t>
  </si>
  <si>
    <t>b'\x18\x19\xb6\x86)\x0cL\x0fx\xd5R\xb7A\xa7`B\x01\x03\x9b\xf0Qp\xff\x86\x95\xd3\xc6\xab\xcd\xfa=\xb3'</t>
  </si>
  <si>
    <t>b'fK\xa1\xc0\xd6\xcb\xd5\xcfG@\xbc\xef\x0c~\x16"\xbaf\x94|A\xfb\xbb[\xf8\xf4{\xc2\xe3\xa8\xd2\xa5'</t>
  </si>
  <si>
    <t>b"\x89\xea\x18\xa0Dz\t\xcbR\xb9\\\x91\xbf:\xc9\xc25\xfbP\xef\x8e'\x0eA\x9b\xf4\xb5\xc1\x9dX\xcd|"</t>
  </si>
  <si>
    <t>b'\x86\xd4y?\x03=O\xd1\xa4RB\xf5!\xf9\xb0d~\xe7\xbd^\xc10\x9d\t\x84S\x11_3s\xa6\xe5'</t>
  </si>
  <si>
    <t>b'\xc0|7E\xa9I\x93\xef\x1d0+:\x97\xb2\x96\xd1\x8eN\x1fL\xbd*!\x87\xcaj\x91\x9d\xdd\xf6\xf3E'</t>
  </si>
  <si>
    <t>b"\r9l\x18/\xca!!S'\xa3,\n\xeaI&gt;\xf7f\xb5\x98\xdd\xf9\n\xc5\x16\xe2\xfd\x8cV\xb4\x9ba"</t>
  </si>
  <si>
    <t>b'\xd2E!\x97 \x1aTW\x0e\xa9\x16\xc7,`\xb0\xe0\xd3\xe9+J\xa9\xf7l\x82\x89\xf2F\xebtM\xd3\xef'</t>
  </si>
  <si>
    <t>b'\x17\x98N\x96M\x80\xaa!y3[aP\xcc\xe6\x96=j\xaav7\xeeu\x038\xa7\x94\xd7s&lt;\x90\xe5'</t>
  </si>
  <si>
    <t>b'\x11\x0f\xe5\xa1\xe91\xfd\x8c\xeco`\xc9\x953\x8d\xe0\xb8\x99L\x81\x9c\x914\x1a\x1d\xbf\x80\xdaP\x83\xcb\xb7'</t>
  </si>
  <si>
    <t>b'@\x0e\xbajg\x07\x0c$^\xc4t\x03\x8ef\x02`^hc\x0c\x02_#\xb7\x87\xd4\x15"\xb5\xf8\xe5\xa4'</t>
  </si>
  <si>
    <t>b'\xe3\nW\x0b\xf2p\xe65\xc9\x9aUV\xc3\x9c\x1f\xa7QgbG\xda\xfeI\x04\x0c\xb8\xb5\x82\xac\xf0Y\xf4'</t>
  </si>
  <si>
    <t>b'Y\xf4\xf2P\x1dI\xc8\xd4Z\xe3\xc8\xb9\xd1/a\xd1\\%\x8a9\x08\xb0\xee\xf7\xe0h\x9fG(y\x9d\xb3'</t>
  </si>
  <si>
    <t>b'\xdd\xad\xc1:\xf3\xa9\x1b\xaf\xa9c\xb6\xcd\xddT\x94\x17}\x05\x1a\x13\x83\xc7K\xec\x8d\xa0[P9\xb1\xdb\xd9'</t>
  </si>
  <si>
    <t>b'yc\xc5\xacZ.\xa8\x97\x1d\x17\xba\x8d* \xb0\xfa\x15f\xfb\xac\x98\x92K\xbe\xa7-\xc0&gt;\xb6\xeb\x99t'</t>
  </si>
  <si>
    <t>b"\xae\xf2\x87\xe3o/\xdf\xa5H\xa4B9\x16JIQnEYU'\xfe\x94\xea\xec\xe4\xa8?2\x0b\x1e\xa8"</t>
  </si>
  <si>
    <t>b"3\x80r\xe5\xcb\xeck\xbf@\x95[ao\xe9;\x87'\xb2\x97\xcfC\xe2@J\xe3\xcb\x8e\x98\xc7N\xa7\x1c"</t>
  </si>
  <si>
    <t>b'\xac`1C\xd2\xc1E\xcfU\xea\x7f\r\xdd\xa1\x88\x98D\x8ch\x7f2Dq\x13\x1fi8\x87v\x11`4'</t>
  </si>
  <si>
    <t>b'\x9a\x04"t\xef@\x9c\xe8\x8c\xd5W\xa7rPQi\xe6\x17\x86\xad\x84\x924\x92\x8e\xcb\xa7R6\xf9\x15\xf7'</t>
  </si>
  <si>
    <t>b'\x86\xd0\x83\xe1\xcc\xf2w\xd6A\n\xa6i\x00"\xc2rxt\xd4\xd4\xba?\xffL\xa7\xb9m\x15\xeb\xff\xe0\x04'</t>
  </si>
  <si>
    <t>b'\xe0\xbe\xdb\xfe\x18\x02\xed\x1c\xaa\xa7]\x9d\x06b)\xe5\xd7\xae\xc1\tDy\x83\xc8\xe1}\xf7\x7f\xa5hs\xad'</t>
  </si>
  <si>
    <t>b"`|`\xc8\xd5\xdd\x98\x8d?\xee\x0b\xbb]\xa7t\x00\x95'\x95\xdb\xf7\x98M\xf6\x155p\x06\xf1\x85 7"</t>
  </si>
  <si>
    <t>b'\xb4Z%W\xd4\xf7!h0Y\xfb_\xeac\x18&gt;|\xeb\xa9\xd9\xf5&lt;\xaaB\xb3-\x1e\xde1\xb1\xb2\xc0'</t>
  </si>
  <si>
    <t>b'\xa7O\x17R\xe4y\\\xef\x87\x1a\xee\x926\xddL\xa7N\xd0QK@U3\x18w\xd0d\xb8\xecm\xce['</t>
  </si>
  <si>
    <t>b'1&gt;\x95h\x9d\x1e,9\x01N\xb1p\x9b\xd6\xec\xd9\xc3\x16O"&gt;\xb1\xf6\xc7\xcb\xc1\x8c,\x0b\x1f\t\xd6'</t>
  </si>
  <si>
    <t>b',\x91]\xe6\xef=IN\x9c\xc0\xa6\xdf&amp;\x17&gt;"\xcf1\xfdzW\xc5&lt;ut;k\xdd;\xdd\xfb\xb8'</t>
  </si>
  <si>
    <t>b'\xee\xb4\xe8#\xd7\x89\xdb\x00\xadQc\x87nQ\xba\xa2\x07,\x05W\xff\xa4\xf6\xd0\x83\xf2o+\xa5\xe2\x0c\xfb'</t>
  </si>
  <si>
    <t>b"\xecC\xff~\xeb]\xe3\x8bC\xa6C\x88\xc3=\x13\x81Tw\xdf\xe3\xdf\na'\x1b\xb6\x1c\xedX^;\xf7"</t>
  </si>
  <si>
    <t>b"N\xb4\xb5'%\xd1\x80\xb5\xa4c\x88\x1d\x8e7&gt;\xdcLu\xdeO\x89{LH\x80\x86\x85$\xddo\xd1\x04"</t>
  </si>
  <si>
    <t>b'\xea\xe3\x7f\xf8\x96G\xf6Qk\xf1\x87\xf6\x8cOlq\x9a\xd5\xf6\xe2/\x18A\xaf\xb9\xa6ej\xd2\xaf\x82\x85'</t>
  </si>
  <si>
    <t>b'\xc8N\xd5Vq!\xcd\x8a\xcb\xc7\x83&lt;_\xe3\xdc\xfeu\x92y\xc55-\x9d\xa1.\xf8G\xae\xa3\xf5iI'</t>
  </si>
  <si>
    <t>b'`\xe0\xc38R{\x12\\\x15\xfba5I\xc8\x81Z\xd9K^7\x0fR?\xd1%mM\x8d\xb2=a\xb4'</t>
  </si>
  <si>
    <t>b'\xa1\xbeeR\x1bN\xfd\xddY;X\xfd\xec\xaft&amp;\xa3&amp;\x88s\xee\x9c\x11\x9cs\xb3F\xad\x8f\x03\xabN'</t>
  </si>
  <si>
    <t>b'\x89\x80\xf4]\xd6\xffV\x07]z\\\xbb\xeaVZ\xc6U\xe0b\x04\x8e\x1c\xb0\xd0\xa7&amp;\xdd\xce\xe6\x07M\x80'</t>
  </si>
  <si>
    <t>b'z\xdf\x98LiXV\x94\xe5\xec\xc0\x85\xfa\xc4\xafh\xf8\x1ebR\xd2\xf96(o\x05k\x01R\xc8\x80\xf5'</t>
  </si>
  <si>
    <t>b'\r\xfe\xbb\\S\x95\x0c\x8c\xaa\xf7/\x10\xf1\xce\xde,\xbf(\x05.\x1a\x82\x8f\xfc\x96\xd9\x10pXn\x9b\xf5'</t>
  </si>
  <si>
    <t>b'\x17\xbe\x08\x8f\xec\xfe\x8e\x8e\x9e\x00@\xec9E\xcbO\xc3\x9e\x93\xe1\xcd\xab\xdb\xdfB\xcc\xd0g\xb8\xe6\xca\xc9'</t>
  </si>
  <si>
    <t>b'\xd3\x842\xb5\x93o\x02\xe7\xc2\nG\xa8\n\xbc\r1[\xe1\xdf\x9d}eou\xb7M%\xcb\xc4^\xc5\x0e'</t>
  </si>
  <si>
    <t>b'\xdd\xa6\xa2Lu\x00K\xa7\xf7\xbd+\xdf\xf88\xf9\xfa\x90\xa2\x92\xc5T%\xcb\x87\x8d\xbf\xb9\xb0M\xd5\xda-'</t>
  </si>
  <si>
    <t>b'\xba\xd2\xc2\xdep\xa2\x83KW\xb7\xe9IQ)\xe1\xe6IW\xe3?MD\xae.\x02\x11Lr1\xcd\xf9\x93'</t>
  </si>
  <si>
    <t>b'`1\xb2\x8a\x9e\xf5!\x06\xe19D\xbd\xc5%\x10i\xdb^+:\x19\x95g\xc6[\x8c\xc3\xebx@\x83\x86'</t>
  </si>
  <si>
    <t>b"\\\xc9C\x1c\xe8\x8c\xcd\x88\xe9\x0b\xed\xc5%\xe5k\xf2\xd3Vr,\xe3'&amp;\xe3rE\x86\x111@\x80\x0f"</t>
  </si>
  <si>
    <t>b'\x1ez\xd5\xc7y\xccP\xd2TS\x0cC\xad\xcc\x86n\x12#\\/\xb3p\xb1\xa5\xc7\xeev\x17\x83\xc8\x86j'</t>
  </si>
  <si>
    <t>b'\xfd\xf7#\xda\xb7\\\xea\xd9./:\xd2X\xe4q\xb1Nn\xfcpEp\xdcq\x85=\x86R\x84be\x91'</t>
  </si>
  <si>
    <t>b'\xf50X\n\xf3\xce\xceK7#zdxu\x90\xcd\xf0\xd9\x11,w\x84MR\x10(z\xe6\xc2\xca\xd3\x89'</t>
  </si>
  <si>
    <t>b'\xf7\r&lt;\xec1\xa8\xf5`R\x9a\xe9\x84\x94\x12J\xd7\xadB\xa7\xd9\x90\xb7\x1f6\xa9\xa9\xbb!\xac\x92\xb0\xee'</t>
  </si>
  <si>
    <t>b'{\x9d9h\xe1\xd5^\xa5\tC\xf23\xbe\xd1t\x1d\xda\xf1E\xca\xc4_`\x0f4W\xe4\xe2\xc2Dq\xb0'</t>
  </si>
  <si>
    <t>b'\xd7\x11\xeb\xff\xa8\xd3\xcb\x00\xad\x88\xfa6l&lt;\x1b\xdb\x00X\xa9\x19\x9aR\xc1\xfb\x17\x1e\xdbP\xb6\x17\x87Y'</t>
  </si>
  <si>
    <t>b'\tn\xac8}?\xe7\x18\x8c\xcd\x96y\xb2\x1fy\xc9\x92\x06\xa0 \xfb\xc9;dc\xeaCH\xe8\xfbe\xb7'</t>
  </si>
  <si>
    <t>b'\xe5\x87\xfa\x99\xe8\xfb\xc6\xa4\xdb1\xd3\x13\x0f#\x93\x08,\xc0J\x05qoP\xca\x96B;\xc7\x07]\x9c\xc9'</t>
  </si>
  <si>
    <t>b'\x86\xf6\x15\xf1\x97FVT\x94\x15/UL\xeac\x8e\xb76q\x98\xe4q\x11\xa5?\xfc\x02\x0e\x99`\x99u'</t>
  </si>
  <si>
    <t>b'\xec\xb2\x82\xe2\x8c\x14\x16\xf1\xccJ\xb7\xc3g\xec\xb9\x01\xdd\x14h\xf5\x84[\xdc\x08#\xb2\xc7\x87\x0e\xde\xdbk'</t>
  </si>
  <si>
    <t>b'\xbd\xe4T\xc6\x05,,\xbe:\xe5\xf6Z]\xb3\xe1\xc1\x99\x18\xec\xf4|_\x02\x06\x1a\x14\xd1\xb01\xc1\xb1X'</t>
  </si>
  <si>
    <t>b'\x8d+\x87)\xf9\xde&amp;\x85\xff.\xbc\x0eP\x83\x8a\xff\xbd\xc0I\x8b\xda\xb9J:w2\xf8\x951S\xc7\xad'</t>
  </si>
  <si>
    <t>b'\x10\x9dQm\x13\xd3\xa4\xd7#l_^\xca\xf9f \xd8\x948\xca\xf4_\xfcN\xf6r:\xf6[\xd4\xe7\x1f'</t>
  </si>
  <si>
    <t>b'\xca\x1e\xb6&lt;1?\xdc\xee\xac\x82}\xb1\xc3\x96_k\xed\x9c\xd6\x08\xb3\x08\xfc&gt;~K\xe1\x13\xcf\x15\xa2\x0e'</t>
  </si>
  <si>
    <t>b'\x13\xb6g\x12\x0c\x17\xca\x1e[\x9a\xff\x19}\x85K\x16\x8c\xb6g\x03\xe4\xdb\xec!n\x93\x8c\x18\xac\xfa\xdd\xe9'</t>
  </si>
  <si>
    <t>b'\xb4\xb9\xa8"\xf5\xaa\x15z\x88\xbe\x83\xe4o\x1d\x18}\x10.\xa0\x01\xe4\xc3\x97\x91q\xd9\xa6iS\xcc\x82\xc7'</t>
  </si>
  <si>
    <t>b'\xf7\\\r\xa0V\xad\x07\x08E+\x10\xf1\xf1\xc1G\xd7\xd3\x9e\x8c8\xb2\xee\x87\xdf\xd0q\x9e\x1e\xbe\xaa\xc7I'</t>
  </si>
  <si>
    <t>b"y\xac\xf3\xb7\xc6\xb3\x17\x03]]\xa6\xab\xc6\x19'~\x04\x9dw\x8a\xbaP\xba\x12\x1d$\xd8?\xf6oo\xe8"</t>
  </si>
  <si>
    <t>b'.\xc5 ~\xee\x15\xe0J\x91]-&lt;\xb0O(B\x1e\xe9\xe1\x9e\x11)\x1c\x19B\xf2\x1f\x95\xee%b\x02'</t>
  </si>
  <si>
    <t>b'X\x1d\x04\xa1\r\xb8\x87\xcd\xff\x13\xc6\xa5I\xfb\x8c\xb2\xe7\x08\xf0\xd4\xbf\x85|P\x8b3]\xee\xee\x10U\x8d'</t>
  </si>
  <si>
    <t>b'\x15\xc3\x95\x7f\xf9;\x07\x88\x9da{\xd2i\xb5\x1cx\xc8N=\xc4\xb7\xe8\x87\x87\x08\xeb\x9f\xcf\xf4\x1c\xfeA'</t>
  </si>
  <si>
    <t>b'\xdb[\x8bU\xfd\x12\xd88\xba7\xb8\xdd\x9b\xbcl\xc8\x83"\xe0l \x00H\xf7l\xeaT\xde\x87\xd2@\xaa'</t>
  </si>
  <si>
    <t>b'\x19\x8d\xfev\xf5\xa0\xf0\\\x08\xf1)\x91\xbf\xd9\xe2\xc2\xc9\xfb%o\xec\xa36\xdd\x0co\xcb\xcf\x7fnhf'</t>
  </si>
  <si>
    <t>b'CNl\x18&amp;Us\x04\x1b\xd2\xaf\x16\xdff\xeb\x1b\xe0\x0ea&amp;\xbd\xf8~\xc6\xa1\x87\x14z\xe1\x19\t\xc7'</t>
  </si>
  <si>
    <t>b'\xf4\x07\x1b+\x1c]2\x0e\x06@\x04K\xe4\xbfD\xb8\xb5\x0f#\x7f\x96\xae}I\xcd5\x1d\x7f\x93ka\x0e'</t>
  </si>
  <si>
    <t>b'\xb9\x87`N;\xa4\x9f\x94\x93E\xce!\x95\xe4\xeb\xcdUZ\\\xe7Pu\xa2u0\x1c\xcc\xbb\xb9\xfcm\x1f'</t>
  </si>
  <si>
    <t>b'\xa5\x95\x93\xb6#0#\xeb\xf6\xd6\xca#\xb3\xbcX\x90(\xc3\x02Ym\xeb\xe3\x9c\xc7\xa6\x1d\xa4\x92X\x8b\x0c'</t>
  </si>
  <si>
    <t>b'g\xd6\x93\x0cx\xbe\x93\xbf\xa3\xbf\xf0f\\\x0f\xfeMeG \x16\xb6\xc0\x02\xca\xb7k\xeb\xe8*\xc1\xcc\xe2'</t>
  </si>
  <si>
    <t>b'\xdc\xb5z\x1c8gz\x13p\xd8\xfc\xcd\x89\xa8\xd9\x14\xb2\xe6\xf1@\x8d\x06\n\x19\x1c\x0e\xe6_\x02\xd6\x0c\xe7'</t>
  </si>
  <si>
    <t>b'\xbc=\xcfj\x95I((\xb1\xa5\x9c;\xf0&gt;\xdd\xc5|/1!\xd6\x0cES\x82\xdf\x1bMJ#\xe5p'</t>
  </si>
  <si>
    <t>b'\x97m\x0f\xf5\xc6\xad\x92q\x19\x8f\xd92q\x12\xde\xae\xb1Z\x83\xd7gL&lt;\xa9c\x8b+q\xf9\x08\xfa\x8a'</t>
  </si>
  <si>
    <t>b'%\xeal\xb7\xc40@\x03\xbd\xef\xeeXH\x9a+\xd2XP\x18\x04\x9f\x1b\x97\x13\xfd`#:\x05\xff,\xff'</t>
  </si>
  <si>
    <t>b'\xea\xe6\x04\x15J\xf1\xdf\x82~\xd1\xf9\xd1\xcb\x95=L\x9d\x9e\x8e\xe8\xd3\xb6\xe9\x06s\x1e\\\xedbu\xc3\xd5'</t>
  </si>
  <si>
    <t>b'\xeb\xde7t:G\xb8\xe2u%cp\\\x84n\xa8\xab\xb2\xf9q#`\xa5\xdex\x18\xe2D\xc1+\xc3I'</t>
  </si>
  <si>
    <t>b'l\x95\xe5\x92_L\xf0q7\xa9\xac\x8a\x0fJ\xaa\xc3\xb1{\xd7\x1b\xc6)\xb9=\xd3:}\xdb\x089?A'</t>
  </si>
  <si>
    <t>b'\xbf\xeb9Y\xb8\xc9&amp;4\xab\xd4}-Y\xb0\xc97\xedb\xb0\x94={\xad0\xc3]A\xcfr\xed\x1b|'</t>
  </si>
  <si>
    <t>b'\xa8\x0f\xd7\xbb\xff\xe1\x9b\x1bO\xa6\x83\xc6\xd2\xde\x07\xba\xa6\xee&gt;\x13\xb0\xed\xa8\xe9\xd0s\xb9\xe8\xc2\xada\xd8'</t>
  </si>
  <si>
    <t>b'\xd1\x96v\x1d\x88\\j\x89\xf4\x92\xab\xcc\xb2\xfb\xc4W\x04\x95\x8bt&lt;]\xbe\x0fk\xfb\x06\x0f\xb6\xb5\xa6\xde'</t>
  </si>
  <si>
    <t>b'\xb7a\x0f\t\xf6\x7fb\x1c.-\xf7\x82\xfa2\xd9P\xb0~\xeb1\xe3\x0152\xaa\x13~#\x97\xd8)E'</t>
  </si>
  <si>
    <t>b'%d\x11.\x119V\x9bS\xec\x0c\x11\xb1\xcaC\x17\x19\xe4\xe2\xd7\x7f\xc2\xca\x11 \xd9\xd4rR\tH\x9e'</t>
  </si>
  <si>
    <t>b'A\x1c-\x18\xe3\x1c\xb1_\x14\xea]\xa3\x0e\xf8L\xb6\xcb\xd7cf\x06V\x1a\xe2\xf0\xd3\xe6R\x8f\x0b\xcb\x15'</t>
  </si>
  <si>
    <t>b'\xb2Y\xf4@\xc5E\x07\xe6[\x8a\x0c\xa3.)\x90\x1a\x92\xfew\xddDN\xf5\xc2i\x1eq2\xc6"\x18\x88'</t>
  </si>
  <si>
    <t>b'\xeew2:\xd7\x98\x9c4\xf9Q\xd08\xba\xc9\xa9\xbe\xf3J\xe5l}\x1b\x07f\xd2\xae\x1b%\xcd|\xfe\xd5'</t>
  </si>
  <si>
    <t>b'\xa5ZRQ\xd6s\xc2\xde\xfd\xfef}\x18J\xd1\r!kt\x89\xe6\xea\xe0\xe9\xeb,\xc0\x04\xbe\xc7\xf8\xf9'</t>
  </si>
  <si>
    <t>b'\xff\xc8q\x0eZ\x91\xb8\xff+\xcd\x16\xc8h\xc8D\x81\xf4\xff\xcc\xb1\xcb\x16\xf6\xb0y\xc4w\xae\xde\xad\xc8\xb6'</t>
  </si>
  <si>
    <t>b'\x91\x07NP\x93\xfeda\x0b\xef\x08\xd5*\xa6j\r\xb86P\x81\xba@\x81\xc1\xe6\xf2\xe8\xb1\x82\xf3\x91\xd2'</t>
  </si>
  <si>
    <t>b'\x88o8k\x06R\x1e\xf7,\xe5\x95\x8a\xf2\x14KB\xcf\xcd\x1dU.\x92\xe7b!?WY~\xca\xf6\xc6'</t>
  </si>
  <si>
    <t>b'5\xac\x1b\x15L\xa1@\x7f\xf38|`b\x19E\xc8\x9e\xc0\xdcY\xaf\xfa\x85\xe8\xf4g\xb4_\x18\x0e\xda\x8a'</t>
  </si>
  <si>
    <t>b'\xce\xd4\x1f\xe0\x1cS\x98\xce\xb7\xfb\x81\xbb\xc1\xe9\x92\x01E%\xd0\xf0\x86\xb6q\x04\xc1\xa3t\x8a\xdb*\xbe7'</t>
  </si>
  <si>
    <t>b'\x95\xd0\x97=\xa5\xc4\xb2\xf1O\xab\xb4&amp;\n-\xdb\x13\xb81\xe6w\xa7\x99mr\xeb\xff|\xe6\xd7\xdfm\xde'</t>
  </si>
  <si>
    <t>b"\xe6\x94B\xbb\x86\x0e\xb1\x8a\xc8,\xaa!\xe2\x97w\x03\x17\xb6\xbc\x91\x0f\xd3\x10\x0e\xe2;\xe4'h\xa4zK"</t>
  </si>
  <si>
    <t>b'\x8fW\xea7\x0c\xee\xa3\x8b\x10\x14\xcb\x86\xac\xfb\x00)\x03\xbc\xd7/b\xf7g\xd0\x991\x95{D\x8a\x89X'</t>
  </si>
  <si>
    <t>b'q\xeb"%\x1bM\x89\xd3\xc0\xecs\x01gT\xd2LJ\xde\xf1faV#\t\xb9\xbbo\t\x8d_\x85\xd2'</t>
  </si>
  <si>
    <t>b'\x9cpmz!o\xda\xc2g\x8eh\xcc2\x19~\xb5\\3\xdf6^\xe6\x92\t\xf7\x80/X\xea\x06\xda\xa3'</t>
  </si>
  <si>
    <t>b'n\xc1m\xfb\x95\xf2m\\o\xef\xe5\x90\x89s\xf1\xfc\x91O\xb3\xe7IK\x85\xa5\xcb\xc1\xcdv\xcf\x90PI'</t>
  </si>
  <si>
    <t>b'\xdaX}L\xa4\xc9\xfdYC\x05\xc4\x01\xc1heCOxI\xc2\xdc\xb6O\xd8\x1fTgX\xb5\xdf)R'</t>
  </si>
  <si>
    <t>b'\xe1^b{\rE \x85\xf9\xdc\xd7\x84\xf6[\x155&lt;zq\xa3\xa8PX(\xb6h\xf9*\xb5\x02h$'</t>
  </si>
  <si>
    <t>b'uR\xea\xba\xcb\x87D(W~\xf8\xa4AO\xb2KD\xca\xbc\xb44\xcf}\xeazYl\xae\xfeq\xc9\xe0'</t>
  </si>
  <si>
    <t>b'\xbe\x92\xa7\xdb\xc6=d\x18\xc7\x96\xca\x02\xe2\xe1+(]\xd6\xd0&gt;:\x083\x11\xb6\xd4\xd7%S5\xdf\xd5'</t>
  </si>
  <si>
    <t>b"0\xd9j\xfa\x0b\x9f\xb4\xb1G\x0b\x9e\xd0P\xbc\x08wTo'K\x0eO\xe6\xaf\x84\xa7\xdb\xbc\xa9\xc0\xb5\xd0"</t>
  </si>
  <si>
    <t>b'vP\xdc\x80\xea?\xc7\x05\x82\xb8\xf0\x84\x9f\x01\xdd\xd5\xfa\x8d\x0e\xec\xf4\xf0&gt;\x7f\x7fZ\x14\x8c!\xbcv`'</t>
  </si>
  <si>
    <t>b'\xbd\x1fGZ\x00I&gt;\x80\x98`\x01\xd3\xe8m\x1d#l\xe9\x82\xb3\xea\xa9\x12\xafN\x9aSQ\x95q\x133'</t>
  </si>
  <si>
    <t>b"7'\x94\xdf]\xe8\xc4\xe3\xb3\x8a\xcf\x1a\xde\x1a\x9b\x1aS,\x8bKE\x07\x80\xec\xe5PG\xa4L\x16\xae\xd3"</t>
  </si>
  <si>
    <t>b"\xd3\xfe\x95\x84r\xe3\x9d\xd3\xc4\xd9\x9d\xc6\x9439x\x1a\xb0\xf3\x14\xd2\x98'\x18\x95\xf0\x98[$sv\xf5"</t>
  </si>
  <si>
    <t>b"\xd0p\x81\xfe\xc7\x11\xab_\x89!28\xe6[\xc42\x8dTb*#\xe0'X&lt;}\xfa\x0c\x14F\xf0\xf4"</t>
  </si>
  <si>
    <t>b'\xe5\xc7$7\xa1\xf0\xe7\x05fN\x04zx\x9eP\x86\xb22\xaf\xfd\x91z\xfdgX.\x18\xd8\xe6|a\xb2'</t>
  </si>
  <si>
    <t>b'z\x10)\xa5J\x9e\xd5q|\x9a6\x9d\xe9\xb6;\x1b\xa1az\xecR$(\xa7\xb7C\x17\xd2\xcd\xc69@'</t>
  </si>
  <si>
    <t>b'I\xa2\xc0\xae\xf9Y\x9e\x7f\x1f\x07\xf3\xddD\xe7\xe8\x9e\x8ao\x84\xc3\x1e\xd4\xd6\x14\x1a3\xf3N\xc9l\x99\x1d'</t>
  </si>
  <si>
    <t>b'F\xfb&amp;\xe0\x83\x90\xcc\x90\xaaX\x0c\xc0\xe7\xc2\xb7z \x87\xc2\x9d\xac\x9e\x1a\xae\xa4O\rJ\x00\x04\x98!'</t>
  </si>
  <si>
    <t>b'\xab\x16\xf9\x04\xd0\x1cN\xc9\x0c:Q\xed\x1b\xbb\xed\x13\xcb$\x9d\xbbD\x0b\xa8oF\xb1c\xd3w\xd0#\x1b'</t>
  </si>
  <si>
    <t>b"L\xae\xd8V \x0c\xe5qM\x86\x9d\xee\xf6,\xc6'\xcar4\x7f\x86M\x95t\xd8\xfc\x9e\x87\xc2Eh\x9c"</t>
  </si>
  <si>
    <t>b'\x05\x8d\x81\x87\xdd\x12\xee\xe3\xeb\xf8@\x902\xa0\x0e\xca\xf7\x01\xd4\xa7\x16g\x99\x05\xf2r\x86\xf1\xda\x90\x88#'</t>
  </si>
  <si>
    <t>b'J \x91\xa4n\x89j\x1c\xe1\x86_bj\xc0:;\xeb\xe6N\x97\xe1\xd3p\xe0\xebf5\xb6\x98\xe9\x0b '</t>
  </si>
  <si>
    <t>b'\x0c\x89gO8S\xa6q\x85DopQ\x8e\x9e#\x9e|\xfa\x82`\x0f\xe5\xdc\x04\xad\xc9\x7f\xa4\xb7\xba\x91'</t>
  </si>
  <si>
    <t>b'\x82\x89\xd8\xaf@]\x1c\x94\xc9\xee\x16%7\xffz^\xad\x0b\x10\xa3B~\x100WF\xcf\x97\r\xe8\xa0\x87'</t>
  </si>
  <si>
    <t>b'\x93\xa7\x02\xad\xf6\x9b\xd1\x16\x04)\xf0\xdb`\x9c\xcaF0\xae\x1f\xe9\xdb}\x91\x13\x92\xdfa\x18\xc5\x01\xc4\n'</t>
  </si>
  <si>
    <t>b'\\.\xf9\x8f\xe8\x81\x859\xe7\xa0\xc8\xc2\xa5M\x0fE,\xcd\xc2%7$/\xf3-]\xff)\x15&amp;ch'</t>
  </si>
  <si>
    <t>b'~_\xf1\x11\xeb\xd5\xa8\x80\xf5\xf3\xadm\x1a\x83FG\x03!\x1d\xd6\xa2\xa7\xde\xe7\xea\x15\xde\xc3`,\xbdP'</t>
  </si>
  <si>
    <t>b'R\x14\xb5\x05\x04p`s3\x1f\xac\xda\xac"\xfd\xea\x1f\\f\x95U\ngZ&amp;\xc8\x8b&gt;\tT\xd2\xb6'</t>
  </si>
  <si>
    <t>b'\x0e\x97\xb7Q\xb5\r2\xb6/Ft[0\xe1N\xf8\xbe\x04k\x0f\x869\xb4MvT\xd1\x0c\xc4\x92\x99\\'</t>
  </si>
  <si>
    <t>b"\xf14\xa5\xd3\xbaxz\xd0,)[\xaf\xd0Th\xa8\xef\xb7N\xb4\xcd\xd1\xf6\xa9\xa1\xdd'\xb5m\x9d\xf98"</t>
  </si>
  <si>
    <t>b'\xe3\xb9\xcc\x18\x87\x0b\x97\xf7\xce\x0b\r\xbaR4\x07^\x00\x8d\xc4\x0b\xca\xe0\x1a\xa5\xf7\xe2\n;L\xe1y\xa0'</t>
  </si>
  <si>
    <t>b'\xd5\xbe\xd6\x9b(\x14\x1fz\x01\xfd3\xde\x8bx\x07=\xf6x/-\x1d\x8df\x8f\xe1W\xe9l\x01\xe1\x9a\x90'</t>
  </si>
  <si>
    <t>b'\xfd\xe2\xd0\xee._/}\xd1\x0c,"=\xec\xd5Z\xd4:\xf8\xac"M\xf8\x92\x9b\x1d\x9c\xban\xf5\xf7\x08'</t>
  </si>
  <si>
    <t>b'\xab\x9b\xe8\xfe\x0c\xc3\x9b%\xe6\xb7\x17m\xc5\xfdk\xf3\xb2\xf4P\x19k\xd5(\x11\xa5\x01(?M\xde\x17\xa3'</t>
  </si>
  <si>
    <t>b'\x04\x17\xc9\x9d\xe4\xf4\x8c\xe2i\xe0\xf3\\c_4\xdd\xf5\x94\xd0c\x93\xfc5\x96\xef\xafK\t\t\xca=\xdf'</t>
  </si>
  <si>
    <t>b'\x81#\xaa\xe2\xa6S\x92\xea\xbbM\xf2\xefLi\xd6\xaa\xd3\xd0\xabGR\xdf\xec\xe3\xbe\xeb\x99\x04a\x8c\xc3\xe0'</t>
  </si>
  <si>
    <t>b'\xf6\x99\xb8\xe4g\x96P\xe6}Gm\xc5u;\x16\xb9\x15\x10C\xf0U\xa4\x05\xbbW\x90\xf5\x9f\xf3H2\xb0'</t>
  </si>
  <si>
    <t>b"\xca$`L\xcb\xfd\x82\xce[g&gt;\\\xd3q\x9fL\xad'\x06\xc4\xe4\xf0\x97\xddIE\xcbu\xb6m\xf7\x89"</t>
  </si>
  <si>
    <t>b'j\xb2\xfdnrl\x10c\xb6\xfa!\\X\xc1\xe7\x8b\x84\x99\xf3\xdeX\xac\x88 2IC\x05\xaev`\x9e'</t>
  </si>
  <si>
    <t>b'hl/\xa4&lt;\xb8&amp;\x9e\\\xa7\xe6\xd3\xbb\xef\xa5\xbeQ\xe4\x16\x01\xe4\x9a\xd0\x07)B\x0b\xa6\xeb\xee;\xde'</t>
  </si>
  <si>
    <t>b"\x8a\x7f\x1cvf\t\xd5P\xce\xa7U'\xae\x8f\x17w\xfd\x98I\r\x97\xd5\xc6\xa0\xa20\x0c.\xe5D\xa9\x1d"</t>
  </si>
  <si>
    <t>b'\xe1n\n#\xbe_\xe0\xc2\xfd\xea\xea\xd05u2\xe3\x95e\xf6%\x88\x07^.$\xfe~l\x14\xc6Fk'</t>
  </si>
  <si>
    <t>b'\xf4\x19\xef\xf5\x8a\x19\xf1AV\r8\xf5\xaeq\xd7\xfbQu\x8d\xc7h\xb8_\x8d\x83}\xee\x99\xd1\x8d\xf6\xc7'</t>
  </si>
  <si>
    <t>b'\x11Q\x1b\x18\xb0/\xebf\xcb)-\r0\xe7\x8duS\xcfzA%\xdb\xaa\xc7y\xa9\xb1\xd5;444'</t>
  </si>
  <si>
    <t>b'\x18\x06\x1d\x7f;\xc1\xc3\x03r\xd6\xd5\xc7\xbf\x80=\x1a\x07\x1f\x02\x0e\x02\x91{\xe39\xd4\xe8\xf1\xf3\xf4\xb6\xf8'</t>
  </si>
  <si>
    <t>b'f\xac\xe2\xe3q\xc3\xb2\x12%m\xe10I\xbe&gt;\x81\xe4)\x86\x07\x8e\xe3\xa0A\xf5\x10\x9c9P&gt;\xdf%'</t>
  </si>
  <si>
    <t>b'\x89F\x15\x17!\xb8\xfa\x02\x0bT\xf3\x9f\x87!\xcaK\x99i\xc8\xf9VWv\xc1Z\xd4\xd4m\xb2\xbe\x0f\xe8'</t>
  </si>
  <si>
    <t>b';l3T\xcc\\\xf8\xeesd\x1d\x81\xd8c\x07z\xac\n*\xfe\x92z\xa3_\x82\xd7:\xbe\xb4\xb7\xb2\x80'</t>
  </si>
  <si>
    <t>b"\x89]\xa3\xc1{W;\xe4\x99&lt;\xa3m\xd3'Ze\x1b\x0e\xfb\xfc\x9a\xf3=\xbdbX\x04\xb4Jw\x91i"</t>
  </si>
  <si>
    <t>b"\xae\xce\x16|\x00\xbd\xf2\xee\xda\xaf\x0b(\x8e\xc4\x87\xfa&amp;\xe7&gt;F\x1bq\xedt\x0c'tD6\x14\xf0x"</t>
  </si>
  <si>
    <t>b'\x97?\xe5\x9a\x8c\xb19mo\x1b\xe2\x9e&lt;\x04\xb8\x1eU\xbd$\x95\xb9W\xd5\xf9\x0c\x16\x150\xe2\x1dz\x9c'</t>
  </si>
  <si>
    <t>b'9\x82\xca\xa2H-\x80\xa2^D^&lt;\xf7\x19m1\x05\x8c\xbe?\xca{\xaeJe\xbf\x90zxoX\xef'</t>
  </si>
  <si>
    <t>b'5\x7fL\xe1\x82\x0e\xa5t\x14\xd0\x9ei\x05|\x13\x10\x9e7J\xe6\x11\xfe\xcf\xc5\x81\xe6a|\xc3\xbe\x01l'</t>
  </si>
  <si>
    <t>b'O\xac\xf3\xef\x881m\xcf]~\x158\xeb\xe9\xe4D:~z\xf1=X\xc29=\xe6\xd2t[+\xfe\xfc'</t>
  </si>
  <si>
    <t>b'\xf9\x92\xb3\x8e\x8c:\xbe\xe5m\xbaK8\x12-\xdb\x13\x82\xf6V\xbc\xd3\xe1|$\\Sm$\x9d,\xfeU'</t>
  </si>
  <si>
    <t>b'\xb1E\xd8\xbdK\x1azm&amp;aX\xf5|`\x10\xd3\r\xad\xbb\x14I\x9c\xc8\xe3\x13q\xb1\x06\x0f\xa3d\xa8'</t>
  </si>
  <si>
    <t>b'\r\x06DG\xcc]\xae\xb5\x06,\xf5L\x8eT\x87\x95u\x84T\x85\xbd\xe8\x7f\xe3\\90~\x8e5~\xff'</t>
  </si>
  <si>
    <t>b'\xf2\x08(l\x1c\x04\xad\xbd\xed\xc6qB\xb7\xa4r\x18&amp;27.\xbe\xd2`[c(v(\x83}\xbc\x99'</t>
  </si>
  <si>
    <t>b'T&lt;7\xaa\xe0/\x1a5\x1c\xb8\xfa!\x8a+j\xaa\xcd\x94\xa2\xef\xf4}\xa4v\x16\xd7\xee\xbb\x82l9\x19'</t>
  </si>
  <si>
    <t>b'\x82F\xf8\x0bSS\x94&gt;v\xe0\xd9\xe1R@\xcbz\xc3\xe8\t\xe9@~\x0f\x0e%3mx\xbe\x83\xce '</t>
  </si>
  <si>
    <t>b'n\xeeFaN5!\xb3\x9e\xe9\xe0p&gt;B\xca\xec\xdf^\xb1\t\xea\xb3\x89q\xf1\xd7\x15\x88.\xaey.'</t>
  </si>
  <si>
    <t>b'\x13\x08ex\xb3\xb6Q\x9a\x0c\x83\xfa\xb9Hf\x1dc\xd5(\xfd{\x7fR\x8f\xfc\xccDy\xf5KX\x84R'</t>
  </si>
  <si>
    <t>b'\x86\x97\xd4\x1c \xe6\x9e"~h\xd7#\xa6\xd4\xf2\\\xc4u^i\x12X\xe7R5\x1c\x01\xe1\x9eh\xfb\xb0'</t>
  </si>
  <si>
    <t>b'H\xe9\xd9\xe7\x1b\xe7r\x07v\xac\xa1\xb7*\xefWG\xf5U\xbe\xad\xb5\xca\x0f[D\x1d\x1e{#\xe7\xd5\xb8'</t>
  </si>
  <si>
    <t>b"\xac&lt;\xea'&gt;d\xfb\xda\x8d\x81\xbe\xef\xf2\xdeR\xe8\x7f\xbb\xe0-]\x83\x1d_T\x81u\xe3?U\xd0["</t>
  </si>
  <si>
    <t>b'i2\xda\xf9z\xde\xc6\xfb\x19\x0f\x88\xa1\xf14\x8f2\xa4\xd5u\x95\x07["\xc6n\xb2\xf4)\xd6\xcb\xe0\xb2'</t>
  </si>
  <si>
    <t>b'R\xac]p\xe4\xfd\xf8\x1e\x8d\xa1\xc5\xa7\x99\xca\x13L\xe1\xf5\x97"\xdb\x96pn\x1b\x11Zu\xdeN\xa9\xe4'</t>
  </si>
  <si>
    <t>b'\xa9\\C\x03KN\xabi\x13u]\xce\x9c\x03=\x8b8SX\x05\xc9\xefor\xda\xc1\x8c7\x1aa\xfaj'</t>
  </si>
  <si>
    <t>b'\xf4\xf5\xff\xcd\xef\xddlO\xda\xf5\xc5\x12\x17\xb6\xf2x\xd3\x00J\x08\x0c:m\xd6F\xe99\x12\xaf\x85\xbf\xe5'</t>
  </si>
  <si>
    <t>b'z\x1ap\xd6&amp;WW\x19L\xd8z\x19\xfdk\t&lt;\x1b\n\xd6\xd8C\xce\xc6b\x1bEu\xf4\xdbf\x97S'</t>
  </si>
  <si>
    <t>b'\xf55d\x98\xc4\xc0\xc9\xc8\x84\xc4\xf28\x04g\x98\x8d\x0cj\xb8\xe2\xea1\xc3k\x1c\xbf\x05A\xd1\x90s\xd6'</t>
  </si>
  <si>
    <t>b'Ac\xa0\x88\x15Fi\x8d\x8a)\x83$\x7fN\xc5\x92;\x17\xe6\x19\x8f\xa1_\xd1\\V\xce\x03qo(\xb9'</t>
  </si>
  <si>
    <t>b"\x914F`\t\xa8\x9a\xf9\x07F\xf7\xd5\x08lH\x8f`D\xf2\x07\xb3[\xf3.'\xab2\xc2g\x18X\xc4"</t>
  </si>
  <si>
    <t>b'`q\xec\x08\x12\x8d\xf5$\xb7\xf2\xae\x0br\xcc\x1f\xd1\xfd&gt;\x97Y\x06S\xb2\xa7`\xd4\xbb\xdf\x84\x14=&gt;'</t>
  </si>
  <si>
    <t>b'*\xfb\xd2\xea\xa5\xfe#\xfc\xd5o4j\x1c\t!\xd0\xdeG\x0e\xc7\xb8\xb3\xc6\xd0\x81AT\xadl\xd9y\x99'</t>
  </si>
  <si>
    <t>b'.\x83\xd1W\x0e\xf9E\x87\x1a\xa50\x1c\x9a8|~\x069\x82\x1d\x16\x0bE\xd5\x01\x01M\xde\xa2\xd4w*'</t>
  </si>
  <si>
    <t>b'7\xbb\xb5]_,\x9fj\x9d\xf9_\xabf\xbf\xc6S\xfe\x91\xf6\xc1/i$e\x88\xfa\xa7\xa4\x04\x8d1\x85'</t>
  </si>
  <si>
    <t>b'#\xf1\xcb\xa8\xfa\xde\x08\x14R\xc4\xf2d&amp;%\x1c[:\xa1\xe1\xd9\xd2\xcb\xa0u\xd9N\xa4\x9e\xa7Qo\x89'</t>
  </si>
  <si>
    <t>b'L \xf02c\x95\xea\x9b\x93\xb3\x13Fl\x08\x922[un\xe3\x05:\xba\x96!\xa4\xeeB;\xc1mN'</t>
  </si>
  <si>
    <t>b'V\xad\x01\x1c\x8b\xdf*\xaa\xa3W\x83\x1b\xc66?\xd0\x928\x87V\xd3\xc5\xb7\x90wp4wR\xe1sQ'</t>
  </si>
  <si>
    <t>b'\xbf\tn\xdf\xf1\xf8\xe3\xf2\xa7|J\x8f\xb1\x83\x9a\\\x98\xe2\tQ\xcf\xe1r\xda\t\xeb\xb5G\xf8ePS'</t>
  </si>
  <si>
    <t>b"f'\x0fi2\xca4.39\xa4n\xe0\xd8\xb7\x02\xa1h#_\x15\x87\xcc\xf3A\x08\x16\x81Kk\xe1~"</t>
  </si>
  <si>
    <t>b'\x10\x9d\x10\xb2\xfa~\xdf$D\x14h\x81\x8a\xa3\xfa=\x88\xce\xe9\xd2I\xf7\xe9\x13\x8a\xae\x80E\x9b&gt;\xe3\r'</t>
  </si>
  <si>
    <t>b'\xc7\x04K.\xe0Ph\xd9bV\xfa-b\xf2W_p\x86\x1dB\xbbK\x10i\xf1uA\x86\x9b\xbf:\xec'</t>
  </si>
  <si>
    <t>b'\x92\xef\x0cX\xbb%\xffO\xcc\xc1U_Z\x8e\xf1(\xfb/D\xa0\xcbO\xa8\x96\xb8z*\xc2\xe5\x1b\x08\xc2'</t>
  </si>
  <si>
    <t>b'\x9d3\x87\xde\xa6D\x0f\xa6i\xe3\x07\xe9\xcb\x8f0\x80\xaaW\xaa\xd8\xd8.\x01e\xaa\xfd\xfa(\x1f\xfe\xda\x12'</t>
  </si>
  <si>
    <t>b'R\xe2\xa9\x92\xef\xdeq\xe2`\xf4\xd2\xa6d/R3\xb2C\x14\x05\x1d\xdb.1\x14\x1c\xc7\x152\x1b\xd9\xca'</t>
  </si>
  <si>
    <t>b'-4\\\xb3]PE\xe8[D\x92%\xa7\xde\xd83\xe1O\x95\xd0\xea\xcd8\xb5\xbd\xec\xe4\xa5\x87\xb9\xd1\xea'</t>
  </si>
  <si>
    <t>b'eS\x06u\x98\x1e6\x9bAd\xfb\xf3\xd1\xe2\n\xb0\x11`\xeb\x84dH\xee\xcd\xe5T\x04L\x17\xbfB\x16'</t>
  </si>
  <si>
    <t>b'?6Q\xdeR\xc3\xcd\x9f6\x03c\xbcwD\xf9\xe3\xf6\xac\x8aa\xa2\xc3 \xb9\xbeo@\x86&gt;)\xd1\xe6'</t>
  </si>
  <si>
    <t>b'\x01\xb3\xc7C\xc7\x8e\x13\xbd\xe1\xf4\xe10\x08"xx=F\x8em\x9f\x8a\xd1\xb5\xb6\xcf\x9bv\x7f&amp;\xc0\\'</t>
  </si>
  <si>
    <t>b'rL\xe0\x8c\x9c\x0cd.\r\xb0\xdc\x0e\x86\xb5\xba\x9b\xd2@:[\xecj\x1b\x12\xca\xa2\x8a\xc0W#0\xdd'</t>
  </si>
  <si>
    <t>b':\xc1\x84u,5\xfa\xef\x8c\x16\xc6)\x07T\xe3(8ji\x17k\x94\x82E\xde~\xda\x0cY\xf2e+'</t>
  </si>
  <si>
    <t>b'\xd8!\xb5\x1f\xa3}.\x92\xf5-drpc\xa6\x19p_\xf8Tn&gt;\x1b\rH\t\x06\x9f\x88\xea\xb1r'</t>
  </si>
  <si>
    <t>b"\xae3\xdf\xfa\xd4d\xcf\x9a8J\xe6\xa2\xa6\x9b\xd0X\xa7\xa0'\x1e\xfcu\xfc\xdbw\x87V\x8d\xaf\x82\r\xbd"</t>
  </si>
  <si>
    <t>b'\x88\x97\xcag\xcbh\xb3\x10\xad\x90\x8b\x12\xe1\xec8\x8d\xeb$h!f&lt;}\x94\xe0=8\xd3DV\xe0\xe3'</t>
  </si>
  <si>
    <t>b"\x95\x05T\xca\xecl\xa9\xe3\xf1\xd5\xd6\xcf4\xe7\x96\xe1\x04M#R\xb1\x069\xf3\xdc71'D\x86\x8eI"</t>
  </si>
  <si>
    <t>b'\xbbX\x10&gt;\x023\xc4\x08U\xd1\xdf\x00@\xd3h|RK1\xa8&gt;-\xe8m\xde\xdd\xe1\xe6j\xd1\x17\xc5'</t>
  </si>
  <si>
    <t>b'\x81\xffb;\xf7g!$\xc0\xbd(\xd1\xdd;\x08om\r\x1f\xe9\xf2\xe8\xee\xdc\xc1\xa3e\xf3\xc3\xd3\x17\xf5'</t>
  </si>
  <si>
    <t>b"i\x08\xd1\xf1\x87J\x9a\x88)\xfe\x1b\x05\xef\\\xe26\xc2rQ'j\xde\x10&amp;/\x18\xf4\xe2\x95G\x81m"</t>
  </si>
  <si>
    <t>b'\x02;\xbf\x1e0J5\x87\x98z\x18v\xa1!$\xbc\x9c6\x08\n\xf7]G\x1d\xa0"b\xbb\xd2-\xaa\xb2'</t>
  </si>
  <si>
    <t>b'd:\x8du}C\x99\xfcE\xa2zhR\xfb\x13\xb0\xed\xe2\x11%:\x8b\xef\x1e\x15~H\xc3\xbd&gt;\x01\xe7'</t>
  </si>
  <si>
    <t>b'\xda\x89\x03\x9bds\xff\xc1\x9b\xa8:\xf8H\xa8\xaf\xda\xe3\x9a1C\xabGO\xd8\x01\xbe\xc3\x90\xaa\x91\xb1K'</t>
  </si>
  <si>
    <t>b'Q\xda\x95zeK\x8f\xbd\t\x02\x04\xc7\xb5^\xa4O\xf2u,\xad#\xb1E\xcc\x17\xa1\xae\xd4\xbf\x13$y'</t>
  </si>
  <si>
    <t>b'e\x16\xa9\xe31\xa0\xd2\x90\x97\x01\x1f\xf9b\xc7I\x8c\xceC\xec\xd5\xb9|\x04\xe9\xd4\xf0\x89\x01Q\xe0N0'</t>
  </si>
  <si>
    <t>b"'\xcf 8\xa5\x17\xe5!K+\xd2\t\x99\xc6\x80\xbf\x0e\x98\xa1\xf4\xfb\xeb\x10o\xd5\x8d\xc6t1\xe8O\xbb"</t>
  </si>
  <si>
    <t>b'f\xb9?\x84\xcb\x90/\x7fM%N\xcc"\xf2y\x1d\xe0\xa6\x0f \xbd\x1d#\xa3^pF\xb30\x9c\xc3\x92'</t>
  </si>
  <si>
    <t>b'\xa3\x81\xf7/\xa0^\xfa\x1e3\xcd\xf5\xa7\xea\xda!zJ\xd6\x82\x91\xa5\xfaN\xcb\x01|\t\x8f\x94\xed\x04\x86'</t>
  </si>
  <si>
    <t>b'Y1NC\xc2:\xd7\x97\xe6\xe1O\xf8g\x06\xa3\xdb\xc4\xb92\xc2\xac\xe8\xd3\ni\x9ds\x13\x0c\x85%0'</t>
  </si>
  <si>
    <t>b'\xe7\xf7"\x7fE\x95M\xfc-\x95\xab\x94\x95\x9a\x1e2\xb4\xb0\xd3\xaavd\xc21\xc7\r\x06\xba\xbd\xf3W\x10'</t>
  </si>
  <si>
    <t>b'\x12RCb\x9d\xb6X_lf\xea,\xc0%b\x18_\x83\xa2DQ\xf9=\x99I\xf2\x91\x8b\x0f\xec\x9a\xb2'</t>
  </si>
  <si>
    <t>b'x\xfb\xd3\xd9\xaa\x19\xf2\xc2|\x19\xc1%&gt;\x1a\xeb\x99N9\x83\xb5\xa4$\xd3\x8ds4!\xa4;\x98\xfe\xfc'</t>
  </si>
  <si>
    <t>b'\xf4\nm\x1b}\xc3Gr\x0fH\xbd\xdd\xd8\x19$!NG\xc5\x8d[\x8f\xfc\xa7\xf6*$gW:4\xb1'</t>
  </si>
  <si>
    <t>b'\xa6V\x0c\xf0\xfe9*;R?\x92\xdef8\x12\xd6\x10\x94\xe5\xea\xe1\xfe\xeb\xa9\x0c\xee\x19\x00\xcf\x8aM\x11'</t>
  </si>
  <si>
    <t>b'\x94\xb1\xdc\x0c5uR\xc4Y\xab\xb1\xe8D\x1e\xcf7\xa9G\x7f\x0f\xafB\xfd\xfe\x80\x94\x18\xf5s\x98\xe4\xa9'</t>
  </si>
  <si>
    <t>b'HH\x04e\xc8\xa9\xc0\x13\xee6\xa7\x19\x00v\x94\xc2\x01j#\xc7\x1b\x1aA\x13\x97\x8eR\x91=\x7fn\xc6'</t>
  </si>
  <si>
    <t>b'\xb5\xfe\xed\xe9\xb1\xfc{Ou\xae\xfe\xfa\xdf\xa6\x97+\xaf\xf0\x82?\x11\t\xa6\xd09\xba\x16\xe2{\x1fr\xc5'</t>
  </si>
  <si>
    <t>b']\xfe\x8d\xc8y\x0e!\xba\xa5\xc2\xcd\xe9&amp;R\xa9+=\xef\x82\x9c\x17\x84\xb8\xb0\x97\xa3y\xf9N\x18[\xff'</t>
  </si>
  <si>
    <t>b"\xab\xbb\x9b\x0b}\xae\xba'\t\xd4w\xf1\x03\xab\x8a?h\xa9mM\x9a\x0e\xc2\xc4$\xc0~\x9f\xe5\x86\x1f`"</t>
  </si>
  <si>
    <t>b'\xd2\x1dY8A\xa5\xde\xdf\x8a\\S\xf2\xff\xd0\xb6\xf3\xfa\xbei\xb4\x1cN\xc14\x9eFX\x9ay\x96\x81U'</t>
  </si>
  <si>
    <t>b'I\x95\x9d\x08\x12\xab\xbe.\xdd\xe1\x00\xf9\xdf\xe79Hc\xe7\x88\x15\x8ds_\x99\x8c\xba\x1c\xc8%\xd6\xef\xa0'</t>
  </si>
  <si>
    <t>b'\xcd\xd3p@k(\x81\xc3@L"\xd2$\xa9d\xf4\x8bN&lt;C\xb8\xe1\xda09w\x83\xd7/9\'.'</t>
  </si>
  <si>
    <t>b'9+?\xf8v\x8d\xd5W\x10p\xce$N^\xd8\xefE\xff\x12\xa6\x92_\xc9\xee$\xf8\xe1\xb4\xf8\x89\xf79'</t>
  </si>
  <si>
    <t>b'c\xe7H _\xe3\xa0\xd4\x1fq\x1e\xe3s\x88\xe7cy\xa4\xab\x18\x0f\xda\xae\xa5a\x0f\x85\xdc\x92\xc1\xb6\xfa'</t>
  </si>
  <si>
    <t>b'\xcb\xc0\x1e\xce\xb6l\x92&gt;\xfd0\xa5\xb8\x95#n qDR\xcfgj\r\xd0m\xf9g\xab-=`\xc4'</t>
  </si>
  <si>
    <t>b'(/\xab\x895u\x1d\xd6\x90\xde\x9c\xb4v\x96\x02\xdd\xaa]6\xdc\xaf\xb1&lt;X@\xc1\xf8\x1a,Q\t4'</t>
  </si>
  <si>
    <t>b'\xa5\n\xba:b=n{\x92\x8fv\xc5\xfd\x9e8\xa4\xf9\xd9\xc4g:\xb3\xefI\xe9\xd8\x9d\xda\x1a\xd1\x1fK'</t>
  </si>
  <si>
    <t>b'\x80\x98m\xe21\xc5\x80\xe4\x00\xc9\x11\xe6\xef|pK5\xca\xcfS\x8f\xb2\xeck9\xb7\xc8a\x02\xe5y\xc9'</t>
  </si>
  <si>
    <t>b'\xf09iP\x0c\x1f\xb3\xf5Om\x1b(\x8f&lt;\x86\xc0\xab\xe2T\xdcC\xe7\x86\xb1\xac\x9b\x947\x00B.\xad'</t>
  </si>
  <si>
    <t>b'L\xd2\x91\xa0\x9eG\x9f\xf0JMsHcU9\x8b\xdc?\x9b]"\xda%\xa7\xd6\x8e\x98U*\x03\x08\x00'</t>
  </si>
  <si>
    <t>b'V\xa3\x1a\xcfQ\x12\xec\x0b\x9fV\xf2\xe60\xacjG\x87X\xe6\x8aY\x19\xd2m\x15(\x850\xfcp3\x7f'</t>
  </si>
  <si>
    <t>b'\xf2\xd8\x90\x8b\xff\xfb\xe1x\xe0\xe1f\xc2\xde^\x1f\xd5\xcd&lt;\xe25\xa8\x81Y9\xee!\xd1\xc1\xc1\x97V,'</t>
  </si>
  <si>
    <t>b'\xa2\x8e\xc3E:\niV\xae\x92Nt&lt;\x87\x7f}\xd5N\x15\xf4\xab~\xe2n\xc2\xeb\xc6\xa9\xb6xy!'</t>
  </si>
  <si>
    <t>b'\xd1\xb3\xa9$)\x96N\x9d;)\x08\xfabC\xc1\x8f$T\xb6\xd0"J\xbc\xcaE\r\x11\x16W!*\x88'</t>
  </si>
  <si>
    <t>b'\xf7\xc4S\xe0\xdf\xf0\x88;\xe9\x82\xf8dce)\xee\xb3j04\xa1\xdc\xde\xce@\x04\xaa\xfdm\xb5\x95\x9b'</t>
  </si>
  <si>
    <t>b"\x8f\x1e\xc5\xda\x04\xea@sHc'\xc9\x83\xf23~6\xd66k\x86\x80\xda%ts\xa7Q`\xf1\xc9\x8d"</t>
  </si>
  <si>
    <t>b'\x1a\x1f\x06B?\xfe\xd9\x12\xf4\x8dw\x84\xbf\xdc\x8b\x9a\x1f\xb8\x7f\x83\xc3};\x1a\t\xc1i.\xc4lI}'</t>
  </si>
  <si>
    <t>b'\x94[j\xf3\x1d2*\xe7x*J\x0f\xe6\x8a\x0c\xbfE\x96Z\xfe@\xfc!?f\x98\xbd\xbd\xd2?\xca1'</t>
  </si>
  <si>
    <t>b"\xc9\x90\xdc\xa0- \x85\x9d\x1f\\4y}t\xd9v\x92\r6\xf3\xd2\xff\xc2'n\xa7GJA}d\x92"</t>
  </si>
  <si>
    <t>b"\xfa\x88\xbbUlG9\xbd\x1e\xad`\x93\xa3\x17'[t\xe9_J\x0eAB\xe2H\x1a\x9eH\xfe\xcfn("</t>
  </si>
  <si>
    <t>b'\x05o\x9a\x00\xd4m\x03\xb2\xc96@Z\xcc\x88\xea\xfdB\xe0Z\xb8`!\x89\x80\xf4\x86~\x97\xc6\xfdj\xcb'</t>
  </si>
  <si>
    <t>b'\x1d\xd4\xe2\\\x0e\x00C\t\xf8\x1f\xcb\xc5\t\xc5\xe4\xf5M;\x08\x1a\xdf2b\xfb\xdeX(\xc8\xbfTZ\xe9'</t>
  </si>
  <si>
    <t>b"k\xb4\x17\xe6u\xcf\xd6IpW\xaf\xd2\xbe\xdf'\x80\x11&lt;\x8cp \x88BN\xfeh\xafyK\x8f\xf7H"</t>
  </si>
  <si>
    <t>b'\x92\xa2B\xef\xe0\xdc\x81\xdb\xebq\xf3\xd4\xd9:L\xe5*s\x81\xcf\xa9e\xb8a\x1a\xc2\xd7\x99u;\x14\xb9'</t>
  </si>
  <si>
    <t>b'l\r\x7f\xe2A."\xdf\xb8\x18\xf6`\x14\x7f\xa36?\xb7\xda\xc1\x95\x7f\x81\xc3\x8e\xc4`\xd9(P\x06y'</t>
  </si>
  <si>
    <t>b'\xbb\x90\xdaU\x9a\x9f\x19\xc5H&amp;\xf2\xe5.h\xfe_I\xa0\x97\xd6\xdc\x8b\xff\x91s\x06\x85\x8er\x12\x9d\xe4'</t>
  </si>
  <si>
    <t>b'\n\xc9\xa0\xa3\x82d\x14\xd0\xc3\n\xd9\x11\x94\xffj\xb7\xb8&gt;\to\x81\xba\xc0|\xcf\xd9\x11\xb9\x9e\x02\x93e'</t>
  </si>
  <si>
    <t>b'dS\xf9\xfc\xff\xd7\xe0\xd6y\x88\xcc\xbc\xdb\x9d$\xaeW\xce)y\xa3m\xe8t\xc6\\d\xe0C6~\xdb'</t>
  </si>
  <si>
    <t>b'\x88\\\x94\t\xd3\xd2{\xfc[\xd9h\x01\xa3\x15\xca\n\x7fDf\x8d5\x04\x9e\xd5\x1dS\x12#\x19\xe5\xa4N'</t>
  </si>
  <si>
    <t>b'!\x9c\x90\xb1\x02\x03\xbf\xa213u\xf2\xae\xa21\xd5\x10\x94\xcd\xcd\xf3b\x1a\xff\x11K\xc2f\xcb\x05s\xbf'</t>
  </si>
  <si>
    <t>b'\x003K\xc5T\x98xtJ\x94\x1eL\xcb.\xdaC\x94\x8d\xbb;O\t\x7f\x11\x1d\xabi\xa3\x89Xo\xb9'</t>
  </si>
  <si>
    <t>b'\xea#\xf1\x03EV\xfe\x9eC\xa8C\x0c\x1f5\xce\xfbxA\x18\n\xf7q\xa0$z\xc7v\xc6I\ttW'</t>
  </si>
  <si>
    <t>b"vz\xd8\x8c\xc8\xb4\xd5\xc9O\xe6\x8b`\x07z'h\x83\\\xc2W\xa6z\xdb\x87^+{E\xdaN\xf1\x88"</t>
  </si>
  <si>
    <t>b'\xe1U\xc9\xa9j=\xb1\xf7\x93\xd9\x9b\x145h\xe1=w\xc3\x8fF\xe8\xe9\xb2\xb1\x1d\xdc\xc2\x7f\xd9`\xa4"'</t>
  </si>
  <si>
    <t>b'\x8d6\xf3\x15\x95\x12&lt;\xc7\xa5Fw/\xbf\xbc\x04\x89\x0cu\x1d\xc5\xbb1\xf3Dj\xbc\xc2bL\xe6\xec\xb5'</t>
  </si>
  <si>
    <t>b'V\xcf\x03\x00\xae\xd9\xd6\xb2WT\x01ZD\x97-\x9e4\xd6\xedC/\xa1\xe3\xae\xec\xd9\xe5\xe6\x1cOH^'</t>
  </si>
  <si>
    <t>b'1r\x07w\x96\x05\x97\x04\xf3wr\x9d\x8d\x94\xd6\xd1ij\xb5#[\xb8\x83\x1fU\xe3\xca\xbb\x9b\x08\xe7|'</t>
  </si>
  <si>
    <t>b'\x95\xe8\xda\x98r\x8d\xb1\xbc\x07\xd0\x8a\x1fna\x9b\xacU\x93\rlo\x06u\xd60\xfa\xc5v\x0e\x1b\xf6\xfd'</t>
  </si>
  <si>
    <t>b'\x0b\xed\x07\xe1\x80\xa6\x01\x81&amp;\x0c\xdc\xa0\x0c\xcd\x97\xc6Awkq/\xfd7\x85\xe4\xea\x9d\x05U\xa9\xc2\xa6'</t>
  </si>
  <si>
    <t>b'\xf5P@\xe6\x00&lt;V\xac \xce\xf3\xab\xd5\x13\xef\xbc\x91\x8b\xb4mnq\x1b\x86;\xf7\xcf\x83\n\xf1q#'</t>
  </si>
  <si>
    <t>b'}\xda\xea\xe3x\x06\xfb\xec\xfe\x17n\xf3\xad\xee\xafxa\xa1@6\xf5\xbc6\xf5\xd0(\xda\xd1\xeaz\xd2\x86'</t>
  </si>
  <si>
    <t>b'\x9b\x9f\\\xf8\x0f\x00\x8b"\xc3n\x8c\xca\xed\xda\xf2~y\xf6T\x8f\xf6\x8e(\x1f\xd3\xad\xe0+"A\xd6H'</t>
  </si>
  <si>
    <t>b'\xdb\x1a\xc3\x141`yUJI\xb3\x0f,\xd6\x167\xdbU\x05\xf9\xe5A O^\xf1&amp;@\xfd^\x99)'</t>
  </si>
  <si>
    <t>b'\xef\x80\xcbV\x9c\x89\xe6\xbdnKf\r7\xb6mV\xa8\x03b\xf1\xf6y\x84\x8c\xba\xb3\xd2@\xffuI\x8f'</t>
  </si>
  <si>
    <t>b'\xe8a\x9c\xff\x1c\xa3f\xca\x1f\xd2\xc4\xf2\xe5+X\xed%aD\xd1\xfc\xa0\xd1\xe1\x02\xc1\x7f@\x93-\x06\xfc'</t>
  </si>
  <si>
    <t>b'-\x8aA\xb8$b-\x81\xf1w\xf3\xbc\xc8\xd7/\xa6b\xc3\x8b~\x97\xfbQsq\xe3\xda\x1e\xb6D\xd8p'</t>
  </si>
  <si>
    <t>b'\x14\x10b\x05_\x81\x97\xd1\x17WA[\x86;\x0f\xb8b7i\xaf\xda\xc1\xf2"w\xf0~\xad$\xa2gK'</t>
  </si>
  <si>
    <t>b'%\r}\xd4g3\xbc\xc5\x82!s\xa2\x9a\xb6\xc50&lt;P\x9e\xeb1\xf4\x080\\\x9ds\xe0\xac\xd5\x8a\x9d'</t>
  </si>
  <si>
    <t>b'r\xdde\x89\xb8w\xc0\x8e\x12\xe1#\x9c\xd9\xf96Lo2\xb0+h\x8f\xe3\xad\x96\xab\xd9~\x1e\x13\xd3&amp;'</t>
  </si>
  <si>
    <t>b'\x80o\xe9\xb17\xcf\xa9\x85\xff%c&lt;`\x14\xae\xb4\xea\xae\xda\x0b\xac\xac\x8c@\xb8S%\xf6\x177#\xc7'</t>
  </si>
  <si>
    <t>b'\x15\xcff\xe6#i0\x8c\xb8w\xd0mW2\x9fy\xe8\x0c\xe0\xdd\x0b\xa2|!\x17\x93xe\xded\xe2T'</t>
  </si>
  <si>
    <t>b'\x83\xac\xb5{cn\x00-\xe1\x81\xc9|O\xcb=\xb8\x94\xf0*\t\xe2\xbch\xec\x96\x88\x8f\x18\xaaf\xc4~'</t>
  </si>
  <si>
    <t>b'\x1d\x81\x14\xa0\t@\xbd\xb4ym\x88\xd0\xf6~@\x9a\x95\x92\xda\xcdZ\xc7\x9b\x11\xb41\xc5\xee\xd4\x92\x87\xbb'</t>
  </si>
  <si>
    <t>b"Gh\xea\x8c'\x04\xe4\x8d\xe47\xd4\x16\x9b\x04p2T\xdf(\x93\x01e2\xd4Z!\xba\xd7\x99E\x1b\xf9"</t>
  </si>
  <si>
    <t>b'\xc9\x13?\xce5\xfeS&gt;\xa9\x97}\xa7lL\xfa\xacO\xdf\x80*6U]\xc2\x07\xaf\x98\x0b\xa6#t2'</t>
  </si>
  <si>
    <t>b'\xd3_sZ\x16^\xed\xa4\x9e\xff&lt;\xc7\xb8Zp4\xcbb\xd3\x8dO)?\xb7\xe1j\xf2h(we+'</t>
  </si>
  <si>
    <t>b'J\x0b\xfa\x8a\x18\x88\xdaY\x8a\xe6\xf6\xa7\x8c\xfbi!\xfe,\xe2\xaaI\x0f\x95\xc0\xe3Y\x12\xe5t\xbc@D'</t>
  </si>
  <si>
    <t>b'\t\xadO\xb5\xcf\xa8\xdd\xc65\xf4\xaf \xd8\x13q\xa4\xb0\x103\x8a6\xf5\x1f3\x86\xa7h\x97\xb0\xc4\xea\xe0'</t>
  </si>
  <si>
    <t>b'\x03\xe5/\n\xe1|\xf5\x91CY\xeeE=\x1e-\x11\x14\xfc\xce\x93G\x96\x99k\xbd\x8c\xb9\xef\xe0\xc3?+'</t>
  </si>
  <si>
    <t>b'\xd0Uz(M\xf0R\x01\xb8\xa3k&lt;\x85\x1d\xe6\xa9ZiT\xb7\xde\x8c\xa4\xd4\xf3MX\xcf&gt;u.\x1c'</t>
  </si>
  <si>
    <t>b'\xad1P]\x04\x1c\xbeU:\x11\xe5\xb4\x1a-Z\x15\x989\xa4\xdf\xe5\xb4v\x148\x83\xef\xd2\x87\xad_\xbc'</t>
  </si>
  <si>
    <t>b'JhE\xe6\xb9\xef\xda\xa4\x8fj\xdb6\xcc\xb0\xc6\t\xda\xf6b\x0e;}y\xee\x9b~v\xdea\xe2^S'</t>
  </si>
  <si>
    <t>b'\\\x99\xbb6\x87\xc2cW]}\x15\xb3\xf2D\x7f\xb1l\xc8\x0fp8\x05\x0c\xe6K\x94\xfb\x18%\xc3\x95\xb4'</t>
  </si>
  <si>
    <t>b'\xd1Sb"A\xa2\x14\xbf\x04\x198&gt;\x9b\x0eh\x14M\x7f\xa9`\\\xf0\x11\x9c\x11\xec&gt;\x86u\xc8JQ'</t>
  </si>
  <si>
    <t>b'\xde\x08\xb2)d\x9b\x96/\xb9=\xc6\x0c\xdb\xb1\xbc\xc54J\xf2\xfe\xd0\xe2\r\x7f\xcbT\x89\x8f\x88bE\x07'</t>
  </si>
  <si>
    <t>b'\xab\x8a\r\xf3F\xc6Z\xde\x05\x82\xa07\xd5\xe8\x1b[2\x842\x1e\xb9)\x8d\xa1\x99\xd9\xcc\xf9\xbe\xbc\xfc\xc2'</t>
  </si>
  <si>
    <t>b"{\xa9\x8f\xb3S\xc6\xa7\xac\xd2\x04w\xab&lt;V\xe1\xbf\x96l\xe7'\xee)\x00uM\x04\xc6\xe5\x13\xb4\x04\x9b"</t>
  </si>
  <si>
    <t>b'\x86\xb5B\xa4\x00W9\x8a\x90r\n\xa2\x95\xb6\xc9\x86\xa2\xf4;t!\x9f\xbf\xcd\xecF\x97:^\x8c[`'</t>
  </si>
  <si>
    <t>b'\xc5Vfi\xe5v\xc1\x8cZ\x11\xf7\x96\xa9\xd5\xc0L\xfc\xf4\x8a\x14\xef\xdd\x84j\xc8f\xd1\xd8{wI\x84'</t>
  </si>
  <si>
    <t>b"\xb3l\x1c}f'\xdbf\xd3,\x93\xe2w\xf7\xb2\xbd}@\x836+\x1c\x9e\xeaF&lt;FCO\xb8\xe5f"</t>
  </si>
  <si>
    <t>b'\xd4\x83\x85%\xf8&gt;\xb8\xd2\xf4\xff\x8a\x8f/\xa0H\xe2s\x9c\x14eA0?\xccv\xa5\x91\x8a\xed\xe2\x1c\xb8'</t>
  </si>
  <si>
    <t>b'\x84~\xfbp;\x8b\xf9\xb6\xe8U\xb9n\x15:\xcf\x1a\xe9EIhz\xf9\x07\xc2\x9e\xb2\xb1\xb6\x02)z\x90'</t>
  </si>
  <si>
    <t>b'\x80j\x85\xe0\x0b\x06cy\xa4h5&lt;\xf4$\xc0R\xfa\x1c$\xe8\xcd5Z\xfc SLe\xc6\xcd\x0b\xd0'</t>
  </si>
  <si>
    <t>b'\x8f+\xd5\xd5brU\xd0\xa6M\x08M,\xe7\x8f\xed\xc2\xf6\x81\xae\x8bO\xb0q\x0bmB\x14A:\x043'</t>
  </si>
  <si>
    <t>b'%@\x91"E\xd2\xc9\xcfM\xe5\x02S\x9c\x83\x90Q\xba\xfa04\xe9\xc51\x89\x1e\xd9=KK\x9c\xcb\xdc'</t>
  </si>
  <si>
    <t>b'\xa85\xa02J\xbbLWjR\n^\xc3T\x8e\xd4\xa3U\xce""6V\xa6\x9c\x1c\x1f\xd1!!RM'</t>
  </si>
  <si>
    <t>b';\x87\x9cd\xd3\xce\xb3\xc0^ck\xe6F\xe3\x9e\x8cS\n\xf9\x86F\xfax\xa0c\xd8\xe4\x15\xf8\x197\xbe'</t>
  </si>
  <si>
    <t>b"+\x11j\xfb\x92B\xa6[x\xc474\x88\xdd\x18\xb4\xee\x98a\x87 G\xdc\x9fUBGK\x83'T9"</t>
  </si>
  <si>
    <t>b'q\x85\x9f:\x94P\x0f\x9f!t?\x93B\x15\x8b\x90q\xe7\xf0[\x82)\xd8\xa6\x0c[?\xb7q&lt;\xf0n'</t>
  </si>
  <si>
    <t>b'lC\xa7\xe4\x19\xf0?B\x86\xc5[\x98\x89\xb6Q\x9c\xf9\xb9\xde;\xb0\xa3\xd3t\x0c\x97#\xc6\x17+\xfc\x16'</t>
  </si>
  <si>
    <t>b'\xce\x88\x80\xb6\xa1\nd\xe6\xaad\xcc\x94\xb1\xc8Cr/\x89\xe2\x1f\xe6\xa7&amp;\xf3\xf3\x16-\xad\x16\x12\xc7\xf3'</t>
  </si>
  <si>
    <t>b"2\xfb\xe4\x16o\xe3\xeb\x81+\xd7\xfd&gt;\x1a\x1d\xbaL'\xfb\xd8m\\\x98\\6)\xefO\xad\xd8D\xe5\x97"</t>
  </si>
  <si>
    <t>b'\x90WD\xafWz\xe0\xeaT\xd2\xb0\xb8&lt;\xba\xccx\r\x95\x17bE\xfe-\xbf\xc7\xd7$\xff\xfb\xab\xd7\xd1'</t>
  </si>
  <si>
    <t>b'\x97\xfc\x81\x02I\xf9\x17\xb4:S\xa1V\x1f\x8an\xc0\xeb\xf2\x1e$\x02\x94\xd8\x90\xb8T\xeb\xf3p\xdfB\xf2'</t>
  </si>
  <si>
    <t>b'\x1c\xa5\x02e\r\xd1@\xd8\xa3\x04\x1b%N\x9dkmX\xc59\x8a\x12\x05\xb2\xd0\xf6z\xed\x99\xb2/&gt;X'</t>
  </si>
  <si>
    <t>b'^\xfa\x8c\xaf{\x89\x82\xc0\xb81\xc7bG$\x05=\x1e\x86%\x01\xff\x95\xc1s\xc7\xcb_\xb8r\xc1\xb5Q'</t>
  </si>
  <si>
    <t>b'\x18*.\xb7u\xa7\x8c\xfc*\x05\x80$b\xd76\xe3rl\x0c\xc0\x8d\x07\xf7`\xd6%v\xc3\xf5\xa1\x0b\xbc'</t>
  </si>
  <si>
    <t>b'o\xedQ&gt;\xc1}\x1f\x0fa1\xc0\x18g\xc7]\xad\x985HE\x9aM\xb3\xc3\xa9a\x8d\xb5m\xfc\x1a\x19'</t>
  </si>
  <si>
    <t>b'&lt;\x01\x8e\xb93\xd0\xe1\xb4\x82:^\xaa?m\xe2\xd6\xaa\xd1\xe2\xddU\x8fu\xa9@\xf7\x0b|;\xde\x06\xbd'</t>
  </si>
  <si>
    <t>b"4\x8f\x10nS\x85\xff\xc1\xd3\x96\xb1 \xf0w\xd6\xd1\xe3\x1fl\xc8K8`?'\x9a\xdf\xee&lt;}\xb5\xdd"</t>
  </si>
  <si>
    <t>b'\xffac\r_a\xfb\xa6M\x88\xa3\x8d\xb8:c\x1c.\x00\x06\x86\xc3\x1c\x0e\x14\x9f\x1f\x03D\xfe.DG'</t>
  </si>
  <si>
    <t>b'NRT\xe0`\x08p\xb1g\x8dt\x16C\xfc\x91r\x981\x81\x8dA-$k\xe8\xf7S\xdc\xad\xc0=n'</t>
  </si>
  <si>
    <t>b'2\xf4\xeb\x8f\xf9\xdcV\xd4n\xe9C\xe8\x7f\x99A\x82}\xe5\x9b[?q\xf1\xe8Z2[\x97&gt;\x88}\xbf'</t>
  </si>
  <si>
    <t>b'\xe6\x93\xedy\x08\x16\xc0\x7f\xa9\x14\xbd\xfe\xe8\xf6\x8a\x1ad\x1e\xc3"\xfe\xae*=\xe8+\x06\x9b\x0f\xf1\x06\x05'</t>
  </si>
  <si>
    <t>b'\x1c\x1b+!\xf3\xbc\x12\x0b\xe7\x186\xfaj\x80\xbf$^\xe1=~\xa8\xa7 l\x8e\xc4\xce\xa99q*,'</t>
  </si>
  <si>
    <t>b'h\xd8\x95\r#\x02\xedZ\xf62\xd3y\x13v\xed\x08]\xe6J\xda.\xd6]m\'"d\x9e\x05xJ\xbb'</t>
  </si>
  <si>
    <t>b'\x80\x92\x86n&amp;\xbai\x19=\x17_\xc5\xdf\x19\xa1\xbai\x1b\x8d\x1f\xe6\xdb`(\xf8\xdd4@\x88S\x1bh'</t>
  </si>
  <si>
    <t>b"S\xee|\x02\xec\xc5\xee\x99c$\x96h\xeaK6uh'\x9d\xf0\x8ceD\xb2\x1e|\xf2,\xe5\xed\xd3A"</t>
  </si>
  <si>
    <t>b'\x84\xc4\x19L}G\x0c\x1b\xc7\xe0\xb2}\xaf=\n\xe6\xc5M~@\x17q\xfc$\x9f\x87Qq\x0b\tJ\xf7'</t>
  </si>
  <si>
    <t>b'1\xfe:\xa9#\xf9j\x15\xb3\xa9\xedv\xce\xf2W\xf2W\xd4\xf6\xf9\xbd\xdd\xa7*I\xd6Q\xaa\xba9\x98\x13'</t>
  </si>
  <si>
    <t>b'\x96:\x1c\x80A}\xc9\xaap\x956+\xea\x83R\xbfR{\xa7\x0ba\xcc\xf4C\xe8\xf4!\xbb\x1f\x89\x8b\x02'</t>
  </si>
  <si>
    <t>b"'\xbf\xaf\x0e\x06r\x88E\xc6\x10\xb1eW\xa4\xa7\x95IP\x1d/\xdd\x8d\xfdi\x80/\xa44\x101=%"</t>
  </si>
  <si>
    <t>b'\xc5\xa0\xf5\xd6Z^\xcdkI\xf3YQ\x1eg\x94\x00\xd9\xd8\xe0]\xfd\x0b\xc87]X"A\x014e\x8e'</t>
  </si>
  <si>
    <t>b'\x004\xe0`\xf6\xca\xe3\x06M\xde\xeayb\x04h6y\xd1\xd6\xd4[&amp;Cx\x91\xe9\x97\x92\xd8\x08\x10\xdb'</t>
  </si>
  <si>
    <t>b'\xc8\x86\xb6n\xe1\x1f\xa4\xe3\x1f\x8c\xc6`\xbaD\x17\xc2K\xa0\xf6\x03~\xad\x93\xc3o?\n\xec\r.\x11a'</t>
  </si>
  <si>
    <t>b"&lt;\xe59\xb3I'\xc8\x18\tf\xe5\x97\xb9z\x89\xd5\xda\xc9m\xc7\xdc@\xcd=\x88NI\x93\x84\x81\x13\xbf"</t>
  </si>
  <si>
    <t>b'\x12F9BT\x92\x8afz\x83z\xa6\x92\x15h\xba\xca\xe5\xc7h\x7f\xcbdWS\x00\xf2\x0e,\xb2\xaf\x1e'</t>
  </si>
  <si>
    <t>b'\xa1\x1e\xa8\xc8]\x93\xf5\r\x1a\xb1}\xce-\xac\x0ch9\x1d\x9c\x025]\x1e\x86\xe8\x9ca\xb4\xdb\xaa&gt;m'</t>
  </si>
  <si>
    <t>b'\xdc\x18J\x0c\xb5\xdb\xd0\xaa6\xa9%\x95\xf6gG\xbdy\x9a\x86\xbe\xe5\xe8XH\xf2\xf6\xe4\x13\xb6\xab|G'</t>
  </si>
  <si>
    <t>b'\xd11\x89o\x98\xd9\xc4{sa\xa8\x19\xed\xaf\xd7c\xfb\x9a{4\xd1\xee\x89\x10zLc:\x01\xc9\xf9X'</t>
  </si>
  <si>
    <t>b'\xc7^#&gt;X\x03\x17;/\xdf\xc7Q\xe7$\xb8\xae\xe1M\xbcn8\xd4\x1dN7\xbd\xa7\xf8@/g\xf2'</t>
  </si>
  <si>
    <t>b'i\x83\x0bT\tI\x80y\xce\x96\x95\x0b\xc8M#\xfd\xce?&gt;\\7\xad\xb7\x96SA\xd0\x97x\x93\xe1\xdd'</t>
  </si>
  <si>
    <t>b'\x9bg%jL\x0f\xc5\x9e\xce\xd6b\xc7\xaaeE\x19\xbe\x00\x90\xd1\xcdP\xed\x1a\xe4\x7f\xa6\xd6\xf4u\xe8\xba'</t>
  </si>
  <si>
    <t>b'\xa4\xaf\xcc\x8e\xd6\x84!\n\xbd\xb4\xf0d\x0c\xd3\xa7\x15i1X&gt;\x8dH\xdff\x07\xd9\x1fGe1\n\xc2'</t>
  </si>
  <si>
    <t>b'P\x9e\xaa\xfd\xdc\xa5\xa1\xef\xcb\x1c\xe1\xe2\x06\x19\x11N6\x96syn96]!Fb\xe1\xecNd\xde'</t>
  </si>
  <si>
    <t>b"!\xa4'\x03\xa3\x19\xc6\xe6\xdc\xc5\x11\xb7\x8d\x99\xea\x13\x9f\x96\xc9wG\x02!*\x131\xd4\xfci\xad\x0b\xfe"</t>
  </si>
  <si>
    <t>b'\xfag2\x01\x81\xfb\xe0bV\xee\xc0\x9b\xe4\xa3$*P\xe3\x19\xf2\xc0L\x16pQN\x01+\xf1^\x91\t'</t>
  </si>
  <si>
    <t>b'd*\x87\x0e\xf3\xa7\xe2&amp;\xb0\x92-?\\\x81\xce\x96\xb2\xeeHRL}\x0e\xfcj]\xe9\x9a\x9c\x1f\x83k'</t>
  </si>
  <si>
    <t>b'\x87\xa1!\r&lt;uj\x98&gt;\x87\xd1%33\x95\xda\xf1\xe7b\tI\x8d)j\x83\xb65u4\x82\x81V'</t>
  </si>
  <si>
    <t>b'\xcf\x06\xe8\xf1D-\x89\xdb\xe4\xb0\x9f_\x19&lt;\xae\x96"\x91^e\xcd\xff\xa2\xad\xd3Nk\xe3\xef\xfb\xd7x'</t>
  </si>
  <si>
    <t>b'\xc9\x83\xbd\x12\xcbf\xd7b\t\xedl\x82\xa4\x9b\xa2,g\xf71[\xf1\xc8\xb9t\xb3)\xa0\x07\xcc\x0e\x93q'</t>
  </si>
  <si>
    <t>b'\x15V\x05F\x18\xdf\xae:\x01\xbaQ\x0e\xbe\xf5hC\xbev:\xaf\xa2i\xa2x\x8e\t\x9f\x1d\xfd:\x8d$'</t>
  </si>
  <si>
    <t>b'_c\x08\xccOp&gt;p\xc4\x15\x0f\x07\x9a\x10U\xc3_\xc8+,F{#\x96D@\xb7\xf2\xc2\xe9\xbcL'</t>
  </si>
  <si>
    <t>b'\xc1\xd6\xa9e\r\x8a\xcf;4\n\xb8\xe4&amp;U\xfat\x0e&amp;4\xdb\xc9)\xadd\x93\xa9\xeb\x9f\xb1\x9b~\x18'</t>
  </si>
  <si>
    <t>b'\xc6G\xe1O\xea$\x11Hy)-&amp;\xa4\xccQOo\x14\x15F1\xa3ch&amp;H\t\x83\x82\x1c(\x03'</t>
  </si>
  <si>
    <t>b'\xcf\xdd3\x9a\xb4\x9e\xe1O\x9dT\xd2\xe2\x85H=\xbc\xf0t2Q%F\x1e-\xfe^[x{\x02m\x92'</t>
  </si>
  <si>
    <t>b'"\x84\xce0\xeb\x88W\xba\xf6\xae/m7V\xc3\xe9\xab/\xd7\x191*H\xd5\xee\x9f\xb9:/\xeb3\x94'</t>
  </si>
  <si>
    <t>b'0\xa1\x82\xd1\xd6\xa6g\xa6I\x843{\x0e/\xa4\x02+\xa8F\xfe\xf4\xac\xb0\xe7\xeaQ\x8cn\t\xac\xc0\r'</t>
  </si>
  <si>
    <t>b'9\xd8BH\xb1\xad\xe9\xe9\xb4\xb2m"\x08\xab\xf2\x92\xc1t\xd7Y\xdd\xb2D\xa6\x10\xc8\xef\xc0\x19\xdf{x'</t>
  </si>
  <si>
    <t>b'\xe1y\xa4\x98\xf6\x12\x80z|)\xd9U\xd0\x18\xc0\x98\x18b\xe9\xe0\r\x96a\x99\x8c\xeaoTptj\xf7'</t>
  </si>
  <si>
    <t>b'\xb2\xce\xe8\xc3\xf9W\xec\xd0&lt;\xdc\xfcn\xdb\xd4\xb2G\x9f\xb77T\x19\x0f\x03\x86\x91\xcb\xb1d\xa5\xb3y\xb4'</t>
  </si>
  <si>
    <t>b'\x19{g\nE_\xb4\x00\t\\oK@\xae\xc7&lt;\x1e\xc0\xf6=i\xb3\x9c\xd8\x86\x9dL\x19\x0e\xe0\xa0h'</t>
  </si>
  <si>
    <t>b'cA\xa5\n\xc3\xee\xf5\x88\xdb2\xce\x85\xf0\xea\xfc#n\xd4\xdcI\xf0"\xe1q\x829\xd1?\x0c\x14\xfb\x1a'</t>
  </si>
  <si>
    <t>b'g\xc3\xdbjLY\x10\xa9:\xdfMy\xb3M+\xb2\x86s\x81\xd9x\x1d\xc0\xff\x0ett\x0b\x8b\xd5\x14m'</t>
  </si>
  <si>
    <t>b'\xa4\x05s\x17z\x84 \x07Y\xf6\xd6i$\x08&lt;\x05*\x82\'\x0e"\x8e\xe03\x93PU\xab[y\xf5&amp;'</t>
  </si>
  <si>
    <t>b'J#\x86g\x08\xf3\xc7\xcf1(/(\xdb\xc8\x1f\xf6D\xb0en\x06r\xbf\xd0\x01\x14P\x8b\xa4X@\xf1'</t>
  </si>
  <si>
    <t>b'\xdd\x16\xcd\xc1\xf6\xbf\x81\x0c\x0b\xd3\x14\xbd  r&amp;F\x84\xa7\xc9\xae\xa7\x1cL\xef\x17\x82`\xd6\xb3\xfd:'</t>
  </si>
  <si>
    <t>b'\x97\xa1M`\x1b k\xccs\xc2j\x1b\xe6\xad\xef\xa2\xe0\xb4\xd8~\x11\x94\xe2\x9dF{\x99k\xfb=\x9d\xb5'</t>
  </si>
  <si>
    <t>b'e\xa6e\x01&lt;\x02\x086N\x13\x84\xefIH\x14:P\xd2\xade\xdd?.h\x1f\xf4T\xbd&gt;\x9c\xc9\x07'</t>
  </si>
  <si>
    <t>b'\\\xd0\x86]\x8e\xea\x97\xf4\x0c\x84D\x86[\x17\xc7\xb2~\x0e\xa2&gt;\x9e\xd8\nzA9?\xc8\x9f\xd4\x94\xc6'</t>
  </si>
  <si>
    <t>b'+N}0`\rn\x05\xfe\x9f\xbf5\xd0o\xad\x83\x01mS\xbb\x8e\xfe\x14,\x80\x1b\x0c&gt;\x9dg\x9c\xc0'</t>
  </si>
  <si>
    <t>b'\xd4\x1b"\xf3\xa6\xa7*\x1egJ-\xd0\xc6\xd5\xf5Z\x1e\xd4\xf3b\x1c`\xd7\x0f\xba\xb3l{\xab\xc4\xd9\xc6'</t>
  </si>
  <si>
    <t>b'*\xdb\x08\xfb\x0c\x9c\x07NAZ\xbds\x14\xe4}\xf4\x8f\x12+\xb8\xff\xab\xc2\x08\xa4\xa5\x97\x17\xa9c:\xa6'</t>
  </si>
  <si>
    <t>b';+M@2$\xec\x8aC\x9d\xb3\xe5rD\xa4\xaf\x11\x1c\x08`\xbf\x89\xf3\xb1\xa5\x16\xbf\x9c\xb1V\xa9\xb8'</t>
  </si>
  <si>
    <t>b'\xcc*S\xd5\xe9\xa7\x96@pO\x11\x8cT\xf2/\x03p\xaf\xa6\xf5\xaf\xa6\xf7\x84\x13\x16R\x96\x1a\x81\x96N'</t>
  </si>
  <si>
    <t>b'\n?\xc2j\x02\xef\xb4\xa6\x93\xe6\x8f8\x8d\x15_a\xdb\xc5s!\xab\xf7\xb9\x0b\xfb\x19\xceG\x96\xb4fg'</t>
  </si>
  <si>
    <t>b'\xfb\xa7Q\xd7\xf5\xbf\xfcm\xc0&lt;\x12\xbe\x8eH,jN\xb3\xaew\xaf\x89s\xd9\xba\x18(zl\xec\xb4P'</t>
  </si>
  <si>
    <t>b')\xe7\xbbg\x83\xe01\xc5Nt\xf5\x99\xf6\xf7!\x17\xf5\xa1Z\x08\xd0\x02I\x966&amp;\xde\xa6\xd1hE\xfb'</t>
  </si>
  <si>
    <t>b'9&amp;\rY\x95v\xef\xe6\xb7\r:\x9aN?\xc1n\x90\xbe\xeay&amp;\xb8\t\x97Z\x14\xd1\\5\xe5o\xe5'</t>
  </si>
  <si>
    <t>b'\xa7\x81\xe0\x82&amp;\xa8\xad\xf1\xf0\xee\xaf!}z\xdc\x90\xa4\xba\xdc\x0f\xbe4\x16#\xe9\xe7@\xf4ye\xe0\x08'</t>
  </si>
  <si>
    <t>b'\x91\xf9?\xcah\xf0a\xb3\xd9\xc5\xd5\xac\xc3&lt;\x81\xb5\x12\xb3k\xdal\x90\xa5\x14\xbbty\xe7\xf8\xf9\xa9E'</t>
  </si>
  <si>
    <t>b'U\xf5l\xab\xb1\x8aBt\xc1yT\xfcQ\xc9ie\xa8\xffU\xce\xcf\x90|X\xb7\x80\xf8\x9c-\x8a\xa7t'</t>
  </si>
  <si>
    <t>b'\xc3\xe9\x91\xdb\xfe\xe3p\xd7!\x02)\xb2\xac\xf1[&amp;\xc6\xb9\xd5\x1e\n\xe3\t\xdf\xa6\xa5\xe8\xc1g\xa9\xa9\xf2'</t>
  </si>
  <si>
    <t>b'TXr\x17\xed*I"\x05\xfds\xa6\xc0\x876b\xe7\xebq\'g\xb7\xfc].\x91\x01[\xe24\xc2\xb4'</t>
  </si>
  <si>
    <t>b'\x92\xa43\x7fJO:\xb1\x00\x17\xd3\xa7V\xa6\x8aJ\xea\x02\xfb\x82\xd6!6N\x8b\r\xd5C\x85P-\r'</t>
  </si>
  <si>
    <t>b'\xc2\xec\xf8~\xaa\xa6_I\xefp\x80\xbd\xac\xab\x00\xe4\xc8\xcd\xcf&amp;\x89\xea)$\x1ay\xf1\xb8\xaf\xd9I\xe8'</t>
  </si>
  <si>
    <t>b'R"V\x0fp+\xca\x89Px\xef\xc1\xe1\xd1\x8a\x99Oi&amp;\x8bl\xcd\x1d\x97\xb8\x1f\xe7\nz\xcc\x8f\x0c'</t>
  </si>
  <si>
    <t>b'\x19|\x10Q\xa5b\x9dg\xef\x14\xd0\xfb\x9b\xc3\xd2\xb8y\x04\xd5\xe2g\xbd\xfa\xe4\xd7\xb3\xf4\xc4}\xe169'</t>
  </si>
  <si>
    <t>b'=[\n\xa6\x91\xb4S\n-n_Nw\xfd\x9fX \x01\xcf\x89\xba\xf0Z\x81\x00\x15\xa7d\xe8\xa9n*'</t>
  </si>
  <si>
    <t>b'(\xa2\xc1\xca\x9a\xae%\xfc\x9d\xdb\xec\x16\x03u\xf4\x93\xcc\xc5w\x19;\xf8\x9e4(\x12\xd0Y\x7f3\xfe\x80'</t>
  </si>
  <si>
    <t>b'\x7f\x8c\xebe\x96n\xc4\x17\xd6cSC\xf7/&lt;\t\x06\xe6|\xea\x1f\xdb\x9d\x13\xf4\x01gn\xcbe\xc8Q'</t>
  </si>
  <si>
    <t>b'\x94\x1c\xec\x8aM\x14\xa0b\xa7\x88\x91\xf9\xa3\xa4\x8f\xedH\xa0\x17"k\xbcR\x0fX\xfc\x8eE\\\xa7\x07\xcb'</t>
  </si>
  <si>
    <t>b"\xcfL\xa1*O\xde\xe9\x87\x0c\xc1\x7f1I\xf6\xd6\x10\xbc\xb7q\x18'a(\x12\t\xdfS\x07A\x05\x11\xa1"</t>
  </si>
  <si>
    <t>b'\xb8a&gt;\xaf\x90\x08\xee-\xddA\x00\xab\xdd\xcd\xc0\r+\xf0\x0c\x8fb\xc6\x86.\xc4\xd0AKs\t\xc2\xd3'</t>
  </si>
  <si>
    <t>b"s#\x8e\x8a\xfc*'\x0b\x99.5\x10u\xa4\xa0\x8d\x95\x84\xe5\x8c\xd6Z\x89W\xb4,\xe49\xce\xbd\xd8n"</t>
  </si>
  <si>
    <t>b'S\xac?\r\x91m`\x08@\xb3\x17S\x14\x0f\xd3}\xa1e\x07\xa4\x9e_\x04Lm4\x1a\xeb\xc9\xf4\x17~'</t>
  </si>
  <si>
    <t>b'\xcc\xb2\xe5\xd5\x808)L\xace\xaa\xbf\xa6W7c\x86\x85w\xb2\xa3E\x12\xf0\xc8\xc2b\x84:O\x88+'</t>
  </si>
  <si>
    <t>b'\x06 \xe0\xack&amp;!#\x03b\x91\xe2G\xb5\x93\x13\x1d\xf8~\xf4\xfcV\xe4\x90$e\x00\xda\xc6\xc9Y\xfc'</t>
  </si>
  <si>
    <t>b"U\x1b\x7f\xf8\x88\xf3*\xad\x03\x1b\x1c\x1dS\xceM\x9f\x98\xf4\x1fJ\x0fQ\xe7\xae'\xc9\x8d\xfe\x06]@\xab"</t>
  </si>
  <si>
    <t>b'\x9b\x9f\x1e\x88\r)e\x0b\x05H@N\xe3\xdb\x1a\xe5$\x85\xb2\x04\xff\xe0\xfe\xbf\x9f4hQ\xd2\x07\xb7\xb6'</t>
  </si>
  <si>
    <t>b"\xb3\xe4s\xb5\xea\x16\x9bS\xea\x00Y\xb5;\xfd-'\xa3U\x8a\xbe\xa0\t\x973\x99\x1e\x12\xc8I\xe2\xfc\xc8"</t>
  </si>
  <si>
    <t>b'\xb5\xb7?\x1b\x9e\x9c\xe1I\x82\xb0T\xd8\x1d\xfc`V\x04\xf7\x9c\x8d\xe4\xc4Wc\x14\xd2U\x8e\x84\x7f\xf3H'</t>
  </si>
  <si>
    <t>b'\xb3\x068\x16\x92\xbb\x01\xba\x0f\xd0_a\xf3&lt;\xc1\xbd\xd1\n&amp;\x0f\xc5j\xd6\xe0\x02\xfc\xa9&amp;\xa8\xcf\x96\xcb'</t>
  </si>
  <si>
    <t>b'AS\x10\x18"\xb8)(\x02\xcc\xba\xfd\x07\r\x91\xb5q"\xed?\xbe#7\xc7\xab$\x1cf\xc6x9\xe5'</t>
  </si>
  <si>
    <t>b'Q\xcc\x00F&lt;]\x9b\xfd\x01\xc4\xf4\xc7\xa9\xf4mR\xbdq\xee\x82\xba\xab\tb\x0b\xd0\xaf\x866l\x07)'</t>
  </si>
  <si>
    <t>b'b\x8b7[@?0\xff\xe1\x02\x07\x13aFr7\xd3\x07\xa8\x8f\xe6\x012\xb1\xcb.\xb5aW\xabC2'</t>
  </si>
  <si>
    <t>b'\xc0\xc0RT[\xdbvJGDxfT\xf5\xc2\x98\x15\xf8oE\xf2UNG\xe9\xc0\xbcx\xad\xdc\xc7\xff'</t>
  </si>
  <si>
    <t>b'\xd6b\xf2p\x9e{\xe7\x0e3\xcf\x88\x8e\xee,\xfb\xc0(\xd0\x94;\x8c\xf3\xb1\xf4\xe9\xf6w\x88\xc2\xfd7c'</t>
  </si>
  <si>
    <t>b'\xd33\x1a\x1f\x1bi4\xec\xc1\xe4t\x8eB\xbf\xeakeq\\ \x8a*u\xad=\xa6?\xcc\nY\xe08'</t>
  </si>
  <si>
    <t>b'\xf1\xd4Zv\x06\x1a\x92*\xec\x8cq\xd8Q)d&gt;\x08FycK\xe9\xd1\xa2\xb3\xa9\x00EY\xa6\xbba'</t>
  </si>
  <si>
    <t>b'\xb3\xa1\xeb\xd5-\xb5\xdd\x91V\xd1\xc2px\xa4\x9e\xb7\xe3\x17yr\xbe\n\xdf\xd6\x98&gt;\xf4C\xbd\x13\xce\xd6'</t>
  </si>
  <si>
    <t>b'\xfe\xd6\xc29\x0e^\x06$\x18s\xc1\x02\x95\x1c\xfes#\xb1X[\xb82\xcb8o\xc0\xf9\x88\xcbV[\x02'</t>
  </si>
  <si>
    <t>b';\xe89\xfeH\x99\xbb\x98\xd8\x7f\x13E\xb3\xc9\x8cZ\x7f\xed\x12l \xbef\xe5\xc2\xe7\xa5e&gt;,\xe2H'</t>
  </si>
  <si>
    <t>b'.Dn\xf4\xd6\xb7\x8b#\x96%E\x01\x8d\xbb\x07\x19F\x8c"\xb7(\xe7:\xd4O\xb8\xe1\xdd\xe3\xb2B\x0f'</t>
  </si>
  <si>
    <t>b'\x9d\xce+&amp;\xa0\xfd\xf5\xf32\xbe\xb1\xd7\x18\xfb\x9a0h\x93`\x12V/\x1a\x1b\xfc\\\x03].\xbac\xe1'</t>
  </si>
  <si>
    <t>b'\x00\xb9ev\xc7y\x99\xc1"\xfbS&lt;\x14\xbe\xfd@q\x04N\xaf\x80c\xac\xf8K5\x15\x01\xd8\x12\x13\x1d'</t>
  </si>
  <si>
    <t>b"\xec\xa5\xf2\xb0\xff\xa5!\xb5\x80\xd0wq\xd4G\xa8s\xfc6\xf6c.\xc6H\xdc\x85\xa8\xfa\x15^'}\x97"</t>
  </si>
  <si>
    <t>b'\xcar\x83j,\xd7\x88j\xeco\x040\xed \xf5u\xbc\xa0=GSh\xe0\x15z\x10aKQ\xb1\xf4\xca'</t>
  </si>
  <si>
    <t>b'\x91#\xe6,@\xca\xb3(v\xbb\xbf\x86W\xeb\x9f\xbc\xeanun\xa8N%\x85\x1dD\xe4FH\x00\xd4\xde'</t>
  </si>
  <si>
    <t>b'\xbd\x8cj\x9c\x90\x16\x03sL\xb0\xf5#\x90=\xc0\x0c-\xaf\xf1\xc6\x12W\xebY\x87\xe6\xf6OM\xb2\x1a\xe6'</t>
  </si>
  <si>
    <t>b'r\x03A4|\xadl\x9b-\xf0\xb2u\xaaB\xd6&gt;7g?\\\xbe)\xcd\xe6\xaf\xd2,\x98\xca\xb1\x80\xc5'</t>
  </si>
  <si>
    <t>b's8\xbfC*z\x004mK\xf4q7\x96(\xc55\xb2\xeb9t\xf8\xa5\xe0\x9e\xa3`\xb2\x83\xbde\xc3'</t>
  </si>
  <si>
    <t>b'"\x91\xe9\xd3O\xcd\x8e\\u\xe9\xeb\xb8\t}\xb9\xed\xaemR\xf1\x06\xb6\xab*]\x06\x15\x1b\x16\xceN\x88'</t>
  </si>
  <si>
    <t>b'\x0b\xe2\xb7\xc9\x8a\x07\x98)\xd1D\x97\xb0\xc5\xa3f\xda\x05p\x831\xd8\x19&amp;&lt;\xa0\xe1\xdd\xda\xa4\x1e\x10\xc0'</t>
  </si>
  <si>
    <t>b'\xcc=\xf2\xe5\x0e\xc88\x9b\x87\x04\xb0p\xf8\xff\xa1\x84\xa3\xd5+\x9a\xa5XP\xd7\xbc\x8b\x16a\xf0PB\xcd'</t>
  </si>
  <si>
    <t>b'\xd6B\x8c:\xa1\x1f\x1bT\xed\x1e\xa2\xc8\xb5f\x19\xda\xc3\x89r\xb7]\xe64\xa5}\xa7\xc8\xd9\x0eg\xd2\xf8'</t>
  </si>
  <si>
    <t>b'TD\xfc\xea\xd9\xc0\xe9\xff\xa4\x8c\x86\x7f\x02\xf7\x90+Hh\xf3\xc5\xe8b]\x11:\xba\xb6&lt;\xfe=&gt;\xb0'</t>
  </si>
  <si>
    <t>b'yV\x9f\x8b\xff\xb7\xd2Z\xd1\xfc]P\xcd\x03\x12\x0f\x9a5}\x9eb\xc2\xa1\xb3\xaa{\xfb\x97\xb2r\x06\xb4'</t>
  </si>
  <si>
    <t>b'\x96~\xe3\xa2}e\xf2~Y\x9f&lt;\x10Pf\x0e\xa1vL\xf2\xe8\x1b\xba\xa7\x16\xa0\xc5n\xff&lt;%`w'</t>
  </si>
  <si>
    <t>b'\xe0V\xaa\xa4\x11z\xc7\xa5I\xacD&lt;=yL\xb6b\xd3f\xeb\x0f\xd9\xf0\x92\xebtM\x00Q?\x84\xbd'</t>
  </si>
  <si>
    <t>b'\xa8j\x1e\xd9j\x84\x87\xf3\xacI\x14\x90\x80)\x9ca\xb8%\xad,|_W\xce\xd5\x8b,2\xaf\xac@\x94'</t>
  </si>
  <si>
    <t>b'\xb2\xd4\x92~\xed\xea\xe4\xb9\xf8iUwU0\xa1\xb2\xfd\xb2\xfdz0\xbcn\xba\xe7p\x8d|E\xd3,_'</t>
  </si>
  <si>
    <t>b'tV\xf9;|\x91\xe4\\\x19\x98ZBE\x829.\xfbR\x84X\x83\x9d\xb1\xd4\x04B\x9a\xf9\x9b\xc3\xf56'</t>
  </si>
  <si>
    <t>b"\xca\x1a\x99&lt;\xfe7\xbb1\x98\xc2'f'\xf1\x85\x1fL\xdf\xc1\x86E\xd2\x17\xa1*\x9e\xcf,\x03\xe3\x9d\x9f"</t>
  </si>
  <si>
    <t>b';\xdf\xdf[St9\xd2\xdfoo\xb3\xe8\x86\xe5]}a\xa5\xbfu\xe4J\x84\xff\x11\x98\xc4a\x9f \xe6'</t>
  </si>
  <si>
    <t>b'\x91H\xb1D\x05_\xcd\x9e\xc6\xc5\xcfv\xbd\xf7\xabm\xa4l\xbd\xfe\xc8L\xb8\x06\x80\x15\xf0\xc2.\xc2\xee\xf8'</t>
  </si>
  <si>
    <t>b'\xcaF\xf91\x1e\xa1\xa7"\x0f\xb2\xa4\x8d#\x8a\x9eQ\xfcF\xfe\x8f\xc4$\xc7k\xb7\x01W\xf8\xfb\x88\xb6r'</t>
  </si>
  <si>
    <t>b'\xb6p!w\x14\xf5\x88\x06\xd5?M\x1duvwI\xbf2[ \xb2\xd1\xf12j\xee\xc6\xc5\xa0\x8b\xa6\x03'</t>
  </si>
  <si>
    <t>b'\x14\xa1&amp;4A\xf0\xd9\xab\xa9\x8dD\x819\x84\xe6M\xe92F\x9dE?z\xc5-C\x03\xcf\x8e\xf1\xbd\x8d'</t>
  </si>
  <si>
    <t>b"{\xca{ '\x91\xd5R\x9e\xe8h\xda\xf4e\xe6\x1d\x85O9\xa6\x18J3\x90\x82Ub\xf4}2\x12\xdf"</t>
  </si>
  <si>
    <t>b'\xd0|\xe5\x08\xce\xda\x81\x17\xea9K\xca\xf2\xc9;\xd6G\xe7G\x95\x0e\xe6\xdd\x1c&gt;\t\xe9\xa2X\xb7\xeb}'</t>
  </si>
  <si>
    <t>b'\xe4 \x1dw\x8a\x85\x8ei)*\xc5z\x10M:\xc3L\x96\xdd\xe1\xadN\xe3D\xc7\xbb\xa7\x17\x86A\xcf\x87'</t>
  </si>
  <si>
    <t>b'\x96\x94\xa6\xee:?\xc1\xb0\x82s\x8f\x9a\xe8\x08\x04\x02\x8a^\xb12aq9Z\x96e\xcb,1$M\xeb'</t>
  </si>
  <si>
    <t>b'Q9\x9c\xe03\xc2\x07\x7fH}B^\xf2\xd1\x80V\xdf\xb1J\x04,\x81\xc5\xf3\xa4"\xb7\x98A#\xce\xdc'</t>
  </si>
  <si>
    <t>b'\xdd\xbf\xd4\x80\xc4VX\x94N\xe2\xb9\xb1`\x1c\xbd\xa9S\x998\x0b\x9faEEj\x95\xbdL:\x1c\x8b\xce'</t>
  </si>
  <si>
    <t>b'\xb8=\x13_\xf5\x0e\xef\xa1\xf3\x0e\x83\xd7\xac\xbf\x96\xe1\x9f\x06`/\xb4\x1f^#\xf9\xabX\xb2F\x130\x87'</t>
  </si>
  <si>
    <t>b'}\xe1\x87\x0b\xaa\x83\x8f\xbd\xf1\x8f:m\xf0\xec@\x18\x052z\xb5?\xee0\x16g\xb9\xd3\xdc9\xb6 \xa1'</t>
  </si>
  <si>
    <t>b'\xba\xed]iTb\xcc^-\xa4)\xf7{\x83\xceg\xe3\x1e\xcd\x17w\xeb0\xf4k\xf5o()\x9fC\x18'</t>
  </si>
  <si>
    <t>b'7U\xb8\x1d\xd4\x84J\xdeaU\x0b\x94\x8d\xa1_\xc5\xd9\x05\x8ej\xcdZ-\xccN\x17\xcf\x04[\xea\x8dV'</t>
  </si>
  <si>
    <t>b'\xfb\xa7\x19\x1cy\xe2\xef\xc3*\x86\xdf,\xe7Jj\xe7\x19\x05]-\\\xd6_zP\xa8\xdfw\xc7a\xa1\xf3'</t>
  </si>
  <si>
    <t>b'\xcb::?4\x16\xfe\x01\x08\xa4\xb3Se\xa6*4YU\xaa\x12\xc3\xacG\x0cx\xee\n\xe3\xa0^\xa6\xfe'</t>
  </si>
  <si>
    <t>b'd\xd7\x91\r\x1d\xb0k\x00\xe6 \x95\x91\xb6\x1e\xe0\x91g\x19U*Dg\xba\xe3\x19#B7\x11C\xcf\xe1'</t>
  </si>
  <si>
    <t>b'\x83w\xb5M\x17\x15aO\xaf\xd5\xe2\x8e\xf8\xa2OE\x9fG\xcf\x97}x\xe9\xabB)\x86\xb7\x18\xb2P\x92'</t>
  </si>
  <si>
    <t>b'\x9d\x17\x92\xe9\xc8&amp;\xefX\x17\t\x1c\xc2\xa5\xb6\xcf\xcd\x8f\x13G=~K\xe29&amp;\xd7\x13\\|\xe6\xf0\xcc'</t>
  </si>
  <si>
    <t>b'\x9eqa\xc7\x8am\xbfpE=3\xe2&gt;\x14\x9f \x0eZ3\x83\xc3\x16\xf3\xe2\x01R\x1eO!\xfc\x06\xc5'</t>
  </si>
  <si>
    <t>b'\xa53\\\xc5\x12VH1\xafb\x19\xf8\xbc\x0by\x80\xf7\x1c,C\xd5rd\xe95\x80z\x16F\xbb-\xff'</t>
  </si>
  <si>
    <t>b'\xa3\xd0\x0b\xaa\xa1\x1f\x89\xea\xd0j\x1bC/vm\xa1\x9f\xaaH\xfe\x89\x85\x97\x9b\x11\x14\xdf\x8b\x11\x0b\xc1 '</t>
  </si>
  <si>
    <t>b'm\xe82~%|\x1bK\xea\xd4\x13\\\x00)\nq1@\xbc,l\x89\xd6\x04"T\xc7\x84\xc14`\xa0'</t>
  </si>
  <si>
    <t>b',\xf7\xdc\x94\xc5\x89\x00\x05\x92\xc7~\xa2\xac\xc9\xd9\xa2\x0f\xdc\xe0Z1\xf1\xfc\xb7 \x19E\xea-x\t\xc9'</t>
  </si>
  <si>
    <t>b'\x0b\xccp\xef!\xa9\xed\x9f\x0e\x00\x19\xa2\x1d\x0b@&gt;\xda\x01D}\\\x15\n\x14\x86\xf4[\x92\xbci\xbf\xb2'</t>
  </si>
  <si>
    <t>b'7Gy\x00\x87f\x8az\x1f\xc6Gu\x16\xe8\x8a\x83a\xeaqoV\xf8\x1f\xa6\x18\xfc\x80Z\r\xa1]\xf8'</t>
  </si>
  <si>
    <t>b'{\xab\xe8\xce_\x86\xdb\xd2,\xcf\xbc%\x10\xf4\xc8\xb3\t\x80\xbd\xab\x9a\xb8\xdf\x81&gt;\x8e;\xe9\x1f\xb7\xb5\xd7'</t>
  </si>
  <si>
    <t>b'_&amp;\xde\xcf9\x19+\xec\xbb\xbb\x8e\xa3\x94=\x81x\x1c\xaf\xf2\x81\xc3aO\xa7\x9bu\xb2\x0313\xc3;'</t>
  </si>
  <si>
    <t>b'5\x10Z#I%\x8be0G\xe7\x127]\xe0s\xebVU \xec\xf5C\x84\x82K\xe8;\x01:\xa9\x8d'</t>
  </si>
  <si>
    <t>b'+\xd2\xfdV\x1d\xf9\xa4\xb8 I\x84\xdf\x81%\xe9%c\x935o\xcf\xc8\x97g\x0e6\xaa\xb5}\xdfv\x01'</t>
  </si>
  <si>
    <t>b'g\x15\x9f\xcb\n&gt;a\xb2\x16$\x88HM#\x94\xeez+\xbf\x1c]\xa2\x18%5N\xae;\xe7K,\xfe'</t>
  </si>
  <si>
    <t>b"\x9cn\x18\x0b\xdfpo\xa9\xbf\x08\xa8\xb9\xcc'\xe25\x04\xe6\x11:jS\xb4\r0O.\xae\x83\x00\x88\xdb"</t>
  </si>
  <si>
    <t>b'\xfcAf{\xb6,M\x95\xdd\x8d\xae|&amp;\xe5\xc1\x9e\xe94\xdc\xcd\x07x\xc4?\xf8\xb2\xac\x1f\x03;\x8a\x9a'</t>
  </si>
  <si>
    <t>b'H\x9f\xb7\xbb\xa0V)\xc9k4\xd8\x13b\xd7\x9ey\xcf\x17"w/\x80S\xc5\xabf\xbf;9"\xcb-'</t>
  </si>
  <si>
    <t>b'\x9cX\xd6\xa9\xc7\x1fdr\xfb\x9a\xb7\xa7\x8b\xaa*\xf5\x82\x93WrKdG\xc1\xbcL\xd0\xad\xa8v[\xe0'</t>
  </si>
  <si>
    <t>b'i\x8ce8\xfco\x93T:mm8\xa6]\xa0\xf5N\x0b\x08\xb5tr\xd1.\xe5\xdc\x13\xa0\x07/\xf20'</t>
  </si>
  <si>
    <t>b"\xeb\x97B319\x89\xa4\x1bA\xf6\x8el\xf9\xac\x04\x9ej }\xbddi5\x83PC}\xb4\xbe'\xaa"</t>
  </si>
  <si>
    <t>b'\xf5\x1b\x9f[P|\xc1\x06\xafu\x19&amp;%\x15Z\x1aC\xe3\xca(fd6O\x1a\xdf\x81\x1c\xb4h*\x17'</t>
  </si>
  <si>
    <t>b',\xd9\xe8\xf5:E\x1a\x06\x08\x04Lb\xef\x01\x96G\xb0&gt;D\xd7`\x8b\xfb\xb8\xd4\x92/\xbc\x92\xed,6'</t>
  </si>
  <si>
    <t>b'\xf6$\x8ef\x06\xca\xf7\xe47t\xd5\xeaan\xbb\xef\x9b\xdf\x90\xab%\x13\x7f\x8d/\xc4&amp;\xa6\xf4b\x08\x82'</t>
  </si>
  <si>
    <t>b'\x87;?\xaf\xed\xf2\xc2)+\xc2\xf0\x9e\x95k\x1fF\xc6\xac\xf3\xf2!\xc5\xeb\xfd)\xfb\x7f\xa9=|\xa1\x02'</t>
  </si>
  <si>
    <t>b'Jyp\xe9q\xc2\xc3l vTb`\xb0&gt;g\x0b\x88 \xb5N\x9f\x97\x9c9\x13\xdb\xb6\t\x0b\x13\xa0'</t>
  </si>
  <si>
    <t>b'\x93@20g\xc4Rk\xc0o3\xe3\xe1\xe8\x1d#\x8c\x0bU\xf2\x81\x82gh61\xdc\xd1\x9b\x9br\xb7'</t>
  </si>
  <si>
    <t>b'e\xb4~&lt;\x8a\xebf\xd5\xfc\xa0\xc0\x06J~\x8c\xaa\x81\xea:\xda+\x9e\xb5\xb0\x1b\x04\xb3\x0fu\x12\xfa@'</t>
  </si>
  <si>
    <t>b'\xcf\x9eR\xc9\xa3[\xa8\xed\x9a`\xf4\xa8\xbdi\xfbH:\x937\x85\xa9\xef\xd3*6S\x89\xd5\xa9\xf6F\x8e'</t>
  </si>
  <si>
    <t>b'\xb0T&gt;S\xc1\xd4\x9c6\xb7\xf8&gt;\x95\x10TY\xe2\xb1\xb5\x88\xd2\xefbit\x04\x87~\xa8\xbd\x1a\xe7N'</t>
  </si>
  <si>
    <t>b'D\x96\xab\xeew\x1b/9\x88\x7fK\r\xba;\xf1\xa1m\x90\xd0\x01i\x82\xac\xb6S\xe9\x84\xca\xcaW#\x88'</t>
  </si>
  <si>
    <t>b'dP\x08\x08\xf8\xe8U\xa6\xf8\x9aCea\xc5z\x1d\x81n\x01\xcf[g\xf9\x84\xde\xae=\x01Q\xca\xe7\xde'</t>
  </si>
  <si>
    <t>b'm\x08\xc9m\xce\x85\x86\r\x8e\xcf0_\xa1$]C\xacCc\x8c@\x92E\xd6#\x91\xcf6c\xf7\x8a\xf5'</t>
  </si>
  <si>
    <t>b"[\xf1\xc5j\xf1\xab\xbf'G\xf3\xb1\xeb\x8a\x9don\xa8p\r\xaf\x16\xe5%\x81\xc7&gt;\xceX\xfeb\xff\xfb"</t>
  </si>
  <si>
    <t>b"\x1e\x95U\x9f\xe8\xf3\x88-\x875\xd5\xd5\x04p\xb2At\xeaF\x0bH\xc8'&amp;F9\x05\xc8%*\xd4\xbd"</t>
  </si>
  <si>
    <t>b'\xc8\x18\x99\xe3\xfb66\x842\xb3\x9e\xe6\x8d\x8a\x8a\x08&lt;\xeb\x0f\x01&lt;"\xfe\xf2tC\xd7\xe1ns# '</t>
  </si>
  <si>
    <t>b"\x17R/w\t\xaf\xfc\x01\x08\xb5\xa2\x929\xbe\x95\xef\xafN\x01\xda\xce\xcb\xd9'\xae\x10c\xfc\x1b\xa9\x9a\x02"</t>
  </si>
  <si>
    <t>b'\x1c\xfd\xf16\xb7\xa4d\nsLvt^\\ij\x8b,/&lt;\r\x81?\xebY\xd7\xec\x15X&gt;X\x9d'</t>
  </si>
  <si>
    <t>b'\x07\xe3\xc1q\xec\xdc\xc0c\xb6f\xd2\x9bW&gt;\x93\x06\xfa[W\xbb3{\xd8\x87\x13\xa0\xba\x03\xbdB\x91F'</t>
  </si>
  <si>
    <t>b'.\x84X\xacpL\xb5\xb3n\xa6\x0f=\xe6\x1d\xba\x1c\xef\xa5\xa4\x02\xb8-\xad7\xc5\x00\x0b\xc8\x9e2\xc7]'</t>
  </si>
  <si>
    <t>b'\xb9\xd9e[D\xd4\xbe\xae.\x8d\x18\xa8\xea\xb8\xa5V\xda\xac\xf2U\x9a\xbeL@\xe4\xd8Z\x06gf\xae\xdd'</t>
  </si>
  <si>
    <t>b'\xce\xda\xb6G\x93V\xb9\x1c\x9aS\x89\x02?r\x96\xa4y&gt;uM\x14\xd4\xbcJ\xd9\xe2\x10\xd8%Ci\x80'</t>
  </si>
  <si>
    <t>b'\xd4E\xde\x9d\xb2\xd1\x07\xee-t\xf2\x14:\xa7\xce\x10\xee"\x05\xb2\xbe\x85 zF~\x7f\x13\xc6\xf9\xd89'</t>
  </si>
  <si>
    <t>b'\x0b\x83\xae\x1d\x19YG)\xe6[(\x84\x9dy\xa3{\xad\x9f\xe9\xb41M\xf3\x00\x865\x1d\x8a\x9fz\x1d\xa0'</t>
  </si>
  <si>
    <t>b'\xc5a\x01UV\xa65\x0e[\x1fZ\x9f\xb3\xe5O\x94\x9a\xcd\xdf\xa8\xcd\x84J\\\xbe66\xd2\x84X(g'</t>
  </si>
  <si>
    <t>b'\xc7/\x16\x9b]*\xa9\xd3\xd54\xd3\xae\xf6E4AD\xc0\x84\xb3$\xceqD\xb1\x9a\xf0\n\x0c\x85\xb6\xd4'</t>
  </si>
  <si>
    <t>b'c\x9f^\xf7\xcd\xafg\x03@\xd2e\x1f\xb6\x12\xaf\xe26\xa5\xfc\xae$t\n+e\x1fR\xe6~\xb7\xacn'</t>
  </si>
  <si>
    <t>b'\x0c\x90\xcc\x00\x03Z\xae\\[\xfc\nAVy&amp;\xd4\x9a\xaf\n\xeaX\xb9\x99\x96L\x9e8\xd4L\xba\x0e\x9f'</t>
  </si>
  <si>
    <t>b'\x89\xcc@\xb2\xd2q@f\x8c\xc0m\xff\t\xe8\xd1a=\xd4.\x97{\x85\xe3:/\x98\xd6:X\x13\x1a\xc9'</t>
  </si>
  <si>
    <t>b'\x8e\xecS\xd2\xd9\x93h\xd9\x87]\x87\xa8m\xa3\xfaW\x0e\x1e\x8b\x8f-\x9b\xa5;\x90\xb9\xe2\xdb~\xcc\x0e\xdb'</t>
  </si>
  <si>
    <t>b'\x150;\xd1KB~u\x03\x8cDk\xf4\x8fnz3\xa6IMo\xa6\xf5qP\x80x\xff\x05|mZ'</t>
  </si>
  <si>
    <t>b"\xa9'\x9c^\\\xc5~\x99\x10T\x95TU\x14{4\x84\xb8\xe8\xd4r\xa9\xeb\xd9*\xe8\x16H]\xff\xf6:"</t>
  </si>
  <si>
    <t>b'Lzk\xfc"\xc80\xf6\x92\x18A\xb6\xd4\x18\xd9\xc4\xf8\x10\xb31q\xb2\xe0\x16\x82\xa4?;\xd9\x89\x85\x9a'</t>
  </si>
  <si>
    <t>b'\x13\xb4\xbe\x8aO\x80\x05\xd5:\xed*R\xe3\x00\xb2\xa5o\x93\xc5\xe9M\x13\xa8Yj\x1e\xe6\x9cx\x93Do'</t>
  </si>
  <si>
    <t>b'\xfa\xebZjg\x94\xd1&amp;9\x9f\xad\xff\xa6O\xc01\x19\xbbC0\x943\xbb\xff\x16\x99S\xbe\x1c\t\xdeg'</t>
  </si>
  <si>
    <t>b'\x9f_Q\xdc\xdbE\xcc\x0c}bC\xac\x8bPv\xf7\x1d\xf3\x89\x04\x12%\xee\xde\xbf\xd2.B\x9c\xd4q\xe1'</t>
  </si>
  <si>
    <t>b'\xdd\xc9\xca\x04\xb28K\n\x8c\xa2\x0c\x11\xa2\x1b\x1fBl\xc9a\x80459Wa\x14S\r(\xa0T&lt;'</t>
  </si>
  <si>
    <t>b'B\xad$\xd8\xe8\x1b\x8b\xb5Y\xc2j\x14\xf7\x8c\xe7 o\x82\xe6\xb0W\xebD\x9d\xeaV\xc5\xac\x1e\n\xfe\xe3'</t>
  </si>
  <si>
    <t>b'\xa2\xd1\xc9\xd7\x0c\x89z\xe7\xfbI\x8a6^$\xd1\xc0\xd4\xe6z\xa5\xef\xde\x96\x98\xc2x\x85S\x96\x9b(R'</t>
  </si>
  <si>
    <t>b'\r\x8a\xdaE\x91\xcf\xf6\x07\x127\x13Wj\x9b\xf3\xcf\x1f\x80\xc1\xd6.\xad\xc8\x83\xd0\xc0\x028\xab\xb95\xce'</t>
  </si>
  <si>
    <t>b"\xb3J\xb3\xad\xbb\x85\xa9\x00o2#\xe6G\xff\r\xd43{b\x86'\xbd`\xe1\xc6\x9a\x01\x8b\x02\xa0aH"</t>
  </si>
  <si>
    <t>b'\x93\xccy\x98{\xccP\x13\xb9R)\xc3B\xf5\xa1@\xffs\x0f:\xb1{\x92\xea3\xb51\xbe,-\xc6\xc8'</t>
  </si>
  <si>
    <t>b'I\xdf3\xd2c\xca2\x17N\xfc\xbd\xff\xd7\xbb`\x19u\x80\xfc\xd0\x98+\xfa\x99\xf1\xcf\xfaRm\xd9&amp;\xa3'</t>
  </si>
  <si>
    <t>b'\xfd\xb8\xc6\xe2\xc16ZM\xb9\x9bRS{\xfe\xdaf\xf5\x14\xc4\x88\x04&amp;\xa2\xa5\x14C\xe0\t\x8d+FM'</t>
  </si>
  <si>
    <t>b'\xe7\x9b\x9f\xd9z\x9en$\x83^j\xaa\x8c\xd9\x9d}N\xe3\x92\x13\xe7\xcd\xbc\xd3\xb1w\x18\x9b\xb2\x1d\x86\t'</t>
  </si>
  <si>
    <t>b'\\\x1b\x0b\xfb&lt;\xe4\xfa\x9cj\x8c\xf68t\xd8]\x97\xdb\xca\xd2\xfc~=W\x94\x90\x9f\x92N+\x9f\xd1o'</t>
  </si>
  <si>
    <t>b"'`.n\xd8\xca\x1f\xcf\xd4\x8d*\xc3\xb6\xf7\xae\xf1\xb2\xcf\x93\xd3\xea'\x1aDv\xef\x8da\x87\xa93\xea"</t>
  </si>
  <si>
    <t>b'\xc8QM@\xf9c\xdd&gt;Tk-\xd1}\xceQ\x11\xe7\x94\xbc\xf9T\xb5x?\xc3\x9a\xc1e\xe7\x1d\xe6\xc6'</t>
  </si>
  <si>
    <t>b"v-\xe0M\t\xe6\x80H\xa8\xcd;t\xb2\x13\xa0\xa6\x91'\x1e\xdb\xed\x863\x9dK \x06z\xe9\x1a\xf0\xd0"</t>
  </si>
  <si>
    <t>b"\xbd\x99\x9e?$\xba\x0b\xe7f\x91\xb9\x97\x1dR!`5\x07'/\xeb\x18\\JZ\xd6W\\\x91K\x08x"</t>
  </si>
  <si>
    <t>b'\xc4\xdcz\x08\xc4\x98\xa8\xd5\x1f\x12\x9fc\n\xc8\x02\xd9d\x98\xdfO\x84[\xd7A\xe0\x8d\xfd\xd0\xf7\x1b\x85D'</t>
  </si>
  <si>
    <t>b'\x1b\xde\xf40\xbd*\x7f\xb9*\x02\xa5J\x8c\rJ\xa2\xe9Z\x96\xc5\x8aP\xc3q\x0b\xc8RX\xc3{^\xc4'</t>
  </si>
  <si>
    <t>b'b\xb3vk\xd9\x1a\xa6\xd3R\r\xa3\xab\x98\xa70;\x08k\xf1\x8aH\x8bdB\x0ey\xc9\xbfc!\rD'</t>
  </si>
  <si>
    <t>b'\xbbg\x96\xd7\xf8\xf6\x1e\x90|\xae\x9a0\x80g^\x9f|.5\xc7}U\xbd\x91\xf3sa\x06\x8e\x1f\x98^'</t>
  </si>
  <si>
    <t>b'\x8f}7{|\x11\xff\xefqj^h\x85#g\x93\xa6\xcc\xae\xd9\xee\x04)\x8c\xf9i\xd4\x8d\xfe\x06s6'</t>
  </si>
  <si>
    <t>b'\x05&amp;\xf4\x10\x94M]\xd5\x94\xf9lc\xc9\xa7\xd9\xcf\xd6\xaab\xc5\x91\x0cV\xaa\xb8\xcc\x0b,*\xd61\xb3'</t>
  </si>
  <si>
    <t>b'_5\xd1\x1b\xe3\x04\xaf\xb5\x1a\x89+X\xffE\xdc\xe6N\x07bS\xc5\xf5pl\xcfS\x8c\xf6\x149L\x95'</t>
  </si>
  <si>
    <t>b',\xfe\x8f\x87\x8a^\xa0\x06\xae\xeaB\x10\xd8\xab\xa3\x9e9\xce\x0c\xd03x\xc4\xb84\x15}\xdb&lt;S\x9ft'</t>
  </si>
  <si>
    <t>b'\x8e\xab\xf3\xc0\x87\xae\xb3\x8a"\xbb\xe7\rC\xc1\x19xv\xecQ*\x87\xc0\x01k\xe6a=\x80\x1d+\xbdj'</t>
  </si>
  <si>
    <t>b"\xbaG\xe6n'NW\xe1H\xb0\xe8\x8d\x90\x01A)\xe2w\xb0g&amp;\x1c\xe2\xc4ck]\xca\x83Y\xb8\x16"</t>
  </si>
  <si>
    <t>b'\xdf\xcc\x17\xf1\xbd;\x16\xea\x0fd\xd7V\x01\x98\x0b\x10\xc8~&lt;\x8a]\x87\x84\xe1\xe1\x1d\x12F!\xe6\xc6\xe7'</t>
  </si>
  <si>
    <t>b'\xa46,\xc3\xde\x81\xa1\xbb\xbe\xf8\xcc\xf3A\xadh\x92#\x99\xf9\xac\x9d\xf8\x96\x86\xc0\xd7\xcd\xff\xc0"4\x02'</t>
  </si>
  <si>
    <t>b"TV'\xcf\xb7_\xdd4\xbc]?\xeb\x1c!\xcf\x1c\x93\xfbB\xf9\xb7\xba\xfc\xeaJ5$5\x03\xd2-I"</t>
  </si>
  <si>
    <t>b'\n\xdf\xf1\xc0\xd4\xc7\x17T\xcaHG\x9e\xc4\xf78\x00\xc1-\x16#u\xf0s\xd3\x14kI\xfc\xab\xb5\xb2`'</t>
  </si>
  <si>
    <t>b'M\x8cp\x97\xc3fg\xd4\xf1)\xe8\xdeu\x1dg\x98\xff\x1f\xd0\xb93Ie"dO\x02\xf8\xbbY\xbes'</t>
  </si>
  <si>
    <t>b"\n\xfb\xd6\xe5A\xacX(`\x00\x91\x8d'+\x891KU\xe8R#p\xc9\x8bQ\xe6\x8c\x95#+\x13\xc1"</t>
  </si>
  <si>
    <t>b'\xa0|\xba,W:!%}\x9bM\x1bt\xed]\xd5\x99\x8b56\x01\xfc5r\x84"\x93\xf2\x90BO\xe5'</t>
  </si>
  <si>
    <t>b'\x99\x9d3\xfe\xc9\xcf\xa9E\xe0M$\xbb\xab\xdf\x84\xf7\x83n\xe4^\x90`)\xb9)\xfc!_\xaa\xe6\x91\xe0'</t>
  </si>
  <si>
    <t>b'w\x8b\x93\xa8L&amp;\x13"\xbdr\x08K\xb6|\xca\x9cr\xa3\x8a0;\x03|\x8b\x93Xzb\xd6\x13\x95\xc8'</t>
  </si>
  <si>
    <t>b'\xe5\x89\xae\x15\xf3\x0b$v2BHg\x8d\xc4\x16\x9b\xf8\xb6*\x16\xd8h\xe8\xb3q\xcfG\x98\x94\x81\x1a\xab'</t>
  </si>
  <si>
    <t>b'6\x1cf\x8a$r7\x87\x8c\x97!c\xa8]Mhr\xd7:\xee\x00U\x91n\x8a\x19\xda?\xe6,\xd0a'</t>
  </si>
  <si>
    <t>b'\x9b\xd8\x06\x89\xb0\xcf\xdbq%\x05\x12\xc5!j\xcf\xe9p\x11\xfel\x97\xb7\xb3\\\xd8\xc2\xea\xec^\xd3c\x1f'</t>
  </si>
  <si>
    <t>b"\xce\xfd\x99\xb3B\x18\xf1\xedUW\x9d\xb4\xee0\xd7\x1ae\x96=' \xd9!\xf27@\xa18*\xb2\x88\x13"</t>
  </si>
  <si>
    <t>b"\xb1d\xe7\x96\xa8\xe3\xf7'J}u\xa0\xf5\tt\xb5c2\x96\xff\x95D\xea\x94\nE\xfd^\xaa\x8fy7"</t>
  </si>
  <si>
    <t>b'k\xdb\x01\x96\xc8\xf1W{H\x9eim=\xc4\xb1:)\x8b&gt;\x96\x96#(#@\xf8\x84%\xf4\x8bC\xbf'</t>
  </si>
  <si>
    <t>b'V\x01\xd8\xc1$\\\x82\xc2\x04Hd\x0c\xc8,P2YS\xe4\xf9\x8c\xa9\xe8\xdd\x81\x81\xcd\xfa\xf9~\x04\xa6'</t>
  </si>
  <si>
    <t>b'\x1c\xcd\xa4\x04\xb9\xe1;4\x0c\xbd[ S\x17hP\xe0:p(\x89\xc0\xc4\xd2zF\xd9\x84\xf5Gmx'</t>
  </si>
  <si>
    <t>b'\x14\x9b\xef\x10\x05\x08\xef\xcbZ\x14-w\xdbZ\xa8\x89m\xbfM\x18(\xb9#\xd8\x96\x05\xb4\x9bE\x9e\xddC'</t>
  </si>
  <si>
    <t>b'\xa7=\xd0\x06u\x81-vcd&gt;\x12\xb6`\xb7k\x8c+\x84\xbb\xe6e\xbe\xbdd\xf5\xe3\xcb\xcc\x9b\xd1\xd4'</t>
  </si>
  <si>
    <t>b'\xcb\xebN;go\x019\xd8\x9bZ5\xdaR\xe4\xe6\x1d\xdb\x99\xda\xd1@\xdc&gt;\x9b(\xfc\xbaa\x12\xbaw'</t>
  </si>
  <si>
    <t>b'\xe1T?`\xc0\x8e:\xce\xd2Y\x92\xc21\xed\xd6@\xba\x8b!\x1b\xe0?\x86\xe2\nUtf\xee&gt;\x97t'</t>
  </si>
  <si>
    <t>b"\xdeu\xa3\xdfV\x85\x92t\xee\x96s\x03\xf0'\x89\xdc\xb3\xefW\x06\xec\x19\x08\xdc\xa9 ,\xad\xe0M\x82a"</t>
  </si>
  <si>
    <t>b"w\xbe\x17'\xf4h\x13\x1ft_\x8b;\xb4?\xb1\ny&gt;\\\xc1\xffr7x\x84c\xb1\xfc\x15\x14\x10\x11"</t>
  </si>
  <si>
    <t>b'\x98-\xaf\x96\xb8\xaa\x1a\x87\x05a&lt;P\xc90A\x9a\xf9\xc4\x19F\x076\xed\xc8rzm\xd0\xdb\x1f\x96$'</t>
  </si>
  <si>
    <t>b"h\xc1;3J\xbb\x9c{&gt;x\x8d}\x85\\'=\xffT\xc3\xd1t\x07\x87\xbf\x9cK\xb5\xc3k\xc8qT"</t>
  </si>
  <si>
    <t>b'W\xa0\xa5\x9e\xfe$\xf6\xae\xc7\x06*,\xa7L\xef\xac\t\x85x#r\x96M\x00b\x0c\x007\xaa.7l'</t>
  </si>
  <si>
    <t>b'\xdcmm\xe6jz\x0c\x98\x19\xb3\xe6\xf84\\J\xcf\x9c\xb3tPK\xfcp\r\xddG\xebB\xee\x8a\x9b\xb2'</t>
  </si>
  <si>
    <t>b'\xdb\xbb\x19\xdd\xfd\xcf\xbb\xc5\xb0\xc2\t\xfbI\t\x9a\xb8@\xe2\x98\x11\xd9\x0bg&amp;\x15\xaa}\xcdn|\xa4\xed'</t>
  </si>
  <si>
    <t>b'\xc9\xbf\xba\xb6\x98p\x0c\x10\x84\x82Q\xa9\xae1\xc2\x84=\xab\x18\t\x86%\xb0O\x01\xd8\x92ZX\xb2yK'</t>
  </si>
  <si>
    <t>b'F\xc9Bl\x13\xc0\x97U\xdco\x89\xfcI\xc3\xde\xb8\xf6\x8a\xbcv\x80\xa37\xbaTlFXWvU\x89'</t>
  </si>
  <si>
    <t>b"\x83'\xbf\xd8\xbf\x1bt\xd9V\x82\xa9\xaa\x1f\xf1\xcaK\xe6A{=p\x01I\xba\xe9\xc0\x14\x9e\xfca\xc7\xfc"</t>
  </si>
  <si>
    <t>b'\x8ce\xeb\x86{\xf6\xfb\xb2hy$rxAFf\xf0\xf6\xf4W{p$7\x086\x90\x00\x90Y\xdc\xcc'</t>
  </si>
  <si>
    <t>b'\xdb\xac7\xa6`q(\xb5\xdb`\x1e\xc7\xb8\x0f\xda\xfd\xd9\xe3\xb7n\xed\x97\x9e=\xdaJ\x06*\xeae\xfb['</t>
  </si>
  <si>
    <t>b'\xf1\xf8yN=o\x97B0\xcb\x19P\xa2\xa2lu [\xeb\x93"\x9fJ^\xb0\x94\x02\x0f\xb6\x19O\xd7'</t>
  </si>
  <si>
    <t>b'\xb7\x9b4B\x1fz\x1c\xae\xfa\xc9\xc2k\xd1\xb5G8\x95G\x1a*p\x84\x9c&gt;\x82\xf8p\xa7\xd2\x05\x91i'</t>
  </si>
  <si>
    <t>b'UW\xa30\xc8\x95\x89\\\xe9+31\xf2\x85\xa1\xa6\xba\xa7\xe1\x1a\x9c]\xa8\xba\xfc\xb0\x81\xc9\xff\x9b\x87k'</t>
  </si>
  <si>
    <t>b'\x83\x11\xa8\xda:\x0eu\x0c\x91\x17\x8f\xc9\xc4 \xb2D3\x93\xf6\xe6&lt;O\x85F\xb0\x13\xa0\xc0\x92Jn\xcd'</t>
  </si>
  <si>
    <t>b'\x08Y\x86\xa2c\xed\xd2@ \x1a\x0e\xcc\x11\xf0\r\xaf\xc3\x05\x9f\xd8\x1f@\x9br.3\x8a\xcf{\xc8\x9eO'</t>
  </si>
  <si>
    <t>b'A\x83W\xe6\x82\x16\xbceA\xb4(\xf2\xea\x19\x86cq0[\xb0\x94$n\t\xc5W\xa3&lt;p\x11\xe3/'</t>
  </si>
  <si>
    <t>b"\x06\x86\x99e\x18\xb8\x9e\x15 {\xd3\x06b\xea\xe7B\x90B\xf9W\xea\xd1I\xbd]\xa1\x8b\xc1zs'\xfd"</t>
  </si>
  <si>
    <t>b'\x98\xa0\x94\xed\x9f\xa0\xa10*c$\xeb\x05\xc08\xf2`x\x8by\x7f0\x0b\xdc\\\x18\tC\xc5/\x0c\x1f'</t>
  </si>
  <si>
    <t>b'\x14\xd1\xf2In\xeaL$\x84u\x02\xa4%\xde"\x01\xe9Z;m|\xca?\t\xda\x9b\xdb\xbe\xf9O\x8e\xfe'</t>
  </si>
  <si>
    <t>b'\xea\xe2m0\x11\x87k\xbc3\xff\x86\x0b\xf1T\xfb\x1en\xd1\xa2\xfa\x8b\xefC\x0b\xbf[\xc9\xaf\xd3m\xb4P'</t>
  </si>
  <si>
    <t>b'\xee\x9d\xd3\xb77#\xb1\x96c\xba\xdf\xb8lu\x8c#%n\x00O\xe3\n\xb9\xfe\xeamlE\x14\xfd\x1d\r'</t>
  </si>
  <si>
    <t>b"\xcc'4\xce\x89\xb4\xc9\xb1R[\x0eh\x04\xc9F^\x7f\x8e\x1b31\xc13TZK`\xf6\x1a\x84\x88\x03"</t>
  </si>
  <si>
    <t>b'`&lt;&lt;\x1a;\xc9~4??!x\xaf\xea}v\xa2\x15\xdf\xdd\xe6&gt;\x8f\xfb\xbd\xff\xbb\xad\xad\r\xa1\xeb'</t>
  </si>
  <si>
    <t>b'\xab\xea\xba\x1b\xebb\xe5\xdf\xe5\xf8\x94t\xabj\x97Y\xc2\xafK&gt;U\x86\xbbx\x14\xab\xa1\xb7\x1e9\xfaz'</t>
  </si>
  <si>
    <t>b'\xb0\xbf\xa33\x11\xdc.7%!\xc7Sh\x931\xa4\x96\xfa\xef\x97\x8d!\x1d\x85\x18\xf1\xe7$1S\x08\x95'</t>
  </si>
  <si>
    <t>b'\xa3\xbb\xf3\x98#\xe2\xffcB\\\xac\x9afn\xfc\xcb|m\xb6\x96~jW\x9cG"\xab\xf0\xd5\x9a\xfea'</t>
  </si>
  <si>
    <t>b'&gt;\x82l\xac\xe3\xc4J\x92t\x17I6\xe4&lt;\x01\x1e\x8cf\xc2\x15&lt;\xb6\xec\x1c\xf1\x8c\x96\xeb\xa3UD('</t>
  </si>
  <si>
    <t>b'\xf0\xe8\xbb\xd3\xaf\x05\xeb\xea(\xb3\xae\x02l9\xf2(6\xceN\x7f\xc8\xaeQ\x1f\xbf\xb3\xe1\xdc6\xf8U:'</t>
  </si>
  <si>
    <t>b'\x1f\x1e\xdc\xb1\xad\xe7\xb0\xb7\xa3\xe3\x8c\xdc\x94\x13f\x91\x877\x1e7\xd1\x7f\xe7\x82rn)00\xcarz'</t>
  </si>
  <si>
    <t>b'\xa1\xf2\x86\xde\x12\x94\x07&gt;\xd9\xaba%\xf9\x8dJV\xdd\x000B\x7f\x04\x93x\xb0\xbd\xf7\xdf\x04\xeb9\x83'</t>
  </si>
  <si>
    <t>b'h\x9a)\xa7\x84\xbf\xab\xf7\xe58\xa1rs?\\\xdc\x03\xb3\xdd#ti*T\x1c\xe8:\x86\xcbZ5\xd2'</t>
  </si>
  <si>
    <t>b'1sO?\xf7\x90l\x08Ly\x1fF\xdc+k\xf6\xd6\x9e\x98\xc5\xf0\x87i\x1c!$\xb8\xf2\xe9,\xf1\xcc'</t>
  </si>
  <si>
    <t>b'\x13\xb3\xb8\x93\xd1\xbd4x\xe1_u\xb9+rA\xfe\x1a\xf1-\xdcF\xb2\xc7\x14D\x96\xee\xe5\xec\x9b"M'</t>
  </si>
  <si>
    <t>b'"\xae\x16\x8d4\x14\xc8\x13\xfc\xc8S\x0e:C\xae\xb0Q\xd4j&amp;\x05\xe2\x1b\x1f\x0b!\xf8:\x0f\x19\xbf\xc4'</t>
  </si>
  <si>
    <t>b'\xa7L\xae\xd5\xde\xf1\xcd\xdb\xfc.\xf9\xb9\xd0\xd5\xf7q\xc1H\x16F\x16\xa1\r\xd96\x15t\x95\x7ft\x9c\xb5'</t>
  </si>
  <si>
    <t>b'\xf8--pH\xc7 n\xe3\xc4\xff\x91\xed)\x9b\xa0\x90\x82&gt;\xa1\xb7\t\x08[A\x10p\x7f2\x00i '</t>
  </si>
  <si>
    <t>b'i\x1c^\xf3\xa6N\xdf\xd4\xeb\xda\xf3\x9b\x81-\x8a\x8b\x8c\x98\xd5&gt;f\xfa\xb4\x95-\xb5\xfd\xaa \xffIn'</t>
  </si>
  <si>
    <t>b'f\x89\xc7\xd0[}\xa1\xa8\x94\x9d9\x10Z\x03D$\xd0&gt;\xe2\xc3\xe0M\xb6\xbf\x18\x14\xfe?\x80":a'</t>
  </si>
  <si>
    <t>b'\xfbL\xd4\t\xe1I\xa9M\xab\xc2\x9fT\xc6\xe2\xbf\xcd\xaf\xd2wBqk`\xeb \xce\x89h\x96\x8f\xb8\x19'</t>
  </si>
  <si>
    <t>b'qs\x811\xb0 \xbb\x82\xe2\x9b\xb6\n\xed\x7ftJ\x87h\xde\xab\xf0\xa27\xa9\xd7Z\xd2\xd6x/\x1b\x07'</t>
  </si>
  <si>
    <t>b'\xceP)D\x04HF\x81\x08\xdc:\x165\x90\xc5"U\x03\t\xfa\xe1\x89=\xbdt9\xb2\xe7B\xe4\xce\xcd'</t>
  </si>
  <si>
    <t>b'\x8dM\xd5\xc7_U\x1f\x07\x96\xd4\x8b\x98\xe4\x91\xc0M\x9c\x97\x0e\x1d\x99\xe0KQ\x15JU\xff\xf0\xabY\xfe'</t>
  </si>
  <si>
    <t>b'\x93\rg4\xf4\x93\x80\xfc\x8bS\x8f\xdf\\.\x1d\x03\x81\x1a\xd4Z\x1d\xb1\x80j!\x94\x06!\x8f\x94\xc4\xab'</t>
  </si>
  <si>
    <t>b'\x9c\xa4\xd6:\x80S\xd8\xc7\x846\xb2^\x8f\xb1\x1a  MRvZ\x81\xfe\n2\xef\x06\x90% \x03\xcf'</t>
  </si>
  <si>
    <t>b'\xa0\xcf\xe1\x91\xfc*&gt;7\xdc\x0e\xa9\xb8y\xc8D\x00\xdbd\xe4\xef~(Sy\xe6\x7fX\xe7y\\\x85M'</t>
  </si>
  <si>
    <t>b'U\xee\xec\x04\xb6\x1f\'\x1e"\xa2\xf4*\xb0\x81\x1a\x05iq\x1d\xddw\xa0\xfe\xe1\x94\x08\xe7H|&amp;bu'</t>
  </si>
  <si>
    <t>b'\xb3I\x97\x0f\xb7U \xe4\xc3I\x1b\x83\xbc\xae\xc0f\xcfj\x8eY\x99\xe6\x97\xba\xe5\x04@V]\xde\xc8!'</t>
  </si>
  <si>
    <t>b'p\xdf\x8d\xec\x81\xd5\x9e\x14\x02\x12\x07\xa8k\xcf\x81\x8drH\xa9\x1b\xa6\x87\xec\xfe\xb4\x93\x14\xd8\x86\xc2a\x89'</t>
  </si>
  <si>
    <t>b':\xfd\xab\x1f"\xc9X\xe2\xd9!\xe8\xa4&lt;\x1fC\xe9*\x8d\x9ey\xf3\xc8\x84p\xf9\xbb\xf5o\x963$\x07'</t>
  </si>
  <si>
    <t>b'\xa5\xcax\xc0\xf1\x06\x08\xcfAzJ`\xbc\xb0\xc9Q\x94$\xcbU\\c\x95\x93\x10\xb1\x8e\xc8\xa5( t'</t>
  </si>
  <si>
    <t>b'\x19\xbb\x12\xc3\xd6\x8dfo\xf6\xf1q\x0c\xb5(\xf564\x88\xa0L\x8b\x8f}\xb7\x04\xa3\xfa;\xd1\xf8b"'</t>
  </si>
  <si>
    <t>b'\xd4zf\x18\xdc\x10\xbe\xcb\xfb%\x0b\xd1\xf2[\x18}[\x92gR\xac\x93\xc1{\xabH\t\xd7\x84\xff\xa1\x98'</t>
  </si>
  <si>
    <t>b'X\x1el\xf2\x981\xa8&gt;\x99c\x0e\x0b\xe2xB[\xdf\xdf*\xb1\xf8\x12v\n\x8c\xe83n\xef\x94\xb9_'</t>
  </si>
  <si>
    <t>b'wj\xfb\x93\x15\x89k\xc0\xe7\x8d5\xa1\xcb\xc8gR!\x0cxn\xee\xf6B\xb6\xc6\xde9\x16\x8dX\x91\xad'</t>
  </si>
  <si>
    <t>b'G\xa5\xd0J\xd8\x02\xc9~y\xb6\x1f\x16\xdd\xf3^"\xa3\x93\x19:\xaf\xf7\xc8\xf5\xceo\xbdr\xe3\xd9\t:'</t>
  </si>
  <si>
    <t>b'2\xcf\xdf[\xf8\x15=v\xdb\x0b\x80\x9e\x01\xdc\x0bD\x1b\x95y5::\xd9\xc6\xa1\x9cHy\xdf.\xb2\xb0'</t>
  </si>
  <si>
    <t>b'\x03\x1f\xfe\xd5q\xbf\xe1\xae%\x99\xad-\x13\x04\xf1017\xee\x16\x9dpJ\x96\xfc\xef\x1d\x85\xcc5\xa0\\'</t>
  </si>
  <si>
    <t>b'\x80\xe6\x19\xcd~a\x87\n\xafA\xad9d\xbb\xd6Y4\xd8\x967\t\xb4_\xf0Va\xad\xdf\xff\xf5\xb0\xa6'</t>
  </si>
  <si>
    <t>b'\xa3\xc3@FG`\n\xc1;\x07(Z\x93\x80\x1f\xa2\xf0\xcc\x07\xb3\x03\x96\xcaP\xea\xd2X\x80L\xc9L('</t>
  </si>
  <si>
    <t>b'W`\x92t\xb9\x8a\xa8\xe1N\x88\xf9\xbb\x80X\xea\x8ac_~lQ1\xc3\xf5\xd1=Z\xca\x98g\xfb\x99'</t>
  </si>
  <si>
    <t>b'\xf6\xf1\xb3\xa3\xde\xd3\xe6\xdb\xf3\x9c\x92U\x02\xf6e*\x96\xae\x9e\xb0\x96g_:B\xf8\rh\x98\xd9\xebo'</t>
  </si>
  <si>
    <t>b'\xd3cll\x9d\xce9+\x9d\xb7\xcc\xc5\x98\xf1\xab\x19@\xb5\x15#\xb7\x9cWO\x8e\xe7\x7f\xbc\x10\x9d\x051'</t>
  </si>
  <si>
    <t>b'\x9b\xfa\x17\xab\x94\xe4\xda\xd97\xb3\xb0\xbf7\xb37%UCC\xbb\x84\xd0\x06[\x9f\xff\x9b&amp;}\x81\xfc\xa8'</t>
  </si>
  <si>
    <t>b'\xb0\xaa\xd4I\xf2\xba1\x9a\xa9\xe3-/\xf7\x99\xf0h\xbdZad\xf3\x11N\x86\x1b\xdb\x94\x7fE\xd6Z+'</t>
  </si>
  <si>
    <t>b'\x1d\xb5J\xbc\x05\xf8\xaa\x14#\x85\xc4\t\xca#L\xcb\xa3\xd6\xdd?\x89T\xd8\xd9\xb58L*\xb6\x07\x9c\xf5'</t>
  </si>
  <si>
    <t>b'\xe1\xc40\x8f@P\xa1\xc5\x95\x10\xff\xf22{Y\xf9\x02\xd2\xf5mM\x95d\xf69x\x94\xc7\x8f\xd6Yt'</t>
  </si>
  <si>
    <t>b'\x04S)e*\x8c\xe2\x1e\xcarz\xb9\x1c0[\xea#\x07\xb0\x9e\xb4]\xd3?J\x12\xa4nH\xa9\x84\xd5'</t>
  </si>
  <si>
    <t>b'z\x8f\xa6}\x86iLT:\xd6~a)\x03\xed\x89]\x7f3\x1a\x0f\xb0[\xcc\xf2\x16\xa3\xd0S\xc8\xbaS'</t>
  </si>
  <si>
    <t>b'M\x0cbLL\xc2\x10\x0c&gt;;Ri\x92\x9f\xb86\xb8\xf1\xb7E\xa7\x04\x99@\xa3\xa1\xfb\x08\xfbc\xd5\x92'</t>
  </si>
  <si>
    <t>b'\n\xa3\xbd{|\xbc@!\xeac\x02\xf5\xe1\xa19\x9b\xa3\xef\xdf\x04-\x01\xa0 \x80b[\xb6\x06]\xd6\x90'</t>
  </si>
  <si>
    <t>b'\x06\xc1KU8\xaf\x98\xaaMJ\xe6\xc0\xfa\x8e\xc7\x86\xe9\x81\xd6v4\xbb\xe7\xcb\x19 \x14$\x1f45.'</t>
  </si>
  <si>
    <t>b'BR\x1e\xf3\xb3V\x87\x1b\x80\x08.\x00SG2]\xab+\xbc\xd7W\xd3U\xd1\xc1\xd3\x02\xa4\x84\x7f\xd7\x01'</t>
  </si>
  <si>
    <t>b"_\xfb\xa1\x1d\xb7i\xf24O\xd4C\xa3\x1eG\x07\x17,\x95`x\xacm=\x97m\x80I\x11A'\x1bR"</t>
  </si>
  <si>
    <t>b'\xcc\xb9C\xa0i=\x9b^J\xf8)!\xa9)\x91\x90\x84\x96R\x95\'\xc2\xc9n"\x9fd\xc0\xb5Y&gt;\xe9'</t>
  </si>
  <si>
    <t>b'A\xa1\xc798\x9b\x14n\x88\xeb\xa6 \x89\xd3h\x9e\xea\xe4\xea\xd7 \x89#)Z\xe1\x1dQ\xb2e\xce\xe4'</t>
  </si>
  <si>
    <t>b"\xc6\x9e\x84\n\xcb_7\xf5\xd0m\tmw\xe4\xfb\xc2'O\x90Q\xc2\x85w\xd0\xb7\xd6\x1eN0I\xe7\xf1"</t>
  </si>
  <si>
    <t>b"\xa2\xc1\x8a '!\xf1\x17\x8e\x7f\xbb\x0b\xf0b1~8\xe7\xca\xe4\xb6,\x87\x97\x8e\xe4\xaa&amp;]\xedA\\"</t>
  </si>
  <si>
    <t>b'=\x8e\xbeLL\x05\x17\x94\x1a\xdaa\xc3\xc0\xf2j[q\xf0\x8a\xc1!J\xe3\xb0Z\x84\xe0\xdc\x9f\x16r\xdf'</t>
  </si>
  <si>
    <t>b'\x11\x11f\xd6\x81j\x19G\xf5\xdez\x06\xf5I\x91\x12\x1e\xc8\x1d`=0\x87\x90\xe7VJ\xd7\xe1!\x01\x91'</t>
  </si>
  <si>
    <t>b'\x95\\\xd3\xaaQt\x14\x11\xfa\xec\x92\xdf\x15\x91\x17\x1f\x8c\xad}J\x88\x8b]E\x0e\xdcN\xf8X\xafs\xec'</t>
  </si>
  <si>
    <t>b'.d\x06\xb8U#b\xaeV\xee\xae\xd69t.\xe6\xbeF\x87\xb4V\xd1gq\x9a)g\xa0\xdf\xc7sS'</t>
  </si>
  <si>
    <t>b'F\x18[7N\xc3\xea~\xe2\\i\xc2\xa1\xc3\xcf\xd9\x92#\x85H\xda\x13\x02\x97\xe7\x89Q{y\xcfp\xed'</t>
  </si>
  <si>
    <t>b'\x88z\xf0C*\xdcF\x14\xd4\\\xfd~G\x88\xeb\x1f\x8e\x91\xaa\x00]\xc3\xe6\xefa&lt;\xc5.\x1d\xd6\x9f\x16'</t>
  </si>
  <si>
    <t>b'\xb9\xfdh\xd5\x98t*f\x07\x02Z\x8es\xbf\xadf(\xf7\xc1\x86\xd4\x9b\x97\x1e\xba\xe6J+\x85\x15H\x84'</t>
  </si>
  <si>
    <t>b'\xa4\x96\x80=\xf2\xc7t6\xa0T\xabJ\x80\xe9\xb1\x9c\ntD\x03\x9e\x03s\xf5\x81:9I.oY]'</t>
  </si>
  <si>
    <t>b'\x11\x0c\xf3\x14\xbb\x1c\xbb&lt;Sl\x87#\xcfo\xffk+\xf2RI\x05\xcf\xbb4L/\x9cy\xa0\x8c\x9f}'</t>
  </si>
  <si>
    <t>b'}\x9al\xe2v\xb0\xcak\xbewn\x11\\\x10\x0e\xcd\xfd\x14\x08O\x1e\xf0\x8a\xac\nM\x80\xa4\x9a\x02\xe4\x92'</t>
  </si>
  <si>
    <t>b'\xccNY5\xa5Z\xac\xd0+*\x11\xb4\xff\x13\xf8\xa4\xaeh\xd9\x89Y\xf5\xd8\xcdR\xab\x89b\xff\x91\xb8?'</t>
  </si>
  <si>
    <t>b'\xaf\xa5)\x94\xb2UN\x16TC\x05-,\x12\xeb\x95\x16(\x0bQM;y\xb5g\xfc\x91\xdb\xd3\x80QL'</t>
  </si>
  <si>
    <t>b'7\xcf%\x86\xd0\xf3i\x84Q\xa9H\xd2{\xcc\\r\xb8C*\xf2&amp;[\xaa\xc8\x90\xea\x024$\xf47\xcd'</t>
  </si>
  <si>
    <t>b"7\xb7\xc9r\x1e\xf3GGI\x90\x14:\x1b\x15_\x08\x17r\x86\xc0\x18:\x00\xa7'\xea\x0f\xdb\xe4s`("</t>
  </si>
  <si>
    <t>b"\xaa6$/\x06/i-\x88~\xbb\xeb\xb3B\xe9d'\x06\xd7@8\xfe\x08^\xae\x18\xd37\xb0\xd9\xf6\xa5"</t>
  </si>
  <si>
    <t>b'&gt;\x8c\rA\xf2\x1bltH\xd9V1NT\xc1\xb8\xeb\xe0\x8a6Z\x83;D^\xa0\x13h\n\x88!\xb8'</t>
  </si>
  <si>
    <t>b"\xf92\x1c\x89;\xb4\xfdoj3}\x9d\xd5's3\t%\x96WQ\xfa\xc6\xd0{Q\xa5+}\x06UY"</t>
  </si>
  <si>
    <t>b'\xb2\xe3\x01R$\x03\x9d+\x1e\xef\xc3\xc5\x9a7N\xf0\xf8\xf0\xa3\xb3\x7f\x93\xb1\xc8\x85\xbd\xf3\xde\xecb\x9fE'</t>
  </si>
  <si>
    <t>b'\x98\xf0\x16\xd74N\x07\xf6U\x08\x1f-\x99E\xa0\x9a\x19\xec\x08S\x00\x1c*\x06\xe7\xdd\xa2-\xe1\xeb\x88}'</t>
  </si>
  <si>
    <t>b"\xa0O\x1f\x0f\xe2\x8f\x97Fe\x1c*Z\x870A=\xcb\xbf\x8el\xef\xa0'\xaa&lt;tIJr\x01\x1c@"</t>
  </si>
  <si>
    <t>b'B\x8c\xd8\xa3\\\x1cG\x7f2\xab\x02\xc7\xe5\x16g\xbd\xb4]\x92\xcc!\xd1\x89\xbf\x99,+%2\xc6\xde\xa9'</t>
  </si>
  <si>
    <t>b"'wh\xc5O\xfc\xaf\xe8!\x00\xe6KM\xe1[\x97~\x7f\xb0\x023;h\x96$\x0b\xffM\x12\x13\xef\xd3"</t>
  </si>
  <si>
    <t>b'\x83\xc2\xecp\xe4\xf9\xda\xfbA\xd4\x06mZ\x9e\xb5Lo`\xf7\x07\x16M41\x93N\x0c\xd1\\7\xbeq'</t>
  </si>
  <si>
    <t>b',e\xaf\xdc\xb2a\x9e\x1d&lt;\x93\x04D9z\xee/\x970\x0e\xea_H\xef\xf3g=\xce\x87\xda\xf9\x01z'</t>
  </si>
  <si>
    <t>b'\x181k#|^\xeb\x88u\xbat*s4\x9dN\xb3\xc7h/\x18\x8c\xe8\xd9\xd4\x96Y\x06Z\xbd\x8a\xee'</t>
  </si>
  <si>
    <t>b'Q\xb7(\xa3\xabA\x14\xf7\x1f,(+aH\xb5\x05t\xf2\xcd\xbd\x89\xa2\xa4\xfa\x89\x1b%\x82`\xef\x95\x18'</t>
  </si>
  <si>
    <t>b'i5\x8d\xb7sS\xbc\x81(LV.\x17\xb1\xe7\xe1ycz\xb5\n\x9f\xee2\xa8\xb6S\t\xb8o\x93|'</t>
  </si>
  <si>
    <t>b'AXd\x03J\xca-\x88\xaf\xc24eG)\xeco\x8e\xf7\x07\xde0\xe4\x96\x96\x7fU\xcde\xd85q\xb9'</t>
  </si>
  <si>
    <t>b'\xcf\xa25\xb4\xd2.\x91\xb7\xc3 \xa7Z\xb8\xadUks\xcf`\xb0I\xdf\xe7p\xbc\xdb\x0f\x04D\x18\xcf\x0f'</t>
  </si>
  <si>
    <t>b'\x1f3:\xad\xc8\x8d\xd8\xf5\xb1\xe4;\xea\xa8M\x9d&lt;&amp;\xe3E\xbf\xbe`#\xe3C\x88&gt;\x07V$\x91\xbb'</t>
  </si>
  <si>
    <t>b'I;\xa7\x00\xd5\xdc\xb0\xd9V\xf7.tJ\xa5\xab\x92\xcf\xb9\x923\x17\x14\xb5m&gt;\x88ed\xe2\x86k\x81'</t>
  </si>
  <si>
    <t>b"\xe6L[\xe5-\xad\xebm\x0e]T\x93\x89\x8d\xd4\xbcjy'3\x03\xbd\xc3\xfc\xdb\x82\xe4\xf6~\xa25\xce"</t>
  </si>
  <si>
    <t>b'}\xfaU\xa0D\x1a\x1aQ\xfe\xe2\x9c\xb1\xeb\x98\x10\x80\t8\x95\x16w\x7f\xb4I\xcc\x99\xe6\x92C"\xea\xed'</t>
  </si>
  <si>
    <t>b'\x98\xb6\x9a\xaaq3\xe3z\x87\x91\x99\xe6&lt;zh\x0e\xd83ED\x01\xa0Pw\x84\xf2}\xf3\xe6\xaf\x8bC'</t>
  </si>
  <si>
    <t>b'\xfd\x8f&lt;\x03Y\xc0\xa1\x87{\xad\xeeW\x1a\x00\xbf\xd5\xae^\xb03jZ\xb2\x9b4\x91\xeea0\xb6T\x10'</t>
  </si>
  <si>
    <t>b'\xc89\x9b\xcc~2\xea\xdd\xd5\xa4Nx\xab\x10\x01av\x8c\x1aQ\x89\x8e\x80!`\xf2\xac\xf3&gt;Y\xdc"'</t>
  </si>
  <si>
    <t>b'\x98\xc48\xdd\x1c0\xec\x1b\xfa\xc4=\xe2\xd4\xd6a-\xf6=\xbej\xb0\xb0&gt;r\xdb\xba\xdeF\x86\xdd=\xb6'</t>
  </si>
  <si>
    <t>b'\x06\x02\xa5\xc5\x0eI\xccE\x9cB\x02G@-KIk\x9c\xba+\xe9*\xfcK\xdf\x12\x1cM\x98\x1d\x08\x8b'</t>
  </si>
  <si>
    <t>b'\x9b~\x0b\x15\x8c\xfe\x0e\xf7\xfap\x12\x13&lt;:\xf2b\xc4\xd2\xdcjyd\xb03\xea\x8c\x02\x94\xd6@\xef\xff'</t>
  </si>
  <si>
    <t>b'\xb0\x13\xd2\xec7\xdc\x15?ga\xd76jb\xf4e&amp;HS\x1d\xab1\xaf\xcc9\xe3\xc4\xc7P\x19"\xb2'</t>
  </si>
  <si>
    <t>b'\xad\x0b\x03\xad\x9b\xa6&amp;|\x91;q\xaeiRz\xbc\xc9\xc8\xd7\xe0c\xf2a`\x14\xac\xe7\x8c[\xbfW-'</t>
  </si>
  <si>
    <t>b"\x83\xc3i%\xa4\x19?'-08E\xa2\x95OZ\xfd\xc4\xf4P\xcfj#I\xe4l\xd6$\xcdK\x86\xf0"</t>
  </si>
  <si>
    <t>b'\xeaZ\x9f]\xeb[2\x12\x01\xb8\x11\x91\xde\xa5\xc0\xc3z\xdf\x002\x8a\xeb\x9c\xec)\xb7\xb8\xa2kV&lt;\xe3'</t>
  </si>
  <si>
    <t>b'\xe7\xf8\xbe\xf3;F\xf7\xda/\x0b1G\x999\xd2\x9a\xf8\x8d\x00\xd7\x8e\x9d\xdd\xef\xe8{\xf4RvC\xc6\x9b'</t>
  </si>
  <si>
    <t>b'?mJ\xe8T\x02\xce:\xc4x\x9d\x1c@Rmg\xecBg\x99Q\x90\xd6\xb8\xc8\x10\xff=\x167K\x1f'</t>
  </si>
  <si>
    <t>b'N\x0e\xfe\x8c\xa6\xbe\x9a)\x83\xea\xbee\xbaV+\xe8\x8e\xda\xcc\xf7R\xa0\xb2\x0f\xd4\x11o\x0f\xd7\xd1p\xf3'</t>
  </si>
  <si>
    <t>b'\xd0\xb1\xf2\xa7O\x18?\xe3\xa9`?\x0f~A^\xa8c\x918\x19\xee-\x18}\x97\xa0r]\x83Q\x12\xff'</t>
  </si>
  <si>
    <t>b'\xa2\x99%\xb9wI\xcd\xaf\x8d8\xdb\x1c\xbbv\xad\xe9\xc3\xbf\xde\x1dj\x0b\xf4\xd1\xd2\xf6y8\x01\xc3\x85J'</t>
  </si>
  <si>
    <t>b'\xdf- \xfbu(\x0eJ\xd4\x96`\xca\xb4\xe3J\xb4\x9d\t$\x86:\xad\x10#\xab\x91\xe6\xe0k\xed%='</t>
  </si>
  <si>
    <t>b'CE\xcd\xd4\x9d\xf4\xc5\xbc\xf7\xc5\x06 \xb9k\x05\'mE@kP;\xc68\x00\x91\xa2\x8d5"\x1d\x97'</t>
  </si>
  <si>
    <t>b'\xf0\xd6\xe5\x0b\xaf\xe7On\xea*%\xe2\xfc\x0bk6\xa7KW\xc9\xbbG\xb2\xea\xc3\x1akj\xda\x82\x8d\x9b'</t>
  </si>
  <si>
    <t>b'\x96\x10\xf2\x9b\xa9G\x89\x18\xbc|8\x054\xbd\x8a\xe0\x9f\xd3\xbc\xe9\x98\xcaN\x08\xe7\xbf\x99\x96g\xaf\x1f{'</t>
  </si>
  <si>
    <t>b"h\n\\(.\x9b\x15e\xb2\x9e\xbaD?D\xd0~\xba\x1f&gt;\xce\x9a\x94a\xea\x83'\x80Rj\xdcX\xc4"</t>
  </si>
  <si>
    <t>b'\xa0bx-\xe4\x8e\xfc\x85\x82\xda\xad~\xa5\xb6\x83\x04,\xd8\xf3\x81\xa9%n\xac\xfe\xed\xad\x0b\x94&amp;\xc3"'</t>
  </si>
  <si>
    <t>b'\xf5W\xbaP\xc4\xf3\xbe\xd7\xb8\x1c\xc3\'&lt;}i\xf8k\x92\x1a\xd9\xbe\xd5\xe1\xf2\xc1\xa4\x00"\xf0\xde\xeb\x88'</t>
  </si>
  <si>
    <t>b'7\x11\xda\xbb\xfe\x04a\xb3G\xe4j\xa3\xdc39\x88E\xdb3\xb4\xf70\xd66\xbe\x88\xc9\n\xe4\x18\xf4\xef'</t>
  </si>
  <si>
    <t>b'\xa6\xc1\x1c\xed@\x8b\xec\x95Ls3\xdd3n\xc7\x03\x98\xba\xe7*\xfd\xf9\x84%2\xc7\xb3\xe8Qf \xd2'</t>
  </si>
  <si>
    <t>b'\x82\xc7\x17=i\xf0I\x14\xa5:%\xdc\xf8+#\xa2P\xc5\x987\x1e\xcd\x7f\x08&gt;u8UL\xd9w\x90'</t>
  </si>
  <si>
    <t>b"'JX\xb2\xd3\xa6\xc6e\xc4\xa9n\xd7\x86\t\xb5\xce \x95 \xce\x8aX!\xfe\x80|\xfa\x93\xd6Q\xfb\x9f"</t>
  </si>
  <si>
    <t>b'\xedT\xc6\xf6\xdfMm*\xe9\xab\xa8\xdd\x9f8}5\r\xe2v\x10\xa6\xc6\x0f\x8d2i\xc5Z\xa0k8#'</t>
  </si>
  <si>
    <t>b'\x90}\xc6\x90\x10\x11\xe6\xf5U(\x9d\xd1\xc9\x15\xc5N\xd9\xe0&amp;\x92H.\xf3\xaby)\x8a\xbe\x19@\xba\xbd'</t>
  </si>
  <si>
    <t>b'.\x0b6\xee\xa7\x13\xb3W_\x91\xa4Q\xeauq\xa5\xc21\xd7`\\\xa6\x1f\x18\x8f\xc9\x1b@\x9e\xaf.i'</t>
  </si>
  <si>
    <t>b'\x97\xdb\xdcm(\x0f\x96~\xdf\xc8u\x9c\x116\xe2\xfd\x03\xde\x95\xef%\x8c[\x9dp\xadx\x19\x07M\xb5a'</t>
  </si>
  <si>
    <t>b'\xb3\x0c!\xce\xceq\x00&lt;)\x8c\xdc\x9bC\xa4`AW\x93\x84\x81\x94!\x90g\xa0\xbaCy\xed\x01\xc0F'</t>
  </si>
  <si>
    <t>b'?\x95TH\xd3k\x17W\xdf\xaeh\xb95#\xc7\xdd~q\xc0\xb0\xe1i\xfc\rQq.l!\x06\x06`'</t>
  </si>
  <si>
    <t>b'\x19+\xd5I\xf4ty\x16\xe1o?\xccmI\x97\xac\x18?\xb2\xaao\xbf5\xd4\xe0I\x9d\x8dP\xab\x19\\'</t>
  </si>
  <si>
    <t>b'\xc3pr\xac\xf8\x82G\xf4\xfc\xe5i\x00\x0f=\x93\x14v\xec\x13\xee\xe2\xf3\xcb\xed\x08\xacJK\xf5E\xf4('</t>
  </si>
  <si>
    <t>b'\\\xb3x\xac\xc1.\x94\xbf\xcd\xbc\x0f\xe0P+Wm`\x19\xbe?\xc3\x00\xcb\xffp\xb3\xf3\x9cU\x84\x17j'</t>
  </si>
  <si>
    <t>b'K*\xaf\x86\x1a\xd5\xa4\x86"\xeaU\xfd\xed\xdeC\xbc\xe5_\xde\xc0\xc33\xe1&lt;\xec\xe3\xf0\xb8+f\x9a\xe8'</t>
  </si>
  <si>
    <t>b'\x8c\\\xaa\x1e)\x0c\xb8\xd3\x80_\x83\xa73Ut\xd9\xed\x11Jry\x88\xb6\x99\xc7\xce,#Ew\xbf,'</t>
  </si>
  <si>
    <t>b'\xc35$y4\xc7A\xe9\xb1Dw\xb6c\xb9\x1em\xc4\xb3\xef\xf0\x89\x01\xdfh\xe7\xee \x10\x0f\xc96\x8e'</t>
  </si>
  <si>
    <t>b'\x12\x8d&amp;l\x8fG\x8e\x89\xf3W\xd2L\x89\xfe\xb6\x8c\xb8\x04Q"\x19\x80\xc4*\x0e[?\xcf\xd4Sy#'</t>
  </si>
  <si>
    <t>b'\xf0\xc8\xea^4\x13:A\x88\xfb/\x98\x9b\xa0\x17\xa8\x95@\xa4\x83\xdb\x7fEIJ\xba\xbf\x17\x8e\x1f~\xbb'</t>
  </si>
  <si>
    <t>b'n+A\xb7\x83\xc9\xc7\x1a\xf0\xc4\x1f}\xc5s6\xba\x06\xd3&lt;\x90\x94\x12\xe6^=%\xab_?i\xf5T'</t>
  </si>
  <si>
    <t>b'\xc9\xebo?\xb8\xec8\x13B#fH\x95\x99\xd5A\xf1}z\xee}a\r\x1b5\xce\x9b\x99=S\xeb\xba'</t>
  </si>
  <si>
    <t>b'\xd6\xfc\xa1\xb8*\xbb\xa5\xeaj\x90\xa7\x02F\x19\x87x\xcf\xc32\xc2\x95\xf4\x86\x85o\x8f6&amp;9\xb5\xea\xb6'</t>
  </si>
  <si>
    <t>b'\x9d\x88s\x97(\x06$\x91k}\x17\xf5\x10\x94\xda\xe5\x9f\xf6\xd0\x1e\xecP\xdb\xe5\xb9\xe2\xb6A\xfe\xe9\xadc'</t>
  </si>
  <si>
    <t>b'a`\x12\xf8/\xf2\xbf`\xbc\x8a\x03#\xc1\xf2\xe0n\xf9\xea,=\tZ\\\xe0\xc7\xde\xbb\xafT\xf0\x0b\xf6'</t>
  </si>
  <si>
    <t>b',\x1a\xe0\x97{t\x1b\\$\xe3\xd2\xfc\xf3\x0b\xebN\xbf\xa3\xbd\x08&gt;\xf1\x81\x0c\xff\xb6\xf1\x05{\xf9\x9c&amp;'</t>
  </si>
  <si>
    <t>b"\x16\xbf,x+\x1e\xdf \xa9]\xce\xf2h\xbc\xd0'\x81\xb2\xd7\xce-\xda\x9d\xae\\\xba\x8a7h\xa9|\xd4"</t>
  </si>
  <si>
    <t>b'\x93\r\x00\xd1\x8cn\x08`\xad\xcb]\xa1"\xdf\xf8\x05\xadO\xf0;\xf8P\x1b\xed\x12\tX\x050\x1e\x94/'</t>
  </si>
  <si>
    <t>b"\xfc\x06\xa2\x01\x82\xbc\x18\x95\x02Vg\x8b2\xe2\xbaG\xacU\xe4\x9c'9\xc7\xcd\x91\x0cL\xd1\xfb\xb0:\x86"</t>
  </si>
  <si>
    <t>b'~\xa3\x86&amp;\xad!\xb8\t\x0e\xd3\xc5s\x17c\x8c\x80\xbc\x16\xbaGI\x80\x8cRTVoXpS\x86\xc9'</t>
  </si>
  <si>
    <t>b'\xc9\x7f\xd3A\xb7\xc0}\xafS\r\xeb*-\xd7w\x15*\xf6\xdf\xdb\x08\xa2\xae\xff\x87Jpn\xd4U3Y'</t>
  </si>
  <si>
    <t>b'\x13\xad\x03\x0c\xe6\x92u\xf0}\xe7\xcd\x06\xb2\x0b\xfc\xba\x96\xc3\xf9\x04Z\x03L\xd9\x81ba\\~\x0cJ\xc5'</t>
  </si>
  <si>
    <t>b'\xb2\xe10XEg\xd3\xbe[\xdd\x07_\x7f\xc6\xee\x8b\x0b\xcc{\x88/\xb2\x8e\xc1\x99P\xb8\x0f\xe2\xf8\x93|'</t>
  </si>
  <si>
    <t>b'\xe8\xf1&lt;\xbasG\xcbN\xc4\xddzr\xc1\xb9\xce\\D\xe6\x97Q\x183\xa8\x920\x14\xe2\x9ekJ\xedZ'</t>
  </si>
  <si>
    <t>b'\xc1ck\xcc\xe3R\xb0\x96\xef\xaeF\xc9#\xb4tS\r\x10\xf3\x195\xd6\xbe\x8cN\xcc\x9b\xf9w\x17x\xa2'</t>
  </si>
  <si>
    <t>b'\xc1}\xfdP\xfc\x0c\x01`L\x0b\x0b\xbe\xb5py\xe7\x98\xc2&lt;\x82\xf0\xaeY{\xcc\xd7\xe6.\x8a\xe2\xf0\xba'</t>
  </si>
  <si>
    <t>b'\xd7\xf4\xbdS\xccp06\x89\xe1\xe1\xa9\x8f\x8d\xca\x9aH\xff\x9f_\xf6\x90\xc6\xe8zQE+,_\xce\xca'</t>
  </si>
  <si>
    <t>b'\xfa\xc9\x87A\x01c\xdb\xde\x9cm\xf8`@|o\xb1\xcd\x0c\x8e-\x15\xcd\x08\x8b\xa6\xdf=\xc8\xe7KJ\x08'</t>
  </si>
  <si>
    <t>b"\xabW\x1c\xf6\xcb&lt;\xc9@'\xcbm(\xb2\xdf\xbfE\xc1\x94\xae\x12\xe0.\xb9\xc9\xae`\xa6G\x06B*\xe3"</t>
  </si>
  <si>
    <t>b'\x8d,\x18\xdd~N\xa8\xda\n\xb0\x0e\xd5\xb4n\x94\t#\xb7I,\x03E\xf6\xccP\xcbC8}\xcfb\x81'</t>
  </si>
  <si>
    <t>b'p\x8c ;l=i"\x139+\xb4\x86\x12\xe2\x93\x0024\xee\xc6\xa5\x93\x1c\xccy\x0e\xc2\xb1}=\x0e'</t>
  </si>
  <si>
    <t>b'\x91\xf3\x8d$\xed\x9a1\xe7\xf2G\x11R\xe7"\x90\x98\x01_\xe8\xc6\xc3\x8cv\xef\xde\xa0\xae\x1au:\x9b)'</t>
  </si>
  <si>
    <t>b'\xc1^n,\xca\x08\xeb=\xf4/\xa8\x85\\\x82\xe3\x03\xaf\xef\xdes\xf5\xaf\x9b\xc6:\x96*\xa4z\x98N\x19'</t>
  </si>
  <si>
    <t>b't\xb3\xed\xfe\xe6\x02 \xacg\xae\x1b.\xd0\x15\xa3I\xbf\x01\x15\x1ad\xdb\x1a\x0b\xc2\x14J\x1aG\xd1\x08\x0c'</t>
  </si>
  <si>
    <t>b'4_\xff*\xb1\xd7\x00\x073oS\x96\x1b\x0b0\xe6\x15\x89a\xd7\xfc\xae\xb9\xcd\xf86X{G?-\xbc'</t>
  </si>
  <si>
    <t>b'\x19\xb8\xc9L\xb9\xf5\xad\xa9\xd1O\xcd\xa7\xa8@\x8b\xf4\x9c\xa6?[\x089\xa6\xa1\xaf\xdc\x80.f~\xaa\xfd'</t>
  </si>
  <si>
    <t>b'\x99\x90\x7f|\xc6ev\xe8\xcaW#\xe2|ch\xb9\xfe\xb4\x96\xb5\x14)\x1fl\xcaK\x0b$k\x82\x7f\xcf'</t>
  </si>
  <si>
    <t>b'\x88\x84GunU\xacQ}8\xb2\xf0(&amp;\x857\xa7@\xcc\xdc]:\xae\xef\xd6\xb1\x1f\x9f\xfa\n\x03\xc8'</t>
  </si>
  <si>
    <t>b'\xa4\xa6\xeb\x07S?&lt;2M",\xf1\xdb\xf5\xed\x81\x8c\xc8\xcd+l\xce\x0f7XZ2\x9c\xbd+E\xc9'</t>
  </si>
  <si>
    <t>b']\xb1xs\xb6G\xcf\xd9\xe6\xe7\xfbN\xb2(6\xd0`\xa9!\xdf\x8aj\x13iP\xf0\xc1+\x90\x01M\xb6'</t>
  </si>
  <si>
    <t>b'\xcaaBQt\xcf+\x1b\xa7\x8b\xe5\r\x88t\xeb\x8f{\xbc\xceY\xc9\xffb\xc4J\xeb\xb9_\xda\xee\xc6\xc6'</t>
  </si>
  <si>
    <t>b'\x9b\xa0\r\x0ca\xbb\x8ep-\\\xdb\x7fu\xa1\xef\x7f\xb5\x8ax\x96 \xf8\xf9\xa4\xa5\xee\x19\xf8\xab\xf5\x8e\xcc'</t>
  </si>
  <si>
    <t>b'\xeb\xe4\x15\x01~\xc0\x1c0=\x163\x90\xa0\xee-I\x1b\nG\xe3XC\xabg6\xef\x93\xbf6\x86p\x18'</t>
  </si>
  <si>
    <t>b'\x88\xaaX\xba\xff h4\x9a\x87\xd5\xea\xde\x9b/\xcd\xd0x-l\xea\xeb\x17\x1a\x10\xf1S\xcb\xabE\xf0u'</t>
  </si>
  <si>
    <t>b'1\xfb\xe8\xebt\xf7\x86\x0e\xdf&gt;/U\x19\xc5U\xb2\xb1+.\xab.\xd4T\xf4\x7f\xf5\xce\xbe\xdf\xe5{\xbb'</t>
  </si>
  <si>
    <t>b'\xa4\x04\\q\xeb\xbe\xf3\x17\xe9\x1c\xf8\xd7\x8f\xe5\xd3\xa0\x9aD\xa1\x96:\xdde\x0cb\xbe\xcb\x0c\\\xf6\xdb\xda'</t>
  </si>
  <si>
    <t>b'\\\\S\x12\xb6\xa0\xc6\xd3\x86\xde;Sj3\x9b\xbb\x9f\xa8\xe8\xe5\xb9\x95\xe1i\xbb4r\x8a\x1b\xb7\xdc\x13'</t>
  </si>
  <si>
    <t>b'1\xa6\x0c\x96\xd2\x16\xd0\xc3b\xfa\t\x1d\xd4+\xa6\xfd\xe08vBn7j\x8f\xd1\xfb\xaf\x1b6H&gt;\x07'</t>
  </si>
  <si>
    <t>b'\x05\xd6@a[L\xfa\x12\xb0\x10\x9e\x83/a/\r\xcbFv\x17U\\\xa1\xbc\xd5\xe5\xf3\xc0\x81\\\x8fS'</t>
  </si>
  <si>
    <t>b'w\x99\xd0\x84o\xae\xc4\x90t\xf15\x8fUSx\xba7c9O\x18\x9c\x93V+C\x8e\x14WjL\x92'</t>
  </si>
  <si>
    <t>b'y\xd3aE/\xbc\x97W\xec\xc1pL\x87i\xb2\xf2\x9b\x8b`\x98[K\xc9\xc6\x14\\T\xb7\n\xb4\xa3\xc2'</t>
  </si>
  <si>
    <t>b't\x16\xc7~OI#":\xb0\x130\xa5N\x90\xff\xccW\x01:\xf6\x99x\xbfN\x12m\xf6\x13\xd3\x86\xad'</t>
  </si>
  <si>
    <t>b"\xfcB\xda\xd6\xf8\x03RI\x9b\xa4\xcbu\xc1\xd2Q\xa7\x06\xfb\xe8\xd9\x95o\x10'j\x9f\x95\x08\xec\xc9\xc7\x93"</t>
  </si>
  <si>
    <t>b'\x07=N\x98:\x17)|\xfb\xa6c\x08\xf9\x00y\x88~L\xcb\x1dYr\xcf%\x11\x18mKE\x0f\\\xf3'</t>
  </si>
  <si>
    <t>b'\x0e.\xe1\r\x10\xd8\xf0\x97\x17276\x83\x10+\xf81w\x7fe\xf0\xcd|\xef\x80n\xa3\x17\xae\x89\x90\x1e'</t>
  </si>
  <si>
    <t>b'X\x92\x8c\xac\xb0\xf3\xdc\xf8\xb5\x17\xc5L\xb9"\x9c9\x1e\x8eI\xf7\xdbeP\xbc\xd2\x83&gt;\x819\xeb\xe9P'</t>
  </si>
  <si>
    <t>b'G\xe0\xbc\xaf\xa7\xe5\xcf\x03\x14N\xd3\xef?\xe5IV\x95(\xe9qe\xbc\xdb\x879\nh\xb7l\x1d\x01Q'</t>
  </si>
  <si>
    <t>b'\x1e\x1dIA\xf5\xa3\xe7v\x8dD\x81\xd2\xceb\x93\x07&amp;(3\x05\xda\xed\xf7\xd7)7\x83\xff\xe2\xf04)'</t>
  </si>
  <si>
    <t>b'\xa8i\x04_9F\xd8}RX\xc5\xd4oKY\xc4\xfft\rx)b\x05T\xdc\xa5X`\xc9\xf8\xf1Z'</t>
  </si>
  <si>
    <t>b'\x15j\x03\xe6,\xfc\x13\xa1\xc0\xea\x9d4C1\xd2\xcd\xa1%\x8a\xce\x94\\z\xe0\xd5\x02\x83\xc9j\xbc\xb3\x91'</t>
  </si>
  <si>
    <t>b'\x98f\x7f|\t\xc1JZJ\xe2\x98k}WJ\xbaI.\x90\xb5\x08$g\x1b\xfa}\xc1\x00\x97\x10\x1e\xdf'</t>
  </si>
  <si>
    <t>b'N\x1d-\xb6U\xba\xa2%1\xeb\xef%,g\x07\x131\xf8JXA#\x01\x8f\xd6z\xc2)\x8d0\xf2\x96'</t>
  </si>
  <si>
    <t>b'\x8d\xe5\xbft\x83$v\xb0\xd9v@\xfd\x83\xe1\x9b\xdf1\xe5\xa8\xc2\x05\xc31|\xbb\xc2g;\x82\xd7\xfc\xba'</t>
  </si>
  <si>
    <t>b'Aa\xa5k\xd90\rA\x06N\xa3j\x18\nti\x0fS9\xf9\x90\n\x17\xf4FBA\xfb\x9b\x12\xef('</t>
  </si>
  <si>
    <t>b'l\x919v\xe1\x86\xf7N\x0f\xb4/\x8d\xf2RP\x1b~\xae(\x05\x1a\x1a\x7fex\xfcx\x8a\x8c.\xab\r'</t>
  </si>
  <si>
    <t>b'8c\xfe~b\xca\x8dO\x06?\xcf\\&lt;\xd64\x89\x91\x9d\x05\xdei=\xaa\xc2\xab\x9c\xe5\xf4\xfap\xda\x83'</t>
  </si>
  <si>
    <t>b'!\x7f+\xab\x11OV\xfcD_\xb5=\xaa\xf9\x1d\x98]\xff\xd4\x83\xd5l_\xbb\xb6WZv\xf9\xaa\x06 '</t>
  </si>
  <si>
    <t>b"\xd8\xc4*\xdffwG\rw\xedo$\xe5\xe9\x90\xe3\xb4\x1e\r\x9d\x0el\xd1T\xb5\xe7\x01'\xf0U\x81\xb7"</t>
  </si>
  <si>
    <t>b'\xd4\x04\x1d\xcd\xceM\x91\xf9O\x00\x15\x05\xc3.e\xbdO\xbc\xa4\x0c\x0bf;\x92\x9b\xb4\x90\x8a\xba\xd2\x02j'</t>
  </si>
  <si>
    <t>b"\x91\xbf\xac\xaf\xdd\x8e\x11\xb5\xe7eUO'*\xb7e\xe7ZO\x18\x14\xd9\xcf\x99{\x03s\xcf6\xad\x16d"</t>
  </si>
  <si>
    <t>b'\xdd~o\x1c\x9c\rl\x1cf\xf8\xb8\xa6@s\x8c3\xfc\x8c}4EO\xe0\xabcD&amp;\xaa\x81:\xa7\xc2'</t>
  </si>
  <si>
    <t>b'\x852\x99,E\x8c\xe4|\xbc\x03B\x85!\x9d.\xf5k\xbaD\n\xe5n\xa2[cd\xd64\xae\xdcf\xe4'</t>
  </si>
  <si>
    <t>b'\xc8\xdd\xac\xab\x947\xdd\xcd\xe6\x17\xb6n\\?\xb3f\x02\x00=\x06\x0cC\xe7{\xcf @\x95\xc1\xe6}\xcb'</t>
  </si>
  <si>
    <t>b'\xbeI\xebZ"\xd3P\xb3\xd2\x85:\x0f\x99\xdf\x1f\xcap\xd7\xbeM\x9f\xd4X\x98\x11\xff\xed\xd8\x82\xe9\x0c\xa2'</t>
  </si>
  <si>
    <t>b'\x0e\xe5\xe7X\xe8\xfc\xef\xb4\x89\xb6\xe8\x1c\xa3\xb9Y\xa7\xbc\xfb\xa7\x15\x91\xa0\xd1\n\xae\xab\x1eC"\xcf\xf4\x7f'</t>
  </si>
  <si>
    <t>b'@\xc6T\x05y\x05\xe8IG\xe3\xc3=\x17\xd7\x87\x9af\x0e\x9eg$%\xde\xec\x11\xd5\xd7Q9\xb8\x80U'</t>
  </si>
  <si>
    <t>b'_\xe3\xd4\xa5\x7f\x91\xac\xb3\xd7V\\\xab\xe6\x92\xc7P9$\x05*\x91\x80\xf4u\xc9\xb4\xa9:Gf\xa49'</t>
  </si>
  <si>
    <t>b'\t\x1a\r0l7\xecy\xe3\x91\x97\xa0\xd9\x9fh(\xc0\x05\x89\x97\xd6d\xa0X\xb7`\xbe\xaf\x7f\xcfB\xe8'</t>
  </si>
  <si>
    <t>b'-5\xc0\x85\x08\x11N\xb6\x17\x9fl8\xae\xbbm\xf9\r\x9d\xc6\x87A\x7f\xbd\xc9\x82\x9e\x08\xe6\xf9\x95+C'</t>
  </si>
  <si>
    <t>b'\xa5\x8d\x99\xb7$\xc2\xc4i:\x96+c\xba\xb0\x02\x84\xf4a\xc4\x89F=\xde\x85r\xf1{Z9\xf9\xadL'</t>
  </si>
  <si>
    <t>b'\xaa\xc3J.jN\xc6\x15\x063\xa2 \xe4qG_\xf94\xc4\xdd\xafu\x97\x15\x07\xc6\xdf|\xef\xa6\x90M'</t>
  </si>
  <si>
    <t>b' V\x91\\c\xe5\xfa\x1ehu:\xaa0\x92\x1d#%\xc2!\x8c\x85\xa3\x14\xd4\x87\xf5\xa9\x1cl\xf5ZS'</t>
  </si>
  <si>
    <t>b'\x9b\xb8\xef\x05\x84\xbbM\x03g\xe2\xbe\x12&gt;\n\xe5k\xb2M\xe3\x05Ntv#\xae\x01\xd8\xdb\x86\xfc}\xdf'</t>
  </si>
  <si>
    <t>b'\x8f\x0e;\xb1"\xd9\xbe\xaf-\x9a\x89h\xf6,\xad=~\xa0mL\xad"\xf78\x82\xea\xcdm\xeec\x03\x98'</t>
  </si>
  <si>
    <t>b'\xf6\xacm4\xd6p\xaf\xd9\xbe\xb1YT\xcf\x14\x06\xc1&gt;\xfe!\xd7\xdb\xe8\x01+9\xe0\x8a\x13\xfe\x8d[f'</t>
  </si>
  <si>
    <t>b'\xd1iZ\xc2\xd0\xd1\x01K\xef\xc4H\x06\xf9r92\xc1\xec\xba\xc2_\x86\xf3\xf8)k\x03\xf5\xef;\x87\x18'</t>
  </si>
  <si>
    <t>b"\xbe\xcd\xe3\x80\x8d\xdaH\xd9\xe6\x9b\x1b\xe5\x01(]4\xfbi\x90\x99\xc8\xbe\xc5\xd61\xe6'\x86\xa2\xfdi\xd1"</t>
  </si>
  <si>
    <t>b'E\xe5\xc8\x83\x13\\) \xa9-Rs045k\xe0\x02^_\xca-\x02\x1bj\xf1\x08\xe3\x84\xd3\xc2\xef'</t>
  </si>
  <si>
    <t>b'\xef\xc5\xa97@\x86\xff\xfb\xad\x04\xb7\xa5v\x00\xb0\x10\x97\xb7\x9eA\x1aS$\x01\x94\xf6\xe4\xda\xc8\x07\x8b\xe3'</t>
  </si>
  <si>
    <t>b'n!G\x99\x18|7\xec\x8e\xd5Uv\x89A]\x15\x13p\xf7\xa8[E\x06PK\xccH\x9a\xb4\xbd\x04\xb4'</t>
  </si>
  <si>
    <t>b'j]\xb1*q\xe7C\xd3R\x1al\xbb\xb7\x9a\t\xc5V\xaft9\x00LQ\xaf\xcd`\x9c\xb3B 5\xad'</t>
  </si>
  <si>
    <t>b';Z\x8d\xc3\xb7ud\xb8J\xf8\xe5K\x8d\x87\xd9\xd6\xaf\xf3gR\x98C\xfdg\xc7T\x06\xcdP\xe4/\xa9'</t>
  </si>
  <si>
    <t>b'\xea}\xa1\xdd\x07\xcc\xa5\xc8/\xdebt\xc1\x7f\x83(\xe9vc]`u%\xf1\x0b7\x82\xab\x17\xd0,='</t>
  </si>
  <si>
    <t>b'\xb52p^~Ke\x124Z\xe8\x1b&gt;z\x82\xeaZ\xfa\x82?6*x\xe2\xd5\x06\xa4\x13K\xc7K\xce'</t>
  </si>
  <si>
    <t>b'L\xd6\xc7\xcfa\xc3G\x97nL\xa1\x1e\xa5y\xa8bI-\xd0l\xe0\xb0\xd3o?-C\x9dS#\xb6\x1e'</t>
  </si>
  <si>
    <t>b'28\x9a}4\xce\xa4w\x97?\xcc`~\x9f\x80\xdb.\xd5\xacb\xaf\xa90\xa6Y#ja]qH\xc7'</t>
  </si>
  <si>
    <t>b'\xe4\xdc\x19n\x8a\x9f\xf3\x04\xe2\x90S\xe6\x7f\xaf\xe8*\xbc\xa9J\xe4\xb1\xfb\x1f\x8eC8\x0cNc\x16&lt;\xde'</t>
  </si>
  <si>
    <t>b'\xea\x9bT4\x0f\xe3\x8a\x11\xe4!\xc1&lt;\x01\x99\x0e\xaf";\x11/\x02\x1b\xf4\xb5[1L\xf5\xf2\xe9\xe3r'</t>
  </si>
  <si>
    <t>b'\xf7\xcf\x8c\tRi\xf7Y\x9f\n\x1b\x99\xd9\xd5\xeb\xb4\xc2\xe4\xa1\x1b\x90O\x04@\xf7]!u\x8e\x9e)K'</t>
  </si>
  <si>
    <t>b'\x9b\xad\xff8\xb0_\x1f\xa8Hyj\xe3\x97\xfd1rL\x0fv&gt;]\x9d\xc97U\x90\xf6\xb8\x1e\xd1\x9a\x02'</t>
  </si>
  <si>
    <t>b'I\x96\xb7\xf7\x90\x9b\x8d,~\x07\xcf\x89\xe9\xe5\ndB\x8d-t\xa3[b\xd7;\x9a\xcb\xa0\x84\x1an\xca'</t>
  </si>
  <si>
    <t>b'\x85\xb3v0@/8\xef\xc8\x85!\xb5\xcd\xf2S\x9a\x85\xe1^2\x9e\xa6\xf4?\xb9\x1f\xb7S\xd96L7'</t>
  </si>
  <si>
    <t>b'\xc0N\xe2mJp\xa4X\xdc\xe4\x8b\xc8\xe9\xc1\xf9\xf7h\xd4O\xf4\xad\xdai\xc5\xb9\\\x94\xc4\xa1\xee\x88;'</t>
  </si>
  <si>
    <t>b'l\xd46h*\xf52\xc4i\xd7`Q\xc3\x7fQ\xca}\x1c\xa1\xc0\xb1\xfcBi\xb6\xb0d\xf8\xc7\xf9\xe9\xac'</t>
  </si>
  <si>
    <t>b"\xf7\x1d\x17}\x14\x89\x07O&lt;'\xe0\xf9\xb7\x95s\xa0\xca\xa4g\x84R\xc7\x1f\xdc\xb9\x10 \x95H\x98\xda\xd3"</t>
  </si>
  <si>
    <t>b'g\xd4\xf7\xc5&gt;\xd55\xadKs\xb4\xdc&gt;/\xe8\x7f\xa7w=\xd7\x87$\t\xce\x84t:\xf3%\x81Gd'</t>
  </si>
  <si>
    <t>b'ma\xa8\x1a-\xa8\xa2\x04\xde\x18&gt;\xf83\xf3\xc6\xde\xb4\x15c\x1az{\xd3e`\x82`\xaa\x9e\x8a\t\xd7'</t>
  </si>
  <si>
    <t>b'a\xaa\xff\x94\xfa%\x13\xfep\x1e+\x8f\xc5\x81z\x85\x05p\x19\xdd%\xff\xc6\x9cB\xdd\xb5-\x03\xa1ow'</t>
  </si>
  <si>
    <t>b',9k\xf9Z\xe5)\xb2\x9e\xc9|\xef\xa9@]\x82&gt;\x9bN\xac\xe5 \ri\xa6H\x1a)\xc6\xcf\xcc*'</t>
  </si>
  <si>
    <t>b'\xfa\x8f\xf2\xb6\xb0Mu9\xc9\x1e\xdd`;\x13\xbc\nJ\xc3\xfc\xd9H\x8cHT_\xaa\x92"\x13uJR'</t>
  </si>
  <si>
    <t>b'\x81\xc9\xeb\xacS\xf2\xff)\xe9\x06C\xa4\x05}B\x01\xf2\r\x03\xd5i\x8f\x97\x14C\t[\xc3c\xb8&amp;\x15'</t>
  </si>
  <si>
    <t>b'\xed+\x98\xf0&lt;\x95\xb8,\x87/q\xb4yWe^\xbe\xed|\xce\x86&amp;\x9c\xefw\xd5j\x1a\x93\x9b\xd1l'</t>
  </si>
  <si>
    <t>b'%:\xb0)\x9b\xd8\xcd\xd2.A\xe0a\xecZ\x9a\xf3V\x00\x01\xe6\xbb\x14\xac\x99a\xdb&lt;_I\xc7\xd6w'</t>
  </si>
  <si>
    <t>b'\x08\xfb\xb0&amp;u\xc0\xc5*hC\x82d\x80\xf8m\x0c\t\xc2\x95d\x00\xd8\x9e\xfd&lt;\x9fG\xde\x131\x19\x1c'</t>
  </si>
  <si>
    <t>b'&amp;\x0c\xdc\xc5`\x04N\x02\x0c\xc0\xee6\x8d\xe0\xeacO\x08\xea\x97\xc4\xcfxp\x84\x1a\xe9\x81\xf7\xbe\xd4\xf4'</t>
  </si>
  <si>
    <t>b'\xc6#\x03/\xe1\xaf\xf4F\xf7\x9d\xab vI\xd8\xd3\x0f6O\x8d#\x88\x067\xd6YB\xc5\xcf$\xe4\xbc'</t>
  </si>
  <si>
    <t>b's$\xbfA\xdb\xfb\xf2\xad\x0b\xed}\xbf\x95F\xf7\x82x\x87\xc1Su\xa19\x86\xda\x1c\x07HR\xb0\xfd}'</t>
  </si>
  <si>
    <t>b"i*B\xcf\x83\xc5v\x90\x91\x9a\x8e\xc6\xfb\x95\xaf\x84{P\x7fz\x87\x86'\xc4\xdc;O\xfb\x82\xa6\xbd\xd9"</t>
  </si>
  <si>
    <t>b'\xce@yU0\x18\x82\xc0\xcd\xce[\xfe\xca\x06\xcf\x08\xd7-\xbeth\x89\xdb\x94\x1f\xb5@2\x13w~\xc9'</t>
  </si>
  <si>
    <t>b'_e\xdb\xd3\x9c\x92jIVa\xc8A%\x93\x7f\xce\xf7\x139?`\x05$\xfd\xb2\xc6n\x96\xc9\xf8\x8d\xa7'</t>
  </si>
  <si>
    <t>b'J\x1bx\xda2\x99\xe1\xdaI\xb8\rw&gt;x\xe4\x1b3\xbf\xecV*\x95\xa6\xe3\x9b\xd8\x92\xcb\xcb\xc7\xd2\x10'</t>
  </si>
  <si>
    <t>b';\x16\x84\xb3\x02\\K\x8b\x89$v\xb3\x7f\xfcd\t\xa6\x96\xff\xffx\x01\xbf|@\xba\xbfnJd}\xca'</t>
  </si>
  <si>
    <t>b'\xa4\xa4\xa5%\xb2\x91k\xdfy\xd08\x13"\x8e\xc5\xda\xa2\x95\x95b\x9d\xf4\xc3\xb9\x929U\x90Lw\xf2X'</t>
  </si>
  <si>
    <t>b'O\x8fF\x9a\x83\x01\xd8\x9cQ(\xb6\xcf\xbf\xa3\x86\xaa\xe9\xe0:[\xa7\xce\xde\xcb~\x1a\x88.\xaap\x18K'</t>
  </si>
  <si>
    <t>b'd\x8d^8-\xcf4+G\xeb\xdf\xd03\x8a\xb9t\xc0\xafi\x06\xb3k\xb5\xad\xd99\xdb\x9ebh\xc1\x05'</t>
  </si>
  <si>
    <t>b'\xff\xe2\xb0\x8el\xfdwD\xc9\xe8\xd6\xd1\x19\x8f\x17q\xf1\xc7/\xa1\x80\x05\x11\x0c\xa7\xb4\xb2+;\xf2\x12\xbd'</t>
  </si>
  <si>
    <t>b'\xa5]V\xf5\xa9]:\xee\xa1\x81%\n\xbd\xa8\x89F\xc6\x1cs7\x85\xd0v&lt;G\xaa_\xd3\x01\xfa\x99\xbd'</t>
  </si>
  <si>
    <t>b'\xafR]\xa7\x9a\x0b\x1c\xc6\xd2\xcd\x1f*\x0f!O2\n\x89\x02\xbaP\\\xe8\x93\x8e\xae\xc7\xabF\xdb\xfey'</t>
  </si>
  <si>
    <t>b'\x01\x9e\xdfa\xbbI\x1d\xa1\x04\xc6\x10\x11\x16&amp;\xfdh\xb9\xdb\x0c\xb6\x97K\xf0\xd4\x80\xafE|\x7f`\xa4\xd7'</t>
  </si>
  <si>
    <t>b'\x1f]B\x9d\xac$[\x05"\xb4\x82\x8a^\xc0S\xde\x83{\x9f\x8d\x18B^\xdc\xc4(\xa8\xaeF\xfe#p'</t>
  </si>
  <si>
    <t>b'?\xdc\x96\x85)\x13\\\xf1\x15U\xccQid\xb7x4\x9d\x15\x9e3\x11&lt;k\xee/\x9e:kl+\n'</t>
  </si>
  <si>
    <t>b'\xb2\x90F\x05\x94\xd7?^\r\xd6\xf5\xbf\xad\xf4\x02\xcd\xb3\xd8\xc63Z\xd9\x8e+\xdc\xbb\xdf\xc7\x97\x95\x12\xfd'</t>
  </si>
  <si>
    <t>b'\xdf\xfa+\x12G\x96\x07/\xebD\x0feC\x06A3&amp;\xd3"Pp\xaa\x9b\x05\xa8\xbc\x7f\x16&amp;\x9d\x89{'</t>
  </si>
  <si>
    <t>b'\x08\xfaT\xfb\x8d\xf4\x06\xa7c-}f\xdcm\xff\xef \xa1\x0eiy\xf5\x03\xce0\xd0\xac\xa4\xba6\xdbK'</t>
  </si>
  <si>
    <t>b'n\xf1\x1f\xce[\x0fB7\x88\xe0R3]\xb9\xaa\n\x94\xc4\xb4u\xdb\x15\xdf\xe9\x8c\x127\x93\xeeI\xa9:'</t>
  </si>
  <si>
    <t>b'\x95O\x1d\x99JQ\nG\xeb%\x04\x13\xe0\xb1^\xba%N\x8di\x84P}\xe8\x0b\xea\x8b\x9b\xf06\xe5\x14'</t>
  </si>
  <si>
    <t>b'\xccvvUr\x7f\xd6I\x06Y\xdf\x9d\x9al&gt;\xa4S\xee\x02\x18\x08h\x8aj\xee\x0c\xb1AF\xde\xadp'</t>
  </si>
  <si>
    <t>b'\x1a\x02@2\x83m)\xe6\xd1\xc8\xf0Y\x92^\r\xc9\x88\xe6\x87\xe8\xcb\xa6-\xfao\x9fqhd\x18\xad\x84'</t>
  </si>
  <si>
    <t>b'\xfddy\xea#\xe5\xd6\xdd\x07\x85M\x16\x82\x1e\x92\x06\xc6\xd7ir\x93\xf4)\x0c\x80\xbeH\x8bT+\xa6\x8c'</t>
  </si>
  <si>
    <t>b'd\xdc;-\x07$3z\xdf\x91s(]\xea\\\xbb\xc5\xc2\xd4\xe9\xb9"[V\x90\xccF\xb3V=v\x07'</t>
  </si>
  <si>
    <t>b'\xf3\xa3k\x9c^0\x1b\xfe\x84\xf6\xefE\xcc\x05\x19\x7f\xef\xf7`G\x19]qH\xdc^ =6\xef\xe5\x1f'</t>
  </si>
  <si>
    <t>b'o\x10\xdd\xb2H\x1dCxP\xbd\xae9\x9a\x06\x04\xe3\xa4r\x06\x04\xac\xef\x18\xaf\xd9\x8f}\xc9\xa6\x87oM'</t>
  </si>
  <si>
    <t>b'\x1f\xff!\xae\x07Do\xf0\x07q\x92\xfeT\xdfP\xd6i~\xb3Yx\xea/\xa5\xbd(s7\xf5\x01\x998'</t>
  </si>
  <si>
    <t>b'\xf5\xc0\xa0\x9f\xd7H+*R\xb8\xc9\xd1J\xf5\x02\x9f\xa5g:^~\xbf\xc9&gt;YV\xea\x8ed\xd1$\xd2'</t>
  </si>
  <si>
    <t>b'\xc1\xd6\x16\x12\x84\xf5^\xd4\xde\x98\xa3\xf0;o\xed\x98O\xebG\x1a\x93\x05K\xf9\x81uG\x1cxh\x8b"'</t>
  </si>
  <si>
    <t>b'\xe1|,\xba\x00=\xd7i$\xfaSj\xbd\xb4\xa06#k\x1f\xf5e?\x84\xff\xfc\x84b\x8b\xfd\x00\x03\x1a'</t>
  </si>
  <si>
    <t>b'!\xdc\x82\xf5\x8a\x9b\xb1\x00\xd5\xf0T\xa5\x0fuRO\x0c\xa9~\x15\xdf\xc4d\x06l\xd05J\xc2C\xf4\x1b'</t>
  </si>
  <si>
    <t>b'\xb8\xe7\xf1\x15\x0cn\xa8\xf6\xa3\x1c\xce?k\x9e\xa5\xd4\x02)\xe6\xefK\xdf\xdd\xa2\xae\xf5\xc5i)\x06\x96\xd7'</t>
  </si>
  <si>
    <t>b'V\x91\xf9{\xef\x15G\x06\xe5\x15\xd7S\xe2\x89\xd1\xe5b\x95\x91\xf0\xdf\xf6a\x13}4\x0e\xdb&lt;\xdez\xcd'</t>
  </si>
  <si>
    <t>b"RbX\xac\x02\xf7\xb2\xbc\xde&lt;^\x009'tX,b\xe8\xf3+\x9f\x94\xca\xe4\xc9\xa8\xbe\xf9G\xb7\x97"</t>
  </si>
  <si>
    <t>b'8\x98E\x95\x9f\n\xbe\r\xde\xc0\\\xf4\x06)\rbL\xbc\xf2s\xd4\xb9\x16b\xd0\x17\xfe\x1d\r\xfd\x0b\xb7'</t>
  </si>
  <si>
    <t>b'I:\xf2\\X\xf6\x97c\xa9_\x87\xdb|\xc2\xdd\x96P\xef\xbe\xc9i\x80\x15*\xa9\xcf\x9a\x812\x1a\xdf\xa5'</t>
  </si>
  <si>
    <t>b'\xca\xd5.RC5\xf6\xa1D\xf7u.\xe1o\xab=+\x99!\x89\x1e}B/M\xad\x926\xaa\x92g\xc6'</t>
  </si>
  <si>
    <t>b'\xd1\x8a\x84\xd2LV\xe3\xdd\xe7\xffZ\x17B\xb3\xa8cw|h\xe8i\x87\xa1\xe9Q;\xe2a\xfa8I\xf7'</t>
  </si>
  <si>
    <t>b'\x8b\t){r\xfarQ\xe9\x8e?\xe3\xbe\xd9\x1eg\xe3Sn\xc4\xdb\x13z\x08\x04\xe1#\x8d\x967\xb4\xbc'</t>
  </si>
  <si>
    <t>b'\x01\xbe\xa8\x9f\xba\xa7^\x17f\x8f^\xf1\x1b\x9d+\xa2\xcfkC\xb7\xf4\x06\x8cq\x0f.E+\x97\x8bG@'</t>
  </si>
  <si>
    <t>b"\x96\xe6e\xc9\r0'\xfc\xcf\xd3Y\xfcqRM\xa4\x02\xf6\xe8\x860{~\x18\xec\x18f\xfdnt\xb0\x13"</t>
  </si>
  <si>
    <t>b'\xff\xf1\x84L/\x1c\x8a\x07a\x07\xbbP+\xf5\x18lg\x8b\xdf\xe1\xd0)\x7fvQ@\x0b\xe9\x07\x16b\xd9'</t>
  </si>
  <si>
    <t>b'O\x0c\xf2\xb3\xb4\r\x96\x03`.D\xcev\x8eQ\xc2y{\x95`\xc8r0\x8c/\x00\x9e\xa7c"c\xb9'</t>
  </si>
  <si>
    <t>b' W !b\x08y\x88\xdf\xd1b\xe1\xe5\x87\x9d\x0b\xc6=\xe3n`L\xf1\xcd\x063\x95\xc8\x06\xbb\xac:'</t>
  </si>
  <si>
    <t>b'yX\xc4\x10\x06\xbf\x8a\x17\xb1q\xea\x0b\x92;\xd9\xe0\xcetu\x8b\x19=\x9d\xb9\x8b\xb4H\xb9\xbbU\x9aU'</t>
  </si>
  <si>
    <t>b'W\xf7\x07\xa5\x8f\x02\xb6\xf1\xa2\x8d=\x98^;\xf8\x87ue\xe7\xb0Y.R\xc2\x8f|p\xaf8?dK'</t>
  </si>
  <si>
    <t>b'\xb4\xd9U!\xe9\xc9\x82F\xa4s\r&gt;9\xa5\xebJTf\x83s\xe0\x96\xbd\xa6+\xe6g#G\x86bl'</t>
  </si>
  <si>
    <t>b'(\xb5\x024"\xe8\xceX\xd0\x0f\xee\xccu|eV\'\xd1\xbbC\'\xad9\x03\xf7\xa5\xf4\x14\x84\xee\xf2N'</t>
  </si>
  <si>
    <t>b"\xe2w\xe5\x83E\xe1'\xcaO\x95.6\xe0e/*\xca\xc7\xed\xe2\xcc\xb7\xb0\x0eJ\x93\x98\x18\x95B\xf4\xf1"</t>
  </si>
  <si>
    <t>b'\xbf\xa1\x14MQ\x05\xaf4\x80\xe9C\xc2\xc9Pc|\x17\x15/c\xc6P\x89S\x90\xf1CA\x1a\x94\xf0\xe8'</t>
  </si>
  <si>
    <t>b'\xfe\xd7\x91\x14&gt;2{$x\xf3?XN\xe9\xb7\xad9\xfe\x00\xe9hA\x9f\x7f\x16\r,\xbe\x01\xc3\xb0\xba'</t>
  </si>
  <si>
    <t>b'\xd1ZW\x88qS\xdb\xb6\x955\r\x8eTOex\xcbb\x91\x871\xbe\xba\xae\xd9%|\x16\xa7\xeb}-'</t>
  </si>
  <si>
    <t>b'\x93\x96\xf5-\x847C\xa5\xf5\xe2C\xd7\xabo\xcbh_-\x1a\x0e\xb5\xbc\xcd\xbc\x08C\xf3\xf0\x9c*\xb2\x8b'</t>
  </si>
  <si>
    <t>b'\xcf\x96M\x93(\x19\xa6z\xfd\xdd~\xd1&amp;`\x08i\x8b\xbb\xbe\x84+b(\xc4\xa4\xf9\x19\x9f`\xbf\xca\x1f'</t>
  </si>
  <si>
    <t>b'\xd2\\TLL"\xfd\xdb\xd5\xca\xa5\x08\t]\x1e\x8a=\x89ps\xac\x89q\xa9C\x97\xbcS\xd4\xd6\x1fc'</t>
  </si>
  <si>
    <t>b'e\xd1\xc5L\xa0k\x85`\xe2`\xc7\xc9\x0c\xddI;x5\x1ayJ\xae\xc3\xc8\x88\xe2\xb7\xf2\x11MC\xf5'</t>
  </si>
  <si>
    <t>b'\x92\xcf\xdcTVQ\xb8\x87\x91\xf3\xaa\x17]u\xfe\xcdv\x11\xd4\x15_|.-\xec\xec\x93\x99~\xa5\xdf\xbd'</t>
  </si>
  <si>
    <t>b'\xaf@\xe8v\re\xfd\x0c\xaaL\xd6t\xf2i\x11R\xce\x93D\xd2T\xd2\t\xdc\xb6\xa0\xa1b\xa7\xa9\x91\xad'</t>
  </si>
  <si>
    <t>b'H\xcc=\xc8\xd9\x80\xdd`\xb2\xf0u\x0bS\x98j\xc4\x15\xc9\xc6Ffj?\x12`a\xd5\x97[?OP'</t>
  </si>
  <si>
    <t>b"S \x08+6\x9d\xae\x01\xa5\x01\xbc\x01\xcc\x96vI\xef\xba\xec)QE[P1U\xda\xed[k\x97'"</t>
  </si>
  <si>
    <t>b'\x88\xdeBQ\x80Q_\xb9%\xcb\xd3\xb3.\xae]\x12\xd9\x90\xf4k\xfd\x88\xc1\xf6\xc0\x04)\xa8\xd06$\t'</t>
  </si>
  <si>
    <t>b'\x1a\xb9]\x02\x89\xabi^\xf3x\x9f"\xce\xa1\xfe\xbd\x14\x9a6-\xd3\xd7\xf7\xc8\x17\xd8\xe4\xdd\xbe7@\x8f'</t>
  </si>
  <si>
    <t>b'KFR\x04\xd3\x92\x90O\x1c5g\xbc\xda#\x83\x875B\xe0F\xa0\xe7\xac\xdd\x13\x17\xc9\xa3\xf4|\x0b\x10'</t>
  </si>
  <si>
    <t>b'\x0f\xc5\x03\xe4t\xac\xac\xc5\xa7\x07\x1f\xa1\xdd2tYEZ+\xb1\xa8\x90\xe2\x14M(ob\xce\x82\x1d\x06'</t>
  </si>
  <si>
    <t>b'r80\xfe\xd7\xb0\xfd\xc0\xb8\xfe\x9f\xf0\xaa4\xe6V\xac1\xc9\xd2\x7f\x8b1?|\xdbK\xe4\xaeb\xcc\xac'</t>
  </si>
  <si>
    <t>b'\xdf$\x14\x9f"\x01=V\xfb\x80\x96\x10v\x85\xfe\xcc\x87\x1a\xf5\x16\x8cnN\x02\xa8\x02\xfc\xadr_\x98S'</t>
  </si>
  <si>
    <t>b')\x91:\xe4#K\xbb\xab\xa1u\x12\xdc\x7f\xe2\xe6\xa1&amp;\x91\xbd\xa1YJ\xe0\x85\x0c\n\xa8\xac\x82L\xc97'</t>
  </si>
  <si>
    <t>b'\xd8\n-\x80k,h\x91\xee\n\x7f\xf3idh\x837\x8a\x1f\x0e\xc2}\x92To\x7f\x99\xd0,j\x12\xe9'</t>
  </si>
  <si>
    <t>b".\xb0\x8e\x1a\x98\xa9\x18\xdb\xb5'\xe0\x83f\x0f3\x1a\xeb\xb0\xb4\xdd\xd6.\x0ea\xb2\x81\xd4l8?\xe8\x9b"</t>
  </si>
  <si>
    <t>b'&amp;M\x19\x9f_\x89\xe6 2\xc5,\x00\x89\xa1{D\x93\xdb\xf1\x8f\xce\x95\xb3\x00\xe4w \xc0\x1fP&amp;\x9f'</t>
  </si>
  <si>
    <t>b'\xdf\xe9\xb3\xdb-\xaf@\xd2\x1d\xc4\xd0\xb6\xe6x\xd4\xd6L\xaeg\xe6\xcbx\xe9z\x1dn\xb4\x95\xd2\xdfG\xe5'</t>
  </si>
  <si>
    <t>b'\xd4\n\xf8\xe9\xde\xf4\xd4-6\x07\x97z\x86\xe9L\xc9w\xcb\xd8\xff\x06\x88\x90\xc1\x92\xa1T\xca\xb9\xa9\x93"'</t>
  </si>
  <si>
    <t>b'\xc2\x88\x95\xbb,\xe5j&amp;\xc1\x8a\x1d\\U\xea\xde\xf4\xe5\xc9\x949&lt;\x9eY\xe9\x80\x89d\xf2\x8bw3u'</t>
  </si>
  <si>
    <t>b'\xe5\tb\xe9\xe2M\xce}/\x9b\x9f\xf2\x04\xdbx\xdc\xbb}\x8c\xb3~\x02k\x96ev\x05\xc5\xb4\x03i\x0b'</t>
  </si>
  <si>
    <t>b'\xb8\xb7\xad\xf4\x88,\xf2\xe0.\x83\xb8\xdd\xf8\xc5\xda\xdc\xb0\xf2\xd3\xb3zl\x9bF\x80\x07\xd3D\x84\xaa\x1f\xd2'</t>
  </si>
  <si>
    <t>b'\x9b\xbb#\xcad\xff\x92\xa0V\xe5\x05H\x17\x10\x9b\xe6\x95O{\xa7\x9dM&lt;\xcd\x95\xae\x02\xe6t3B\xeb'</t>
  </si>
  <si>
    <t>b'\xcas\x9ab\xc5\xb0\x14\xe6)d\x8c\xd6P/\xc5~?x`\xf4\x10\x04K\x11\xe1rB\xba\xcc\xd2\x05\xa1'</t>
  </si>
  <si>
    <t>b'\xd3\xa4\xd4P\x1byM\xc2\xb8\xc8\xc1F\xc9~\xb9K\xfb\xaem\xda\xed\x0er\xdbuF\xae\xb1\x9a\xe2\x99\xeb'</t>
  </si>
  <si>
    <t>b'\xc8.hI/\xa8\xbc\xffo\x8e\x92B\x9d&gt;+$S\tu\x02\xa3=i{R\xe76- ~\x7f]'</t>
  </si>
  <si>
    <t>b'\x11E\xbe!\xddz\x87c\x0ef\x0f\x9c.\\\xa8\xff\xe6\xcd\xd2\xff\xaf\x1a\xb7\x83\xcf\x05\x1bq\t\\&amp;\xe7'</t>
  </si>
  <si>
    <t>b'\xf7&gt;\x7f&amp;\xa6\xb7mZ\x10x\x98\xec\x9c\xf5{\xd70\x01\xfd.\xfeA\xb1c3xc\x9d\xaa\x07L\x15'</t>
  </si>
  <si>
    <t>b'\x81\xe8\x1f\xa8x\xb0\x99P\xb7Ad\xbb\xdd1~\x96\x82\xfd)\xd2\xcb\xef\x18nA\xf9%\x0b,^\xad\xe5'</t>
  </si>
  <si>
    <t>b'\x8e\xcdh\xde\xbfY\x04\x85\xaa\xcbA`P\x0fd\x06Z\x16\x9ck)\xedI\xd6 \xbf\x83\xfaI\xa4\xcf\x9f'</t>
  </si>
  <si>
    <t>b'\xe5x\xdc\x97\x1a\xbaI\x01_\x01\x8a?Sf?\x03\xb7o\xb2&gt;Mulq\xd4q\xaf&amp;B;\x80\x16'</t>
  </si>
  <si>
    <t>b'\x9f\xe0\xd1R\xa1J=u\x9f\xc8\xc6cd\x82\xfd\xda\xd2^\x18;6\xd9J\x14\xb6\xb1\x15p)\xac\xc5\r'</t>
  </si>
  <si>
    <t>b'\x92j\xd5\xed\x06$\x1c\x84\x87\xb8J\xee\x90\xc3\x90g\x1f\xdb\x14\xb1\xd9\x85\x86gX\x1dV^\xdd\x96o{'</t>
  </si>
  <si>
    <t>b'\x14\x81}\x1e\xffz\x94\xb6\xae\xbe\xb1\xf4\x9e#\xe1lm+\xb9\x98\xbd\xf8\xb6Y\x9e\xc4(-\x13\x8d\xb0D'</t>
  </si>
  <si>
    <t>b'\x9b\xa6\x8b\xf8\xe5k\xb2\x0e\xd1*Q\xd44eE\x85\x98\xe2\xa4\x00kl\xaf\xcdhG\\\xa3\xfa\x1f\x16\xac'</t>
  </si>
  <si>
    <t>b'\xa0 \xa9\\\xfa\xee\x7f_\x16\xd1\x03\x95\xe9\xa8(\xd5Y\xd5\x08:\x0f*\xbf\xb3\x03*\x0e\xf0"J\xa9\x18'</t>
  </si>
  <si>
    <t>b'.^\xdbq\x97\xe9\x9f\xb5A\xf1\xb3\x98]\xd6\xd6\x923\xb1\xe8\xebbN]&gt;\xaf\xbd\x83Eh\x16\x9b:'</t>
  </si>
  <si>
    <t>b'\xfe(\xffl\xe8\xd94\xf8\xcae\xb1\x97\xe7\xc9b4\x02\xed\x97\x91q\xc5\x96 \x80\xda\x8a\x8a \xe0\x7fK'</t>
  </si>
  <si>
    <t>b'\xfc\xfaN\xa5\x98\xff\xf8\x936\x8f\xa6\xa8\x00t\xf0\xdd\xe6\xc6\tT\xcb\xf0\t;#&amp;\xef\x1d)\xb8\xff\xdb'</t>
  </si>
  <si>
    <t>b'1&amp;\xa1i\xe9}\x93\x1a\\\xfc\xf9\xf2b\xd9m\xd0&lt;/\xba\xf5,\xfa\x81\x19\xdb\xbc\xf2F\\\xdbY\x1e'</t>
  </si>
  <si>
    <t>b'\xb3V\xb7\x1fk\xa6\x12\xe6?\xc5\xa9\x9a\xedW\xa5\x1f\xfc\xdc\x93\xe3\x17b\xd1\xc0\x1e\x9bkO\xdf\xb9*\xd1'</t>
  </si>
  <si>
    <t>b'*U\xba\xbe\xadp\x11\x0by\x13?\x9a\x03\xfd\xa6\x96\xf4c\x13\xc4(\x01\xba\xdd{\x8a,\x8e\x100C\x13'</t>
  </si>
  <si>
    <t>b'\x1bJ6\x07U\x88\xc9\x04B\xbb)\x94\x1a\x07\xa7\xd8\xd4\x88\xf1\xe0u\xf5\xdb\x1c]y\x92\xdb]\x92\xe5S'</t>
  </si>
  <si>
    <t>b'd\x0f\xccG\xaa\xda\xf0\x0c\xe1\x88\xad\xaf\x07\xd0\x87\x82\xe7x\x084\x82;D(\x16\xf6\x05\x8c\xc0c8\xb7'</t>
  </si>
  <si>
    <t>b'\x80,\x91,\xa5\x03\xcb\x8dg\xce\x0c\x8eo/\\\xf7\x12\xc5\x7f\xa8\xb6\xd6\x96 \x19\xedk\xc4\xae\xd4\x0f\x11'</t>
  </si>
  <si>
    <t>b'\\o\xca(g+W\xdd\x07\xaa\xdb\xc6y\x13\x8dU,\xd8\xbd=\xf63*\x0f\x04^\x18\xb2\x99U*\x1b'</t>
  </si>
  <si>
    <t>b'\xec\xcc\xb5\x9c g`%\x8a\xfb,\x1eX"\x1ek?\xc68H\x80\xd0n\xd3\xa7\xff\xd7a/#\xf5\xe5'</t>
  </si>
  <si>
    <t>b'\x12p\xd3\xe7v)\xfd\xb3F\xea\xe5\xe3\x15\xf0c\x05\xa0\x90\x86\x01\xef\xb6\xces\x16C\xb1\xce\xe1\xe7\xec\xed'</t>
  </si>
  <si>
    <t>b'\xbe\xeb7\xc3\xd6\xb2x\x8dF\x159\xbc&amp;\x01\x9f\xf3\xef\xe0\x1d\x11I.\xad\xdcM&amp;^o{\xda\x9f\xe9'</t>
  </si>
  <si>
    <t>b'\xf1\xbff%\xc2s\n\xcan~\xe5D\xd6\x07M\x9d\x92\xeeQq\x87A\x8a\x90n\xdd\x12\xf6\xe3\xa9`\xf0'</t>
  </si>
  <si>
    <t>b'\xf8\xee\x83\xef\x7fu\xf4GQB_2\x112B\x13\xb0\xe2@\x01\xc8\x94B\xa4\x02\x87YE\xad!c;'</t>
  </si>
  <si>
    <t>b'O\x84\xe6\xa5\xb9\x05\x1d\xa4 \xb5T\x93\x15\x8d\xd4\x00\x04b\xafX\xd4,\x90\x98s\xad\xbbM\xde[c7'</t>
  </si>
  <si>
    <t>b'\x01\x1a\xa8&amp;\x93\x91\xb5D\x0cxn\xcd\x10r\x19\xe3\x81\xebIO@h\xe4p\xc5\xe3\xe7\t#\xc9\xb2x'</t>
  </si>
  <si>
    <t>b')1\xae\x8f\xceWlC\xc9I\xd2\x94tj1\xa8\x91x\xa3\x81\xc0O\x0b\x18k#\xa1\xf5+\xae\x10\xbb'</t>
  </si>
  <si>
    <t>b'n\xe4\xf9#[\xa1\x8e\x03L\x12\xe5k|U\x04\xde\xc4&gt;b\x03\x1d\xb4C\x10\x9fH`\xb4\x98\x03)Z'</t>
  </si>
  <si>
    <t>b'\xf9\xb9\xdd\xfb\xf9\xf5\xe0\xd0\xec\x9e\xb9-\x89\x93\x9a\xa6\xa0\x082\x8a\xad\xa4f\x19\x7fgi4\x92^\xca?'</t>
  </si>
  <si>
    <t>b'\xdf\xde\xc2\x04\x1b\xaeE7\xfd\xe0\x92S\xf7\xb3V\x7fG\xa4\x19\xcf\xdb\xe1&gt;\t!\xa1}/\x1b\x90\xce\x1d'</t>
  </si>
  <si>
    <t>b'\xb2\xc9\x0b_\xf4\x1a\x04&gt;\x8d\x1dn\x1d\xac\xa1&lt;\x9cg\xbd\xc6\xfem\x11\x84\xebrCh\xcecm\x97\xb8'</t>
  </si>
  <si>
    <t>b'\xa3.F\xa7H\x8aS\xba\x125\x9c\xf5,j\x96L\x19fjY\xe6\xf5^t\xa2\x05\xd9\xd4xnr\n'</t>
  </si>
  <si>
    <t>b'\x99\x01\x0f\xd5\xfea:\xa0.r@[7\xfbw\xf0\x9f\x1fe\xc8\x0c!9I`\xd4\xc18\x00\xa2\xceD'</t>
  </si>
  <si>
    <t>b'\x06\xce\xd9\xf1\x10\xc9\xa1\xd6N\x04KRp \x8a\xa3\x16\xb1\xc3\xbb\xf13"\x81\x8eSd5\xbd\t\x1eY'</t>
  </si>
  <si>
    <t>b'9\xd0\xdb\xbf7\xfb\xf4\xcd\x02|\xfd\xf51\x892\x17\xbf\x0b\xc3_\r\xe6j\xbb\xeb\xe2\xff\xcc\xc8y8\xa9'</t>
  </si>
  <si>
    <t>b'\x8a\x9b\x0c\xfcO\x9f\xfc\xb3x\xb1"\xfa\xfc\x8c\x87\xef!P)\xb2\xdcR\x84\x8a\xdf\xe1x\xee9,{\xab'</t>
  </si>
  <si>
    <t>b'\x1bw\xa1S\xfd\xa2\xda\xe0\x87=\x03\xc5\xe1\x0f@~Tj\xa4\xf5\x16Ae\xc3\xc5\xe0\xbe B\xab\xa5y'</t>
  </si>
  <si>
    <t>b'V\xff\xd7N\x1b\x84\xca\xfbe\xf7\x01`\x81\t*\x00\xdd\xca\x91\x1f.\xa0F\xe0\xb6&amp;\x0f\xc56\x11\xf7\xcd'</t>
  </si>
  <si>
    <t>b'J\x9b\xa6t\x7f\xdd\x179\t\xa9s\xd2\xf4\xf8\xe5\xd5\x9f$\xe8\x81f\xaa\xe2znA\x14\xf8\x93\x0cK\r'</t>
  </si>
  <si>
    <t>b'\x8f}Z\x9fa\xf6\xfe6\xbb\x0b\xf2};pG\xec`\xd0\xcd&lt;\xb4\x96\x80f\xa5\x9441\xa9\xb8g#'</t>
  </si>
  <si>
    <t>b'\x14\xd1\xf8\xf1\xf1\xa2"\xc9\x80\xb0j8\xd4$D5\xa3\x96\xc9\xa8\x05\xc9\xf4-\xa2\x9eHH\xf9\\\xa8\x96'</t>
  </si>
  <si>
    <t>b'uG\xaf\x0cp\xce5\xa6\xd7\xbb\xa5g\xc1\xe2\xd8\xa4vs\xd5}&lt;\x8e\xff\x88\xdc\xa7\xe8H\xe8\xfeGF'</t>
  </si>
  <si>
    <t>b'\xbd\xac\xadzsB\x8fG\xf5\xac\x04\xa8v\x7f\x01y\x89\xd8\x8d&lt;\x8f\r\xaf\xc8\x1cl\x87\xf3\xb3\xa8l\x13'</t>
  </si>
  <si>
    <t>b"\x8e\x0b\x03\x0b\xces+C\x93\xca\xf8\x0f\xa8\xb4\xc2\xb7\xdf\xb0@\xa8B\xd5\xfd\x17\\\x00\x16\xa4\x16\x11'\xe7"</t>
  </si>
  <si>
    <t>b'o\x9b\x11#\xa3\x961TY?\xad\x85(\xbc\x10\xd6\xdfg\xbd\x89\xbd\x15\xbe\x8b\xd8\xf0[\xc3\xc1s^&gt;'</t>
  </si>
  <si>
    <t>b'R\xd6@\xca#f\xbaq\xed\xfa\x14\xec\xa3\xbanD|\xc0:iE\x19\x19\xaa\x1e{=\x06\xf6\xb0e\x8b'</t>
  </si>
  <si>
    <t>b'\x8d\xec{\x98\x1a\xf92Jz}2q\x08\xb5[^(\xc5\x0c\r\xe9V\xd7/\x8e\xda|B~@ &gt;'</t>
  </si>
  <si>
    <t>b'\x058p\x9a\xb7\x0b\xf9\xcf\x10\xec\x1c\xe2}N\x85F\x89\xc7d\x0b\x92\x8aj=\x86\xa5l\x8d\xec\x8e\x94\x12'</t>
  </si>
  <si>
    <t>b'\xe8\xd1\x15\xe2l\xbf\x84\xc2v\x8cx\x05\xdfi$%\xe1\x88\x83\xe7\x8b\xae\xd7x\x8a\xd1[U\xf28\x86\x91'</t>
  </si>
  <si>
    <t>b'o7\x9b\xb2\xd1z\xac\xe7\\A\x9b\x9ed\xc2j\xe6\x05\xc9s\x93\xa1\x00\x9b\xa8-;\x050\x05\xb8r\xb2'</t>
  </si>
  <si>
    <t>b'Q\xf2"\xb1V\xd0\xacg`\xdf\xa4{\xbaE\x05\xfeT\xd7\xafG\x19,\xd4\xb304{I\x0e\x9a\xb1}'</t>
  </si>
  <si>
    <t>b'\xa6s\xeb{\x91\x8cI\xfd\xa8\xa9\x06e\x91$\xe1\xcb\x0c\xc1\xd9\x95\x91\x17\x9a\xf6z7&lt;\x8c\xa2(\x14\x90'</t>
  </si>
  <si>
    <t>b'[\x9e\x8f\x08\x15\xf8\xe4]\xc3e*y\x12\xfa\x08\xdcg\xae\x931\x14\x92\x06\xd8\xc4\x83\x03ki\x85\x8a\xf4'</t>
  </si>
  <si>
    <t>b'\xb93\x0e\x96\xf0\x9d\xa0\x10\x06\x94B\xe1\xf4\x90\x8c\xc3\xc2\x8dX\x9a\x9d\xbb2\x00_\x07|B2!B\xc7'</t>
  </si>
  <si>
    <t>b"k\xb5 ~\xb1\xf3Z\x81\x85\xda@\xaf\xce\xa3o\xe1\xb9\x97')\x1cR:\xf0P\xdfB8\xb4\x17Y\x1c"</t>
  </si>
  <si>
    <t>b"\xf6&gt;\x855\xfc8\x1c\xef\\MkA&amp;\xbd\x08\xb9|'Z\xea\xc7\xdf\xddT\xbf\xde\xd9\xdf\xcf\x17\x00\xa1"</t>
  </si>
  <si>
    <t>b'\xbdh\t\x9d\xf8X\x9f*&gt;\xb9\xcdh\x8a$\xf4\x0e^\x0c\x0f\x0c;\x92XF\x87\xfe\x89L\xb9\xfc\xab\xb7'</t>
  </si>
  <si>
    <t>b'\xe8bp\x18%\xec`\x04\x9e\xc8:;\x0fs\xdf\xd3o\xb3\xb8\x06\xd0\xcd\x0c\x1eS^\x83\x17\xb3\xf0@\xe9'</t>
  </si>
  <si>
    <t>b'C\x07\xe7\xa4\x8fN\r"\xe8\x868\xe4v\xec\x03\x9e#4\xaac\x1dC&amp;\x97Y\x08\x842f\xaf\x17:'</t>
  </si>
  <si>
    <t>b'\xa0\xf8\x8e\xf9\x1f\xdb\xbe(M\x9f{\xb3c\xf1\x00\xe7k\x12\x81\xe2;\x9c\x1f)h+\xf4F_\x089\x8e'</t>
  </si>
  <si>
    <t>b'\x17\x9cf\xe7\x02\xc5\xd0\xd8\xea\x83&amp;\xd8\xf9\x10\\\x8a\xe3\xb5~yE\xa0sxz\xab\xe1(iz\xacN'</t>
  </si>
  <si>
    <t>b"s.a\x94e~)\x19\x19\xac\xf8{\x88\xbdC\xc7R\xc53\xe4iF\xdc\xf8\xcd\xe3O:\xd6D'\xd5"</t>
  </si>
  <si>
    <t>b'v\xa3\x13\xa5\xad;Rx\xab\x87\xa1\x9bL\xc76\\W\xf1\xc3\xe2\x15_M\xfc\xcd/vF\xf5!\x1a5'</t>
  </si>
  <si>
    <t>b'\x04&amp;\xc5\xf4\x15\xfd\xf6\x00\x92\xe49\xc3\xfa^\xffm\xb8?)\x7f\xf7j\xa2\x82\x88\x88\x81\xa9\xebE\x99\x16'</t>
  </si>
  <si>
    <t>b"\xb3\x0fV\xc3\xd8\x8c\xeb\x0e\x94CX\xb9\x07\xbd\x9ar(\xc6\x80\xcbEb\x8c'\x9f\x03\x9aC-\x0b\xb2\xed"</t>
  </si>
  <si>
    <t>b'\x9c\xbd \xa0\x06\xec\xfb\xd7\xcb\xf5\x9c\xe3\xfe\x05\xcbe\x81\xec9tSE\xd9TjD\x84\xbeQw\x89\x1b'</t>
  </si>
  <si>
    <t>b"'\x15\xf8\x049W\x8ccLP]\xf6\xd9\xbaP6\x19&amp;\xbd\xf5\x95_C\xdf\xa1XBR\xf5\xd84B"</t>
  </si>
  <si>
    <t>b'\xc7\x93\xd9\xea\xc5\xed\x8f_Z)\xd1 \xa4\x82\xd3\xda\x00\xa9\\F\xa1\xef\xd3\xbe\x8c\xac\x7f\x08\xab\x88\xb1\xc8'</t>
  </si>
  <si>
    <t>b'\xc2%pD\x13\x89\xa8\xab_\xdb\xcf\x9d\x94\x86\x1b*Q_\xb3\xaa(\xab1\x8e)\x9e\xbf2\xa6\xf4\x05\xcd'</t>
  </si>
  <si>
    <t>b'\xb6g\xaf/\xef8\xa4W\x1f\x99\x13\x035\x8d\xe5\xc0\x11oG\x15\xce\xa0\x9d\xea\x99V:O\x87\xbbQ\xf5'</t>
  </si>
  <si>
    <t>b'U\x19j\x15\x97\x8f6\xefi\xf9\x9b3\x94y\x84\x9a\xf7\x1f\xec\x87\x8f?S\x00:1\xccFI\x92a\x14'</t>
  </si>
  <si>
    <t>b'%.\xea&lt;\t!\xa5\xe8\x86\x94\x18\x87j\x8d\xa1\x9c\x12\x00\xfe\xf8-t\xe8`\x1e\x0eQ|\xb7\xb7\xcc\x05'</t>
  </si>
  <si>
    <t>b'/\x9c\x84\xde\xf9]\xcf\xcb\x898XC\x07Z~\xa8&gt;\xc4\xfb\xd8\xach#\x92\xe2\x12K\xa4j\x02\x93\xf2'</t>
  </si>
  <si>
    <t>b'\xcfv\x0f8}\x8as\x02\xa2\xaa\xa7U\xfcLDk\xff\xb5\xef\xb4\xa2\xf2+\x9d\x8f\xde\xb7T\x0e\x8f\xe5\xa3'</t>
  </si>
  <si>
    <t>b'|\x83\xec\xb1\x85:$\xa4\x0e\xb1\xfd"\x9dLF\x10\xdc\xfe\xd2L \xdc\xc4G@o[Q^\x8a\xb92'</t>
  </si>
  <si>
    <t>b'\x84\xf2I"\xc7YcrY\xf7\xf2\xa3\xfb\x86D\xf9\xc1\'_\x8ee\xa2\xe52\x0b{\xdb6\xc4r~\t'</t>
  </si>
  <si>
    <t>b'\xbd`\x8b&amp;\xf5=\x89\x0eA\xc9\xf8\xd2\xedhA\xc9"oy\xdeb\x11\x7f-_\xb1@\xf7\xff\x85\xc9\x17'</t>
  </si>
  <si>
    <t>b'0\x1eJ\xb3Vv\xc2\xa7\xdbc\xdb\xbbw\x1a\xda&amp;\xff\xb5\x9d\x8e{\xabT8L\xefX^\x9c\n\xb1\xa8'</t>
  </si>
  <si>
    <t>b'd\x14\x0e\xd4\xa6B"re\xafP(\x1f%\xd0\x17j\x90oB+H\xfdI\x99^\x91\xdb\x9e/\xa2)'</t>
  </si>
  <si>
    <t>b'\xe0\x89i\x90;Q|\x13jV~\xfad\xb0\xa4\x14\xd0]5\xc2\x03\x12\xbf\x1b\xaf\x0f\x98RQ\x92\xaa\x07'</t>
  </si>
  <si>
    <t>b'?\xc3\xd9&lt;\xabr\xe4\xd0\xf7*\x13J_Y\xc8~\xe7\x0b\x07\x96%\x03\xbd\x92\xdf\xd8L\xe31\xc3\x1e\xa9'</t>
  </si>
  <si>
    <t>b'e\xb5\xe2\x9f/?\xa4\xe3\x07@49\xbf*\xb5\xfd\xca\x8f-p&gt;\x9a\x00\xf9\xc5\x9bK&lt;\x07 \\\xe1'</t>
  </si>
  <si>
    <t>b"E\xd8\xf1]\x948\xe2\x92\xb0\xa7O7x\xfe\xe1\x0e\x0e\xe9\x98\xd3\xa2\x8a\xdc\xb4Q'\x89\x10o\xaa4\xe3"</t>
  </si>
  <si>
    <t>b'\x9ev\xf0\xd0+g\xca\xb6\x15\x93\x9d\xfd=dK}\xb7\xff\xb5\x9cr#s=\xcd\xa3\xb9H\x8cZk\xcd'</t>
  </si>
  <si>
    <t>b'\x13\x88\xc1\x93\x17\xf0\xd9i\xb7\x9c\x15\xeb\x87\xf5\xd8\x01e\x0c\xf5"\x11Q/oU\x16j`\x19\x9f\xa0O'</t>
  </si>
  <si>
    <t>b'w\xfd\xb2\xa8\xaa\xbd\xc2\xac\x1e\x04\xb91\xcb\xe20\xa5p0d\xb0\xead\xd1C\xe7\xbaf\xc7\x1b\x01tT'</t>
  </si>
  <si>
    <t>b'\xf3\x16\x1d\xfd\x12y\x9b\xdc\x11\xe3\xf3^3\xe7Yx\xffc\x12Y\x15\xe4\xd1\xac\xabQ\x93h\\\xc6\xa6\x0e'</t>
  </si>
  <si>
    <t>b'\xf0\xe3\x15\xe2\xcf\x0c\xa3\\\x0c=\x945{7\xd2_\xce\xdd\xb6CTA4\x8f\xcc\xb1\xee3\x179\xcc\x7f'</t>
  </si>
  <si>
    <t>b'\xd4\xe9v\x1d\xa5\\\x80\xc2\x03\x8d\xe5L\xaa"[\x8f`&amp;\x1c\xd6Z\xc9\xe2Xuj\x1c\xde#\x05\x1e\xee'</t>
  </si>
  <si>
    <t>b"\xc8p5A\n\xb3\xe5\xb3\x83\xeb\x1f#[y'\x00\xd9\x80F9\xbc\xd5\xd9?.}`\xb1\xbe\xae\x99A"</t>
  </si>
  <si>
    <t>b'\xe8R\rt]P\x82b\xe7a\x07\x1e\x9e\x95\xcd\xf8\xb2\x0b\x9c.\xe5\xd1\x81_\x8a\xe2\xdcP2\xbc\xa9s'</t>
  </si>
  <si>
    <t>b'\xa2\xe2\xe3\x8c\xd6I\rM\xba\xb1+\xa2]\x8d&lt;\xfef8\xdf\x90\x8d\xe7\xabz\xba\x8d\xde\xa5\xe4\x9e0d'</t>
  </si>
  <si>
    <t>b'\x83\xa3\xa9.[\x1c\xc6\xf2\xd2H!\xdd\x86\xdc4\xac\xcbb\x8b\xce\x8b&amp;\x85\nI\x99b\xd2\x98\x18A%'</t>
  </si>
  <si>
    <t>b'\xc6k\xec\xde4ra\xb9\xbf\xef\x92\x04\xb3\xf7\x8e\xa8\xd6p\x13\x7f\x14\xeb\x86%\x1f\x8fnJ\xce^d\x0f'</t>
  </si>
  <si>
    <t>b'\xd1\xb0\xb6\xbb}\xc3Ogj\x81m/\')\xe9\x98b;\xc2\xd5\xcf\xf7\x8f\x97="z\xd4MSee'</t>
  </si>
  <si>
    <t>b'N\x8d\x07\xaa\x02,@\x97\x83\xee\x9a\xb9_\xeb\xde\xf5\x8b\x88\x8bt{\xc5\xddgJ\x98\xf7\xf4\xef\xcf\x06A'</t>
  </si>
  <si>
    <t>b'\x8fV\xf2\xbfg){\xd0\x8b\\u\x1b(\x8b\xd1yb\xca\x81\x0eNT\xbai\xd7\x1eh\xa0SKq\x1a'</t>
  </si>
  <si>
    <t>b"B\xc1\x1c\x07\x0fy\xdf\x1f\xc6\xdbSt{r\xdeO\xb8\x0f\x1d\xaf.\xf1\xd8s\x19\x81\xed\x82\x84'\r\xe5"</t>
  </si>
  <si>
    <t>b'\xc7Zz&gt;j\xa7k\xa4\x93\xda^A\xf4\x92\x1e\x9du\xf3\xb9W\xab\xf1\xa6\x08\x8d\xfc\xf3u\xb5U\xd5t'</t>
  </si>
  <si>
    <t>b'1\x9aJ;\x99`\xc3\xcct\xf3\xf03\xb6=EiS\x96\xa9\xd7\xd9mVF\xc3\xf325\xa5\xf6\xa7\x92'</t>
  </si>
  <si>
    <t>b'Z\xea{\x1f\xb4D1\x97\x81&lt;$\\\xa2\xe1^Vs~\x05\x7f\x0b \xbaE|\xbe\xfdw\x0e\x81 D'</t>
  </si>
  <si>
    <t>b'\x16\x05\xf1\n9\xf1\xd4&gt;\xa4\x88\xe3\xf9\x8d\x1c\xf3\xf7zd\xf7i\xa1\x0ex\x14\xfc\x86A\xdc`\xde&gt;\xc0'</t>
  </si>
  <si>
    <t>b"\xcb4\xfc)\x13=/\x03X\x1b\x940 #&lt;\xe1\xc3\xb3\x80\x84\x06'5\x11k\x02G\xc3\xd2N\xb6\x10"</t>
  </si>
  <si>
    <t>b'3D\x06o\xc1\x8a%\xe4\x1f\xd2w\xf5\xc7\xcd|j\x0b\xfa\x80 =h\x0c\x13\x17_\x04\r\xe5\xc7\x9b\xaf'</t>
  </si>
  <si>
    <t>b'\xacu,\xad*\xab|\\\xf3\xdc\x9e\x98\xd1\xfc\xc5W\xbc\x0e\x07`\xc7\xe8S\x16\xc0\xe8\x1fJ\xbc:\xff\xb8'</t>
  </si>
  <si>
    <t>b'\x95\xe1\xce\x92uDjy9\\\x92\x8e\xec\x02\x19\xc7\x0b\xd9\x9d\x8a\xd4[\xef\x1e\x85\x13B\xff\xca\x03\xdb\x0e'</t>
  </si>
  <si>
    <t>b'\xcarL\xe6\x90\x9c\xe8\x10|\xb8\x8fQk\x16\xb1=\xd4\xc7\xe3\x93&gt;\xe5Rv\x06H\xc2\x9d\x02.b+'</t>
  </si>
  <si>
    <t>b"P*\x0e~\xaa\xa2GHsR\xfe\xbb\x9e\xd1c\x92\xbc\xc8I\xdb\xf1\x91\xb6'\xd7Z\xd3\xb3O-\xe1\x04"</t>
  </si>
  <si>
    <t>b'\x02Q\x03:\xf8Q\x0fX\x99\xc1$H\x9b\x86\x82V\x1d\xea7\xbb$\xe8J\xd5jhD\xb8vp-\x11'</t>
  </si>
  <si>
    <t>b'\xe9FK\xd8\xf1\xc7|\xf8\xf3g\xb7\n!$\x0f\x17B\xf5\x04\xc9\xa6nz\x19\xc7\x14X\xad\xdez\xa5\x95'</t>
  </si>
  <si>
    <t>b'\xd4\xe2\x9a$C\xc0\x95\xbe?\xd0\x15\\^\xa2\xe3\x1c\xaf\x10\xa8\x93Q\xafN\x19Lf\xef\xf0M\x17\x1d\xa3'</t>
  </si>
  <si>
    <t>b'I\x95+\xc8\xf7\xb7\\L\x01\x14&lt;\xf1\x85\x00\xe7\xfek=\x92K\xc2\xffc\xcf\xcbn,H\xe3I\x03\x8c'</t>
  </si>
  <si>
    <t>b'y\x15Nn`\xf4S\x13\x00C\x077\xd9\xef\x98\xd4\xa4\xb4&lt;\xaas\xe0\x85Uv&lt;\xebS\xed\xf3\xe6 '</t>
  </si>
  <si>
    <t>b'\x8db\xaf\xea6\x1bH\xd6\xad\xcdfj\x88#\xa3\x1a\x05\xfa42c\x94\x82K\xa2\xe1\xd3\xb0\xf3KV\n'</t>
  </si>
  <si>
    <t>b'3b\x9e\x04\x1b\xea\xb6\xb2A\xea,\xd2\x08\x12\xb7zFx\x95\x97\xad\xf03\xc5\x14L^\xb2\xe9W\xe3\xb4'</t>
  </si>
  <si>
    <t>b'\xf83\x0c\x15`\xdds\t\xcb\xc0\x94\x80EN\xcc\x9b)D\x1d\xc8\xf7@\xf6&amp;\xbf\xf0fk5\xacg\xeb'</t>
  </si>
  <si>
    <t>b'{L\xf6~\xa2\xf5\xe7\xf1\x10\x86\xbd\xc3J\xdf\x05\xc2u\x19Yk\xb8b\xbf\x98Q{/\x07\xd9;\x06_'</t>
  </si>
  <si>
    <t>b'\xb0!Bek\x8b\xce\xceW%\xce2\n\xa8(F\x81\xe6\x13K\xc1\xa4\xd7&gt;\x89\xc2\xf2S\xe3\xc6\xf8\xeb'</t>
  </si>
  <si>
    <t>b'\x1a\xee\x11\x02\xc3\xf0J&lt;6\\\xfb\xbc\x17\x8a\xd3\x89\xcd8\x8b0\x8f\xe6Di\x03\x9f4\xd4\x0e\n\xa9\xa7'</t>
  </si>
  <si>
    <t>b'\xa6\x8a%\x83\x1c\xe1C\xc9#\xf67B \x06\xe0\xe7\xa9\x98\x1b\xcc!\xc5?\x899|\x10TX\x96\x04H'</t>
  </si>
  <si>
    <t>b'n\x00\x06\x88X?\x87\xe4/\xb2\x9d^6\xd8\xe7\xfd-\n\xe7\xf7\x00\x91\xf8?\x9a-\x8c\x97\x86\x19\xccz'</t>
  </si>
  <si>
    <t>b'\xdb"\xd0\x1fh\xa7m\xdc\xc4U\x02.A*\xf0~+\xbeg\x1f\xfc\xd6\x7f3Y\x14\xca5\x8fWb\xa0'</t>
  </si>
  <si>
    <t>b"\xd6_J\xddBZ\xaa\xfe\x0bdEJ\xe1\\\x805AF\xd0\xd4\x89&amp;\xfd\xdfpy'\x95\xef\xcaQ~"</t>
  </si>
  <si>
    <t>b'"/\x0045\xb1rm\xde\x05\xa2\x05\xf9\x97\xa3\x7f\x89|y\xef\x13g|\x0e\xc93\x14\x06\x8a\x059\xd9'</t>
  </si>
  <si>
    <t>b'\x17\xf2\x06i\xe9\xb1tD\xd3\xfd\xdc\xf4+\xe1\x92&lt;l\x00\x87;\xd3\x1f\\\xaf,\xed\xa2*\x13\x90\x13\x19'</t>
  </si>
  <si>
    <t>b'*\x83\x1cY\xe2\xb6\xb7\xec\x00\xf3d\x95T!jRc\x064\x8d\x9d9u\xff{\x0fp\x8f@\x84/s'</t>
  </si>
  <si>
    <t>b'\xd4%\xdc_\x00$\xef-!\x82\xd3\xde\xcc\x18D\x89E\xd9\xe1\x92\x176\xec\xa9\xc0\xf9\xbe\x10\xda\x13\x89W'</t>
  </si>
  <si>
    <t>b'\x9b{E\xb5\xff\xa4\xb6\xcb3B,\x1f\xc4G\xb3\xb9\xeaO\xf2Q\xf4\x81\xf9_\xf4\x17\x0c\x15\x11\\\\\x11'</t>
  </si>
  <si>
    <t>b'\xd0}p](\x90\xd5\xfd\xcc\xcf)0\xf0gJ~k\xb2\xafOO}\x8c\xc4\x9f\xc6\x8a8\xd8\x91\xb8\x06'</t>
  </si>
  <si>
    <t>b'k\x7f\xbe\x8a\xb8\x8a\\j3\xae\x8fT\xc75\x84\x9c\x0f\xc5\xd4\xc9\xc9m\xd0\x86\x1dg\x8f\\\xe4\xe4]S'</t>
  </si>
  <si>
    <t>b'Z\xf1\xbb.\x9f\xdc\x80\xc7\xa9\xc1O\x9fa\x15\n\x91\xe6|U\xc6\xe69L\xe4\x85\x18\xce\xb9\x83\xca\x89\x1e'</t>
  </si>
  <si>
    <t>b'*\tq\xe5\x19m]-jXk\xc8y\x1b\xb5I\x19\xd11\xfe\xc5\xbd\xaa7\xe1\xc3\xd7\xdd\x0f\x9d=\x9a'</t>
  </si>
  <si>
    <t>b'\x8dm)U?\xe3\x01\x84\x107hb\x7fO\xb8\xa4\x94\xa5\xec.\xac\xa7B}%\xb7\x95H\x96\xfc\x1c\x99'</t>
  </si>
  <si>
    <t>b'\x90l{H&lt;\xaf\xd2\xc2r\x943&gt;=?\xd2\xd5\xc2z\x13\xd3TU\x19\x96\xb7\x99Uu}\x95\x84k'</t>
  </si>
  <si>
    <t>b'\xb4\xee2@\xc8\xb1\x8f\xcf\xcf\xf7\x18\xce\xcd0Cb\xed\xc8\xd6F~\xc4\xfe\xca5\x989kIyfD'</t>
  </si>
  <si>
    <t>b'\xf3P\x18\x89\xf1$\xeeg\x8fS\xddU\xf1fVGL\xad\xf5m\x0b\xd7\xed\xfc\x16&lt;\x84\xbd@\x07\xd0\xd9'</t>
  </si>
  <si>
    <t>b'\xc8\x1a,\xf3\\\xe9\xd8\xa8\x94\x911q~9\xf7:\x90\xcaDu\xbc\x066\xbf/e4\xc7\xde\xf7}\xfd'</t>
  </si>
  <si>
    <t>b'\xce\xfb\xe0u\x8d\x1dG\xd4q\x15\xcd\xc9;\xa7={c\x86*\xcb\x054@\x8fs\xeb\x96\x8e \xb7\xd4\x0c'</t>
  </si>
  <si>
    <t>b'2\xe0\x84\x9d\xe0\xe8\xf5&gt;`;\xbd\xd4H\xa9*\x88:\xb1\xceXO\x8d\xda\x1b\xdc\x8f\x9f\xb9!J\x1e\xde'</t>
  </si>
  <si>
    <t>b' \xff\xb8\xe5I2\x8a\xda\xefX\x1aB\xc0\xed\xf0N\xc6Xy\x8dx\xb6\xc8 \xbc\x1c\xe8\xc2\x84\xd32\x14'</t>
  </si>
  <si>
    <t>b')\xa9\xa7\xb4\xadgk\xe0J\xf7\x7f\x01\xdbj\xbfS,\x1f"\x12\x075\xe5;\x08\xd0\x06&gt;\xa8\xce7\xa3'</t>
  </si>
  <si>
    <t>b'\xe9\xca\xe8\xbajc\x8b\x93\xf7\xd3k_\x88\x07\xfdR\x83\x0b\x85\xdd\xfa\xcf\xbdL2\x95\x04/\xb2\xb8\xaf}'</t>
  </si>
  <si>
    <t>b"\x9d0\xf1\xd4\xa3\x99\xdd\xe2\x89'\xf2\xb3\r\x84\x91R\xe9\xb57\xf9\x9d\xc1\x051\xfa@\x07\x99'\xad\xecJ"</t>
  </si>
  <si>
    <t>b"\x7f\x82\x89\x80q\xdd'k\xfa\x0c\xc2_\xeb\xf7}\xae\x8aJZ8\x82\x98\xd9\xd0\xb6a\xdc\xb1\xf0\xe8\xc3\xb4"</t>
  </si>
  <si>
    <t>b'7\xf9) \xe2\x03\x8b\xdb2\x90\xbb\xdc\x83\xfcg\xc20\x1dFJ\x10\xcb\xaa\x96\xd5\xa3\xe6\x03:P\xaf\xb8'</t>
  </si>
  <si>
    <t>b'\xa9\x7f\x02:_\xd4\x13\x98\xa4\x84\xae\xd51\xa8\x0c\xd3\xb7^\xa3B!m\x1d\xf6\xae\xa1\x14\xd6\xf4\xda\xf9\xbd'</t>
  </si>
  <si>
    <t>b"\xd0\x8f\x85I\xea\xafT\xbeu\xf0\xc3\xb7J\x07D$z\xa2}oHE\xa7\x1a'\xaaz\x94\xf1;rx"</t>
  </si>
  <si>
    <t>b'\xcd=\x83+^\x05\xf9\xe8\xf2\xb4\xc4\xfc\xd7\x9b\xa7\x87o\xc2\xa5\xfc\xa0\xa75:\x05N\xb6 zy\xf3\xdc'</t>
  </si>
  <si>
    <t>b'7k\x86+V\x14\xd8\x88\xaf.[^\x8bF\xe4{|\x17\xb9\xcbi\xb0\x18\x01\x90\xda\xed\xbc\xf1\xc5\xdf\xb3'</t>
  </si>
  <si>
    <t>b'-\x0e\x93\x100?\x161\x95\x1e\x97\xcf\x15fv\xf7\xd6\xf8\x87\n\xf8\xbeS\x9e\x85\x99\xc8kdp\x82\x95'</t>
  </si>
  <si>
    <t>b"\xd2\xadQ\x9bc\x82'\x9bj\xf7O\xe0\xfc\xc7\xed\xcd\x9b\x10\x95\xde\xb2\x93\xaf;A\xc3Y\xfa.\xa6\xd6\xcd"</t>
  </si>
  <si>
    <t>b'm\xb37\x95\xd9Jq\xa59\x98r\x9e-v\x98\xf9\x83\xd5Q\xbb\x00\xd1I0\\2\xbf\xc2R\x87?\xc4'</t>
  </si>
  <si>
    <t>b'\x08W14g\x8d\xfb\xe3Y\xf3\xb7\xe8K\x12\xa9 v\x9f&gt;\x9d\xdf\xfc\xc0\x17\xdd\xaeV\x8a\x0f\xc3U\xf7'</t>
  </si>
  <si>
    <t>b'\xda\x0f\xf8\xe4r\x0f\x9d\xe1\xab\xa08\xbc\xb2i!*\xb4\xc8i\xa8\x96\xca\x9b\xa9w\xe13\x80\xf0\xb8`\x93'</t>
  </si>
  <si>
    <t>b'\xe4\xef\xce\x97\xe123L\x1c\xaa\xf5\x9c\xf2\x98\xcc3.wi\x02\xfcw\x9c[\xd1\x97\x0b\xa0\x11\x12\x17\xa9'</t>
  </si>
  <si>
    <t>b'l\x19\xc0\x08{\x99\xef#\x7f\x8e\xb8\x9e\xef@!\xf6\x18\xa0\xa2\xb3\xba\xfa\xc0\xf8\x0b\xaa\xb8tP\xe1\xf4\x9b'</t>
  </si>
  <si>
    <t>b'x\xed\x8c\x7fQ\xb6\x8f\x99Jv\x10\xba\xf8\xd2\xc5\xce\xec`\xa0\x7f4\x19I`\xf9\x153[\xbe\x17\x81\x88'</t>
  </si>
  <si>
    <t>b'_\x92I&gt;\x10\xd2\x10\xea\xdc5,Y\xb7%\xdd"\x8f\x8d\x1c!,\x00\xd9Z]`\x89\xdb^\\\x9d\x8f'</t>
  </si>
  <si>
    <t>b'E[\xe9O\xe0\xaa\xdev\x82%{*\x05\x1f9\xcf\xbe\x99\x05hV\x8de\x96\xe4!\x17F\xd3$4\xd2'</t>
  </si>
  <si>
    <t>b'it\x19yu\xcb\xcfr_\xea\x1fc\xf0\xc4E\xf4\x96\x15&lt;\x00\x9dW\x0byRI\xe5,\xd7):\xa1'</t>
  </si>
  <si>
    <t>b'\x9cv\x97o2}\x18;\xd74\x1b``A\xb5\x875\xaf\xb8h\xd2\xb9?\xdc;\xc9\xc3\x80\xecqBm'</t>
  </si>
  <si>
    <t>b'c\x18\xa6\n\xb4\x8b\x7f5\xa5`\x0ef\xd3\x80\xc0\xc2\r\x8f\xb2\xfa\x88^\xc7\xb4t\xea\x13\xf1\xa7\x99\x95\x02'</t>
  </si>
  <si>
    <t>b'\xfa\xae\x1ap\xf7z\x05\xf8o\x18\xdeY\x87\x91iejq-,3\xc6\x81U\x8b\x19g!w\x9f3\xd6'</t>
  </si>
  <si>
    <t>b'N\xc8\xd8\xb4P\xe5\xa7\xb5\x04=d\x03\xe5\xda\x98\x19\x12\x06\x15\xfcE\xfa\x92\x14\xdc\xa3\xcb\xa3\xf2\xa3rD'</t>
  </si>
  <si>
    <t>b'\x11\x16y\xc4\xedp\x12w*\xa9\x10\xb9a\xb8\x10\xabS\x1f]\xa6\xc6\xbf\x91z\xe1\x99\xae\x05A\xd5\t\xf5'</t>
  </si>
  <si>
    <t>b'\xb8\x1b\x0co\xbdh2\xdd\xc1Z\xc0\xc3\x13\x0fs\x8dN\x02\xeeG\xd5\xea\x1bn\xf8-\xc1\x0c\xef\xb9r\x14'</t>
  </si>
  <si>
    <t>b'\x04sJ\xd45\xb8+7\x01\x8f\x81\xe1\xac\xc7A\xa9L\xc6\xeb\xb9\xcbA\xa0\x1c\xd0\xeb\x0b\xc2\xae\x03\xf4T'</t>
  </si>
  <si>
    <t>b'\x95\xa3\xc5gj\x82\x1aQ[\xbcv\xf3\xed\x16\xfd*\x9d1\\ \xbd\xf25\x93\x9f\xe5\x02)\x1cI\xc4\xda'</t>
  </si>
  <si>
    <t>b'\x93R\xdb\xbc&gt;\x9e\x8b\x9bt\xbe\xf3\x1d\x82\x9c\xf3\xdfT\xcd\x91\xfa\xb4\xc3f`\xe0\xb3F\x91AX\x16\xe7'</t>
  </si>
  <si>
    <t>b'\xda\xb3q\xc8Ddp\xc2\x9d\xf6\x15d\xcfs\xde\x03lp\x90V\xe1\x98\x9b\xb99\x84\x0e9\x03\xc0\n\x16'</t>
  </si>
  <si>
    <t>b'\xea^\xe1\xdcM\x87_pG\xdd\xfb\xfb\x0b\x9e.$\xca\x81\xde\xbf\xd9\x91\xcfs\x9f\xea\xa6\xc1\x98U\xaf.'</t>
  </si>
  <si>
    <t>b'\xbc&gt;\xf5&gt;\x17\x04\x99\xbc\x9c=\xeb\xf8cKTJv\x1d+F\xe0\xf8|Z\x92\x92er\xe1\xeb\x10o'</t>
  </si>
  <si>
    <t>b'\xdda\xb2q\x16\xb1\x08\xecr\xb3~\x13\xea\x98\x7ff\xf0a\x00k\x7f\xdd\xd3\x0c\xf8&gt;\xc6YoV\x98\x9c'</t>
  </si>
  <si>
    <t>b'\xf3&gt;\x83\xe1~\xbf\x80^\xea#M[w\x81\x1c\xe6\x90B4mw\x03}\xd0\xdb\x11X\x94W\x08\x15&gt;'</t>
  </si>
  <si>
    <t>b'^\xa2\x82*}\x99q\xe8\x92\xf6\t\xa39\x82d\xdd&amp;\xbf*\x80\xb1\xb1\xfd\x85u\xc0wCG\x1a?r'</t>
  </si>
  <si>
    <t>b'\xc7\xa5\xb72\x18\x8cP\xc3\x8eX\xec;\xb3\xc3\x80Cw!BTp\xc9\x85%6\xb4@\x98\xe0\xef\x81x'</t>
  </si>
  <si>
    <t>b'f\xbe\xe3B`\xe8\x18n\x8b\x91k\xd7\xfc\xccG\xa5=a\xfa4X\xc2P\xc0V\xc3\xd0\xda\xb0m\xaa\xcc'</t>
  </si>
  <si>
    <t>b'\x81o\x9e\x97\xba\x94!\xbc\xa1OX\x85d\x82K&lt;S\xc5\xa3\x0b\x11"H8\xc0L\t\xb6\xb2p\x0bb'</t>
  </si>
  <si>
    <t>b'\x17\x0f\xc5\xea\x8c\xfb&gt;%,\x1b\x94\xe7\xbaE##!\x10\x8aq~\xaeg\x03r\xd9\xa2]\xa5\xab\xac\xf6'</t>
  </si>
  <si>
    <t>b'Q\x1e\x12\x0e=R\xb7\x1d\xa3\xb5\xd4\xb7\xb7\xe2I\xd2\x86\xd0\xab_M\xb9E\x80\xa0\xbe$\xd1\xdc\x82\xa9l'</t>
  </si>
  <si>
    <t>b"x'\x88U-\x8e\xb1\x18\xb6\x8ag\xc8\xa7\x19\x1ae\x1a\xa6\x06\xc4\xbc\xcc\x91\xa3\xef\xcc_l\x0fS-9"</t>
  </si>
  <si>
    <t>b'q\xbe\xaf\x06\xda\xadtM\x15P\xbar\xe5\xcb\x8e*.\xe3\x01\xba\xac\xba\x86=5\x12\xaag\x95\xdfyd'</t>
  </si>
  <si>
    <t>b'\xd1d\xb2,\xd6\x06\x9e[\x99$]\x0b\xde\xddW\x12M\x1bIO\xa7\xb4\x80V_ce\n\xb8\xc1\xea\x05'</t>
  </si>
  <si>
    <t>b'I\xd3\xb9\xd6\xe9\xb4\x16\x0f)=8\xcaH\xe8z l\xa2\xe3\xc4\xba\x8a\x915\xfc\xdc\xea\x86\x0e4\xd0R'</t>
  </si>
  <si>
    <t>b'\x89\xbfx\xb0H\xcd3\xc9Td\xeb\xcb\x1bv\x05O\xfa,\xcfi\xebL\xbb@\x07\r\xb5a\x95\xb0\x0fZ'</t>
  </si>
  <si>
    <t>b'Z\xf8\xbc\x93\x02\x07\xc0\xc0\t\xbdJZ\xc5\xf6\xa1\xcdX\xb1C\xfdGR&lt;\xa8w*T\x11G\x80\xa14'</t>
  </si>
  <si>
    <t>b'c\xca/\x7f\x13\x1bQ\x8c\xd0J;\x13\xaa\x02\xd6@\x15\x1fN\xda\xed\xe8\xe0\t\xf1\xe2\x06\xc6\xa3\x1a\xce\x1b'</t>
  </si>
  <si>
    <t>b'\x8b\x14gR\x9e\xff\xcd\x00|I\xc8\x0bO\x98U\xa9\x8e\xcd\x11G\xb3W\xe0,:\x7f\xcc\x80\ty\xd0Z'</t>
  </si>
  <si>
    <t>b'\x0cs\xcd\x95\xefG\x99\xf0\xedUO\x05\xcf\x86&lt;\xe5\x14h\xdb\x16\x05\xc6\x9d\x94\xe7=\xf5\x04\x15)\x90+'</t>
  </si>
  <si>
    <t>b'\xcf\xed\x9f\xab\xcaJ&gt;\xf2\x85\x7fF\xbc\x86\xa5K\xafY;\x86\x0f\xc1\xe1\xf5\xbc\xe2\\b\xae\xb5!\xd0\x0c'</t>
  </si>
  <si>
    <t>b"P\xbb\xa4\x15\x9b\x08'\xe8\x0ff\xa9\xdaGo\xc4sE\xb8\x98\xe2;\x98\x0f\x19\xaa\xcf\t\xf5\xc4\xcc\x94\xc9"</t>
  </si>
  <si>
    <t>b'\xc4\x93_\x19$\x97\xc6\xec6\xd1\xfa\xb4\xc5O(\x94\xf1b\x15\x16\x1d\xb9\x91\xc5\x06"\x1b\xd0\x8b\xbfW\x8c'</t>
  </si>
  <si>
    <t>b'}\x03\nf\xe9\xbe\xa0\xfe\x06X\xb6\xcd\x0c}\t\xf4s\xbfY*\x05\x7f\x1c\xab\x82\xf1t\xf7\xab\xdd\xd8G'</t>
  </si>
  <si>
    <t>b'\x81\x97\x16:(?\xf8\xf1z]\xf43\xd0\x12\x9e$a\x164w@GO\xff5,\xadi\xb9\xbdvl'</t>
  </si>
  <si>
    <t>b'1z\x94\xbd\xbe\xc5\x97\xf9!\x98\x85\x05H+?\x1b\xd4V\xcf\x9bIk\x0b\xff0\xa9\xb8m\xd3[\x8e/'</t>
  </si>
  <si>
    <t>b';\x8a\xb5\xf7\x04j\xb8H\x9b\xf4s{\xf9\xd3\xbc7K\xbe\xc5\xbc\xa2a\x1c\x16J\x1c*\xfbk\x98\xbe\xbb'</t>
  </si>
  <si>
    <t>b'\xd3\x1d2\x16\xb7\xe2k\x91\xbf\x02\xda{\xe4\x84\x92a\x88\xb4\xa5O\xe2\x93\xebF\xaaUZ%_\xa7\x8c\xe6'</t>
  </si>
  <si>
    <t>b'i\xd8\x7f\xd6\xbe6J\x96nk\xd5\xc1\\\xdf}\xc9\x94\x10\xe0\xa2F\xd65\xfeS}\xe7n\x1a\xd4\\\xe5'</t>
  </si>
  <si>
    <t>b"\xae\x94\x1e\xcf\x97\xc9\xc3\xe9o2'\xea\xcc\x83\x01\xbd-(\r50A\xc0\x8c\x84\xca\x1c}\xda\x0f\x86\n"</t>
  </si>
  <si>
    <t>b'kj\x82E^\xd8\xe4\xfc0\x1e\x11\x8b0\x0b\xdd\x88\x15\x95\x89\x80\xd3\xd3"Dx\x9d\x8dF\xdd&amp;\xd9\t'</t>
  </si>
  <si>
    <t>b'\x98\x8a/\x0c\xb9xFj\x1a\xec\x13\xe5\x0c8\xe4i\x0e%\rb|\xae\xef\xa9j\x99\x81\x11\n\x83\xef}'</t>
  </si>
  <si>
    <t>b'\xf4m\xfbl@\x9aN\x9dtS\x06&amp;\xc32\x84\xb7\xc8}\xab?\xd1\x9c\xa8=\xc3\x84X\xeb\x134\xc9\xd5'</t>
  </si>
  <si>
    <t>b'\x98{\x83\x9eN\xcb\xed\x8b\x1b@\xb2\xc0j\xb7m\x95\xbc\x9b@\xff\xea\xc4*\x9cY\xd07b6\xea\x8c\t'</t>
  </si>
  <si>
    <t>b'r\xaf\x00\xf2T\xc0\x12\x8bFB\xc5q\x185\x18\x089\x0c\\\xab\x04\xa6#\xf4i\xad]\xeb\r\x8e\xcea'</t>
  </si>
  <si>
    <t>b'\x16IA\xc74\x1fd\xb6\x13\x19\xcf\xed\xd5\xd4t\xcb\x83\xb6\xad\xaa$\xbf\xba\xa2\xb2\xccY\xaa&gt;o\x9aR'</t>
  </si>
  <si>
    <t>b'\xe7\xaeN\xb8\x90J&amp;W\xd5SQ\xa8\xa4]\xc0\xa5\xf7\x02]j\xee\x8e-K\xb72\xd1\xee=\xd9A\x93'</t>
  </si>
  <si>
    <t>b'|\xae\xd4\x84\xb6.\xd0L\xb5\\.JU\xe9\xfb=\xc5^G5\xa6\x80\xaa\xe0\xe5\x7f\xbd\xa2]x\xab\x04'</t>
  </si>
  <si>
    <t>b'@\x8bx2\x99\xb1V\xf0\x86%\xf6D*Or\xbdK\xb4\x12\xc3|\x8b@\x9c\xe4\x02\x95\x84p:\xec\xb9'</t>
  </si>
  <si>
    <t>b'7\x84xS\x0f\xae\xa2\xb3\x13I\xc7\xfd\xe6\xae\r\x96\x90\x94\x8dG\xecPd\x98\xc1R\\\x81\xf6\xb69M'</t>
  </si>
  <si>
    <t>b'&gt;\xf8\xc0\tF1\xa4\xd0\xc6\xef\xf1\x11\xe7\x10Pj0\xee\xf9\x0cd\xebe8z\x8cx\xec\x16Xm\x1a'</t>
  </si>
  <si>
    <t>b'\xc4\x11\x9a\x95x9\xc9R\xd3\x95\x02\xcdl\x12P3\xd1\xb1D\xf9\xa7w\x88\t8\xad\xa9\x8fE\xadyT'</t>
  </si>
  <si>
    <t>b'Y\xca\x9b*\x92q+\x08\x99\xd4a\xe6\x86\xa6\xc6\xd0\xb4e\xd1w\x92 \xa4j\x7f\xf7\x0c\xc2\x0f$\x0fW'</t>
  </si>
  <si>
    <t>b'\x1b|\x87$;J\x88a\x84j\xa3G\xfc1\xf5[\x03\xbeo\xc2}h\x86Gw\xad\r\xe6Y\x89\xcb6'</t>
  </si>
  <si>
    <t>b'y\xba~\xea\x07f\x87"\x93+\xb5O\x86\xbe\xd4\xd8\x84)\xb4\x01\xe3\xc18_\xec\\Dc?\xb7pn'</t>
  </si>
  <si>
    <t>b'\xa4\x06\xa1\x98\xc9]WY2\x9fx\x8e.\xdb\xe7\x94D\x1e\x18\tI\x8f\x89\x98"\n\xa8\xb5\xbf\x15\xee\x02'</t>
  </si>
  <si>
    <t>b'\x8f.\xf5{\xd2R\xf4m\xd4z`\x86#\xe9\xd1\x1d\xb5\x15-J{F\xb3\xb1&gt;7\x94}\xa7flQ'</t>
  </si>
  <si>
    <t>b'\xae\xce\xaa\x9e\x03\xae\x85\xb5e\xcd\xed\x13\xc8ba\xb20z\xf6\xba\xa2\xc4\xc5\xd2\x15+\x91\x1e\x03\xf1\xd3^'</t>
  </si>
  <si>
    <t>b'(s\xccD\x7f\x8c\xe3\x95q\xa5\xe8\xaa\x13I\xb0\x0f\x9c\x1cV\xcd\xe8\x8d\x17\x86D#[Y\xb3\xd6\xd3\xbd'</t>
  </si>
  <si>
    <t>b'/I\xc4\x8ddK\xa7\xfc;\xf7\x80g\xa3&amp;6\x06S \xcb\x89\xea\x0ck\xbbY\xd36w\xaa\n5\xb7'</t>
  </si>
  <si>
    <t>b'\xe6f\x03\xfb\xb1f\xb2\xa8\xa2\x8bl)\xfa@\xc2A\xa4\xa4\x0b\xcc\x8e\xba}R?\xad\x01\xeb\x1b\x99\xf4\xf9'</t>
  </si>
  <si>
    <t>b'&amp;DL,\x9dn\x86N\xc7\x01\xda\x81 l\x06\xdc\x95\xbf\xdc)yG6)/\xaa\x1fl\xdf\xc6\x8f\x08'</t>
  </si>
  <si>
    <t>b'%6\xbf\xfbL\xcdOv~\xbd#\xc8\x1fe\xaau\xe3/\x9c\x8c\x13v\x1f\xfa?l\xbd\xbfv9[\x08'</t>
  </si>
  <si>
    <t>b'\x05C\xba\x85\xe0\x05-\xb5!\xc7\xe1\x1cIc\x9d\xf7v\x9a0\xf9\xda9\x14\xe4\x9b"\x83\xedo\x97+g'</t>
  </si>
  <si>
    <t>b'O\x1a\xfc\xf3\x84W\xdf\x9d\xfe\xa7\x96\x1c\xcaW\x9e\xebo\x1aU\xc2\xf9\xbf\x8a\xd4Jx\x9fre\xc1\x98\x8e'</t>
  </si>
  <si>
    <t>b';\xda4\xc8\x19Z\x13\xb4\x82\xc3\xce\x13\x83@2\x87H\xbc\xd2\x9e^\xfb\xb9a}\x0bp\x04\xf1\xbe\xffY'</t>
  </si>
  <si>
    <t>b'\\\x1a\xfe_\xc2M\x1c6\xf2\xba7r7\x8dt\x92p,\xa6{\xe9\x03\xb8\xfe^q8\xdac\xf3!!'</t>
  </si>
  <si>
    <t>b"\xef\x12E]\x85\x9b\x12\xa79^y\xf5v;\xfc[\xdd\xb2\xf0\xcd\xa4^\xc1r\xa0\xb4\xf2'\xc5\xf3]\n"</t>
  </si>
  <si>
    <t>b'\x08.?\x81\xe0\x85\xdc\xdc\x8e\x08v\xba\xf7\xa4\xa1A\x00\xec\xee\xe0d\x08\xd8qg[\xa6\xa16y\xb9&amp;'</t>
  </si>
  <si>
    <t>b'E\x93\x83\xd7\xfc\x16\xd5A-\xef\xbeC\xb0\xc4{M\xddY\xbe\xcb\xcb&gt;\xbe\xa7r\x8c\x0c\xf0n=@@'</t>
  </si>
  <si>
    <t>b'\xe2\x19gy\xcaP\x0b\x07\xeecI1\xddq0\x93M\x8a\xbe:2\xb6\xae\xbb\x85\xc0\xc9\xa2\xab\x11\x02\x19'</t>
  </si>
  <si>
    <t>b'\x13\xe16y\x8bP\xf1Q8\xf4\xc6\xc2\xc9\xbd\x9d\xa2\xef+\xe4r\xeeQ\xebB\xecy\xfc\xf6\xa6Na\xad'</t>
  </si>
  <si>
    <t>b'\xc5k\x12\xa3X\x08D\xead\x0e\x8d\x99}\x13\x13{\xd6\xf0\x8e"S\xe2\x8f\xc3\x7f\x93_8\xc3,\r\x12'</t>
  </si>
  <si>
    <t>b"\x81\x8c\xd0Bu'\xf9z\xf9\xf0fWiz\x93\xf1\xc8T\xc9\x1d\x83\x07\xb7\x11a\xd1\x86k\x98\xfa\xfc\x89"</t>
  </si>
  <si>
    <t>b'G\xcd?\x88\x03PgM\xc7,Hzw\x90`^\xd7\xf6\t\xa2\x98!&lt;d\xd8Hs\x8d\xc7\xac\xc2$'</t>
  </si>
  <si>
    <t>b'\xe4\xd4\x18\x8d{&gt;{\x18\x92\x01\xa4X\x06\x7f\x03\n\x16\xc7\x84\xe61\xda\xa5\n^\x97\xf4px\xb1\x8a/'</t>
  </si>
  <si>
    <t>b'9\x11\xa1\xc7W\x0c\x95\xd2\x92\x06\xb9\x14\x19p\xef\x97\xb7|\xdb\xde\xf2A\x9e{\x99!f\x7f\xd1\xd2\xf1+'</t>
  </si>
  <si>
    <t>b'D\x9a+\xfc\xbf\xce\x81\x8et\xb2\xfb\xadC\xbb\x82\xaf@\xfb\x10\x94t\xbd\xd6\xcd\xd3\x07\x12\xc3\x88\xae\xe3\x1f'</t>
  </si>
  <si>
    <t>b"\xd4\x8eYoL\xd4\xb6R\xe0'\xd2\x8e#\xeb\xb6\xca\x85\xcd\xf9\x00)\x9e^\xd9\xfe\xd1\xf6\x92\xcb\xcf!\xda"</t>
  </si>
  <si>
    <t>b'\xe2\x00\x89\x10\x91\xaa\x1f\x88\xdf\x87x\x89k\x82\x1a\xa7;&amp;\xc96t\x7f\xb4)\xad&gt;\xdf\xf3\xf0\x17\xe2\xdc'</t>
  </si>
  <si>
    <t>b'\xad\xe3\x19F\xcao\xdaG\xec?]\xb8.\xd7\xcaL\xf0W\x11\x8cr\x9b\xe0\xeb\xee\xa9Jd\xc8\xc7\x97k'</t>
  </si>
  <si>
    <t>b'g\x87+\xf7\xe8\x18\xac\xa0\xa3\xc2\xb1\xf5_\xbe\x0c\xde\xda\x19f\xf0\x06A\x88\xf3\xe4\xdc\xc8\xb5\xcd\x8fG\xae'</t>
  </si>
  <si>
    <t>b'\x9d\xd5\xb5B\xa9~,\xf2\x86\xa3=\x17\xc1\xc5\n\x94*@\x81J\xca\xfbA\xaf&gt;\xe9\xfe\xf4)\xc8|\x9e'</t>
  </si>
  <si>
    <t>b'\xdb\xa0D\xe1\rx\x18\xac\xcd\xebeUI\xa0Owg\xd0\x91b)\xceE\xfa\xc0b\x0eq\xed\xe1\xe6\xa8'</t>
  </si>
  <si>
    <t>b'\xf50w\x1b\xe2\xba\xbd\x1fQ\x0bp\xec6\xe4F\xc9\xdb*Z/\x11\xee\xb1\xa6\xb1@n\x99\x8e\xf3[\xa9'</t>
  </si>
  <si>
    <t>b'}R\x93d\x81Y\x1d\xc7\xaf\xf9\xa7\x8ey\x16\xd4\x8a\xffT\x83U\xe1W\xab\xb0k\x8c\xd2\xcfc\xd5\xe26'</t>
  </si>
  <si>
    <t>b'z&amp;rkK\xeb1o\xa2\xb5\\h@\x12\xdb\xf8?\xbcQo\x93\x00\xb8\xbdQW\x82\x16\x03e\x86b'</t>
  </si>
  <si>
    <t>b'!\xca\xbc\x88\xd8\xba\xb1\xd2\xe3\xd7*L)Y2\x0e\x8a/\x19\x14\x87\x89\xeaQ"\xbd\x9a\xa6\xda\tDC'</t>
  </si>
  <si>
    <t>b'\xf2\xc2fU3\x83\xdc\xe47T\xb6K\x89_\xfd\x9db(&gt;$06\x87\xe4\x8a\xd7\x93I\x88\xffJ\xa9'</t>
  </si>
  <si>
    <t>b'\xb7\xd6\xebV\x88\xf7\x04\x1b:\xe9W\x0c7\xf4\xd7J\x81\xba"\x9e\xb3\xdb\x9b\xc2\xe3\xaf\\S\xc1\x89\x84\x02'</t>
  </si>
  <si>
    <t>b'l\xe9\xe7\x87\xd1\x94\r&gt;\xda\xdf&lt;Ic\x06R\xf3\x88\xb9\x9fz\x92Dc)\xdb\xf5s\xef9g\xa0\x7f'</t>
  </si>
  <si>
    <t>b'L\x19\x9f]\x12\xad\x00\xcc\xddM\x84@!\x94\x10\xf8\x89\x7f\x18\xf9p\x95\xec\xfe\x07|z\xed\xa5\xcah\x02'</t>
  </si>
  <si>
    <t>b'\x1b\x95\x18&lt;\xd8\xf2\x8f\xffO\xa5:q\x98M\xdbX\x8d|\xb1\x00fV\x19@c\xf0\x05\x15\xc2\xf9h\xd7'</t>
  </si>
  <si>
    <t>b'\xa4\xaadr\x9d\x832\x01\xe7\xd8D\xf3\xad\xde\xb5\xf5=\x9at\x99\xa3h\xfdt\xd3\x8e\x8b\x0c\x82\xc3\x1d&gt;'</t>
  </si>
  <si>
    <t>b'\xf35Z\xf3\xdd\x91*\xe2\xc9P6\x01\xdc\xec?[\x99\x1b\xe4Tg/\xb5\xe2z\x89b\x14\xba\xd5\x992'</t>
  </si>
  <si>
    <t>b'|\x10\xee\xfa&lt;R\xa7\xef\xf6\x19N\xcdw5\xc5!\xd4\xf2\x9dU)\xeby\xfc;\xb8\x8bAE\xd7i\x80'</t>
  </si>
  <si>
    <t>b'\x94\x91m\xfa\xa6\xe3\xe9\x9cr\xb6w\x96\xf0\x0c\xd1\xe1\x8c.\x8c(\x03P\x9d\x88\xff"\x04\xcd\xeb\xfb~\xb1'</t>
  </si>
  <si>
    <t>b'&lt;\x0c\xe6\x97\xc9FC\xaf05\xe0\xc6\x10\xcd\x1ei\x95Q1\xde\x0c\x8dO\xa5\xc1O\x1e\xeb\xfeE\x86Q'</t>
  </si>
  <si>
    <t>b'\xdc\xba\x82\xa6*m\xc1T\x07\x98P\xb4t\xbc\x1b3n\xd4M\x7f\xcaJ\xbb\x1b\xe8Y(\x8e\x87\x01e\x17'</t>
  </si>
  <si>
    <t>b"\x9d* b'\xf5\x19\xc31\x7f,dM[\x9b\xf8\xc2\x80j\x1cG\xdb\x97,\x80\x1dg\xa7\t\x1d&gt;A"</t>
  </si>
  <si>
    <t>b'\x94\x86\xb3y\xb49@\xcf\xa6\xa9\x0b\xf2a\xad\x0e)\xa2;(;\x1fn\xaf. $\xaf|c\xa2\x8e\x9c'</t>
  </si>
  <si>
    <t>b'\x9bN%\xfa\x9fi\xa3\x95\xcd\xe5\x8aB\xa8sc=\x0e\xd8\xf4p\x1b\xe3C\xa7\xc5\xa1\x16+\xf3Z\xf7\x93'</t>
  </si>
  <si>
    <t>b'\xfb\xbb\xf7\xddv\xd1B\xa8\x1d\x82\x0eV\xc2\xf9!\x9c\xc3\x07Z\x90\x17\x0b\xa2h\xd5?49/v\xa7W'</t>
  </si>
  <si>
    <t>b'!\xeb\xebiU_\xbe\xb7c\t\x85\xc8\x8bDE\xf7W\x86\xc1\xc5\xc0\x00\xee\x8c\t\x7f\x8b|\xb4\x8a2#'</t>
  </si>
  <si>
    <t>b'8\x0b\x11\x03C/6\x9e4}\x10\xec\\\xc4\x97\xf4\xca\x97\xbd4\xc8\x97+\x1b\x0eP\xef\x1eu\x8e\xdc\xb5'</t>
  </si>
  <si>
    <t>b'uQ\xcb\xf9\xb59\x9eL\x10\xeeQ\xfa\xce\xf6 \xec^&gt;&gt;uA\xa4Q\xd3zb\x8e\xa4\xbc`\xef\xd2'</t>
  </si>
  <si>
    <t>b"\x1c\x98:PA\xcc\xf9\xb2\x81X\xb9\x924\x96'\x04&amp;n\x94\xd8M\xe1\xc1\x07\xf7\x14\x8cm\xe5+\xe8\x7f"</t>
  </si>
  <si>
    <t>b'\xb5\xcf\x9a\xa1u\xa1q\xc4Rh-3\x9695\xbc\xffwu\xd7p\xcf\xe1?\xe3\x88\x07\xc8\x19Be '</t>
  </si>
  <si>
    <t>b'\xef\xe3\xcb\xdc@d\x99\xc8R\x04\xa7\x9d\xf4d5\xd6p\xa2\xd3\xa2\xc4\x93|\xa9+M\xab\x81\xc6\x12\xe9_'</t>
  </si>
  <si>
    <t>b's\xa8t\x06\xb4\x97\xc3F\x08#\xfb_\x99\x15C[\x9b^\xfb\xdc\xcc\x9bq\xbfviD\xc6\x96\x83\x05\xe8'</t>
  </si>
  <si>
    <t>b'\x95\x90\x95\xb4\x06\xcf\xb0\xb5\x86\xe2\xbf\xd6KG2\x19\x06\x01\x8b6jy\xb9\xa6\xdcr\x085|\xad\xbd\xb5'</t>
  </si>
  <si>
    <t>b"\x9f\x87\x8b@\x96g\x03\x80(\xda'\xad\x97\x031\x1e,\xd2\x05\xe2^\xfd\xeb\x198\xfb\x9f\xd0\x8f\xd1\x81\xeb"</t>
  </si>
  <si>
    <t>b'=ok\xbb\x10Y\xfarQ\xe5\xb5s\xbcd\xda\\\xb1\xef\x9b\x8f\xffc:0\xf9\xcd\x81\x17;\x00\xaaG'</t>
  </si>
  <si>
    <t>b'\xc4N\xaf\xb3\\\xc2\xbcG\xa6\xee\xdflT\xe4D\x1f\x17\xc5\x05\xa6\x13\xc8\x86\xb72\x94\x01m0\xab\xf9 '</t>
  </si>
  <si>
    <t>b"\xadk\x7f\xe3\x08\xc2\xec6\xfeP\xa9T\x91A\x03#\x07&amp;&amp;dY\x0fi\xba,\xd0\xb7\xbe\xa8'FX"</t>
  </si>
  <si>
    <t>b'\x00\xaef\xd9\x8f\xeb\x12\x92\xd8\x0b\x93\x83\x868ek\x85\xd4\x8d\x9eF\xe2\xad\xf6\xea\x87\xcc\x1e6k\xdb\xb8'</t>
  </si>
  <si>
    <t>b'\x98\xcd1\xb3.\xb6\x14\xb4IA\xbb%\x90q\xa2\\\xd8\x11\xd7*\xf6\x94\xe7\xb8\x0b#\xec\xce\xb5\xf5b\\'</t>
  </si>
  <si>
    <t>b"\x8f\x1f\x8b|\xb9v\xc7yc[5\xbc\x893Zd'\xc1\xe5\xa2\x07|\xef\t\xd9\xa5N\xce\xa6~\x85\xac"</t>
  </si>
  <si>
    <t>b'\x8a/\x8d\xfaDg\xec\x85\xc0c\xbc\x81\x15\x1f\xfcO\n?{\xf4)\xa7\x07\xfd\nO,\xf1\x96{d\x08'</t>
  </si>
  <si>
    <t>b'\x878\t+NP\xf8\xd9a#]\xd5\xaf\x06E\xdb\xe7c\xc7\xbbT%\xb7\xc1i\x88\xa9\xb5\x13H\xdf!'</t>
  </si>
  <si>
    <t>b"*e\x0f\x8f\x9c\xeb\xd3Eh\x94mv\xd8\x8eV\xa2'\xf1\x13\x1a\x9eUi\x99\x8d\xd0p\xe5\x1e\xa1\x81\xcb"</t>
  </si>
  <si>
    <t>b'\x94a\x0e\xd6\xf6\xd1\xf7?&amp;\xa3\x96\xc3\x8df\xfe[\xc7j\xfc`\xf5\xc2"\x85LXy3v\xf1\x0c\xf0'</t>
  </si>
  <si>
    <t>b"[N'Q\xf3%\x1e\x8b7\xbeY^)]D\xdd\x1b\xe5pLU\x16a\xf5\x8d\xe0eQH\xfa\x95\xd8"</t>
  </si>
  <si>
    <t>b'\x030\xc3\x7f\x18\x87\x07O\x91\xc7\x0b\xd0\x92\r\x8bv\t\x1d\xd7ay\x987:\xf7`XDVgn\x18'</t>
  </si>
  <si>
    <t>b'\x0b{\xcc\xa8\xd6]r\xce\xe0\xbb\x9a\x98\x8f\xa0\xb8N\x8f\xca\xe8\xcc\txqDc\xf1\x00\x1e\xf5\xa0\x9dN'</t>
  </si>
  <si>
    <t>b'\xfd\x80S\x7f\xadB\xa21C\x90\x06z\x98\xc5\x9d\x80\x13n\xb0\x82\xe7fY\xa8wS2\xac\xf8\xfb\x9d\x8f'</t>
  </si>
  <si>
    <t>b'\x12\xc3\xc7\xa7\xd4\xf6\xaf\xe0j\xb6\xb9\x92e\xc7\x845\xdcn"\xb7P\x80\x15&lt;\x14\x1c\xc4Ke\xe0\xd5\xb4'</t>
  </si>
  <si>
    <t>b'\xc0~\xb0\xe6a#\xe8\xe1\xa8\xc7=\xb5\xecy\xb0\xcdG\xcd\xb5\xea\xb1\x8d\xb4\x88\xcd\xbd\xb6\xa3\x99c\x88\x98'</t>
  </si>
  <si>
    <t>b'\x1f\x96\xf3G\xa7n\xa49"\x9d\x8a\xaa\xcd =\x16\x0f/\x92\x80\r\xa2\xb8\xeb;6\x07\x06\xb4\xf2\x11\xab'</t>
  </si>
  <si>
    <t>b'\x99\xbcI\x0f\xd2\xa0\x88Ay\x15\xa7=\xd8\xfb\x1c0x\xae\xec\xa65\xa3W\xd3\xcbr\xc2\xc50;/\x02'</t>
  </si>
  <si>
    <t>b'0+EW\xaac\xc5\xbe\xaf\x1e\xafxiRg\xc1$:\xedA\x0e\xd1\xe5\xeel\xa6\xedK\xdc\x8c2\xec'</t>
  </si>
  <si>
    <t>b'Z\xd1CU\x170WT\x08\x1f\x97\xce\r@\x81J\xe5&lt;\x9dt\xb9\xde\xe61]\xcbx\xe0\x99\x96\x93\xd9'</t>
  </si>
  <si>
    <t>b'\x13^Cs\xef\xc4\x9b{\x11\ru\x0c\xf1eq\xed8~\xdfpM7\x9d\xae\xb1\x11\xa5\xf7\x9bz\x9c\xcf'</t>
  </si>
  <si>
    <t>b'U\xb2\x9c\xf3\x9a\x87\xe3\xb0\x1c\xb4\xfc\\\xebO\xe5\xbf\xd5\t\xb0\xfb\xd0x\xcd\x01\xe9\xbc?)\xe1\x97\xa5\x83'</t>
  </si>
  <si>
    <t>b')L4\xb5\xc9T\xa3\x83b\xf4\xcal\xf7\x8a1\xd4\xebVsN\x8e\x0c\x08r#m&gt;\xb51\xdb\xb1:'</t>
  </si>
  <si>
    <t>b'FB\r]\x98\x9f\x17\x8aw\x16\x91\xc9\tX\xf8\x07\xc3\x98\x0e474\x98\x9e\xf1\xac=\xedF\xa9\x0c\xc9'</t>
  </si>
  <si>
    <t>b'.\xa7\x89\xd8P\na\xe9\x9d.\x0f\xb7Tp~"\xbe\x06\x08?\x90\xe2\xf6m\x19\x83\xdd\xfb\xb2\x1a\xe8\xd1'</t>
  </si>
  <si>
    <t>b'\x1czi%\x9c\xe1t\xf3\xfe\x1d\x04Q\xa5\xd1\x0c\x91\t"\xda\x80\xc2n\x9c+$\xca\xac\xf8\t\xddD\r'</t>
  </si>
  <si>
    <t>b"\xdc#;\xc6\xa2\x14\xd3\x15\xc0\xd5\xc3'\xf4\x18\xf5\xb5\x01\xd9oG\xd6\xec\x14\x05%.}E+\xa5\x8e`"</t>
  </si>
  <si>
    <t>b'\\\x07\x9aI$\xcc\xbd\xd1\rf\x96\xd5\x07\x88c\x90\x1b\x1dZ\x98\xe7&gt;\xac\xff\xc3\xb9\xf1\x0e%r\x93/'</t>
  </si>
  <si>
    <t>b'\x82\xe0n\xa6\xde\x05\xb4=A_\xd3\x0c\xfc\xff!\xf6g4\xb8\xe7\xe7&amp;$\x14\xb6\x82\x16\xda\x19\x06\xa2S'</t>
  </si>
  <si>
    <t>b'\x92\x19\xa9^pm\x9c\x05\x92\x08y\xc0h\xad\xd0\x9dy\x021\xb8\xce\xdb\x1e\xcek\xca\xdf\xc9\xac*3\xfb'</t>
  </si>
  <si>
    <t>b'S\xbe\xbb\x15H\xd8\xe8\xe5\xd2?m\xbd\xa8On\x80DYX\xfd\x8f~gs\xfe \t\x1c\xc6\xf5\x18\xa3'</t>
  </si>
  <si>
    <t>b'\xc8b\xfdel\xd3\x15\xa6\x0e;_\xa9^Xf8\x99\x117\x93\x01\xe9\xe3\x83)\xf3\xd2\xc8MP~\x0e'</t>
  </si>
  <si>
    <t>b'\xd8[\xf5W\xba\x8f\xb9dUC\xadHO2\x18\xc8\x01$[{l\x87\x0b\xa5\xaa\x80\x90\xd42O\xc3\xb0'</t>
  </si>
  <si>
    <t>b'\xbd,\xae\xca\xa6\xc6\x16s\xc9E\xf0\xf96\xeey\xa1\x98\xc6PnQ\xb0\xe5\xbcQ\x06\xbb\x17\xc6\x83\xf67'</t>
  </si>
  <si>
    <t>b'\xd4C\x81j\xfb*.\x9fD\xad@\x1dg\xf5\x9a\xcc!\x14T\xff\x8d:\xa9\xd3\xd0@&amp;;\x12a\xa6\xa5'</t>
  </si>
  <si>
    <t>b"\xf1\x8e\x86'\xc8FF&amp;\xda&gt;\xa7\xf9F\x0c\xe9\x15\x9cK\x01u\xe0\xe0\x17t\xa9\xda\xa0\x97B\x97\x8d\xcd"</t>
  </si>
  <si>
    <t>b'\xc8{+\x89l\x9em\xf1C\xaf\x97\x7f\xfa\xba\x90\x99J\x01\xa1\xbdq\x81\xa6\xe3\x8d\xc6y\x98\x8c\x80x\xc6'</t>
  </si>
  <si>
    <t>b"\xba-\x1d\x94U\xe7\x13^g\x92\x9e\xda\x99\x12\x9b\xfb\xb3\xcd1\xa5'\xd6\x84!&amp;T\x86\x84\xc8S\xde\xe4"</t>
  </si>
  <si>
    <t>b'\xc3H\x14C\xf2C\x91\xca\xe8\xacD\xa5\xb6Gm\xa6Z\x08\xfcv\x98p\xe7\x9b\x13\xc7e%v\x85\x9a6'</t>
  </si>
  <si>
    <t>b'\xbf\x8f\xd3\xd5=P\x92\xb2\xb5N=)\xe5\xa7\xf1\xb8\x08\xa7L\xf0\x00[(P\x19j/\xd3\x85B\xa0\xa3'</t>
  </si>
  <si>
    <t>b'`\xa6\x0f\xea\xb8EL\x8b+\x17\x82#\xac\x18\xc5D\xc4M\x16\xd9\xdf\xe3\xf1_i\xc6`I\xd6\xbff7'</t>
  </si>
  <si>
    <t>b'\x86\xa1Z\xfb\xc8\\\xf3SD\x17\xbf\xdb\xf6\x04\xcc\x01q\xe1\x80\xb2\xd3\xf3\xa6FrJ\xc7\xf8xP\xcd\xa5'</t>
  </si>
  <si>
    <t>b'\x05\xd4\xc0\x97\xc7\xe6s\xa5\xe3\xe3\xde\x9d\xce4ul\x7fHO\x92z\x0e\xf6v\x14e\xca@\x0cM\x00\xaf'</t>
  </si>
  <si>
    <t>b'\x16\x04\xb5d\xa7dr\xa1\xb1\xe0\xe1\xb0\xe1\x14\xb0\xfcgq\xf5K\xaf7\xd2\\$-\xa4w\xdbr\xd8c'</t>
  </si>
  <si>
    <t>b'.\x1d1\x16\x06\xb7\x98\x91\xeb\x8e\x1f\xd8\xa2\x9aM\xf7{\xf3%\xdf\xf1\xbf\x00\xc5Onk\xd79\xfa\xd1\x14'</t>
  </si>
  <si>
    <t>b"\x82\x80_?\x02\xe6\xb9\xd2e\xb6m9'\x11&lt;\x13Ql:\x1b\xc9X\xc7\xe6T 5\x06&gt;\x8f\xd2\xea"</t>
  </si>
  <si>
    <t>b'\x07\xbam\x7f\x8b\xd1\x13&lt;\xab\x1do*\xec\xcfQ,\xf5Q\xb0\x8e\xdfi\x13\x8c\xdf\xb7\xbf\xce\x1b\xaej\xcf'</t>
  </si>
  <si>
    <t>b'7o\xff\xb1\xd8\x18\xae0ZB\t\xcd\x1d\xd6e\xb7\x9c\xac\xd7\xf8D\xe7N*dX2\xe1\xa1k/F'</t>
  </si>
  <si>
    <t>b'\x05\xf15y\xe5\xe9E\x1b\xdefu\xde\x17\x966JX\x1dEZ:\xae4\x86\x81\x8e\x06O\x1aP_A'</t>
  </si>
  <si>
    <t>b'rZdONm\xf4\x9c\xda\xab\xb2mY\xaaGs\x9eM\xb0o\xa8\xf3\xbbR\x97\x0eg\xf7\xbec\xdc\xce'</t>
  </si>
  <si>
    <t>b'+/\xa2\xe1YQq\x9c\x0fC-\x95B\x18XT\x85T\x99\\\x0bT\x9f\xa9I&lt;\x1a\xcap\xf2XY'</t>
  </si>
  <si>
    <t>b'\x9fR\x8b3\x0c8\xe5x\xb4\x83\x12.~\x99U{\xae\xfc\xdc&lt;\x98\xb57\x90\xc0\xc6\x1b\xdf\xe1j\x86j'</t>
  </si>
  <si>
    <t>b"H\x8a\xb8\x95Nk'\x9br\x81\xf7w\xe9B\x86@p\x19\\%\xfb\xea-Z\xdd\xeb\xa0\xfc\xb8\xe5\xa0\r"</t>
  </si>
  <si>
    <t>b'\x06\x869\xff\xa4\x0f\x90lcu\x05\xfao\x08\x84\xdc\xe1\xa4{\xbe\xbeQ\x0b\xfc\xa9\xc0CX\x1d\xfe\x1b\xdb'</t>
  </si>
  <si>
    <t>b'\x1c&gt;\xd8\xb9D\xb4Wn@\xc8\x8d:\x9b\xecw\x06W\xf3\xaf!\xdb\xc7a\xc4\xa7\xc2R\xa4\x88\xc2\xb0('</t>
  </si>
  <si>
    <t>b"\x81\xd7\x93\x80\x88I\x99\x1a\xa6\xf2\x86'\x91p\x97_\x94k\xc6@\xc8E\x95\x13z\x1e\xc8L*)\xb6L"</t>
  </si>
  <si>
    <t>b'hp\xcd\xd3\xe9x\xac\xe0\x9d\x94\r,#\x90\xe6P\xb3u.h\xc6\x10;\xc5\xa0\xa3\xcfz\xef\xb1\x18D'</t>
  </si>
  <si>
    <t>b'gn\xba@\x8bZ\xf0\x13\xec]\x16i\x8afC\x88\x96\x87\xeb\xdf\xe3\xfc\xf6\xd1\xe2@\xb5U\xeb\xc01='</t>
  </si>
  <si>
    <t>b'\x86t\xab\xf3\xfb\xea\xa8\xaa \xa8"\x1f\xa2\x88\xfd\x91\xbf\xc36\xe4\x82\x06H\x96e=\x96\x88\x1eR^\xc3'</t>
  </si>
  <si>
    <t>b'`\xf0\x88\x0e=\x0c\x1d\xc1\x99DY\x19\xb1kug\x87\xfd\xa2 \x98h\xa8gJ\x18\x0e\x88q\x85\x16n'</t>
  </si>
  <si>
    <t>b'\xcfy\x1d\\\xe6E8\x8d&gt;,,A\xf9\xe4\x88\xfe\xd8\xbd\xacb\x18\xa8VJe\xda\xf7 \x86\xb1\x07C'</t>
  </si>
  <si>
    <t>b'\xd0Xy\xb0\x12RB\x9c\xce\x06\x10\xa5\xd7$\x82\xb3\xc9\x8b\x9e\x13\\4\xceF\xeb|),D\x1cMX'</t>
  </si>
  <si>
    <t>b'\x1c\x1f\x88\xf7U+\xf5EB.\t\xfdu\x90\x0eh\xf2\x00\x18\xbc\xb8%\x1a{^\xa7\xbap\x96\x1f%\x8c'</t>
  </si>
  <si>
    <t>b'\xf0\x15s09\x8a\x13\x0610\xf2\xdb[\x8d\xcd\x06]K%\x8e"n z\x86\x04\xb8\xae~\xed.~'</t>
  </si>
  <si>
    <t>b'\xf0S\x07\xa4\xda\xe1\x98\x84\xa0mr\xb9-4\xf2\xaf\xee\x14\xc4\x00\xf3&amp;EoR\xe7\x88p;\xdf\x9b1'</t>
  </si>
  <si>
    <t>b"'\x12\x03\xbeG\xcb\x8e\xd2\x98\xc0\x98\x94\xf3\xdec\xa6\x1c\xfd5]\xec\x11\x86}\x83\x08\x92\xfb\xf8\xfb\xa0\xf2"</t>
  </si>
  <si>
    <t>b'~\x7f\xbd\x9a\xce\xa9#\xa3U\x8e\xbd\xf3\xae\x94t\xb7+!Q\x0b9\x17c\xc9\xe1*\xf5\x08?\xf6\x11u'</t>
  </si>
  <si>
    <t>b'8\xa1/\x8b\xee\xe8\x8d_\x0c\xf8\xf0\xba\x8a\r\xd1\xcd&lt;\xc1\x8bZ-\x99\xf7\xd5$\xbei\xbewW!\xfb'</t>
  </si>
  <si>
    <t>b'&lt;\x90\x90\x0f\x8d\xfc\x0e\xee\xb20\xc0\x95gH\x13\xdf\x94\x040\xab\xc3U\x0eKd;\x97d,vN\x0b'</t>
  </si>
  <si>
    <t>b'\xb2P0m\xa0O\x1b\xcd\xc4\xfdC\x16[\x8841\xbd\xab\xbb\x81\x8b\xbd\x1fk\xa5\xe03\xae\xb1\x17h\x00'</t>
  </si>
  <si>
    <t>b'\xfd\xd6sm\xff\x92\xbe\x04\xae\xaf\xd6J\x0f\xdb\x12\xaa\xb5\xc07\x1f^\x1d\xd7r\xac!\xe1m\x1d\x18\x94\x99'</t>
  </si>
  <si>
    <t>b'y\x82Sf:z\x0b\xf0\xe6\x88\xe78\x82\x8a\xd4?T\x11\x1f\x8ci_PC\xa2He\xe2\x8eV\xdf\xce'</t>
  </si>
  <si>
    <t>b'\xa5\xfcm.\xb9A&lt;\xa4\x9a\xd4\xbe\x16\x9e\xd6\xc7\xd9\x01\x14\xa9Y\x0e\x90\xbfs\xc9z\xa3\xbb\xc3\xe4\xb9?'</t>
  </si>
  <si>
    <t>b'\x9a\xc5\xe8&gt;\xe0\xc5A\rB\xec&amp;\xc4.\x13\xd9\xa42\x96\xd1\xa1=\xb2\xea\xbf\xbf\xe0\x9f)~\xb7gG'</t>
  </si>
  <si>
    <t>b'\xaf\xdc\xf6\xf1\xf8O\xa7\xd8\x7f&lt;\x83/\x88\x0bc\xe4\x1e\x99\xa9n\xdcb\x1fb$E#\xd1\xbc\xeb\xc0\xc0'</t>
  </si>
  <si>
    <t>b'Q\xb4F_\t[\x1eo\x8e{4\x9bm\xdc\xd0\xb7\xe5,\xf1R\xa3\x7f\x00\xfd\x8bz%\xb3\xdaS\xc9\xf0'</t>
  </si>
  <si>
    <t>b'~\xfbB\x85\x0b~\xe5~"3u\xe6\xc8\x83\x12%\xac\xb4|\xa10i\x9f2\xc0+\xb6s\x08\xfcBj'</t>
  </si>
  <si>
    <t>b'\x8e\x9a\xc6\x0e\xb3\r^\x87~C\xe5\x9f\x85\x8a\xf4aCq\xfc\xd8V\xf1V/\xfc\xb7\x0bf|\\\xfey'</t>
  </si>
  <si>
    <t>b'@\xf5\x89\x0b\x94j\x96\xa0J\xb8F\x00\xa5\xa0\xe6;dC&lt;:&gt;N~\xde\x8aD\x9e(\xde\x19\xc2\xc0'</t>
  </si>
  <si>
    <t>b"\xeb b\xb7\xffa\x1f1\x1f\xb4y.\xbc\xe6\xeb\x10\xd5['um\n\x1c\x8cq\x0b\xe0\x88\xa8\x9f\x9e\xf7"</t>
  </si>
  <si>
    <t>b'\xc3F.f#\xa4\x9a^\xcd\xadv{K;\xf5\x99\xa4\xfe\xe3x\xa7\xd2\x11E\x94\x83{\\v\xb2\xafE'</t>
  </si>
  <si>
    <t>b'\xf2\xc2\xdf2Z\xad\x0b\xb1\x96LR/.\x93\x05\x10"\xa1\xb6\x0c\xc7f\x85\xe7\xbb\xf4\x1al\nL.\x1b'</t>
  </si>
  <si>
    <t>b"'\xb8\xab\xe9\x9bF\x9awK\x0e\x95\x1b\xeaJvW6\xd9\xff\xbf\x02\xbd\xeec\xac\xf6\x99\xc9\xb0]\xb0\xf8"</t>
  </si>
  <si>
    <t>b'\xd2\x9f;\xad\x82\xe7\xb6&lt;d\x15\x8du\x90\x1f.e\xe7\xd2\xb3\xd6\x82\x85\xc5`\xc6\x04\x06|\x8b;\xc1&gt;'</t>
  </si>
  <si>
    <t>b'\xef+\x8fc\xb5\xb6\xa8\xe4\xfe\xdc\xedZ\xd9\xf0,\x99\xa5\xfcf\xf9\xb7\xfc\xdd\xb1Pw\x95\x08Nq\x91\xda'</t>
  </si>
  <si>
    <t>b'\x04-\xe0U\x03\x9d;3.\xc3\xb3hH\xb4)^\xaeA\xf1\xb9k\xe25\xb1\x11\x0f\xe6\x99\xd1\xff\x8d\xcd'</t>
  </si>
  <si>
    <t>b'\x16\xfcK(Q\xcb\x1e\xf17U\xf2\x1eF?\xb9\x98\x9d!C\xf2I\xb6\x1d\xc2\x02Ip\x9e%\x83J\xe4'</t>
  </si>
  <si>
    <t>b'j;\xf4\xeb\xcfZwy\xdb\xdd\xe0\xe0\x06\xa2\xfb\xad5\xf3\x93\xba\x18\x8d_Qg\xc3\xcb\xe57\xc1#K'</t>
  </si>
  <si>
    <t>b'\x00\xb6A\xe9\xcf\xb6.;Y\x8b\xee\xb3|YK\x84\xc1\x01\xd7\xf8\\m\x08Uc\xda/\xdd\x045\x94\xed'</t>
  </si>
  <si>
    <t>b'-\x02\xf5\xcf\x1f\xf7\x18\xfd\xe2W\x93}n\xc3\xd7*YI\x97\x14E+\xbc\x9bw \xd6\x1cu\x1b\xdb\xe4'</t>
  </si>
  <si>
    <t>b'K\xa9\xa7mT_\xb8\x15\xe6\xfb3r\xb2e\x93\xe9bF\xaer!\xfeqHbg\xe8\xd2\x95\xe8\tq'</t>
  </si>
  <si>
    <t>b'\x1d\xd3\\@\xa0vS\xdc\x80\x02\xed^\x04\xec*\xff\xe1\xcct\xf4U\xe0\xb5\xaf2a\x82\x956\xb95Z'</t>
  </si>
  <si>
    <t>b']\xc4\x10\xaa\x9f\xac\xaa\xaa\xf1\x86\x14H(;\xb1\xf1\xceI\xbe"\x9eN\x87z\xbbnX\xffN\x96\x90\xc5'</t>
  </si>
  <si>
    <t>b'&lt;W\x84Lb^ \xee\x16Mp7\xd3\x9f:#=\xad\x84\x8f\x8c_\x0b\xf0\xd6\\V\xdf\xc78\xee\xa3'</t>
  </si>
  <si>
    <t>b'r\xa4\x0bP\\|@y\x05,\xb7_C+\xff\xb0\x18\x10\x0b\x06\x05\xa5\x9eX\xc8g\xc5\xb9\x99y%u'</t>
  </si>
  <si>
    <t>b'\xbc\x85\\\xff\x059\xaa\xc2\xb3\xc4\x1c\xc7["5\x18&amp;\x06{\xc7\xd9\x06\xb3m\x97\xca?7\xa5\xaao{'</t>
  </si>
  <si>
    <t>b'\xc64Gac]\x8f\xfb\xc2\r\r9\xb3\xf8\x8d\xf8\xe9\xd1ws\xb1\x07\x7fl\n\x15\x81r\x08\xb7S}'</t>
  </si>
  <si>
    <t>b'V\x01\x1as\x9a\xa7pb\x86\xd9\x87h\xf5~\x7f\x1d\x17^T\xde\xc4H\x88\nH\x13\xe7\xd1z\x01\xe2\x9d'</t>
  </si>
  <si>
    <t>b'\x1bN4\'\x97\xea\xb1\x12\xe3K\x1d:\x11\x93\xc6\xfa"0\x1d\xb1\xa4\xe8\x1eEQ\x023\xcf\xbc\xa1\xb1\xd9'</t>
  </si>
  <si>
    <t>b"%\xe7\xad\xb3\xda\x1a6J'\x82\xf7u\xde\x0f\xf9\x18\x8ejM\x81\xabZ~\x90*\xad[\x01\x90 ?\xd3"</t>
  </si>
  <si>
    <t>b'\\OYc\xcd\xc7\xaa!\x02\xa8\xce\x18\xa0\xb3\xd1;Z6\x05j\x08\x08M[7\xde4\xddLY\xd0\xdb'</t>
  </si>
  <si>
    <t>b'\xe4\xe5\x06:O_\x80\xd5\xda\xe5M\xc7H5Uw\xa0\xb8IRh8\xe43\x0b\x1e\xaf`\xad\xb3\xed\xe7'</t>
  </si>
  <si>
    <t>b'\x95%\x1f\xaaq\x91\x19\xc5\x0fc\x91)\xff\x05\x13\xc5\x89\xcf\xd3q\xe1\xeb\xdd\x94\x0c\x1c\xb3)\x8c}&amp;\x9d'</t>
  </si>
  <si>
    <t>b't\xf0\x19\xe8\xd5\r\xff\xe8+\xaf1\x03\xdb\xba\x12\xb8\x94\x05t&lt;\xfe,)\x99\x19\xfe~\x19"\xb2\xea%'</t>
  </si>
  <si>
    <t>b'j\xa4\x03\xd3O\x91]\xc9eW\x04\xe7\x00\x14\x98\x03\x84&amp;\x1b\x9b\xe4W\xa7\xe1\x90i\xb0g\xd0\xfa\xcc\xae'</t>
  </si>
  <si>
    <t>b'\x90\xa5\x14\xd4\x11\xa6\x98\xce\xdd\x0f\xb5\xc0X&amp;\t\xb8\x95\xf4\x02_f\x1b\x1e\x98\x92\x91\x1a\xfeF2\x15\xb0'</t>
  </si>
  <si>
    <t>b'\xa9\xe6+\x06y\x9ez\x1c\xcej\xf6\x7f \xf2\xd0\xbc\re\x03\xad7\xe2Q&lt;fZ\x0c\xf1x\xd3e5'</t>
  </si>
  <si>
    <t>b'\x87\x11I\xb9r\x9e\x8c\xd7\xec\x7f\xfd\xbf\xb6\xdc\xc2D\xebY\xd5\xee\xf8\r\x8d\x8e\xa7Q\x8e\x16\xe1K\xcb\xf1'</t>
  </si>
  <si>
    <t>b' \x14\x03\xfb\x8a8\x11\x93\xeb\xb9\x7f`\xe3\xfb\xa1\\\x0b\x91\xee_\xefL\xd0\x0b\xed\xb5\xe5\xba\xe6?\xe4B'</t>
  </si>
  <si>
    <t>b'*\x9b\x0e\xc8BL\xcda\x13=\x10\\\xe1\xab\xa3\x97\xa8_/B-\x80\x10\xc0\xf2\xe1fs?\xb2Hm'</t>
  </si>
  <si>
    <t>b'r\t\xe8\xc56\x83\x1c\xb7\xad(\xfey\xeb68\t+D5\xe1\xe1\x88\x04 ^\xd4-\xdc&gt;\xc3\xaaR'</t>
  </si>
  <si>
    <t>b'\xcc\x17\x88\xc9\xa8\x9e\xf8\xbe\\3\xa9\xb7D6\xca/&lt;X$\n8\xbf\x10\x89\xd9\xe3\x87e\xb5y\x82:'</t>
  </si>
  <si>
    <t>b'\xef\x12Q\x00\xffzo\xb0\x91\x8a",\x1c\x02\xd1\x8c\x88\xc9J\xe5\xf8\xa9\x88I\x92\xaf,nt#\xad\x86'</t>
  </si>
  <si>
    <t>b'a\xfeo\x84\xcf\xfd\xb0\xf7\x99\xa6\x0b\x85\x04\x1c]kfb\x95\xbe\xb1\x7fv\xea h\x0cp\x81kQg'</t>
  </si>
  <si>
    <t>b',P\xa5\xe2\xfa\x07\x8e\xa6T9\xbe\xa3E(\xcb-^\xea1Tc\xdc\xb7\x9e\xfa9\x98\xfd\xab\x86\xec\x8d'</t>
  </si>
  <si>
    <t>b"'\xb6\xa9\x0e\xbbf\x99\x80Y\xa8\x0f^4\xf5|\xa4\x10I\x80\xa1d+EOtj\x84\xedK\x98\xac\xbc"</t>
  </si>
  <si>
    <t>b'\xe6\xf9\xbfB0\x16\xf93\xec\xd8\xff.\xfc\xb4\x84x_m{;\xcf$df\x8c\x9b\x05\x95\xaa\xe6X\xca'</t>
  </si>
  <si>
    <t>b'\xa2j8\x14p\xb7\xbdD5\x9c\x14\x96\x9fs\xab{H\xb6Z\x80\xea\x03\xb4\xa0\x0e \x1d\xca4}m\xfc'</t>
  </si>
  <si>
    <t>b'W\x9e\xce \x9c\xe2\xef(\xc1\x1e\x1f&amp;\xb5\\\xbbA\x9aU\xd8\xb7\xb1\x01p\xdd\x9cB^\x18B\xb5\x82Z'</t>
  </si>
  <si>
    <t>b'\xdf2d\xf3\xdb6b\xdaZ\x90%\xea\n4\x8a\x91\x1dx\x8a\xa2\x95l\xc92!b\xf9s5q\x01\xff'</t>
  </si>
  <si>
    <t>b'\xb2\tb\xe0bU\x14\xfc\xca\xe8\xd6\x18\xb0\xf4\xca\xfc\x7f\xbbqGx\x98\tv\x0c\x11\xfc?\x98\xe9\xb8\x8a'</t>
  </si>
  <si>
    <t>b'\n\xcb\x98j7\xe3&lt;\x92\x13Q{\xab\x8f\r\x85\xe4\xbaGW\xc6\xf4G\x08\xd0[ {\xcfa\t\xf1\xdd'</t>
  </si>
  <si>
    <t>b'\xcae\x05\x84SI\x96\xf4R\xa7\xda\nH\xc6LE7\xa4\x18\xf6\xb3\x0b\x84(\xa9\xd2\xbd!\x89\xe0\x16\x11'</t>
  </si>
  <si>
    <t>b'f\xa1\xef\x13\x8d&amp;&gt;\xf1\x16\xcf]\x8d\xee\xff+\xbcq\xcc|\xe1\xca\xd0x\x02\xa0F\x9fVV/{j'</t>
  </si>
  <si>
    <t>b'\xa4\xe0\xe8-h\x8d\xab\xe5\xd0FB\xc3\xca#\xfb\x1b\xfaL;\x9c\x81`\xe4~\xee3\x9d\xb6\xd6\x7fO\xcd'</t>
  </si>
  <si>
    <t>b'`\xdb\x11\xd6\x96E\x89\x80\xd6_v\xa1\x1dK\xee;\xedC\x13l\xd5;8f\x1c\x95;o\xc4\xa9\x81!'</t>
  </si>
  <si>
    <t>b'O\xefcEo\x18\xe3\xfdq"\x93\x87Z\x96;\xf3\x90\xc1\xff*\xc9\x0f\x16\xec\x0f\xfe}\x8b\xcb\x9f)\xad'</t>
  </si>
  <si>
    <t>b'\x87\xc7p(\xac\xa6E&lt;\x9bz\xf81\xb3+\xa8\x0c&gt;\xeb40T1\x94\xc9\x8d&gt;`\t\xe0\x1f\xcd\xa9'</t>
  </si>
  <si>
    <t>b'\xbd \xf2\xeb\xc1\xef\xc7\xd2\xf6\x9a&amp;\xbc\x86\xc2\xee\xbfr0Nj\xdbaZZN\xd3\xecd\xddsK\xbc'</t>
  </si>
  <si>
    <t>b'\xe9%\x93M)g\x8d\xc1\xe8\xc0\x8eq\xdeb\xc7\x1b\x81[\x18\x07\\\xcc\xfeQs\xe7\xe2\x94\xa6\xef\xe9\xf9'</t>
  </si>
  <si>
    <t>b'Q\xa8\x1a\xf6"=\xc50w\xf6T\xe8\x08\xba\x967\xb4#\xb6L\x9b\xf8\xe8\x8f\xb6\x1b\x1e\xa8O\x98\x10Y'</t>
  </si>
  <si>
    <t>b'\xf4\x161Z\x8e\xfa#\xb4\xc2E\xde\xfd\xbc\xb0\xe8\n\x9bU[\xc4fBv\xde\xc5\x1e\xa0\xa4\xc4P\xebF'</t>
  </si>
  <si>
    <t>b'\xd63\x8f\xba\x81of)qj\x01\x18\xb0\xba\xb6-\xf6\xded\x19\x8dX\x97g6\x93T6;@1\xbc'</t>
  </si>
  <si>
    <t>b'\xba\x90\x18f\x9dr\xf7\xef+\xe3\xd1\x19\xf7\xc0\xae\xab\xae\xf8\xab8dz\xc4[\t\xbc8\xf6Td\x17i'</t>
  </si>
  <si>
    <t>b'\xb7\xf7\xaf\x1f\x07\x1b\xdd\x92\x88V\xcf\x18\xc0W\xd6O\xe4fMgb\xfe\xb4\xea\x9bCIL\x83\xaf\x8f\x80'</t>
  </si>
  <si>
    <t>b'\x97\xf7\x88\xe0"RE\x96\x0e4\xfb5\xfb\xb1{\x7ff\xad\xb2Z\xb8oK\x85\xa0\xb2\xb1%\x8c`+\x87'</t>
  </si>
  <si>
    <t>b'\x7fh}\xbfE8\xf6\xbc\xab\x04\x1fJM\x9c\xca/\xa8\x19*\xd2\xaf\x9d"\xb8Vv;U\xe8\x07\r\x01'</t>
  </si>
  <si>
    <t>b'\xd0\xc2\xb3\xd2\x17["\xd2\xe0\xc85\xd8\xb8\xb1\xe2\x87\xd3\x02f\xc2\xbd`\xe2\xfc\xd6\xad\t\xc6\xd6\xea/\xc8'</t>
  </si>
  <si>
    <t>b'L\x1fGus\\_\xe3\xf9\x9bC\xd8,D\xc2\x17\xc9\x83\x9a\xc9\x0b\xbb\xe5[\xd8\x9e\xbe\x8d\x12#\x8b\x8e'</t>
  </si>
  <si>
    <t>b'\xf0K\xe27?%@:,\xf9\xfc\xef\x95@\x13q?N\x08X\xf6\xb4f\xb3\xee\xd3\xa9\x92;D\xaa\xd4'</t>
  </si>
  <si>
    <t>b'\xc3\xb0\x05\x8a\xb5\xf8}\xe8\x9f\xb29\xa7\x0c\xdd\xefn\xd6\xc6\x99NF\x08\x10\x8b\xf3\xc0\xe9\xeb.\xb5T\xf8'</t>
  </si>
  <si>
    <t>b"\x8d\xe3\x95\xb3\xe9\xd8\xd5\x8e6\x87'G\x8c\x99s$\xbfP\xb2X,\xab\xa9\x9c\xc6~\xce\xa3\xa0\xb8\xcc!"</t>
  </si>
  <si>
    <t>b'!^\xad\x9c\x99@\x9a\xc0{Z\x1b\xf9\xd8\x97\x1aR\x015\xa0ow\xa4&lt;FhT\x9b\xb55\x84\xbb&gt;'</t>
  </si>
  <si>
    <t>b"\xcc\xf3\x15g\x8a\xfe\xfc\xa0\xfe&amp;JPS\x1eXM\x1caA\x7f\x05\xe6'\x98\x9b\x14%)\x07\\&gt;!"</t>
  </si>
  <si>
    <t>b'&amp;\xac\xc2\xb7%x\x0e\x89e]\xb6\x98\x0ch\r\xcc\x8b\x10\x03GV\x1f\xdc\x8fABmM\t\xd0e\xd1'</t>
  </si>
  <si>
    <t>b')\x81:N&lt;us\xfc\x1fLt\xb2T\x9a\x1b\xaf\xfec\xad\x83\x9e\x8c1:\xed\x17\xb9\xf8\xef\x08\x18d'</t>
  </si>
  <si>
    <t>b'\xc3\x8a\xcf\x1e \xf9\x123{\xbf\xae"\xc2N\\\xbd3\x88\x0c\x7f\x8b\x98r~\xd6\xc4B\x8f\x14\xdb\xaep'</t>
  </si>
  <si>
    <t>b'\x970x\x8f\xb9I\x0b\xb5\xf7\xe2\xdfI\x02\xc1\xa6\x88\xc1.|\x9d/y\x14\t\x13\xb1\x886\xb0\xc1\x04P'</t>
  </si>
  <si>
    <t>b' \x08\x06\xd2\x98\xd5\x00)\xe4\x9b1\x89QG\x16;\x9b\xb5cz\xdb\x9bt{\x1b\x05\xedy\xa9\xc9\x9fy'</t>
  </si>
  <si>
    <t>b'\x1f\xc5\x11\xd3\xca\xc8c\x95\xf1d4\n\xd4\xee\xc9\xa0\xed\xd4\x00e\xc9\x91%\x124\xc0e\xd1\xce\xc1\x002'</t>
  </si>
  <si>
    <t>b'\x8c\xd3\xfcj *\xa9\x0e-\x87?\x91\xe3&gt;,V_0\xedR\xed\xd1-w\x00xd4f7\x1c&amp;'</t>
  </si>
  <si>
    <t>b'\xbf\xb9\xb6\\\xc2\x0b\x86r\x8a\xcdz\x87p9\x8a\xca\x86\xeda\xe8\xa7\x15k\x88T6U\xb8y\x05\xf4r'</t>
  </si>
  <si>
    <t>b'\x1c\xfcb\x01e:\xf1W\x93\xa2\xd8mu!j\t\xaf\xd5\xaaN\x95\xd0\x08\r{\x81\x0e\x0c\xa8\x8dwz'</t>
  </si>
  <si>
    <t>b'?1\xb6\x80`\xa3\x11\xc0z\x94\xceH\x9e\x89\xce\t\x7f\xce\xbf\x91^I\x19x\xf4\xd7\xf9n\xa3`\xf1\xd4'</t>
  </si>
  <si>
    <t>b'H$\xbe\xb6FAIN\n\xef\xd5\xad\xe4\xf9\xfe8\x1d\x1b\x07\xadhu\x00l\xe2u\x90\nGT\xc3\xf4'</t>
  </si>
  <si>
    <t>b'\xffl\x18\xa0\x990\x8d;\xdd\xc8\xf9\x85#k\xe8e\xe0\xa9\x1d\xac\xbeC\xda\x03\xbc\x1b\x9e\x02\x80\xc0\x11\xad'</t>
  </si>
  <si>
    <t>b'\xb8\xc7\xe3\xa9\x13\x8fz\xfcE\x95!\xf8(;.\xd4\xbb@\xf7\xea\x9d\xe0.\x13}\xbaq\xab%I\x88l'</t>
  </si>
  <si>
    <t>b'\x80\xe8\x8b\xb8\xb6\x977\xfb58\xa9&lt;\x020K\x99G\x02-\xef(\xbe\xa4~J\xde\xa0!`\xed\xfac'</t>
  </si>
  <si>
    <t>b'\xde\x92\x9a-\xaa\xe6\xabE[\x8a\xcd#/\xe4\xb4H9(\xb5\x80\x94\x06\xceIy1\xcf2\tt8,'</t>
  </si>
  <si>
    <t>b'hSN\xfa\x17\x91\x8a\x0e|\xaab\xe4\xc8\xa7\xa6\xfeJao\xc7\xe0W6\x0e\xb1\x1cUH\xe5}%+'</t>
  </si>
  <si>
    <t>b'7\x9e\xd2e\x94\x84\x90@ f^\x96\x9a\xd6!P\x1f\x88\xb7\nf\xb1[\xbf\x19\xad\xd6\xd6\xe1\x9e\xd2\x10'</t>
  </si>
  <si>
    <t>b'\xf1S\x96\xeb\xc0\x06\xe7\xe7\x9fX\xdb\xe2\xf0\xfc\xa7&gt;\xec)\xedc\xb1p\xe4y\xcd0\x9aA\xf0\x89\xcd\x8e'</t>
  </si>
  <si>
    <t>b'\xaa\x14Fh\x03\xa7}\xd2p\xd9\x0e\x9cX\xdd4\xfa\xf7\xd9\xe4\xcf\x8b\x9b\xe6\r6F\x0bt\xeb!\xac('</t>
  </si>
  <si>
    <t>b'\x96,\xcbe\t(\x95c\x94\xd4}\x15\xaaw\xd5\xf6\x95\xd4\x87\xd6\xb0\xb9Y\xe2\x87\xc5\xd1\xddK\xc0\xd2\x98'</t>
  </si>
  <si>
    <t>b'Am\x8c \x8e!k\xce\xaf3:\xa4O\x89\x19\xf5Hb/~\xc8y3d\xa27\xd2\t\xe7\x00\x85)'</t>
  </si>
  <si>
    <t>b'(\x02\x88g\xe0\xe2E\x16\xd9."k\xa9\x82\x18:\x96$p\xbfV\xde\xe2)\x8f|\xac\x18\xdf\xde\x9c\xf2'</t>
  </si>
  <si>
    <t>b'\xd9\x06Kg\r\x99\x13OR\x91,Y\xbb\xec\xba\xe0\x06\xc32U\xe3\xe51dg4\x9f\xbeqi\x15\xd0'</t>
  </si>
  <si>
    <t>b':\xb6\xbfz|\xb0\xdc\x03\xc0w\xcc \x02\xf5\x0b\x1b\x816\xedu\x818\xb8Q\x82\xbc\xd5\xa9u\x9b \x1e'</t>
  </si>
  <si>
    <t>b'\xf48Hn\x16\x18H\xbb\x92\xe9!\x88[-\xc3\xd2\xd2;:\x1aa;\x90\x16\xfeB\xfc\xee.\xa7&lt;\xbe'</t>
  </si>
  <si>
    <t>b'\x0c"\xec\xd9\xd6\x86\x99EC9)\xe0\xe54\xe0\x1f\xfdy\x9d\xc0\xea\xbe3\x08\xb9\xde\x9f\xe1$\xb4\xf8\xe4'</t>
  </si>
  <si>
    <t>b'$.\x18\x89\xaf8\xba\x84\xf9\xd2y#\xe5\x96\xb3&lt;\xe8\x04\xae\xd7$UF\xf7\xe8m\xbe\xd0|\x1aY\xb8'</t>
  </si>
  <si>
    <t>b"\x87\xd0\xfa\xbe\xc3toR1$\xf4\xe89)L\x87\x90\x1eN!\xfc\xe3\xa7\x9f]\xbc\x169\x141'\xa2"</t>
  </si>
  <si>
    <t>b'\xb7f1\xbc\xdf\x9c\xcb\xa4Y\xa5!\xea\xdf&gt;]\xdd\xa3\xa1R\xb0\xc1\x8f\xc6\x90\xe3#\xbaj8\x1d{S'</t>
  </si>
  <si>
    <t>b'\xa8^\xd8!\x0c\x8am\xb0y\x0b\xb8\xabY\xa0n\x06\x8b\x01q\x9c_\xb2\xe2kXHK\xe6)\x94}\x93'</t>
  </si>
  <si>
    <t>b'd3R)\xbb\xc1\x9e@\xf3W\x95\x1c\n\xb2O\xdf\x9d\xeb\n\x17\xae\x0fL\xe8\x80\xf4I\xbe\xcc\xc1\xddX'</t>
  </si>
  <si>
    <t>b'h\xcc\xa7EX\x10\xf7\x81\x9al\x9e\x1b*\x1f\xe5\xf3h@\xb1Xb\xb8\xf9t\xf2\xc7\xdf\xddIf\xee\x1e'</t>
  </si>
  <si>
    <t>b'l\xf0\x80\xa2\xb7H\x8c\x87xz\x17\x1eX\xe5\xc0}\xde\x80\x97\xcc\xd4\r\xe0 \xf5\x9a\xa9\xc7\x8a\xba\x82,'</t>
  </si>
  <si>
    <t>b'\xee=\xe4"t\x870,\x9d\xf5M\x08b\xb5nqn\xd2,A\xd6\xdal\x00\x8e\x02`\x9d\xbf\xad$\r'</t>
  </si>
  <si>
    <t>b'\x92\xe4\xda\xe2"\xc4\xe8\xa6J\x85\x96Ui\x8aj2\xd3\xff\x89\x0c\xee\x12\xa0\x96!\xc2\r\\\xb4\xe2\xee\xdd'</t>
  </si>
  <si>
    <t>b'u\xfd\xe0\x02\xed:\x91\xbb\xc4\xfb\xb2T\xa9\xdc\xfaTi\x98o\x97(\x01\x1cM\x9c\xb1\r,$\xbbG\x0f'</t>
  </si>
  <si>
    <t>b'Qb\x04\xda\xa5d\xceV,\x17(\x8aQm\xe1G\x9c\x13\xa3\xd0\xb2\xf7b\\=\x7f\xbby\xcf\xf5\xa5&gt;'</t>
  </si>
  <si>
    <t>b'Z\xfb\xb6\xe3B\xfa%\xf7e\x8c\xe07&amp;.\x0e\xf0\x0b\xd6t\xb4\xff\x9ab \x19\xe92\x0e\xb0\x07\x14\x10'</t>
  </si>
  <si>
    <t>b"\xa5\x92;\xefn\xad\xaf?B&gt;:\xcc\xd5\xedj\xdf\x91\xd7\xd9q\xc7\xb5J1.\xbd\x97\xa4'[,S"</t>
  </si>
  <si>
    <t>b'Q\xa9\xccV\x1bw\xbeX`\xa5n\x9b\xb4\xe1\x89\x80\x13\x9b\nhE\xd3\xa0\xf4\\\xe1R\xe1\x90\x96\x99e'</t>
  </si>
  <si>
    <t>b'L\x0cj\xcd\xda]@@\x11\xeb\x17\n\x18\xbc(\x03J\xfc\xe6\x9do\xef\xc8N\xee)\x96\x1c{5\xfe\xff'</t>
  </si>
  <si>
    <t>b'sS\x9f\x8d\x0e&lt;\x0c\xeb\x06qF\x1e\xe3\xd4\xe8q\xa7\r_df\xd7P\xd1\x1c\xa8;w\x8c#\x7f\xb0'</t>
  </si>
  <si>
    <t>b'\xd7w\xd7\xbc`\xdf\xd8\xa0\xbc\xd7\xdb\x0ct\x0cL\xa1/FX\xee\xae\xec\xbb\xb4\xee\x1d\xfe\xea\xa6\x80\xfaY'</t>
  </si>
  <si>
    <t>b'=\xc0[\xdf\x07\xca\x80\xc5\\\x9d\xaf%\x16\xf5nTm\xc7\xade\x9fy|\x86\t3l\xce\xc8\x15Z\n'</t>
  </si>
  <si>
    <t>b'X\xe7\x96\x1b\x97\xb9\xfa\x0e5\x1b~\ts\xae\xa1$\xff2\x85*\xc2\xc3\xab\xc1\xb3\x95}\xa1\n\xcc\x92\xd1'</t>
  </si>
  <si>
    <t>b'\x8cPA\xa6\xa4w\xb7_@\x0f^\x1b\xb8#17\xc9\xcaA\xf4\xd9\x086R\xf6\x0b\x01\x9d\xa4N\x9e\x06'</t>
  </si>
  <si>
    <t>b'\xd0\x03c\x1f\x87%\xeb\x05\x91=\xad(\x148~\xfa\xe9 O/{\xc6\x03\xdbr5T\x8f\xd3m\xd6J'</t>
  </si>
  <si>
    <t>b'y\xf9\x1b\x883_|eu\xa3\xec\xbf+\x96\xef^\xf4\xb6P=\xe0\x06\x16V\xf4\x93\x07\x06E\xb6\xef]'</t>
  </si>
  <si>
    <t>b'8\x9c\xef\xee\xae\xf9Y]\xfdX00\xcd\x87\xac)0K?:\x8d\xf5\x1e\xf6\xff\x92\xe1f[\xf5O\xf1'</t>
  </si>
  <si>
    <t>b'\xcb"\xc4H\x01BF\x9f\x91_\x10x&lt;\x96\x9d\x1e\x8d\\\xd0\xc8\xdf=\xed\x96G\xe6@a\x93\x05\xa4D'</t>
  </si>
  <si>
    <t>b'\x96\x9f\xb6\xa1\x82\xef$\xa4\xea\xf1VQn\x99\xc6u\x9c(\x16R\xb9\xab\xd1I\x9e\xc4\x99\x99v(j\x19'</t>
  </si>
  <si>
    <t>b'\x92(\x99\x9fhP@\xa6PD,\xf0\x00\x8f\x19\xee[\xb6\x0e\x94\xf5\xa9d\xa4BKm|&amp;\x15\xcc\x9e'</t>
  </si>
  <si>
    <t>b'\x81\x01\xf3\xfe\xf4\xfa\x8f]\xe5@\xa1@\xae\x08\xdf\x07\xf0)s\xcb$\xff#\x1am\x17:\x9f\xd3_\xac\xc2'</t>
  </si>
  <si>
    <t>b'\x05\xe8P\xe9\x06\xaf\x9c\xc5\xf6\x03&lt;\x12a\xa4VX\xdf\xaa\x11`\xcc\xd5x\xe4C\xc2"\x805\x03\x8b_'</t>
  </si>
  <si>
    <t>b'\xc9of\xbe \xcd\xe8O\xc5\x9a\xfd\xc1\xc7\x02hG\x0f\xba\x910\x90\xc7N\xfdmQF9c \xc5P'</t>
  </si>
  <si>
    <t>b"}\xc2\x1e\xf6\xb7\x03x#\xb7B\xe0\xd5\x8d\x13\xda\xcc\x9bu\xc8\xe4\xa1\xa24\x0f\xe2\xec\xd7'\xf6\xb4Oe"</t>
  </si>
  <si>
    <t>b'y\xd2\x00c/\xf7\x81}\xf0\x84\xf0?\x18(\x05m\xef\xe0\x10jm\xf4\xa3#\xb1:\xccm\xd9we\x8c'</t>
  </si>
  <si>
    <t>b'5\x11\xa7\xfc3?\xe4\x8c(o\xc2\x0c\x8f\xab\x8a\xff\xcb\x7f\x92La\xb27\xe9\xe0\xd5\x8d,\xa74\x86"'</t>
  </si>
  <si>
    <t>b'C%\\\x97\xf0\x11\x8f\xa6~\x8a-\x99\xc6\xd5.\xe3\xe3\xfe\x05\xdf\nq\x13\x19\x12H\x86:\xadk\xa3\xe4'</t>
  </si>
  <si>
    <t>b'\xe06\xd0N\xc2\xff\x01\xd5\x97\xe2 \xd4/i\x1f\x8c/"\x90\x07B\xe4+\x13U~U\xf0E\xf9\x9a\xb8'</t>
  </si>
  <si>
    <t>b'4\x9c\xa8\x94\xe5\xd7\x01x\xad\x9c3\x89\x01\xc6.g/\x07\x003\r\xfa\xc2\xee\x18Q1\xd9\x00\xaeVI'</t>
  </si>
  <si>
    <t>b'\xd4X\x12\xd2b&gt;\xf5\xa4\xba\xa3,*\x84F\xa3r\x12\xbd\xd2\xef9\xd5\xd4\x98\xf0^\xc9\x16\x848\xf7\xa2'</t>
  </si>
  <si>
    <t>b'W\xb7\xd2\xfe`\xd0\xeeT\x14-\x17\x81\xf6\x1bx\xa5s"\xcd\x92\x05\xfb\xc0\x03\x95=\x10\x076\xa3e\xfc'</t>
  </si>
  <si>
    <t>b'\x9e\xa3\xc2A\xce\xec-\xec\xf6\x10_1\x9e\xf9*\xcd\x0f\x97*\rgz\xb9\xfc\xf3bH\x0e\xda\xb2\x16@'</t>
  </si>
  <si>
    <t>b'\x96!\xab\t#f\xe6\xe9RP\xaec\xff\x9e\x07\xc4\xd7\x0b\x80\x01\x97g:\xd8\x13\x1b\x8dRd%\x83$'</t>
  </si>
  <si>
    <t>b"\x9am\x0e\x16_\x08\x84\xb5\xccG\xba\x7f_\tt\xe7\xad6CB\xb6\xcc\x14\xa8\xb4\x86'\xa7\x13\xd5\x0e\xc4"</t>
  </si>
  <si>
    <t>b'\xf8\xdd\xd0\x04P\xfe\x81\xf8\x01\xec0l\x14\xc8y@\xbf(i\x1b\xeb\xf8\x95X\xc2\xb9\xe3Y\x9d\x91\xf2\x91'</t>
  </si>
  <si>
    <t>b'\x06RT\xdb7\rC\xa6\xcd\xc5\x9fM\xbc&gt;D\xc5\xba-\x97\xbf\x7f\xd9m\xac\xa9\xf0\xea\x8a\xeb3\x931'</t>
  </si>
  <si>
    <t>b'\xc4x-k\xe8\xd9]R5\x17_\xc8"\x1b\xbe\x15\xe5.\x84\x01\x81\xf1\xf3E\x13\x86\xab\xae"\xbfE\xc4'</t>
  </si>
  <si>
    <t>b"!\x95\x12\x83\xc9\xc4\xcc5\x06\xb9\xc3_a\xf6\xf35\x01\xaf\xf9{V\\91)\xe2\x17\xed'\xf9\xc6@"</t>
  </si>
  <si>
    <t>b'vc\x8a\x0e\x81\x17\xbd\xa4H\x99(\xd4\xc3Q$\xae\xb1\xa8\xd4J\x14\x06\xeaf\xf4\xb8\xe4\xfd\x12\x84.\x88'</t>
  </si>
  <si>
    <t>b'\xa4\x8c\x1e\xbaE\x7f\xd3\x13\xb7ctP\x02s\xf0\xaeqe\xeb\x85o`\xf9\xd5\x1e\xb7Q\xf0mJ\x9d\xd0'</t>
  </si>
  <si>
    <t>b'\x1a\x9c^\xe2=aEC\xcb\xc2\xc9\xc3V\xe2X\xa5x\xc2\t\x9d\xb2\xc0\x86\xf9,\xd8\xa8~6\xd1\xb7\xce'</t>
  </si>
  <si>
    <t>b'\xd9 \rz\xb3\x8b\xfc\xf1\x00\x89\x80\x075\xd0\xcb\xfb\xc9\xef\x06\xbd\xc6\x18\xa4\xa4\xa3\x98\x81\x9c\x8d\x89\xa8S'</t>
  </si>
  <si>
    <t>b'0\xf2YO\x03L\xae\xb5\x11\x89\x81\x0fz\xcaA0\x17\x12\x14i\xefQDM\x88\xc4\xf3G\xb7\xd6\x9a\x06'</t>
  </si>
  <si>
    <t>b"h\x0b3\x1a\xe3\xa6X)\xcd&lt;\xde\xcfv\r[\xf4\xe0\x8d\xe8\xeb%\x00\xe6\x9a\xfa\x895\x12\x96's\x14"</t>
  </si>
  <si>
    <t>b'2V\xd9\xbdTCZWx\xec8\x12+E&gt;\xb81\x99\xb4\xd2c\x8bB\xb0\xa5\xac\x86\xe4\x96p\xfd\xf5'</t>
  </si>
  <si>
    <t>b'\xaf\xd3\xad\xbffd\xc4\xd8\xfb*\xa9\x81(8bv\x9b\x16oC\x0e\x8d45\x02u\x11z*}\xa9\xab'</t>
  </si>
  <si>
    <t>b'\xac\xd8\x1d\x1cb\x11\x16\xd24\xd2a1\xffy\x87\xe4\xff\xa9!EP\xb4\xdc \xea\x87\xc8\xaeX8&lt;\x87'</t>
  </si>
  <si>
    <t>b'@\x9d\x0c\xd9I\x11n\xb5MB*\x0f\x93&gt;O\xcf\x87]\xa4\xb72:\x974H\xd1\xbb\x8a\xf4Rls'</t>
  </si>
  <si>
    <t>b'\xd2\xc0\xd9\x90a0u\x9e\xf4\x98\xc0V.v7\xf6u \x9d\x87\x963\xe7\xfc\xdd\x0bd\xbaE\xa0\xb7]'</t>
  </si>
  <si>
    <t>b' \xfd\x81L\xfdi\xf9E!\x17Y\x020=\xcd0g)y-\x18\x92c\xe3\xf1\x8b\xba\x02\x93\xff\x82S'</t>
  </si>
  <si>
    <t>b'7&lt;\xa3\x06\x017G\x896\xd2\x95\x13\x12\x94#\x06\xa4\xc9\xff\xf7\x9e\xad\x13\x9bF\x0b\xb9tr\x16:\xb5'</t>
  </si>
  <si>
    <t>b'\x10\x88m\xcf{\xf0\x91x#2\xf4\xd4-\x9a4j\xc6\xed*uV \x04IAw\x16\x9e\xb6^\x05\x80'</t>
  </si>
  <si>
    <t>b'\xcc\x8e}\x84\x9ch\xe1\x14\xe6{wJx\xc9\t&gt;\x9b\xec\x1b\x1da\x0c\xc65\xcdp\xd5\x99(\x9a\xdez'</t>
  </si>
  <si>
    <t>b'X\xd9nn\xe13\xde\xa6\xa5\xa6\xe1\n"\xda\xe6e\xb4\xf1\xb6\xe7\x0c!\xa6Ayf\x013i\xfd\xb6\x84'</t>
  </si>
  <si>
    <t>b'\x11\xcc\x93-%w\xb3\xf3c\x00X\x8d\xcc\x1f0\xb7\xaa\x103\x05\xa6p\xa2\x0f\xfd\x8a\xde\xcb%\xb0GW'</t>
  </si>
  <si>
    <t>b'\xf5q\xa6g\xa68p1H"\xbeN\xef\xdb\xdb\xfb\xe8\x88\x8f\xbf\xed\x9f\'\x05\xe4+\xc9\x19B\xc5$\xc3'</t>
  </si>
  <si>
    <t>b'5\xb9\xdb_@\xedg&lt;\\\xcdq(\x85@\xaf\xf8wW^\xb6H\xd4a\xe8\xde\x8bG\xab\xbc\xb3\xcf\xe9'</t>
  </si>
  <si>
    <t>b'\xb2,\x96\xfe\xec\xfeFI\x15\x0b4M\xbc\xfaQ\xe4x\x9d\xc6\xf9\xbb,\xe8\xb5\x90\x15Nfi\xaa@;'</t>
  </si>
  <si>
    <t>b'\xbe\x00\x8c\xad#\xea\xa9\x95\x7fY\x12\xf3\xd6C\x98p\xa9~gGA\xc0J\x17\x84\xcf\\\xbf\x14\xcf\x16\xc2'</t>
  </si>
  <si>
    <t>b'\xc0\xfe\x84\xb9\'\xc8\xdb\xe35\x02\xfd\x1b\x9ek?v\xfc"\xc4\xba\x7f\xf6\xf8\xae\xd8\xa9\x13\xc6\xe8\x85c\xf2'</t>
  </si>
  <si>
    <t>b'xqMC\xdc\xb1\xe3\x10`\xe75\x89\xc1u\x8c\xc6\x9e\xbb\xc2\xce\xd0\xaf\x15\xd9\xec\xe4\xf4\xf76\x8c\x05O'</t>
  </si>
  <si>
    <t>b'x\xfa\x89z\xad\xd1\x90\xfc\xd4\x0c\xa9l\xbb\x01\x93Cox\x9dB\x8a \x13\xd1\x10m\xa2\x947\x1c\xa8\xe9'</t>
  </si>
  <si>
    <t>b"sS:\x91\x92(\xf4\xf4\x1a\x93\xaa&gt;\xb5\x16\xce\xee'\xc2pn\xab\x90\xc9\x89\xc5\xb7\xaa&amp;X\xe94}"</t>
  </si>
  <si>
    <t>b't\xa1e2\xa9m\x18RI\xb5\xfa\xb8\xb1C_9\xf0\x90T,H+\x86\x04\x82\x82\xe0\xa0\xcb\x1c\x8ew'</t>
  </si>
  <si>
    <t>b'&lt;\xe4_&gt;?\xbd;\xa4\xc2\xc4|\xac\xe0y^\n\x01\x10\x03;\xd0\xbf\xf7m\xa1\x86F:J\x0f\xbd\xab'</t>
  </si>
  <si>
    <t>b'\x93\xc7\xb1\xa0\xb6\x9d\x8f\x1c\x97\xd9c\x0e\xdc\x9eL\xb6\xdd^\xef\x93\xaf)i\r\x81d\x14\xd5\x92\x01Lc'</t>
  </si>
  <si>
    <t>b'c\xa2\x87\xa3\x19\xd6\x81b\xc2\xc7x\x1eXMi\x9aZ*\x8fn^\x0b\xd5\xba\xb7!*\xe6V"\xff4'</t>
  </si>
  <si>
    <t>b'\xe8\x94\x08Z\xf7\xb9\x7f\x19\x82\x1a\x12f\x91\xd1\x88\xddM_*\xa0\xbb\x00\x14\xb8\x14d\xca)\x7f^\xe1R'</t>
  </si>
  <si>
    <t>b'\x9f\xef\xd1?i\x18]\x8eB\xf5Ll\xe2n\ns\xba\x9d\x97N\xfc\x0c\x05!\xb3XbR\xb2\x98\xd9\xf8'</t>
  </si>
  <si>
    <t>b"\xbc|\xb7+\xf9\xf7\xe4,\x8c\x0c6\x9f\xa6\xbb\x1eR\xaf\xb1A\x10\xa6\xfe\x8a\xd0'8]\x8e\xeb\xfc{\x9a"</t>
  </si>
  <si>
    <t>b'\xca\x1f\xc5\xdf\xe9\x05\xfew6\xa6q\x0e\xcf\xd9\xd9[\xb1\xfa\x8c\x96\xfeP\n\x0f\xcb\xe1\xf0\xc7\xbc\x88\xc8\xf3'</t>
  </si>
  <si>
    <t>b"\xed\\\x92'\x93OHFg\xef\x90\xe4\x91\x9f\xb2\xd9\xc8G\x1a-\xe5&amp;\x0ft$V\xbc{&amp;\xe6n\x93"</t>
  </si>
  <si>
    <t>b'g\x8b\x19\xc0\x8f\x8fI\xce\xb2bZ\xceyx8\x80[\x08\xa1\x90\xcd1\x90Pm#\x94\xd0$\xb4\x0b\xf6'</t>
  </si>
  <si>
    <t>b'\x0f\xc8\xb1\x15\xa2v0\xe9\x9d$\xd5\x03\x03\x99\xd0V\x88%\x8a&gt;A\xe8nog\x03j\x02\x7f\x02\xa9\t'</t>
  </si>
  <si>
    <t>b"u\xb1BL!\x9c\x01\xc2K|G\xb5\xb7x\xe1\xb4\xad\xb6|6\x06\xd4' \xdb\x02\x9blG\xdd\xe1}"</t>
  </si>
  <si>
    <t>b'c\xbdS\x89b\x83o$\x7f\xeez_\x81\xa5\xdcjP\x8a\x81\xae\xd5\x05a\xf9\x8et\xe6\xb7\xc7\xcf\xab\xf1'</t>
  </si>
  <si>
    <t>b"\x93\xd8\x0e\x05&lt;\xde&amp;YAp\xac\xd0Z&gt;Zr'\x99?\xa2\x97E\xc9`gI\xe6\xfbb1\x10&gt;"</t>
  </si>
  <si>
    <t>b'Zd;\x07\xe5\xd6\x8a\x1f\x0b\xd8Lp\xed\xbb\x12s5U\xa8\x15\x07q\x973\xd9\xfa_^c}\xb2\x12'</t>
  </si>
  <si>
    <t>b'A\xcdC\xaa\xb8$\xc6O\x07\x16\xd2&gt;\xbd\x02\xe3\xbe\xa5\tl\t\xc2\x18\xa4S5\xb6\xe7\xf2\xafE\x95G'</t>
  </si>
  <si>
    <t>b'vi\x83\xc3w\x95]Tvb\x1e\xaa\xbc\xa8\xc1SElI\xa0\xa6#_\x93df.\xd8\xea8\x81\xe7'</t>
  </si>
  <si>
    <t>b'\xb7\xce`0\xb7\x10\x04jw\xf3\x98\xf5m\xe1\x82\xa49`\xe5\\\x7f\xbe\x80\xc5a\xe4\xb1\x13\xc6\xe1\x08\xcc'</t>
  </si>
  <si>
    <t>b'\xeb*pvy&gt;"kT!\xda\xc6\xdb\t\xd6\xb5}\x96]\x13\x99X\xbe\x8dN\xf3G`X~\x0e\x0b'</t>
  </si>
  <si>
    <t>b'\xcb\xa6\xcf\x16\x86\xa9\x00\xd1\xdbiQP\x8c\x8a5R\x07B|\xf6z\xb9\xd6\x9c\xd1)\x92\x12(\x8b\x84\xbc'</t>
  </si>
  <si>
    <t>b'\x88\x85$\x8cA\xfa\xcc\x98\xc3\xe3NI\xd5S^\x8d|~\xe1\xd2q\x1a&lt;\xa2s\xbe\r\x15\xef`\x8a\xd6'</t>
  </si>
  <si>
    <t>b"\xe0\xa2\xbd\x82\xda\x9e\xe9\x11Z'?\xe6\x06\xe5O\x13C\xcd\xdft\xf9\xbf\xaf\xbfG\x84O[\xaf&gt;q\xfd"</t>
  </si>
  <si>
    <t>b'\xb1\x1d\xe6at\x10L\xdaz\n\xb7\xf16e\xeb\x85\xce\xd6Mx%\x95gL\x8e\x83uZRY\x0b\xb6'</t>
  </si>
  <si>
    <t>b'5\xb1\x193\xd1\xf1B~\xdc\xefy\xc8\x07}\xf7\xb7X\x80\x07\x99fi\xc9\x13~\xb5K\xca\x14\x15\x13\x8f'</t>
  </si>
  <si>
    <t>b"\x10\x99i\xe4\xb6\xe7\x91*D4\xb9\x80\xb9W\xb0\x8aZoF7\x91\xe1\xcd'P\x84\xf2\xee\x82\x0e\x1aL"</t>
  </si>
  <si>
    <t>b'\x9f\xb3m\x94\xcb\xef\xc8\x10\x93\xe3\xd3s\x02a\xda\x93\x0f\xc1+#3d\xe4\tW\x91xE5\x12\xac\x92'</t>
  </si>
  <si>
    <t>b'5\xd7@&lt;\x80\xf1\x97\xd6MJ\xcc\xb1[(F\xbe`\xefK\x9fq\x89\x0bz\xf1\x1bxH\xa6\xd4\x97\t'</t>
  </si>
  <si>
    <t>b'\xca4.\xd2\xfa\xd6\xbd\x00\x14S\x99\xedCh\xd5\xfb\xce\xe2P\x01\x8cE|C]\x95\xa7%W97\xe9'</t>
  </si>
  <si>
    <t>b"#7\xf2\xa2&amp;,;\x98\x80\xfd\x02Z\x94\xe9\x06 \x9f/l\xfd6\x93t'\xe2\xa2\xb8\xa8&gt;\xaa%V"</t>
  </si>
  <si>
    <t>b'\xef\x82\x86C|Z=\x0ex\x8c\nr\xae\xf0\xe6\xe8e\xdc\x87\x1a\xd2\xee\x05\xfc\xfb:\xb6T\x9c\xe0\xe2\xd2'</t>
  </si>
  <si>
    <t>b"^\xea\x7f\x18\xca\xa7Ii\xdf\xb0\x85p\x98\x94\xfc\x19\xdc\x91\xba.5a\xd7\x01'\xb0?,\xbf\xc0\xea@"</t>
  </si>
  <si>
    <t>b'\xe5[\x07\r\xc4p\xe3\xf5]ch\xd5~\xd8)\x03F\x19\xf5*\x92\xb6d)\x17\xaf\xc6k\x16\x9e2\xe0'</t>
  </si>
  <si>
    <t>b'(&lt;Zd\x9a@:d\xdf\xbb\x84K\x0f\\\x82\xb3\xa7\xd8\xd4\xe5\x91\xd0\xd7P\xca\xfcGf\xd1\xc6g\xff'</t>
  </si>
  <si>
    <t>b'oe\xc8\xdd\xdc(\xae\xc4"\xd4I\xa8\x02\x12\x91\xa93Zo\xc6\xb4\xe3\xf6\xd2\xac\xeeW\x0ca8$N'</t>
  </si>
  <si>
    <t>b'\xd1\xde\xc2-\xe9\xaf-J\xaa\xa9Au\xd5\xb6"\x9ft:u\xd9\xbc\x82L\xf59\xdd\x0f\xff4\xcdQ.'</t>
  </si>
  <si>
    <t>b'}\xbb&gt;\x81\xb9S\xe5\x0e\x03WBu\x1d\xef2\xf7\xd4\x13S[&gt;\x1b\xe2M.a\xb6\xd0\x92\xa0\xb6\xa7'</t>
  </si>
  <si>
    <t>b'R\x8d\xb2\xf46\xb9\x1c\xc2\xddA\xd8\xe9/E"rk\xd8\xb8\x14\xac\xb2ej=\xb0\x1f\xdc9\xeb_ '</t>
  </si>
  <si>
    <t>b'k\xa2N\xb9\x83\xa9\xe1z\x9d\x9e\xaf\xf5\x93w\xb5P\xc2$J4\xfd\xc92\xc9\x84\xb6\xad\x1f\x81\x95\xccI'</t>
  </si>
  <si>
    <t>b'/\xfbG\xf0_k\xf5!\xfdf\rg\xbd\xa4\xca\xd2SS\x0c\x9a\x9a\xe4z:P\xb7\xd7o\xc0}\xde\xfa'</t>
  </si>
  <si>
    <t>b'\xa0\xba\xf9FP\xa4\xfb\xf6\xaa\xf0\xf0\xb3\xd2M\x08\xae{\xe9\xec\x8bX2L\xb8\x861\xc7\xfa\x84!\xc9&amp;'</t>
  </si>
  <si>
    <t>b'\xab\xff\x05\x14\xe9:\x9b|\xd6: K\x8e\xc4\xd5\x8fo,\xd6L@\x84N\x169?s\x80\xa9\xa5\xc3\n'</t>
  </si>
  <si>
    <t>b'\x95\xbem\x8d\xd2{M\x04v\x9cl2\x96\xd1\x19\xa8m\xad\xdb\x90U\x1ae\xe6\xd1\x98\x88&gt;\xe4-\x08\xe4'</t>
  </si>
  <si>
    <t>b'\xab\x8cvlX;\rk\x7f\x1e&gt;\x9f\xef\xb2\xc6\x16\xfasqX\x15\xec*\xe4\xc6\x07\xcf:\xd5\x0c\x1f\x8b'</t>
  </si>
  <si>
    <t>b'\xf7\x82\xdbO\xb8-Fi\x08}8V\x9c\xeaB\xa7\x1f\xca\x13\x1e;\r\x0cA={\xe7\xfc\x8c\xce[\x9d'</t>
  </si>
  <si>
    <t>b'\xb9?\xf3e\xa5\xbcK\xc7\xa6v\xe7\xceQ\xb8\xa0\xe6\x81\x83\x12\xd9L\xb8\x00\x8c9\xab\x07\xfc\xf8e\xdf\xe5'</t>
  </si>
  <si>
    <t>b'\xc2\xc3K\xcf?W\xc3\xfe\xc4\x13l|\xe3c\x88\x9c6\x93g\xa0Y\xda\xafL\x1f~\x99\x04\xcbu\xaaE'</t>
  </si>
  <si>
    <t>b'\x1cr\x17\x81\xbaPk\xc2\xe2\x7f\x1byp\x04\xe5\xd9\xd9\xff_\xa1e\x12\xf4h\x88\xe9y\x19\xd4\x13\xc2\xa6'</t>
  </si>
  <si>
    <t>b'_N\xc2V\x1a\x1bp\xe7\xce\xea\xba\x8d%\xf5\x91\xfd\xa1\xf7\x97,\x1e\xad\x1b\xda^\x97+\xb3S\xc0p5'</t>
  </si>
  <si>
    <t>b'\xbf\xa0\xb9G\x9d\x1a\xa2\xf0\xd1\xa6\xb6\x04\xd5\xcd\x18*\xd0\x07\x95o\xa3\x1d\xf3\x9c+\x95\x0e\xbe\xcb\x0b\xfa\xd3'</t>
  </si>
  <si>
    <t>b'\x1d\x075X;\xdaH\xc3\xaaX~+\xc1y|\xbd\x02\x19\x11B\x8a\xad\x10\x8e9z-\xe4\x08\xd2H\xbe'</t>
  </si>
  <si>
    <t>b"'\x19D\x9en?\xb4@!:\x1e\xfc\x8c\xb6}\xedc0\xae7\x0f\x95ecZ\xbe\xe5-\xe8yET"</t>
  </si>
  <si>
    <t>b'\xa0\xe0\xab\x84\xe9d\xa7\x0e\x08\x17\xd2\xd8\xc5\xda\x07\x0b\x10{/\x8f\x8d\x08\xbd\xbc\x8b\xe6\xc4j\xd7At\xae'</t>
  </si>
  <si>
    <t>b'\xcc\t\x1f&lt;I\xce\xfa\xda2\xf5\x1a\x81\x06\xf9n\xef J\x85\xdbX\x91\x10S\x16\xbf\x0f.kG\x92\xb0'</t>
  </si>
  <si>
    <t>b'\x1d*c\xaf\xf3\xc5\xaa&lt;.\xc3\xae\xc7%\xaf\x85KxR\xd12~)\xaa\xae\xcd6G\x12\x05\xbc\x9c\xbd'</t>
  </si>
  <si>
    <t>b'q\x08\xd9\xf0\xd5^\x7f\xa3W\x12\x8eE\x8bR\xa9\x82\x80\x19\xd3\x19o\x05\x9a\xcdR\x92\xee/\xe3y\xd6c'</t>
  </si>
  <si>
    <t>b'\xd3\x9a\xe7\x84sX\x00.\xe2\xa4\xd4W\x01\x0f\xd9\x16Bs\xdc\x82\xe9\xac\xad\x14\x87\x19\xc8\x99\xa5\xe7\x9f\xe6'</t>
  </si>
  <si>
    <t>b'\x0f\x9f\xe9_\xe9gC\\\xca\xde\x81\xf5\x8f\xb5\x0b+9\xfdM\xd4\xeeo\xf9\x90\xad\xc6\xfdQ\x06\\w#'</t>
  </si>
  <si>
    <t>b'\xda\xc4O\x02\x10C\xab\x1a\xb7\xcb3\x9e,\x85\x8aK\xd90\x1f\x04\xbd\xb5\x05\x1b(\x04\xe6\xc8"2\xdb\r'</t>
  </si>
  <si>
    <t>b'\xafV&lt;\xfcKK=\x87&amp;\xf2`\x13\xff\xd2\xdd\x0e\x19\xad\xf4\x8d\x05\xea\xa9Q\xadE\xf7{\xc1\xde\xcd\xf3'</t>
  </si>
  <si>
    <t>b'\xb7\xeeb\x0fg\xc9\xec\x13\x9b\xea2\xec\xf4\x82\xef\x07\xfbH\x81_&gt;\xbe&lt;+\x04\x1d\xd6\xe4+\xde\x95\x7f'</t>
  </si>
  <si>
    <t>b'\xdd\xdd\xa5\x92E\xc8\x9f]+\xbf0&lt;\xd6@\\\xdc.\xe8J\xe1\xcf&gt;O4Qe\xebP\xddB\x01\x9e'</t>
  </si>
  <si>
    <t>b'Qw\xe4\xdb\n`K\xcf\xdc\x89j\x15\xdai\xb58l%r\xb4\x82\x07v\xd0Y7\x9c#\x08\xd9\xfaX'</t>
  </si>
  <si>
    <t>b"\xdf@\x13\x07\xd1\xb7g\x05\xc0\xd1\x80\xbb\xcb1\xb2')\xdc\xb9\xcb\x15\xf3Y\xf4f7\xf8\x9cU\x8a\x11\x8d"</t>
  </si>
  <si>
    <t>b'=\x9e{\xa9\xe9\xc7\xff\x8a\x08Yb\x8a\xcb\x81\xb8\xd1\xc5[}\xbeE\x01.o\xb1\xe2\xcb\x89@\xb4\xdd\xf9'</t>
  </si>
  <si>
    <t>b'6\xa6zZ\x83.\r\xb4r\xddZ\xe5\xbe\xe4\xca\xef5mA%\x18\x17\x94\xcf&gt;\xbb\xaa\xde\xed\xc8\x1c\xb0'</t>
  </si>
  <si>
    <t>b'\xbb\xe8vL\x0e\xbe\xff\xd0\xc8iT\x96\xb9\xe8p\xc3\xeb\x9c\xdczN\xbf\x07\x14$\xe0w\x08`\xc7\xce\xb1'</t>
  </si>
  <si>
    <t>b'uT\xedh9P\x86n\x8f\xfa0\x95\xf26\x18S\x9dL\xbe\xe9\x96^|?*\xde\x03"\xdd;\x056'</t>
  </si>
  <si>
    <t>b'[\xcf\x81\xac\x0cc\xad\xa5\xdeG70\x95\xa5j\x91\xf0=\xb2\xe7\x9d\xf9X\xd5\x82\xd1\xb1\xea\x8b\xa5\x17\xc9'</t>
  </si>
  <si>
    <t>b'\xa7\xb1m\xc5\xdfqDdj\xc4\x0f\x89\x1eb\x8c\xab\x17\x8a=B\xda\xc5\xa6\x94\xc0\xaf\xb3\xa3\x1f\n\xec\xa6'</t>
  </si>
  <si>
    <t>b'\xdaD,#\x94\x93\x8c~\xb8\xd7a\xf9\xa1\xffMBm\rYT\xb1\xcaDf\xdb\xa5+\x8f\x89\t\x8ac'</t>
  </si>
  <si>
    <t>b'\xca\x94\xae\x91\x01\x89\xcb\x8b\x97\x91\xf3\x91\x84~\xe8b\x87\xfc\xcb\xcc!\x9d\x94\xcc\xc6\x19\x9b-"O8%'</t>
  </si>
  <si>
    <t>b'%wd\x97%wKa\xf4R-u\xa2\xd68?\xa7\x93K\xe3\x8f\xb1:\xb4\xc3\xfdX\xa4\xb7t\xc5F'</t>
  </si>
  <si>
    <t>b':s\xc8\x9b7e\x96\xbc\xda\xce\xe2` C\xb6\xf5R\x1e\xae\xe8\x0eP\xe2\xdd\nI*3X\xcdVB'</t>
  </si>
  <si>
    <t>b'\xe5\xefILC\xf3\xfd\xb7\xd2\xf2\x80\x00h\x17\xb7\xc5%\xf7\xd2^\xb6\x14n#\x9dud%}42\x00'</t>
  </si>
  <si>
    <t>b'&amp;\xee\x05\xa3\xa1\xf0\x02\xd2\xabu\x89wF\x01\x93\xf4\xfc\xaf\xac=~\xe2\x15\xa2\xab\xf1\x1a\x14\xbf\x88q\x0c'</t>
  </si>
  <si>
    <t>b'\xac#\xa0\xbf\xfe\xb5\x90\xe3\xceq\xc1\xde\x92\xb2\xff\n*d(\xfc\x95&amp;^\r\x10\xd5\xbe\xde\xedu\xee\xfd'</t>
  </si>
  <si>
    <t>b'{\xb0e\xf4\xac\xea8\x87\xc6\x89IhD\x85\x083-\x88K\x0e\xae\xd3\xed\xba\x03\x7fo\x7f\xea:s\x83'</t>
  </si>
  <si>
    <t>b'\x98xC[\xe0\xfb\xa8\x9f\xec\xcfO=\xd6\xc6\xa2\x11\x99xl%\xfb_\xe8\xf9\xd1C:"]~\xf9\x99'</t>
  </si>
  <si>
    <t>b'5u4\xda\xecO\x16\xc9O\xd7\xb90\xe5\x91&gt;7.\xa2\xf2{\xe3\xd2]g:&amp;\r\xf1\x13r\xecp'</t>
  </si>
  <si>
    <t>b'\xf7\xf1$\x85\xd0J4\x8eX\t\xfeY\x05R\xdca\xcb^)\x11\xb9:\xa4\x01\xa9\x18\x83:\xc7"\xfd?'</t>
  </si>
  <si>
    <t>b'|\xc6\x17r#.G\x08e\xc6$\x00\x997\x02.\x1c\x18)Z\xfd\x9d\x80\xb1\x9a\x7fYs\xfa%\xe1a'</t>
  </si>
  <si>
    <t>b'?\x96jF\xdeZk\x81\x8a/K\x9d1\xca\x8c\xe4F\x0f\xdc?\xfb\x0cm\xeb\x95T-\xa0\x19\x86nR'</t>
  </si>
  <si>
    <t>b'2\x06\xd1\xd0}3\xa6\xb6\x1fH\x8f\x9bd\r\x04\x0eB\xf9\xb7\n\xdb&gt;\x8dG\x17o)z\x19%q\xb8'</t>
  </si>
  <si>
    <t>b'\xc3\xbcR\x982\xd7/\xfb\xcd\xd4\xd5\x85\xf6I\x90qB\xc6\xaa\x86\x8a\x8f\xfb\xa2\x15\x9bf\xf6\xd8F\xd4K'</t>
  </si>
  <si>
    <t>b'\x88\x93\xe7\x00G\x0e\xfe\x7f\x1c\xf3Ut\xc6:\xd4Z\xc3R\x177\xcf\xa9m\xf8\xcc_\x9b\xa0)LS;'</t>
  </si>
  <si>
    <t>b'\x1b\xb1(LSP4C\xb1\xe05\xa0Y!&amp;\xa0"\xb9*\x0b\xc2&lt;Z\xb0\xefu{\xd9=\x11$\xa1'</t>
  </si>
  <si>
    <t>b'\x02\xe4%2m\xa8\xe8\xa6}\xd7\xec\xfb\x82=\xb8\xa6B\xc9\r\xa6\x9d0\x95\xfa\x17\xb2{\xc2\xb8D\xd9\xa7'</t>
  </si>
  <si>
    <t>b'\xef\xc1\x9e\x88\xfb\r1G\x8c\xe2\xdew\x16zP6\x82\xeb\xce\x9d\x99\x8c\x96Q[\xb9\xc3\x80+$\xc7E'</t>
  </si>
  <si>
    <t>b'\xa0P\x13i\x16\xad,:cj\x81\x84\xe9P\x9b\xe3\xe5}\x82\x98\x8a\xc9\xdf\x16\x93\x90\xce\xf1ei\x8c\x9c'</t>
  </si>
  <si>
    <t>b';\x05\xc2\x99\xb41B:\xd64Z\xdb\xb3\xb7=K\x1crw\xe1V5\xcdXJ4\x1d\xbe\x11\xdc\xcdm'</t>
  </si>
  <si>
    <t>b'v\xb3JY\xa7\xef\xc2R:O\xee\xec"\xeb\x00\xe8\x08\x84\xdbX\xad\xce\xa4\xcal{\xe6}0\xc0=\xf9'</t>
  </si>
  <si>
    <t>b'\xc3\xa7\xe3\xde\x97\x188\xd3\x05\x14\x06\xdcr+\xca\xeby8\xa6S\x161\x07\x00;I\xa9\x1d\xef\x9ep\x95'</t>
  </si>
  <si>
    <t>b'L\xa7\\\xfd\xe4\xb0\xd2\x10&amp;.\xda7m\x15\nD\x15}\xd0\x1e\xf3K\xe1F\xe5\xb5j\x1a\xd0\xc7g\xc3'</t>
  </si>
  <si>
    <t>b'\x9a\x03\xbc\xe3\x14T_\xc7\xa7\xf5\xbb;d\xd5P\xeba\xc5$\xa6\xdeTx\xdf\xe8\x18MJ\x01\x81\xf49'</t>
  </si>
  <si>
    <t>b'\xee\xd9\xe3.\xf2\x94&gt;\xf1l\x12C&amp;\x98\xeb\xae\xdb\x1b\xa1\x0c\xceN\xf8AE\xf0\x8e\xc0\xde\xfa\xa6\xce\\'</t>
  </si>
  <si>
    <t>b"\x9fs\x99\xfe9.@a\xe7\xf2~\xbd\xaf\x91\x11\xa5%\xe2\x9a\xc7J'\xb5\xc1N8'SnPD\xab"</t>
  </si>
  <si>
    <t>b'\xec\\\xe6;\xe7S\xf4)\xe2\x11\x8a\xf83\xf9\xc2\x16eX\xd5\x04G/}\r\xb6V\x9bmnD\xecn'</t>
  </si>
  <si>
    <t>b'\x12Gf\xdc\x7f\xfc\xac\xbf\xf9w\x89^Y!Pl\x06?JI5X\x8d@;P\xdc\xb3\x86\t\xa8s'</t>
  </si>
  <si>
    <t>b"p\xe7\xc9_\xab\x9a\xba\xd9\xe1Wm\x1b%V\xe0\x93A\x92\xf8\x16\x11\xaen\xa7K'\xc1\x83\xb3 \x8e\xef"</t>
  </si>
  <si>
    <t>b'\x0ba\xc8\xff\xed\x90\xfat\xf9\xacio:\xb3\xc5%\xd7*j0V#i\x93\xae\xb2\x10\x8d\x14\xab\xf36'</t>
  </si>
  <si>
    <t>b'\xc7\xe8\xa8\xefR\x95\x00\xd8q\xcfG\xda\xad\x87\x9f\xa8\xb1&gt;\xf3\xbb\x97\xb6\x02\xb5kM\x83\xe2\xce\x13\x13\x87'</t>
  </si>
  <si>
    <t>b'X\xb3\xb3w\xd7h:M\x82\x91\xe2\xb1\x91p\x18\xae*\xbd\xf9\x97\xc2\xc6\xc2\xda\xf1\xab\xec;\xac\xe8\xdf\x89'</t>
  </si>
  <si>
    <t>b'`\xe1\xf3J\x8b\xe9\x14D/\xa46&lt;h\x9d\xf4\xb2\x9d\x7f\x02`\xc1*\xdc\xe4&gt;\xe4\x9f\x98\xe3\x9d\xb8\xae'</t>
  </si>
  <si>
    <t>b'C\xe2\r\xf6\xbch\x87\xeb\xe4!s\x94\xa7;\n\xcd\\\xaa\xf8\xab\xec9%9\x9e\xeb\xfe\x1499\xb3\x1b'</t>
  </si>
  <si>
    <t>b'G\x9a\x03\xcbe#\x93\xf6\xc3\xa6PiE\xa8\x13\x8e\x1a\xb5K\x1d\xae\x8c\xd6\x1d[)B\xa6;\xa5r\x04'</t>
  </si>
  <si>
    <t>b'\xbb"\xcb\xe0t%\x95\xcb\xbet\x1c\xe1\xfc\xa3,=\x88K\x17\x96m\xc1V\x99\xf2\x1a\xec\x0b\xf1\xae\xd6\xfd'</t>
  </si>
  <si>
    <t>b'*\xd1\xd3\x8d&lt;\xa4\xea\x92e\xab\xbe\xc6\xff\\^\xf4\xf9kt\x03\xd5ol\xff\x19\xda\xf0\xbc\xe2\xa0q\x04'</t>
  </si>
  <si>
    <t>b'4\xca\xda\x04k\x05\xae\xd9q\x9f{\x8bT\xe4bI\xc2&lt;K\xd6\xbd\x84T\x99\xa46~\xefz\x90\xe4\xd4'</t>
  </si>
  <si>
    <t>b'\xc1\xebW-/\xa4\xbc\xef\x0b\xb4\xd5\xe8\x93\xba\x9c\xd0\x9e\xbf\xc1\xcf\xd1U\xd5\xa2\xb1\x06\x1a\x01]\xcb0r'</t>
  </si>
  <si>
    <t>b'\xcd\xf3\x81\xd5\xcf\x1d*WC2\xbb\xc7qXf\xb4B\xc5x6b\x99\xdf\x9e\xe8\x1cZ\xe3S("\xf0'</t>
  </si>
  <si>
    <t>b'\xc6i\x9aF\xa8\xe6~\x0f\x7f\xd7\xa8\xb8\xa8E%N\xe3\xf0\xa8\xd3/\x1d\x02\xa6m\x1d\xceP#\x98\xbe\xa3'</t>
  </si>
  <si>
    <t>b'\x8e\xc2\xa9\xd9{}\x05\r\xf8V\x8a\xacMD^\xe4\x00=\x97\x19D\xfd\x070L\xd8\x86\xe1\x98C\xccC'</t>
  </si>
  <si>
    <t>b'\xe6\xed\x08\x11\x05&gt;\xe7\xcca\x13\xeb\xf8\xec\xb42\x9b\xd3\xd8\xf5\xc9|\xab\xb9\x90}\x12\x93\xa6\xf4\xfb\xe7]'</t>
  </si>
  <si>
    <t>b'\xdb\xc16\x16A7\x91\xddnd\xf7\xacF\x04\xe0\xfa\xfd\x1a\x96*4\xd63\x9f\xf8\x0c\xf4\xd8\x9bG\xc2\xa7'</t>
  </si>
  <si>
    <t>b'i^\xe5\xa9\x07\x1b;\xac\xaaO\xfc\xd3\xbf\x18\xa3\xf1\xfd+\x01m\x1b\xf3Wz\xd7\xea\x14\xe8\xe6_z\x90'</t>
  </si>
  <si>
    <t>b'R\x00\xdfN",iF;\xa6|]\x98;ft\xec_\xd1\x9b\xb7\x08p\xd5\x08~&lt;4\xc3\xea\x1a\x14'</t>
  </si>
  <si>
    <t>b"{\x01o\xa1\xff\x14\xe03\x99\x9bziSC'dU`\xb9L\x91\x82\x05\xca\xc9b\xdd\x04eh\xfd\x8e"</t>
  </si>
  <si>
    <t>b'\xd1\xee\x0b\x0b\xd7\xfc\x10F\xff\xa3\xd1\xfb\xdcV\xe3\xb0\n\x14\xe6u\x8a7N\x0b\x04r".wU\xc6\xfa'</t>
  </si>
  <si>
    <t>b'\x16\xd6(GA\xd6\x97\xd5 \xca.\xbd\xf4=\xc2#\xfdu\x12\x88\x03\xc9\xf9\xc5\xaf0t\x98`\x8b\x02\x07'</t>
  </si>
  <si>
    <t>b'\x84\xc1\xdd~[vV\xdc\xd2L\xf2\xc2\x8a\xca\xee\x95\xe0\xd0\x17PWUK/\x02\xdan#l[\xe5R'</t>
  </si>
  <si>
    <t>b'`\xf5\x9e\xb2\t\xcc\xe5\xbf\xf9s\xa2|\x1ei\x02\xf9\x1fe\x0b\xf9\xf8\xcb^\xc4\x87\xc4\x15\xf5\xce\xe5cN'</t>
  </si>
  <si>
    <t>b"\x9ft\xc4\xf5\xd1Z[G\xf5%i\x1ch\x0b[{\xd4'\x0bs\x8a\xe3\x14&amp;\xb8q9\x92bq\xa0\xf5"</t>
  </si>
  <si>
    <t>b'k-\xa3g\x00\xfb\xadJ\xf3~\x9aj\xd3{\x850&lt;]\xe8\xcb\xb5\x80\x1cS\xfd\x82\x10\xb4\x84\xc4\x12\x9c'</t>
  </si>
  <si>
    <t>b"\xe1Dw\xdf\xc1\xa9&lt;q\xe9\x00\xaf'\xf4\xd6\x7f\x02D\xd0\xa4\\\xa5\xea\xd7\xfc^x\x11W\xce\xad=\x04"</t>
  </si>
  <si>
    <t>b'\xd8"*\xd8\xdb\x02\xf8\x96\xbd\n\xfb\xec\xdd\x13\x1b7\xbd\xe2\xadI\xfa;\x97\xd5\x92\x9ax\xee\xcb\xe2\x8b\xbd'</t>
  </si>
  <si>
    <t>b'b\\.\xcf(\xdc\xe4\xea\xbe\xfb\xda\xc6\xb7%\x8b\x00E\xa3\xcdua\xb9x\x18\x91m\xe6N^/\np'</t>
  </si>
  <si>
    <t>b'\x84\xb1-\xb9\xc10\xb3\xb4^W\x94\xfb\xaaWV\x8fp!\x87}&gt;\x94\x83\xf2\xcb\xaaER#\x86\x82\xeb'</t>
  </si>
  <si>
    <t>b'\xf7!\xa1\xd7\xdf\x9bE\xdc2u\xed\x95\xa0\xba\xc3\x12?&gt;\x96\xb8\xf6y\xfc\x99\xc93\xe1\xba\x1b\x90D\xc0'</t>
  </si>
  <si>
    <t>b'\xa83\xf7I\xc9l\x0b\xa6\xdc\x17W,\xa1\xc0G\x99\x16=:\xfa\x8d\xe6w\xf6d\xb5\t\x8d\xe8`\x07e'</t>
  </si>
  <si>
    <t>b'\xb1,\x90\xee\xf48H\xa5_\x05\xaf\xf3Zh8\xbf\xc7\xaai\xb2\xe3E\xefd\x1d9\xadW\xdc\xfe\xceH'</t>
  </si>
  <si>
    <t>b'\xde9\x84Q\x15\x86H/\xb8\xda3\x12\x1c\xf1\x99oK;~\xa3e0\xc2\xe9\xde~/\xf2}j33'</t>
  </si>
  <si>
    <t>b'\x8cp\xae [4\x81\x83\n\x0b\xab\xf3)\x97nh\xc6\x1b\xc8\xea\x04\xe9\x89\xe5\xda]n\xdbs\x84t\xf8'</t>
  </si>
  <si>
    <t>b'\x82=Qk\x7f\xe7\xcc\xb7\x97,\xa1\xc9\xdb\x9e\x12\xc7_~\xf3\xd5\x95\xb6\xcaAFV\x9d!Y\x9a\xec\xc1'</t>
  </si>
  <si>
    <t>b'\xcf\xc9M\xfc12\x80^@\x8e?M\x07\x90\x83\xa2\xf0\x88\xa3\xa8\xa1\xafx\xd9\x12\xc92,\xee\xf2f1'</t>
  </si>
  <si>
    <t>b"\xdeYG\x14Vr\xed\x10n\x8c,\x0b\xbbm\xdfw\xf3\x17\xc7\x1a;/'Ny_\xa2\x19\x1b\xeaH\xad"</t>
  </si>
  <si>
    <t>b'\x06\xb2\x06\x9fE\xb8\xc5\x12\x95\x7f\xdf\xbe\xc07\xd8\xbdS;\x01\xbb\xdd\xcab\x1d\xe0/\x01\xc8^l1\xd5'</t>
  </si>
  <si>
    <t>b'\x8a\x0b\xfd\xda8\xb4\x9a\x9a2w\xdb:q\xd6(b\x11\x97O\xccaS\xe5O\xces\xa8\xc4\x1c\xe9(\xae'</t>
  </si>
  <si>
    <t>b'\x01\xe4\xc9\r\xf2\xc7\xe4\te\xaa\x813\xe4\x0c\xeb\xba\xa1\xb5\xd0\xa6\x1f}\xdb\x81\xf8\xb06`\xfdPia'</t>
  </si>
  <si>
    <t>b'\x08\xf0\tu\x8f\xb6]\xf9\xfc/\xc2\xe3\x05\xbb\x7f:\xd3\x82\xb6aU\xadz\xd9\xc2\xee\x9du\x1c\x99\x15\x9f'</t>
  </si>
  <si>
    <t>b'Wj\xed\xddK\xa48\xdb\xb2\xe2\xf1\xaa\xbed \x13\xbf~\xbe\x84\xc6\xd2Eb0KF\xfb\xb3\xa5\x8e\xc6'</t>
  </si>
  <si>
    <t>b'^L\xd3\x16\x8d\x99\x9b\x86u#\x972\xf9\x8cMX\t\xd4\x1c\xf3~\x08q\x1fP\xcb\xf9\x8f\xf1\xc5v*'</t>
  </si>
  <si>
    <t>b'\xbdO-\xe6\x16\xd7\xb8\x95_+k\xef*ex\xc2\xc3W\x9f\x92\xfa\xa9\xa8[\x9d\xbe\xbcf\xda{\x90\x8b'</t>
  </si>
  <si>
    <t>b'\xd5\xc2\xf4\xa9\xa4q\xbe\x83\xf8\xf2\xf5\xc5&lt;\x16\xa7\xa4\x01\x8d^v\xa2\xdc\x15\xb1^\x8a\xbaq\x1a\xf9\xb5G'</t>
  </si>
  <si>
    <t>b'\xdf7\x02vG\xfa*\xbf\xab%\xcb\xbaG8p\x1a\xec\x87)(\xe8\xe1\x1f\xe0\xa9D\xae\xe6@\xb8\xfaf'</t>
  </si>
  <si>
    <t>b'\x98\xa2\xda\xf40\xc1\xb7a\xa8\xa4\x08\x8e\x18\x0f\xc2\xf4\xa0;\x13r\x7f\xc0\x8d\xf9\x01\xcc7\xec\xa9\x01\xf0\xe1'</t>
  </si>
  <si>
    <t>b"\x8a\xa5O\xaf'\x9bnxZ\xdf\x1cnt\x9a\xbe\x19Y\x06\xffd\x13K\x16\xe7\x1c\x88E\x00,\xd7\xfd\xe5"</t>
  </si>
  <si>
    <t>b'&gt;\xe6e|\xe9\x99\x16@,,\xbf\x11Q,@\xd0\xecF\xe5p\x83\xafu\x8b\xa3\xcaC\xc1\xd9\x1cq\xbe'</t>
  </si>
  <si>
    <t>b'\xa6\x1c\xa9\x9f\xc6IR4WT\x8b\x130\xaax\xa6\x98\x8a\xbd\xc4\xf2\xe7\x1a\x94\xe4\x9a\x9a&lt;*+6\xe9'</t>
  </si>
  <si>
    <t>b"\x07\xc1\xca\xb9\x8c'A\xe3\t\xfd\xc3\xb6\x86T\xbd\x18\x987\xe3i\xbb\xf4f\x7f\xa3v\t\x82\x19\x0c\x97 "</t>
  </si>
  <si>
    <t>b"\xb7\xf8Z)(P\x0f\xb2ccL, \xc9v\x7f\x9b\xad^\xf8\x90`\xa0\xf5D\xe5\t\xe4'!P\x1f"</t>
  </si>
  <si>
    <t>b' \x06]\xb5\xee\xc2\xba&gt;\x88\xca\xa3\xd1\x0b\xd8\xe7\xbb\xf6\x8c\xd9\xe6\x0fz\x91\xc3\xdc\xe4+\xf7f\xe4\xddX'</t>
  </si>
  <si>
    <t>b'8^\x91\xdf\xf6\xb4\xdb\x06\n\xcd\xd3~\x00\xc1^tE\x9e\xcd\x8b\xd2L\xf3\r\xdd\xee\xa7Y\x1c*\xf0r'</t>
  </si>
  <si>
    <t>b"l\x14N'\xec\xbb\xf2w\x90\xaa\xcc\xd3\x9ercKk\xd0\x1f\x07QD\x1c\xa5\xbe\xa9T\xdf\x19\x11\xd2+"</t>
  </si>
  <si>
    <t>b'R\xd35\x10Wo\xd4\xaa\xfe\x8a\x14\xb5\xb9\x0b\xe5\xa4\xa6\xfd\x0f0(\xbc\x1f\xfb\xe6\x013\xce%`\x90F'</t>
  </si>
  <si>
    <t>b'\xb0\xcc\x995"#!\xeaCGb\x95\xbf\xe5\xf8\xcc\x88d\xa0\xab\x13\x0eo\x0f\x8a\x0f\x03`^\xae\x11\x99'</t>
  </si>
  <si>
    <t>b"&gt;h\x92\xa52P\x1f\xd3_\xd8[+\xa1\xe0K$\xb6)\x15l'\xe3\xef\\\xa8\x0ed\xd4\xd7\x9a\x84\xe1"</t>
  </si>
  <si>
    <t>b'\xe2(:K\xd1\x11R\xf4\xb9:\xf6^\xbc\x1eh\xa0\x92\x96k\t\xf7\x11\xd1\xc3\xbas*\x84\x8d\x83\xcdN'</t>
  </si>
  <si>
    <t>b'\xd7c\xd8\x14\x01\x16\xf4\xcc4k\x91\x8a\x87+\x91\xac\xda6V2#\xbe\x08\x92(QK\xdc\x91p\xbf\xb2'</t>
  </si>
  <si>
    <t>b'\xc0#L\xac\xac\xeb\xa3\x9dC\xc0$\xf3\x8a\x81j\x81\xbd5n\x811\x17\xef\x00\x81*\xfa(\x07\xa7\x7f\x1b'</t>
  </si>
  <si>
    <t>b'\x0e\xfa\x87d\xef\xcb\x11\xd2\xb4\xc0\x83N\xa7\x19n i\xcc\xfd\x16\xd5\xb1\x85\x1a\x87\x0c=0aK\xc74'</t>
  </si>
  <si>
    <t>b'[\x08\xc8P\xed\xac\xe0\xb4\xd2PY\xa1\xa2{\taI\xa4\x8cR&lt;(S}M5;\xb1\xcdl\xe9\x03'</t>
  </si>
  <si>
    <t>b'\xf4\x85\x9c\xe37RY\xfc\x8a\x1a\x03);h+Bm\x00\xfa\xe1\xee\x8a\xee\xd6|\xb6K\xd0K\xdb\x9a\xa7'</t>
  </si>
  <si>
    <t>b'\x13\x7f\x01,\xb0@\x9d\x0c\xe4\x87\x06y\x8c\xfdP\x08\xac\xac)\x89\xd4\x9c\x12\xafR\xfc\x9ct\x93)\x8fC'</t>
  </si>
  <si>
    <t>b'n~\x04G\xfd\xa2\xd0F\xc5,\x0c8l\x95+\xbcjhhd\x8a\xc6\xf5\x82\xd4^(\x0f\xaam\x93\x89'</t>
  </si>
  <si>
    <t>b"\x96C\xc1\xdeQw\xec\xef\xc8H\xeb\xa8\xfd\x1a\xd0\x7f\x80'\x1fJ\xe8\xc3 \x88zj\xbbPL\xe6X\xd3"</t>
  </si>
  <si>
    <t>b'T\x12\x99\xaa\xf0E\xab\xc3\x00\x90\x8f\xa8\xe0\n\xfa\x9f)n\x8c\xc0\xca\x84oC\x87\x99\xf8\x02\x9c4\xb2\xdb'</t>
  </si>
  <si>
    <t>b'n\x8cxC\xe3\xac_\xd6\xc5\xd4h\xf9lV\xdd\xd6\xff\xf0\xe0\xcc\xad5Pr\xe0i-_\xdd\xe3\x95G'</t>
  </si>
  <si>
    <t>b'0i\x0f\xf0KN\xdc\x93\xfe\x82\xa4\xe3/D\xe5\\\x00\x13\xdcQP\xaa\x0c\xf7V\xee\xc3\x07e2\xae\xdb'</t>
  </si>
  <si>
    <t>b'j)\xbaH\x1e\xf2\x0f$\xff^O_\x9d\xbb\xaf\x0c\xa0\xc8$ \x11\x07J\x92\xd6i,Br\x82\x1eK'</t>
  </si>
  <si>
    <t>b'I.\x81\xc7\xb1\x86MB\xe2\x1a\xe5\x03~#}\x81l\xe0\x1b\x17\x0f\xa3\x03NC\xf0\x86\xe3\x8bt)\xf2'</t>
  </si>
  <si>
    <t>b'J\xa7\x97\xf6\xa5J\xf9e\x07\x91\xe5\x1c\xa0o\xc0\x9a\xeeQ\xdf\x8e1t\x0b\xc1\x00S\xc5#\xb3\x86-\x07'</t>
  </si>
  <si>
    <t>b'\rP\x12\xfe\xd5\xe1\xb6\x01\xd7\x0eJw%{\x8f\xf1e7w\xc6\x132\xb2q1\xf6s\xd5\xc5\xd03\x8d'</t>
  </si>
  <si>
    <t>b'7\xe7q\xff\xae\x8b\x12\xe9\xff\x03\x99i\xf7\x15\xadA\xe9~\xb0\x04\x1f0e\x01\xbf)\x8d\x89\xea;\x15\x08'</t>
  </si>
  <si>
    <t>b'\xacTf"\x0b\x19#WI\xccW&amp;\xe70G\x9b\x02\xfeI\xc3\xba\r\x80\xe9\n\xa3L7\xaa\x1dK\xb7'</t>
  </si>
  <si>
    <t>b"\x01\x93i\x00.0\xf6\x92\x90\xc7IU\xf1\xb4/\x0f\x05\x1d\xb4s\t\xbe\x82\xca\xc5\x0e\x93\xe1\x8d\x1d/'"</t>
  </si>
  <si>
    <t>b'_\xe3"\xf7\xcf\xe8\x82\xc0,\x13\xcc-\xe8\xe1\xd0X1\xd0t\x98\xa2\x1a\xcaa\x1a\x17&gt;\x92\xf5Y\xa0\xe3'</t>
  </si>
  <si>
    <t>b'\xec\xd2\xfdC$\x07\xb3p\xd3\xe0\x85y6\xa5L\x8d\xc6\xbf\xe2\xe2\x0c9\x92\x1b\xe4i\x80M@vpB'</t>
  </si>
  <si>
    <t>b'\xfe\xbb\t\x96\n\xecP\x0bn\x1a\xf0\xf0\xc7\x9b\xe9\xcc0\x92\x15\xc9QP^D\x80\x9e\x84R\xd9\\g\x02'</t>
  </si>
  <si>
    <t>b'\x00\xa1\x0b\x166#kCi\x8d\x14\xd7\xe2\xa75I\x18\xbc\xce\xab\xf5\x11\xc5C\x9ec\xca055\xb2k'</t>
  </si>
  <si>
    <t>b'\xb3)\x82\xc0`\xb7CO\xa33[\x1e\x9eBf\xcf\xbc6\x0c\x12E\x97\xcfE\xcf6-\xf2\x07\x99g\r'</t>
  </si>
  <si>
    <t>b'$PJ\xe2\xfc0\xff\x97\xddu6\xc7w\xd8\xd8\xd2&gt;u\xe2b.\xa8Q\xd3\xa5\xa4\x81\x87\xc5\xd8\xa4\xb9'</t>
  </si>
  <si>
    <t>b';\xefd\xbeF\xc2\xb67,\xdb\x12\xf4\xe2\xce\xef\xd5\xc6m_\xaaXP\xcc\xcf\xea\xdfz\x97~\x10\xdd\x04'</t>
  </si>
  <si>
    <t>b'\xc7\x1f\x05\xe1\x8a\xaf=+\x0ece\x98&amp;\xac\x98\x0c\xfe;&gt;\xa4^\xea\x1e\xb3;\xc6Gw2A\x02j'</t>
  </si>
  <si>
    <t>b'.`\x11\xd3\nGu\x05\xc7q\x0b\xdc\x15\xc6\xf9Q\x91j\x1c\x8fi\xa1\xc9\xd0\xbc\x1f\x8b\x87\x1c\xf7#\x15'</t>
  </si>
  <si>
    <t>b'\x97\x8fJ\xd9\x02I\xdd\xf1Yx\xb6\r\xac\x19\xcf\xfb\xa7\xa9E\xe1"\xc4\x0cI\x90,Z\x9f\xd1\x088\x8e'</t>
  </si>
  <si>
    <t>b'u}Q\x93\xc9T\xaa\x94\xb0\xe7?/\x83\xb3\\\xf2\x96\x9b\xcf\xbd\x01\x86sc\xfd\x1f\xa5\xc0\x81\xdfX\x14'</t>
  </si>
  <si>
    <t>b'\x95h\xa1\x7f/R\xdf\x1eY\xeb\xda\x13\xd8ms\xf1\xfa\xd2\xa4&amp;\xdf\xe3\x90&gt;\x9a\xc6\xa5_\xd9\x0b&amp;\xeb'</t>
  </si>
  <si>
    <t>b';\xa1J\xa6$\x99\xf1r\xad:\x8d=[:\x97Q\xf5\x05S\xeb0\xedY\x89*\xe9\xd6\xb9\x9b}\x90\xa5'</t>
  </si>
  <si>
    <t>b'\xe0&amp;[#\xa6l\xff\x85@;\xef\x8du\x10\x06X\x8fU\xf8\xc1$u\xca\xda\x95\xf6\x91\x8f\xa2\xdfC\xd3'</t>
  </si>
  <si>
    <t>b'\xb4\xf0V\xc2\x8fe\xd47\xbe\x85\xd0\n}\x12Z\xeb\x8b=\xb9=\x8d\xa4p\xe5\x04|B5\x84H\xb2L'</t>
  </si>
  <si>
    <t>b"\xd1\xb0\x1d\xd2e\x8b\xa0\x02\xfd\xa2\xef\xc2\xbd\x95\xd5H]\xed\x059\xc4@%a\xe4\xa0\xb2\x1cW\x84'\x17"</t>
  </si>
  <si>
    <t>b'\x1a\xa0\xf1^\xc4\xdbs,?i\x107a\xa1I\x0f\x03\x1dL%\xacB\xb03B\n\xc4\x90\xbaZ\x07\xc8'</t>
  </si>
  <si>
    <t>b'\x95\xa7\x8b\x94NP\x06\x8b\xb3\x84\xce"\x8bTu\xaf\x12\xbd\\!\xa0\xdc\xf1\xa1A\xf5q8?\xe0n8'</t>
  </si>
  <si>
    <t>b'\x1c\xd0j(6"\x0eH\xe6\x06\xae\xae\xefW\xe8\x9b\xdb\xb8o\x7fd\x8fI`V\xb8\xfb\x0e\x88\xb2\xea#'</t>
  </si>
  <si>
    <t>b'WWK\xf0\xa4\x94[\xaa\x8b\xee$-\x83\x15v\xee\xa3iDL\xb3\x92tLU\x80\xa7\x7f\x02=\x16\xa7'</t>
  </si>
  <si>
    <t>b'K\xbbMa\xd0\xa8\x10\xad\x1f\xfe=\xd1\x03_\x7fEN\t\xed\xab\xdfD-\xba\xd0\x80\n&gt;\xb0\xf7\xd5J'</t>
  </si>
  <si>
    <t>b"\xda\xc5\x90\xec\xff88\xdcm[\x93\xda\xb0g\xf0\x18\xf4\xc8g\xe5\xe1\xf9\xc1'B\xb0\xd7^\x11\xa5?!"</t>
  </si>
  <si>
    <t>b'tGU\xb6\xadg&lt; \x97-\xf3\x08B\x00j\x0f\xa2X0#\xee\xee\x9e\xb9]\xf9\x85\ra~\x85\xb6'</t>
  </si>
  <si>
    <t>b'[[\x0f\xf8\x06o\x8f\n\xb7\x89\x90\x9c\xfa\xc3V\x11\x8f\xed\xc2\x0eT\xdbQ\x12\x84\x8b\x08s\x08\xc4l`'</t>
  </si>
  <si>
    <t>b'\r\xc4\x10\xeeE\x16;Tk\xe8\xeb\x1em\x94\xbc\x97\xd7B]\xf1Z\xaf\x0e\xee\x101AE\xe4+\xd8L'</t>
  </si>
  <si>
    <t>b'\xc2eG\xb8\xac\xd6\x7fM\x85\x91O,\xa2c\xc2h\xc8!\xfe\x01\x90+n#\xba.6\xaak\xe67\xa3'</t>
  </si>
  <si>
    <t>b'\xa0S\xdc\x18\xf3tn*X\xcfh\x9c\n\xdfLc=u{\xc6\x8cY7pV\x19\x90L\xa7I\x85\xf4'</t>
  </si>
  <si>
    <t>b'\x0b\x7f\xb8\xd8\xeb\xce\x9b\xa2J7&lt;j\x05G\xc5x\x1cJ7o\xe6\x0c\xc8x\xdd\x91[\xde\xc9\xec\xba\x7f'</t>
  </si>
  <si>
    <t>b'\xda\x8a\xd51D\xf5G\xd3\x01\xe2k\xebt(\xe4\xd1\x08N-?\x1a\x0br\x920\xb5\xff\xec]\xae\xd5\x94'</t>
  </si>
  <si>
    <t>b'\x98\x7fhW\xa0\xbf\xaa\xe39\xa1K\xf7\xc4\x80\xc7b\x7f*l\xa7BE\x91\xde:H\xae\xfeZ\x08\x04\xac'</t>
  </si>
  <si>
    <t>b'?\x91Ld}C\xf4\xd4\x80\xff\xf4\x97\x85\xaa\xeaA9na\x9a\xf2\xec\xba\xbexNt:\x8c\xd2\x8b\xfc'</t>
  </si>
  <si>
    <t>b'\x88b\xa7Qe]\xe1\xb8\xa0\x16`I\xe7\xe6A\xbeX&gt;(\xf6\xb1\x9a\xa213\xd5I\xcd\xe5\xc9 \xdd'</t>
  </si>
  <si>
    <t>b'\x17&gt;\xde\xdcz;\xad\xf3K\xa0`\x96{\x16\xbfX\x05\x82\x8d\xc7\xd0\xbe}\xf3\xe6|w(\xecw-&gt;'</t>
  </si>
  <si>
    <t>b'\xa9\xc0G5\xe6Y\x14TM\x86\x96\xfa\x1c\xadp\xabI\xec\xef\x067[g\xf0\xae\xde\xb8\xfe\xb8\xc3\xdd\xbd'</t>
  </si>
  <si>
    <t>b'+\xf7\x0b\x96\x0f\xf3\xc8\x08\xacD\xddJ\x99\xe8RNeS\xfes.\xe3\xe7\x035\x0c\xc2 \x00N\xcd\xfc'</t>
  </si>
  <si>
    <t>b'\x1caN4!3\xbbPq@\xe6e\xd9\xfc.\xcd:\x02q\x8b\xa4\xb7\xacx\xc4g\x92\xa7\x88\x01\x02b'</t>
  </si>
  <si>
    <t>b'f\x98\xc5\xa1\xd4r\xe9q\\\x03&gt;\x17\xe5\xc5\xa6\xfa.:t\x16\xd9gA\xf8\x9bou=\xa4\xea\xb5\xd8'</t>
  </si>
  <si>
    <t>b"\x90\xa7\x0b\xe8-\x02\xf3\xd9\xf2\xf1g'\xaa04\x93\xd1\xddD\xb6\x0f[x\xc8J\xf8\xdd!\xc9\x1e\x1e\x7f"</t>
  </si>
  <si>
    <t>b'U!\x17\xe6\xa5\xa2\xcd\xe6\xbd\xbc\xf0\t\xe7\xcd\x01\xfd\xf5\xa3*P\x7f\x024\xe8\x17\xa8A_b\xa9\x80\xc7'</t>
  </si>
  <si>
    <t>b'\xfdA\xcf\xc7\x0e]\x144\xc2\xde\xd8=h\xb6ED`\xbdw5\xa9\xeeE\x84&lt;\xc5\xb9\xa3@\x06\x85\x03'</t>
  </si>
  <si>
    <t>b';\xaeV?-\x10\xdaF\xa3\x9d4p8\x9a\xb4\x86\xf1\xa8\xa2\x9fQ\xeb_B-\xfb`\xd7i\xc6 \xc0'</t>
  </si>
  <si>
    <t>b'\xb2\xd4\x92Gr\xe0\xd1h\xf95M\\\x0b1\x9a\xa8F\xd7\xe7?\xb9\xe7p$\xff;\xe1\xc7yD\xd6\xc8'</t>
  </si>
  <si>
    <t>b'\xbcSJ\xb1\xad\x97\x87~T\x0f\x94\x80;\xf8\xcd1\xa7B5v7[\x0e\xd6\x14\xfa\x07\xc2!\xf9\x82.'</t>
  </si>
  <si>
    <t>b'aG\xaav\xe3\xb2\xe2\xd5\xdaa\xf6\x8c\xc6\xb84\xeb\xcd\xf7\xc4NM^\x03\xb3\x1e\x15b\x9a\xf7\n\xd4\xf6'</t>
  </si>
  <si>
    <t>b"\r\x98\x1bl\x94\xd8-\xfc\x90n\xa5Q\xb9,\xaay\xaf4]\x93;\x06: \xd1*u'\x04\x8c\xdab"</t>
  </si>
  <si>
    <t>b'k\r\x94\xa1Eq~\x86&gt;\xf1;\x94\xaa\x92B;\xd7\x8f\xa6\xa7H\x9e\xab\xddo|a\xc7D\x9d\xd9\n'</t>
  </si>
  <si>
    <t>b'\x8f\x1e^\xabE\xe6M]\x1c\x93\xf3i^]_\xc8q\xc3.\xb6M\xed\xa2F&amp;\x8cb\xf6^\x1b/:'</t>
  </si>
  <si>
    <t>b'\xc8\xe8\x9c\x1f\x13\x9bJ\xd5\x13\xb5\xf0Y\xc6\xae\\\x1f\xcd\xfa\xb8N\xa0X\x1aq\xbaNJI\xed\x0ev0'</t>
  </si>
  <si>
    <t>b'!\xbe\xe0\xf3~Zi\x08\xa0\xc8\nW\xbd\x9eD\xa5\xdf\xcby_sOd\x9dc\xb6\x15\xeb\x05`\xb9\x9d'</t>
  </si>
  <si>
    <t>b'\xc8KG\xb7\xf5\xcd\xa1)\xc4\xb8\xb8\xd7&amp;\xab\xd2OL\x08\x19\xb0i\xd1\x86\xd3!\x06\xb0V_\x17\x0c\xe6'</t>
  </si>
  <si>
    <t>b'h\x97\xc2B\x19\xfe\x02:\xc8\xa8\x18,\xb1\x05\x0eE\xc1W\xe5&gt;\t\xde\x14\x90\xba\xff\xe4\xe84b\xbb\x0e'</t>
  </si>
  <si>
    <t>b'w7\x1f(w\xe2\xc0\x1ft\xfa\xc0\x0fs\xd2\x12j\xd4%}\x10\xeb\x8bwX6W\xab\xe9\x9c\xb86^'</t>
  </si>
  <si>
    <t>b'eN\xc3\xe1X\xd7.?\xd6\x9anr\xd2o"\xbbU\xf7\x1d\xbc\xf90\x15\xd9)\xee\xa5\xb3\x10\xa9%\x1f'</t>
  </si>
  <si>
    <t>b'\xec\xf0i:\xd6F\xa6\xe3;4pm\xf8d\x99\xfd\xa4\xd0V\x1e\x0e\xeeK\\\x17\xa2Q\x837.\x86\r'</t>
  </si>
  <si>
    <t>b'=\xd3\xd6\xbfM\xc6$Bm\xd9_\x14\xb1\xabO\xce\xb1p\x1c\x9f\xb7V92\x1erNi\x0e\xfa\xed\r'</t>
  </si>
  <si>
    <t>b"\xf8\x8a\xb0\xe6\xe7\xd7:E\xa6\xea\xf7\xe8G\xda\xb3\xd1\x8b\xf5s\r\xf1/\xc9&lt;\xdd'\xb0{3\x8b\xb6~"</t>
  </si>
  <si>
    <t>b'\x02g[\x06\xb7\x1b\x9ci\xb0\x85\r\xa7\xbf\xc2s\xac \xdb\xf7\xa6\x0c\x13\x8a,\xef\x03k\xe8\xc2\xab\x0ce'</t>
  </si>
  <si>
    <t>b':\xb7\x96\x16\x84 \xf2\xff\x98\xec\xaa\xbfh6\xb6\xdfK)\x1d\xe0\x10\x85Z\x15\x9f\xed\xa8e4\xab2!'</t>
  </si>
  <si>
    <t>b'\xe7\xb8\x14P\x1f\xd0\xdb\xe5\x8d\xd2U\xec\x9d\n\x00\x15\x12"k\xfdo\x84b\x90"+5\xc0\x95y"\x10'</t>
  </si>
  <si>
    <t>b')\x8a\x14\x1d\xc0\x8aK\x8f\xd4\xac\x0fO\xa5uH\xd8p\xa3\t\xafr\x98\xfdA\x8c-\xd0\xc60~\x88s'</t>
  </si>
  <si>
    <t>b'i\x1d\x97\x1b_\xfd\\5\xc9\x12`\xccutg\x06\x14\xe4\x0e]Rp\xb8&gt;\x83/\xda\x93p,8\xd2'</t>
  </si>
  <si>
    <t>b'9\xd4\xefu\xea\x07?\xf8SU\x14\xdaG\x10\xab\xe4\xcfK\xf5\xa1\xc7\xbe\x01\xaf\xb4O\x8b[An\xdc\x8a'</t>
  </si>
  <si>
    <t>036xx</t>
  </si>
  <si>
    <t>b'\x91\x1c\xbe\x01\\\xe2a(No\x9c6\x17\x8e\xe6\x10\xe1\xcd\xe1%\xa1k`\xacz\x1d\xa4V\xc0v\x1c\x14'</t>
  </si>
  <si>
    <t>b"\x15\x88D\xf2'\xb7\xccJ\xf46T\xe4x\xb6\xad\xf8\xf5\x16\xf6A\x99\x9f\xd4\x12\xce(\xf8\xb3\x87U\x9f'"</t>
  </si>
  <si>
    <t>b'\x7f\x97\xa1Y\x89\x91\xe8T\xf2\x1e0\xe3AQ\xcc\x9d1U@Y\x8d\x00\x9d\xadJ\xef:\xddw\xeaM\x9d'</t>
  </si>
  <si>
    <t>b'&lt;\xf4vt9j\xda\x9cmk\xd7\x0c\x18v\xab\x9a\xab\x88)j\x93\xc0\xdc~;bb\xfb\xc0\x0b\xcar'</t>
  </si>
  <si>
    <t>b'\xcc=D\xf2M\xf7\x96\xbd\x1b\xf8\xe8\x15}\xccF$\x83u\xd9\xf9\xec\x02&lt;\xf3*\xd2\x87\xe2]\xa4oy'</t>
  </si>
  <si>
    <t>b'\xc4\xdb\xf2\x08:\xba/\x8f)\xb4\x1d&amp;2\x06{\xdd\xcf\x1b\xad0\xae\xba\xd9\xa0O5D\x85\xb1i\x87\xb9'</t>
  </si>
  <si>
    <t>b'1\xf32\x1c\xb1a\xf3\xeb\x86J\xe7Z0\xddt#\xcdg\xb4uM\xf9\xee\xc4\xed\xbb\x15Q\xb3~\x95,'</t>
  </si>
  <si>
    <t>b'\xebn\xf4W\xb6\xff\x10\xd3\xbd\xce?\x01\xfc\x08w\n\xf4T$\xfa\x99\xe9Ws\x8b\xfb\xf9LX1\xbe\xd3'</t>
  </si>
  <si>
    <t>b'\x9c\xb4K\x9d33|\x980x\xbd\xc8=\x13\xe4\xaa\x8c\xdcT\x8cT18\x07va&lt;I\xec%"\x07'</t>
  </si>
  <si>
    <t>b'\x90\xf9\xa1\x9eC\x9f\x8f]\x91!\xa6W\xe1\xd2"\x90\x8f\x14\xd8\xf9s2\xa8\xfc\xca\xc0XH\xa0\xfdV\x8c'</t>
  </si>
  <si>
    <t>b'5L\x92\x1diEy\x165S\\\x1d\x05\xc7\x03\xee\x05\xb6\xd3lM\x0e\x91^9\x98X?\x91\xc83['</t>
  </si>
  <si>
    <t>b'N\x91\x7f\x9c\x0e\xda\xe6\xc0\xb4\xb4\x17\x02,C\x1c\xde\x7f\xb5#-\x8e}\xa8\r\x10\xfa\xdfh\x0c\xfd\xa4x'</t>
  </si>
  <si>
    <t>b'.\xca]\x90sU\x1b\xacx,\x02F\xae\x00\x94\x15\xa1\xdff\x0b\xc2"2\x08\xaf\xb7\x936\xda\x04\xcd\n'</t>
  </si>
  <si>
    <t>b'\xb1\xe0\xdc\\r\xf6\xa1\x11g\xb7=\xd1\xc65\xd5\x87\xe0zE\xc0\x02\x94\x9e\xde\x90\xc9G\x87\x8b\xcen\xfa'</t>
  </si>
  <si>
    <t>b"\xe69\x12\x18%\xde\x83LL\xfb\xa69\xba,\x1b\x86s{H\xa4'3H\xb4M\xcf\xe7\x85\xd0!\xda\x80"</t>
  </si>
  <si>
    <t>b'\x9dR"\xcdc\xf7\xa1^\x0e\xbb\x15\xd4\xc2L~\xf0"|Q\xa9\xc9\xa0\xa39\xaa&lt;\xf3\rM\xeaa\xeb'</t>
  </si>
  <si>
    <t>b'&amp;\xa6\xca~\xd8\xcb^"!$b,\x1ai\t\xd4W%\xe5\xc3\x83D\xa0*\xb7]\xe0R\x06\xb5Y.'</t>
  </si>
  <si>
    <t>b'\x90\x9c\n)F\x85\n\xc3\xf2A#\xaf\xfd9\xc4\x15\xa2GV\xa0\xbe\xf2\x7f\x9d^\xd7/\x9c\xe6\xd7M='</t>
  </si>
  <si>
    <t>b'\x9f\xd1\x90\xad&gt;\x04G\xceO\x0e\xc7\xb9\xae\x95\xae^d\xb1y\x1c@\x92\x7f\xca\x88l\x0e\xe2{\xa6\x1d\x8d'</t>
  </si>
  <si>
    <t>b"\n#\xbc\x84\xf1r\xfe\x8b\xfb\x9a\xf4\x04F\xfb\xd7%\xc5s\x07;Z\xe8\x1a$\xc9{WS\xcd'%\xbd"</t>
  </si>
  <si>
    <t>b'~t\xa1\x92G\xb1I\x13\xd8\x9fQ\x96\xf1\x82\x14\xe7\x82\xbd)\\\xa2\xb9\xed\xb9\x8c\xb9p\x13\x10\x92&lt;\xe7'</t>
  </si>
  <si>
    <t>b'\x95\x99\x9b+/\xbf\xc8\xb0\x9c:\xbf\x0c07s}j\xabD\xc4\xaaMN_V\x0c\xc0\x86\x9c\xeb\x92A'</t>
  </si>
  <si>
    <t>b'|eG\x94\x07\xd9\x14\xd8\x91l\xc7&gt;\x01\x00~\x92\xc3E\xd1te\xda\xe5\xfb~edA|\xa5\xe7\xa5'</t>
  </si>
  <si>
    <t>b'\xc8F\xd1\xdc\xe8Z\x9a\xd3;0z\xd2[&lt;\x80\xb0u\xc8C\xeb\xffc"k\xbay\xda*\'\xbc%\xb6'</t>
  </si>
  <si>
    <t>b'7\x15H\x94j$\xe7x\xd5\\u\xe7\xdamwkh\xd1\x8aK\x14Z\x9608~\x80\xd4[\x13\x81h'</t>
  </si>
  <si>
    <t>b'\x15.&amp;\xc4\x12&amp;c\x82\xec\x1b\xe2Z\xddm\xbf\xbf\xe7\xd2\xc2c\xc0^&amp;\xb1\xcf\xbf\xb6\xb7&amp;\xdf\x93\xb4'</t>
  </si>
  <si>
    <t>b'\xc2\xd2\x07\x1dA\xb9\x0f`\x91`\xd1\xcdX\xf9\x82\x06AY1\xd8^kr\x93]\x0e\xa5\rY\x0bV\xc6'</t>
  </si>
  <si>
    <t>b'\x97\x9fR\xf2f\x1b\xeaM\xebg\x07\x0f+\xedH\\\x16A\x13,6\xee\xfd\x92\xf7r\xe5pm\xe6\x0b\xc0'</t>
  </si>
  <si>
    <t>b'\xe8\x91b\xbb\xa5\x04\x00\x12_\\?\xa4\xc0\x90/\xf9\x1f\x8az\xbf\xb1\x83*K\x85O\xd33\xac\t\r5'</t>
  </si>
  <si>
    <t>b';B\xe7\xbd\x80`\xf6\xee\x90\x93&gt;\xd2\xf2\xfaR\x1c%-\x8f\x913}\xf6N\xd3\xca\x92\x14)\xc5L%'</t>
  </si>
  <si>
    <t>b'\x94\x94*%\x0b-\xf9\xef\x963\xae\xa7\xff\x0e+U0\xba|\xfe\x9ft\xcapD\x98\x01\xef\xd2\xc9D\xf9'</t>
  </si>
  <si>
    <t>b'[\x92=t\x16\xf8\xa1\x12$%\xbe\x1d.j\x85EHE\x94s\x9eQX&gt;\x9d\xec\xaa\xad\xa6\xc5\xc1Z'</t>
  </si>
  <si>
    <t>b"(\xfe\x02I'VQ\xe5\x8f&amp;\xdf\x1e\xf4\x06J^\xf4j\xe4g,\x15\x87\x94\xd8\x93\x00\x14\x02UJ\x84"</t>
  </si>
  <si>
    <t>b'J,\xf8&lt;\x18\x0f?\x00KH\xe9x5\xb6\xc7\x07\xcf\xda7\x8a\x07#\xbe\xf7\x81\x84\xb28k\xae\x14\xde'</t>
  </si>
  <si>
    <t>b'\xf9#\xb2\x9b\xe8Q\x11\xeb\xd4\x00\x8d\xa6\xf4_?b\x17\xb4\xf02\x95\xb6\x1f5\x9d\xc5\xa2\xa3Fk\x81X'</t>
  </si>
  <si>
    <t>b'\x82\x91\xbc\xec\xaf\xbe6\x0f@8\xc8t@\x0f]xm;\xf8\xdc\xa8\xd3\xc4\x03t\x10|K*ly\x8a'</t>
  </si>
  <si>
    <t>b'\xc2;\x9fR$\xe0\xa4\xb4j\xed\x937\xde\xe7I\t\x13\xaa\xad\xfd\xb5\x1b\x9b\xe4\xa4\x0c\xe5\x04{\xc1\x8d\xee'</t>
  </si>
  <si>
    <t>b"\x12+8\xdc\xcdU\xceU\xae\xfc\xebh\xb8\x02Z\xa4\x0e\x82\xf1n\x90\x01\xcc79'b\xef\xe8V'y"</t>
  </si>
  <si>
    <t>b'}\x9cP\xbd\x91&amp;\xb4I\xfdS\x013\xfc\xd3&gt;ip;\x86\xdbjU^\xab\x0e\xb2`&gt;x\xbe\xd6?'</t>
  </si>
  <si>
    <t>b'k\xfd\x95/)\xe91h\xda/\x8dn\x87\xd9{\xf2\x14\xbcp\xb7?C\xe6\xde\xa6\x1d\xb3\xd1hp\xa2\xd3'</t>
  </si>
  <si>
    <t>b'\xba\xd4\xc5a\xf2 {p\xc2\x9c\x88\xf6&amp;)c\x9f\x8a,\x19\xa4d\x8a\x98\xcc\x1am\xb2\xdel\xaf\xc8#'</t>
  </si>
  <si>
    <t>b'#T\xbf\x01m\xbep\xda\x13-\x1d\xa1\xda\x96w\x07&gt;\xdf\x83\xa6\xaa\xd4g\x8az\xea\x99\\\xfe\xcf9\xa0'</t>
  </si>
  <si>
    <t>b'\xee\x03\xaf:\xe8{k\x8f\xf3\xaa,\x06h\x9b\x87c~y\x82\xc7e.\x04\x9aH\xda\xe4g\xb7\x92o\xd8'</t>
  </si>
  <si>
    <t>b'\xea5\xf7BH\x86TY\xdc\xf38\x9eg^T\xc9z\xa2\x05\xdd\xa5\x9f\xfd\nV\xe6\xde3\xc7W\x9a\x97'</t>
  </si>
  <si>
    <t>b'@.%\xb5\xae\xbf\x93&lt;\xc1\xac\x82\x0b\xb6\xd7`\xcc\xd4\xfd\xd2&lt;#T=\xac\xc4\xc1W\xe9_\n\x05\xec'</t>
  </si>
  <si>
    <t>b'\x83\xddqJ\xabq\xba*01\xa4_&gt;\xe0\x0bT\xb5\xc6\xe7\xb7xi\xe7\xab\\,KDl\x07\xd5\xe4'</t>
  </si>
  <si>
    <t>b"u\x8b\x0fM4'nYzdq\x95\xe1 \x15\x08\x053\x04\x07\xfcqm\xb8\x86\xf7\x81A0\xb4\xaa\xb2"</t>
  </si>
  <si>
    <t>b'y\xea\x99}S\x88\x85s\xa4\xe1\x06\xb6,Z\x8d\xa7\xa3\t\xa0\xcfGK\x11W\xe0\x88u\xd9\xb7?\xbf\xca'</t>
  </si>
  <si>
    <t>b'\xfa{\xf8\x0bos\x90\xf9\x9el\xd6(J\x98\xee6\xc0\x19+X\xfe\xb4k\xf9v*{\x13\xa8f\xaeN'</t>
  </si>
  <si>
    <t>b'`\x14\x04\xee\x0e\x84\x91\xdb\xd9J\xef\x97b\xcf\xa2\xb0\x83\xd5J!\x83\x92*s\xac\xed\xb0\xa3Ss\x8e\x1e'</t>
  </si>
  <si>
    <t>b'\x818\x15\x83\x02\x0f\xe4p\xddX\xd5\xe6\x1a\x8d\xb6\xc5\x90\x8b\x81\rT\xa3\x1c\xae/_u\xc4yX\\V'</t>
  </si>
  <si>
    <t>b'\xb1:%\x8e\xf2\x86\xe7n\xa7i\x84#\xfb\x13\xe6?\x8c\xcfw!\x8d\xf3\x1d`:\xa1a\xab\xf8\x92\x9c\x8c'</t>
  </si>
  <si>
    <t>b'\xd0\xc0p_\x84\xa3\xfd\xf7k\x82"i:\xa6\xbf\xd7\xb9pu\x14d\xa6\n\xb8\xcaj0\x0b\xd4\xf8\xfd\xea'</t>
  </si>
  <si>
    <t>b"\xe1\x90\xbc\xf4('c\xe4\x0b\xb4\xa4\xa7Fm\xe7D\xa9\\\x8fO\xa0\x8d\xbc~R\x92\x16C\x047\x0b\xfe"</t>
  </si>
  <si>
    <t>b'\xa8l\x98\xbe&amp;\x19M~%5\xa7\xf7I\x8c\x9eg\xec\xe0\xa2\xb6\xc2\x1f\xc9\xab\x05\xe5H\xe6f\x8b\x93\x94'</t>
  </si>
  <si>
    <t>b'\xce\xde\xdf\xc3\x9a1\x14\x130\xd6v\x0e\xb4\xb3\xcb\x95\xc1\x02\xc2\xe6"\xf0\xf12*\xda\xd4\xb1\xbf\x1b\x0b('</t>
  </si>
  <si>
    <t>b'\x82.\xf4\xf9{-HY~\x9f\xfdlt2M\xf8\xecv\x960ME\xa5-J\x83\xcc\xe3\xed\xa0\xfe&amp;'</t>
  </si>
  <si>
    <t>b'4\xbf\xad\xa7\x99\xe4\xfe`\xa10\xf2v\x93\x99\xf2\x1a\xfb\x17Nu\xa0\x8b\xcd7\xa8\xf5(\xca`\xe7&amp;}'</t>
  </si>
  <si>
    <t>b'\x8a\t\x077&gt;5$Y\x8d\x9b\xd9\x05\xec,\x068\x90\xbc-A\xad\xfe\xb0\x04\xe0\x19\xbdI1\xb8\xf0\xef'</t>
  </si>
  <si>
    <t>b'\x02\x08\xa1%\x13`\xe9\xa3\xf1$\xda&amp;\x86\x85\xa2\x8a$`c\xe5\xf6\xf0r~\x0e\r`H\x98\xbd\xce\xc0'</t>
  </si>
  <si>
    <t>b'\x1d\x04h8\xb4\xd8\xea\xb4\x99\x98\x94\x1e\x08\x97\xaa\t\xb1\x89u\xe7\xd0\x9e\xa6_\x0c\x9f\xe6\x96N#8\xd9'</t>
  </si>
  <si>
    <t>b'k\x067\x8cH\xfa\x1f\x89L\x18\xaf\x1b\xe84\xadw\xc7Z;3i\x08\xd4d\xfc\x8c%\x0e\xd9\x99b\xb2'</t>
  </si>
  <si>
    <t>b'\xf8\x89Db\xb3\xd1d\x02\xa8\xdcC\xc3\x1c\xd4l\xabA\xe1r\x8d\xbc\x13k7\xb1\x18\xeeY\xf0\x11^\xc6'</t>
  </si>
  <si>
    <t>b'\xec]&gt;\xc1\xf3\x1f=\xc3R\xed\x13t\xbf4)]\x19`\xf8\x03\xa0\x9b\x18I7C\xc6\xb8\xe9\xcc\xc2Z'</t>
  </si>
  <si>
    <t>b"\x16\x96\xc4\xcf17\xba'\x92F\xa9\\m\xa7`H\x06b\xc2\xde\xcaz\x86\x13\xf7\x12\x9dk\xbf\x08\x0cb"</t>
  </si>
  <si>
    <t>b'\xfd\x93\xf6\xedU7&gt;\x00\x19%b\xe1\xfd\xfbde\x9e\xc0~\x1f\xabn\xea1\x0f\xb5\x19\xa3\xc6\xf8\xb2\x0f'</t>
  </si>
  <si>
    <t>b"*!G\xd3\xe9\xfe\xb8:q\xb3\xb4;:P\xdfo~0K\x12\xf7\x1b\xfeh \x9a\xa7\xdb'CVT"</t>
  </si>
  <si>
    <t>b'\x8ci\xe5\xa8\xf11"\xb0\x07\x1d\x1f\x80\x81t\xd3\xbe\x8eSL\x07\xb9Y\xce6\x99d\x8d\x8c\xa4\xa5\x16B'</t>
  </si>
  <si>
    <t>b'f\x93\xfewj\xbbJG\xc8\x12\x7f\x84\xff\x93\xca\x92\x80\x9c\x91r\xe7\x0c\xae\xf6\x184\x87\x9b;]\x8b\xa1'</t>
  </si>
  <si>
    <t>b'\xe4*\x93\xf3BV\x93\xa7\xd1\xb1\x87\xb0\xe0\xe9\x07\x04\xf7\xd0\xf7\x8bJn\x0fF\x81\x1d3\xd5\xe7\xef\xc6o'</t>
  </si>
  <si>
    <t>b'\x8c\xb7\x10\x14Z\xf0\x83m\x02\xbb\x81\xe7\xf2\xa8A\xc4 \xdf\x80\x8d\x04H\xfe\x95\xfd\xf4\xcf[\t\xb3\xa9W'</t>
  </si>
  <si>
    <t>b'`9\x94"\x811T\x94\xa6\xbc\x9aw\x84\xb2\x996\x89\x04/B\xe7#\xe5\xca(\xec\x1d\x95\x17\xb8Y.'</t>
  </si>
  <si>
    <t>b'\xafO,\xcc\xf1@y\x94H\xb9\x90s\xc1\tT^\xb2\xe7e\x85\x8d\xbf)\xe9\x1f\xe2;-\x1e\x93j\xfb'</t>
  </si>
  <si>
    <t>b'\xa3\x95h\x88\xca\xe9\xf2e\xb0\xdf\xde\xd2\xff0I\xfe\xfaF\xab\x96\x1dH;8o\x95$\xcf\xa4\xd9~\xf6'</t>
  </si>
  <si>
    <t>b'\x82\xbd\x84\xe79\xa4\n\x94G\x97\xc8XOR\xd9\xb3\x9aQ\xbe\t\x1e\xd0\xd4\xa5\x8d\xd2\xd7F\x99$-7'</t>
  </si>
  <si>
    <t>b'\xb2\xc8\r]\xb4\xac\x0c\xa1\x879=\xb7U\xcfunV\x90QK\xf3\x89%\x06FM1.:V\xd6\x0b'</t>
  </si>
  <si>
    <t>b'Y\x918!@\xfc\x93\x9a\xf9\xc4\xbd\x1fv8\xa6\xa6\xee\x83j\xd2I\xf7%\x1d\x00\x1fE \xfa 0#'</t>
  </si>
  <si>
    <t>b'\xbe\x82c\xfc\xc2\x90\xef\xbe;R\x07\x93\x1ad\xba\xdee\xf3\x05\x8a_i\xbf:#f8\xb7\x90\xe6v\x0c'</t>
  </si>
  <si>
    <t>b"'-\xfd\xect\x18\x90\x87\xc7k\xb6\xa9\x8fh\x00\xee\n\xa54\x00\x89A\xda\x12\xd9\xa3\xd2\xeb\t\xb0\x886"</t>
  </si>
  <si>
    <t>b'\x8a4\xe5\x0e\xf51\xc3\xd12m&lt;\xed\xb9\xdb/\xb7\xc1\x86Yb\xad\xf13\xcd"\xa0\x8d\x84N\xaeHe'</t>
  </si>
  <si>
    <t>b'p\x8c\xaeM\xe1\xc7\x08\x14F\xe2\xd94A\xaa\tF\xf6\x90\xd7\xb8\x97\x9b\x81\xa4\x7f.\xbeu\xaf\xfcS\xe7'</t>
  </si>
  <si>
    <t>b'!\xc2\xe5\xc7\x1e\x12\xc9\xbd\x0bj\xf4\x95)\xa6\x9c\xa2y\x94\xb0\xb3\x05WG\xf1p\xe1V\xcdZSW\xdb'</t>
  </si>
  <si>
    <t>b'\xa3\x1f\nV\x14$\x89\x87,\x15[\xcd\x01q\xae\x13\xf2\xbf\x90\xccv\xd1\x8e\x9816\x9d\xeeC\xf9\x81\x85'</t>
  </si>
  <si>
    <t>b"\x1fX1k\\'\x02\x0b\x06&amp;\x1f\xde\xfb\xaf\xb8H\x8b\xb2\xc3\x1fP\x83\x1bB\xb0\xf6t\xdf\x11\xf4\xde\x9e"</t>
  </si>
  <si>
    <t>b'\x11\xbaF\xbd\xd27\x91-eO\x8dL?\xb0B68*\x13\xef\xe1I\xeb3F0\xef\xe3\xd7wKR'</t>
  </si>
  <si>
    <t>b'\x1c\xef\x8a\xd5\x0e\x8d\x1eA\xc7(\x9c?5\x8e\xfa\x9f\x1a\xf9\x98\x8a\x82\x85(\x12\xfaw\t\xa74\xe7\x93\xe8'</t>
  </si>
  <si>
    <t>b'\t\xdc\xd6-\x18$]\x97o|\xbb\x0f\x86\x95d[I\xc4Y\xc7\x12\xa2\xf8\xdc\xe9PZ\xe2j_\xda\x1a'</t>
  </si>
  <si>
    <t>b'\x9e8\x9a\x9e\xe8\x15\xed\x8ey$*`3\x8fw\x89\xb0l\x8cWe\xe9\xe7\xb2X%\xb2\xd5\x84k\xa3\xf8'</t>
  </si>
  <si>
    <t>b'{/p/\x1a\xb7\x98\xd73\x1a\xa3\xae\xa2\x03E{v\nLJ%\xa0\xde\xfb\x12C\x97\xbe\xa5\x18-\xdd'</t>
  </si>
  <si>
    <t>b'e?\x9d\xf9\xb19;\xa0\xd4\x95\xc7#\x8b\x82\xba\xec\xf9\x17\x88\x91@\xcdq\xe2h\x81\xd4p=_\xcf\xc9'</t>
  </si>
  <si>
    <t>b'\x8e\xaa\xe4g\x14+&amp;"\xd7\xf17\xcbI\xa8\xfd\xdb\x00\x08\x0f=}\xa7_ca\x19L\xc7\xcf\xe5\x12\xee'</t>
  </si>
  <si>
    <t>b'\x86\xb3\xd0\xc1\xbe\x81L\xb3\x13\xb2+\x11\xca\xa4\xba\xcf\x84\xfbEi\xbbiqs\x16i\xb5|\x86\xee\x15{'</t>
  </si>
  <si>
    <t>b'k\xe1\x8etJ\xb7]/N\x11\\QX\xd6\xba\xa0\xdd\xaa\xcd#\xad\x0f\xa2\xbc\xeew\x9dlY\xa6\x87\x83'</t>
  </si>
  <si>
    <t>b'\xf4P\x90_\x02\x112\xe1(\x80\x1d[%\xc1\xdf\x83\x07\xfb\xbd\x9b}/(\x0c\xcc\xfb\x04\x13\xb8H\x81\x04'</t>
  </si>
  <si>
    <t>b'\xd4\xea\xce\xf2\x89\xf2_\xad\x7f\x9eS\x07\xf3\xe3`\x1c\x0b\x13\x94t*U\xed\x00\xfa\x03\x80\r!\x06O1'</t>
  </si>
  <si>
    <t>b'\x1b\xca\xe5t\xb0\xbb\xee\xedA\x90in$\x87\x942:\xef\xe39&lt;\x08\xd9\x93\xc4=\xfe\xe9\xa9HP\xb1'</t>
  </si>
  <si>
    <t>b'\xb2\xcf\xa4\xc7\xf6X\xc70\xd2\x9c J\xbf6=L\x8a\xa8\x9dK\xf8P\xa2\x15l\x83\xa2"\x97~}\x83'</t>
  </si>
  <si>
    <t>b'\xd10O\xff\xf6^B@\xe4%m8\xc7\x9da\x0e\xd5\x8dW\xc2m\xcd\xa5q[T+\xba\x1e\xe81\xae'</t>
  </si>
  <si>
    <t>b'"\xdf5pZz\xc7\xa3z\x98\xd2\xe4\xef\xfa_\xf4t\x13\x00\x1ag+;\xa5\x8a\xb1A\x14\xb7\xd8k\xc0'</t>
  </si>
  <si>
    <t>b'\x8f\x1aB\xcd\xaa/)\x0b\x13\xdb/\xcbqD\xfaQ0?\x1d"\xd3\x07R\xfbr-`\xed(\x9b6\x1a'</t>
  </si>
  <si>
    <t>b'2\r\xe1F\xee\xa71\xcfV\x1a\xd9_T\x1a\x16T\xc6H\x86\r\xc4\xf9S\xb1T\xedCgF\x97\x17m'</t>
  </si>
  <si>
    <t>b'\x05\x90]\xa6\x1dnK\x10n\xf2\x1c\xb9P.vM\xafA\x85\x17\xbb\xc6\xf9\xbd4}\xba\xacI\x10\\\xf3'</t>
  </si>
  <si>
    <t>b'\x8e\xf9&amp;\xb4HT\xda9C\x86\xb2\xf9f\xc3\xe7:\xdcDiT\x9c\x1b\x81{\xa3\xa0\xe5e\xca*$\x9d'</t>
  </si>
  <si>
    <t>b'\xc1\x19\xf1\xdb\r\x04g\x84\xfd\x85h\x8c]=xVw\x9e$X\x1e\x188D}\x84\x19\xf1\xc7\xda[\x19'</t>
  </si>
  <si>
    <t>b'C\x96X~:!]\xb5\xff\tu\x9a\xc7\x14\x92\x1e\x12\xde\x1d\x0f\xddu\xb1\xf4\xf7&lt;3I\xa2\xf5\xe0\x12'</t>
  </si>
  <si>
    <t>b"&gt;@*5\x7fU\xc1\xa5\x88\x14']'\xa2(\n\x84\xacj\xc2\xd8kB`a\xc8#WRv\xaa\xb1"</t>
  </si>
  <si>
    <t>b'\xf4\xde\xe5k\x16\xe5\x1es\n\xbd\xc3A{\xa2\x04#g\x19\xd2\xee\xa7\xc6\x86W+\xf2\xf4^\xa4ap1'</t>
  </si>
  <si>
    <t>b';f\xa5[\xf1S\xc0r\xa0\xf5\x112\xbc\x94m\xf4\xd0)\x8a\x00\xe2K\xd4\x94I\xdb\x82\xef\x07\xc3H#'</t>
  </si>
  <si>
    <t>b'\xcc\xe7\xad\xef\x94\xaf^\xfaa\xb2\x9d\xa8\x99\x05\xde\x8c\x8b\xe3\xbd \xc1{\x1b1\xe4r\x98\xf3\x87%h\x03'</t>
  </si>
  <si>
    <t>b'V[\x92\x8e.\xbcD&amp;y`\xac\xd9\xdeX\xbb\x8d\\5\x0c\x85;\xf8\x8f@z\x11WOS\xe5~\xc7'</t>
  </si>
  <si>
    <t>b'\x18\x00I#\x8d\xb4O6\xbe\x01]\xb1\xf4/\xd1\xa9Q\xb8\x80\xaf\x81\x08\xec\x17\xbc\xa96\xbcR{\x87\x91'</t>
  </si>
  <si>
    <t>b'-\x83\xbfF\xb6Vc\xe5\xceFb\x04+\x81"\x8e\xd9U\xb0(\xcc\x89LuS\xef^\x16\xb7d\xe6Y'</t>
  </si>
  <si>
    <t>b'\xd7@\xcdx\xa1M\x8d\x97^r\xdf\xd0\xfe\xf0K\x8e\x98\xc5\xa72O\xf3\x80\x17s-\x86\xfbr\x0c*\xa1'</t>
  </si>
  <si>
    <t>b'Ws\xed\x1c\x1f\x85\xff\xfe]i\xd2r."M^&lt;\x99\x10\x16(G\x12\xac\x9a\xc3\xac\xdc\xefD\x9al'</t>
  </si>
  <si>
    <t>b'\xaf\xcd\x04\xf4\x08JW\xb2\x8e\xcadj\x1c\xb1i\x84&lt;\xd9"\x8di=x\x81H\x10+\x03\xb4\xb1F\xe7'</t>
  </si>
  <si>
    <t>b'\x9c\x80\xbdX\xdb\x84\xbam\x054\xc1\xd7\xec\x96\xdaB\xc0v\x95\x1a\x97\xa8\xbe8o\x80Q\xe9\x95\x8fd\x8f'</t>
  </si>
  <si>
    <t>b'\xde\xfb\xb3\x80\xa4\xddQ\xd1\t\xb9\x9d\xf6\x81P\xa0J\xf45\x12M\xc4\xb2~l\xd9a5\xdf\xaa(_n'</t>
  </si>
  <si>
    <t>b'\x92\x00`\xbc\xf5\xd2\x8f\xde\x97]\xc1\x01\x88\x1cm,\xc7\xda\x13:\x0e\x82\xa4\x9a\xb1]#|:\x94\x0e3'</t>
  </si>
  <si>
    <t>b'\xd0\x8a\x86\xcc\xef\xebG\xd1\xcb\xc9\xee\xc3-{\xac\xf9\\F\x840\xc9\x93\x11e\xe7\xe8\xd0\x99\xef\xbe\xc4h'</t>
  </si>
  <si>
    <t>b'\xe2\xd7vHb\x19\x99KYX\x89\xe3\xdex\x87#\xb4\xd1\x13\xaa\xb0\x01\xbbfh\xde\x03A\xf5\x8d\x95?'</t>
  </si>
  <si>
    <t>b'3\x8c\xaa\xaf=\x9eX\xc9\x16\x8a\x93\xd7\x18si48\xaf\x12\xed\xc1:\xdc=\xb4FOX\xba&amp;~?'</t>
  </si>
  <si>
    <t>b'9\xcaD\t\xf5\x90\x9f\xdc\x94\xa6\x893\x13\xa4\x8f\xa6R\x8b\x97\xf5z\xc1~\x94\x1a\x95{h\x8b\xdbA1'</t>
  </si>
  <si>
    <t>b'\xfcy1\xd0o\xfceh\x19{\xf7A&amp;\xb6*\x8b\x1dv\xc7\x00\xea\xcf\xb8D~\x96\x11P\x8cHO\n'</t>
  </si>
  <si>
    <t>b'`\x8b\xa6\x1cW\x9d\x93q\x18a\x8a\xbf\x8d\x1b\xd8\x0b\xb5]\xd4\xdc\x86t\x17\x1c\x07\xf3\xef9\x0c\x18\xda\x9e'</t>
  </si>
  <si>
    <t>b"\xbb\xa8P\xc6\xc4v\xbf\x84\xf5(-8\xab\xe4\x97+3\x88\x9c\xa6\x90\xf2\x9b\xd3J''\xd8\xfd\xea\xcb\xb2"</t>
  </si>
  <si>
    <t>b'T+#\x06\xdf\rp\xb8\x10si\x99\x1eki\x10\xc7|\x87\x80\x00\xf0\xa1\xfd\x99@\xfa\xda\x8a\xd0\xd7\xb0'</t>
  </si>
  <si>
    <t>b"\xa2P\xc5\xe4QbR\xb8\xee}y\xa0\xf8zO\xe2.\xc4B`b\xb3\xa9\x8c\xd09\x7f*\x05\x96\xce'"</t>
  </si>
  <si>
    <t>b'\xcd\x13\xe5\xf4s\x9f\xc0k\xb7N\xd49\x80S\xbcbq\xc2y\xd5=D\xd4\xb1\n|\xb8b\xbe3\x1eL'</t>
  </si>
  <si>
    <t>b'\xbd\x96_\xf2\xba\x1eJ\xd2\x84\xbd\xc3\xc2\x9a/\x8d\\"L\xefyA\x08\x8aU\xb6UY\xd7\xc5\xe0\xb9\xde'</t>
  </si>
  <si>
    <t>b'A\xedZ\x94k\xc1\xa6\xe03&amp;"\xf3S\xed\xe0\xd4\xbd\xe7\xad-1\x04\xbae\xe8k\x9d.d!\x92\xb7'</t>
  </si>
  <si>
    <t>b'{+v\xcb\x8c\x85\xb3\xbe6\xce\xc8\x13\\R)\x1fN\x8f\x00\x9fw\x90\xe4\xe8\xfb\n\xaa\x87FH4\xcb'</t>
  </si>
  <si>
    <t>b'\x0e\x1fc\r\xa5\x8e\x11`\xef?\xe8\xa3`\x87p1\xaa\xa3\xd6%\xf6i\xd6\x9c\xe2\xf9?\x8a\xab\xe6G\x01'</t>
  </si>
  <si>
    <t>b'\x8d\x80\xc5\xde\xc6g\x95\x0bZ\xcdW$f\xbd\xca\xa2\xd5\x12\xcf\xe0\xdb\x95O3s\x1bknP\xa8\xee\n'</t>
  </si>
  <si>
    <t>b'\xb0U\xd2S\x8f \xf3\xa4\xef\xf1\xda\x0cI\xba\xfc\x04\xdfFd\xa6\xe3))\xe2\xbe\xfa\xd2\r\x04/\xde\x0b'</t>
  </si>
  <si>
    <t>b'F\xa2\x0eY\xc2\xec\xe5\x9c\xe3\x8e3\xf1\xfc\x97\xccJ!B\x85+\xbf[\xdc\x19\xbd\xd7U\x1b\x91\xfc+\xe5'</t>
  </si>
  <si>
    <t>b'\xf9\x82&gt;x\x14\xa0\xd4\xe5\xf1\x99\xdf\x95A\x94\x89Z\\\x8b\xd9:\xa9\xac\xbe\xd0&amp;\xc9gE\xce\xa1\xbf\x0f'</t>
  </si>
  <si>
    <t>b'\xdf\xffJW\x88\xa0\xc5\x7f\xe02\xd1\xbd\xf7\xaf\x87\xca\xca\xa1\x1b\xb1\xfc\x14P$\xe2\xec\xa6\xb6\xab\x0e\x1do'</t>
  </si>
  <si>
    <t>b'7\xc23Vu\x89\xe2t@DQ\xfd:-\xdbj\x01\x87\x8a\xea\xf3*l\x95\xbf\x05\x869\x19b\xf0\xc6'</t>
  </si>
  <si>
    <t>b"\xcd\xb3\xd6\x06\xcc\xa5|'\x1b\x82\xf0\x9654*h\xcfL[\xacE\xe7)\x9aGN_\xb0p\xba\xa9\x9d"</t>
  </si>
  <si>
    <t>b'\x03d\x07m\xbf\x9fNn\xfcNw\x15\xe1]\xdf$\t\xbb[s\x9d\x7f\xec]\xb3\xc1\x8a\xbd\xebd\x16F'</t>
  </si>
  <si>
    <t>b'\x9d*\x96\xf7\x82\xbc\xa1\xbb\x01\xc4;t\xf3\xf81"\x13\xf9\x9c~C\x99xI\x95&amp;\\\xd7\xcf\x84\xc3\x18'</t>
  </si>
  <si>
    <t>b'\xde\x99\n\xe3\xb0\xc6\x82;TH\x8a\x97;\xe6)A\x89\x8c\\\x08+\xec\x04/\xa5.\x1e\xde\x8e\xd9\xec\x15'</t>
  </si>
  <si>
    <t>b'\x1f\xbb\x1d\xe1\x12\x1aP\x89\xa0\x91\xaa\xf4\x86}I\xadu,\rb\xb79\x88\xe4\x92?\x8f\xfdE\xfa\xc3\xb1'</t>
  </si>
  <si>
    <t>b't{OpZzs\xb0\xd9n8\x8a\xae7^\xe7\xbe\x8e\x15y\x05C.\x06\xc6R\x81Q\x11+Q\xef'</t>
  </si>
  <si>
    <t>b'\xfc}M\x03\x86\xaa\x02nO\xf6\xc13&amp;V&amp;1\xc4\xbcw\xde\xe7\x1b\x08kz\x89\xd9\xb3-\x1fZ\x0c'</t>
  </si>
  <si>
    <t>b'\xaa\x9e4\xd4\xef\xd5\xf7\xadS\xe8\xe8\xa93\x9a\x95B#\x1f\x7fM\xedj]\x1d\xdcfAe\xd3\n[r'</t>
  </si>
  <si>
    <t>b'\xa9N\xe7\x9a\x14:\x1bl\xd1\x8a\xc8xTv\x1c\xd2*\x82]\xfb\xc3\x88\xe7IW\x0f&amp;B\x14\xd0W&amp;'</t>
  </si>
  <si>
    <t>b'\x96\xce\xadk\xc9A\x94\x85\xd5\xfd\r\xa6\xb64\x0b\x10\xfbRa\xddK\xd3"{?\x89j\x12Q\x03\xb0S'</t>
  </si>
  <si>
    <t>b'\xf1\x0c\x96\x05%~0I\xe4&amp;d\xa6\xbf@\x1e&lt;e\\\xc8\xe0\xffGn\xf9-\xc4\xaa\xb0Z\x80\x80\n'</t>
  </si>
  <si>
    <t>b'\x9d\xb0&gt;22`\xb6\xc2N\xee\xdd^:\x9fP\x0c\xbd\xfa\x0b\xb3Oc\xb2\xd7c\xba}\xee\xcc*\xe1\xfb'</t>
  </si>
  <si>
    <t>b'7[\xe1\xf2\xd1\x90\x11\xa0\x86J\x92h\x94Z\xb7(\xa6\xd8X]s\x89\xaf}\x89\xe4\x01I\xaaf\t\xc1'</t>
  </si>
  <si>
    <t>b'\xaa\xa2E6\xeaEU+\xa9Md\x96\x9fv!Em\xa4u\xe3\xed\xf3\xa1+K\xd3\xae\xa2\xbe\xcf\x01\xe9'</t>
  </si>
  <si>
    <t>b"x\x1bb\xc6\xc4\xaa\x93\xdc\x15*K\x8c7\n\xf2\xd7\x1b\xde\xea\xef\x81MJ\xd6\xd1\xd5\xa6'\xae\x1a?\xde"</t>
  </si>
  <si>
    <t>b'\x80H\xa9\xf5@\xed\x9a\xb2\tw4`\xec\xa3\xfaWw\xdb\xbe\x80\x15y\x87\xe6\x16b\xf1\xf6\xac\x0e\xf1\xb4'</t>
  </si>
  <si>
    <t>b'-\xe0\xe3L\xdb\x1d\x14=\x1b3&amp;;8\xae\x83\x9e\xb2Z\xe0\xdbfc\xf0\xfb7\xaa_*\xa8\xcd7\x8e'</t>
  </si>
  <si>
    <t>b"\x14I:'\xa0I\xc4\xbc\xf2X\x8a\x84\x95\xae\xf4\x90\xc0B+\x97\x1bt\xa1\x00%s\x91\x8b\xd5;v~"</t>
  </si>
  <si>
    <t>b'd\xaa\xf2\xc2\x8b\x9b\x80\xbc\x1c\x17\xd5\xa8\xd2\xff\\\xad\xdf\xbb\x08RQW\t\xe0\xcb#9\x0f\x94\xc1si'</t>
  </si>
  <si>
    <t>b'a8VE\xe6\xb3\xae13\xf0"G&lt;\\\x01\xf0\xd7\xde\x1fw\xf4n[\x91\xbe\xac\x8a4\xb9\xe5\x08\xae'</t>
  </si>
  <si>
    <t>b'"\xe7\xf8\xbf\xc7\xd4|\x00\xc3\xb7\xe7\x04\'\x02\xa2\x1dS\xcel\x00\xbe\x8b?\x10\x8e\xf4y\xce:\xfc0('</t>
  </si>
  <si>
    <t>b'T {q\xf7+\\\xdcDe;T\xd7\xd0\xc9/\x942E\x00dd\xc6\x04\x87U\xee\xb8\x99\xda0\xa3'</t>
  </si>
  <si>
    <t>b'\xe2\x11\x06\xcd\xe3\xb5wB\x91\xf9\x92\x14{lT\xf6\xda9s\x86L\xfd4\x18~\x8bI}\x9b\x03\xe8\x0c'</t>
  </si>
  <si>
    <t>b'\xb5\'%0\x1a&lt;\x86\xb1\'\t\xf4\x1c\xff\xe4\x9a9\xe6M\xa3\x8f\xf38"!\xdb\x1c\x18\xd2\xac\xe5hl'</t>
  </si>
  <si>
    <t>b'\x8c\x05\xb4Aq\\O\xb9\xc5S0\xc7\xd0\xb6 \xbcL\x07\x8f,|\xc7\x08\xd7O\xed\t\x1d\xf4\xaf\xdb\xc1'</t>
  </si>
  <si>
    <t>b'\xf3\x03e\xc5\x8a\xbd\x96\xe6\xef\xffHJ[\xad$#?\xee\xc2\xf4\x89\x9cs\xcf\xea\xf0"_B=\x97\x82'</t>
  </si>
  <si>
    <t>b'a^\x7f#*\x9f\xec\xdd}\xca\x94%h8~\xe6`\xf9\x00\xa91\xe82%c\xc3\x0f\r\x8c\xda\x1c\xbd'</t>
  </si>
  <si>
    <t>b'\xf0\xf7\xd7K\x16\x14R=x\x99\xbd\xbe\xc1\x12\xce\xea\xe5F\xf5[\xbbR\xfc\x15(g\xd3\xf4\xdb\x98@\xaf'</t>
  </si>
  <si>
    <t>b'\xaa\xd9@\x8a\xf8\x1e[\x0f\x85u\x0bU\xec`\xe6\xc1\x9d\xec\x9ev\xc5\xd8\x90#\xe70\x85&amp;\xd9\xbb\xa1\x12'</t>
  </si>
  <si>
    <t>b'\x05\x06\xbfU\xd9!!\xbf\x80\xfbY)\xa3\x89q\xd3\x18A\xf5\xc8\xe2?\x18\xbf\xb3\xdf\xf7-\x0b\xb0\x0b\x94'</t>
  </si>
  <si>
    <t>b'5\x1eV\x0b\x18\x90\xb7\xcb\x98\x08U\xf9\x03\x8fA\x88\xa7_\xf2\xc5`\xa0;\x90Co\xea\xf5\xd0j\xd1\x8c'</t>
  </si>
  <si>
    <t>b'\xeaX\x1f\xf4\xac\x96\x84&gt;l\x8eS#\x17I\xc6\x1a\xc1,a\x1c\xf1\x1e\xd4a\x1e\xd4\xc1\xcb\xfb \r\xd8'</t>
  </si>
  <si>
    <t>b'$\x908F\xb3\x19\x9e\x8d+\x91\x81EH\xc5\x95\x17\x10\xdei\xe5\x15\x81\x8d\xf2\xa5e\x925Z&gt;\x19\x02'</t>
  </si>
  <si>
    <t>b"H\x11d\xc4\x7f\xd8\x81h\x88J\xf7\xcf\x9bB\xd7O'`\x87\x0f\x1f\xe0\xdd\x8a:\x9aT\x7f\xb1\xd1\xc8\x11"</t>
  </si>
  <si>
    <t>b'\x94\x0e\xc1OR$\x86\xf5Z+\x05\xde\x05\xf5B\xac\xc6\xf2&amp;|\xdb8E\x9ae\xb1\xa7#\x80$u\x02'</t>
  </si>
  <si>
    <t>b'Jh\xf73\xad\xa1\x89\r\xa3\xf4k\xc0L\xf8\xf9\xd7\x08\x1b&amp;\xd5\x15\xe3\xa9\xd4G\xeb\x82\xc1qc[!'</t>
  </si>
  <si>
    <t>b"\x94}lf\x17\x0f\x8f\x05\xf2\x94\xaa\xd2\x8e5w|\xf6%\xa2o6+\xc3\x08\x03\x97\xf9\x00\r'q\xec"</t>
  </si>
  <si>
    <t>b'\x0b\xd2\x96\xfe _4p~\xd2\x02\x7f\xf4\x0f\xf7}q\xf6\xcd&amp;\x01)\xb4\x8apz\xbckqe\x8b4'</t>
  </si>
  <si>
    <t>b'\x06R\xb0.\xa4oE\xf7Y\x01\xa7\xf8\x9f@\x8fR\x8d\xde\x8a\xef\xacA\xd4\xcf+\x15\xcc\xaf \xa6\x02x'</t>
  </si>
  <si>
    <t>b"\x0e2\x00\xd5\xc9\xb5\xa3\xce\xcf_=+\xf1&gt;\x00\x98r\x97\xc4'\xa1J\xc6\x8d\xb0q\x8fD\xc3\xfb\x15\xc0"</t>
  </si>
  <si>
    <t>b'\x13\xfe\xb0\xb77\xe2\xa0\x10\x1f\\\x941c)\xcew\xff\x88\xc2&amp;\x0fv\xaf,i\x94\x88\xb3\xb3\xa6\xe3G'</t>
  </si>
  <si>
    <t>b'9\x0e8c\x05\x7fNkM[\xf7}W\x15R\xfd\x81.\x87Bj\xdb\xd6D\x0b[ \xe22o\xa4]'</t>
  </si>
  <si>
    <t>b'\xcf\x1c\xd0 \x8b\xcc4\xd5\x8e\x0cb\xdf\xee\x83\xd7\x92\x1f\xb6\x9c\x06\xa7\xe0\x87w\x10\xa6\x11 \x93P\x9e\x08'</t>
  </si>
  <si>
    <t>b"\x98\x95\x86\x93|%\xf2\xed8\x00\x8f\xc8\xc60\x12\x04\x9d\xb9\xd6\x8d\xd4\xc0\xa3\xe6'\xd1\xb8+\x9b\x01+)"</t>
  </si>
  <si>
    <t>b'F\xaf\n\xf5`\xdao\x16\xefj\xd4\x90|\xe9,\xcb\xa7\xe6\x01\xbf/\x82H\x9e\xbei\xb5Bhj\x7f\xd8'</t>
  </si>
  <si>
    <t>b'\xfa\xa1;9l\xd0\x8c\xc5\x07\x06-\x0e\xaf\xb5\xd8\x8a\xc6\x03\xf5WU\xf23\x88\xc2\x1b\x01\x1bc\xbc\x7f\xbc'</t>
  </si>
  <si>
    <t>b'\xc2\xdf\x90`\xa2\x9ax\xb9\xcbu\xe9\xf4\xf3=\xa1\xa9\x97\xd8H^ ,\xf6\xca\xdd-&amp;\xcc\xc7\xc869'</t>
  </si>
  <si>
    <t>b'\xea\xe60Z\x87\x8d\xfb\xa1\x13+\xbd\xe1\xd0}\xb5B\xb9\xc8\x1bx[Tca\xc6E\xbb\xe3\xd4b\xfe\xfa'</t>
  </si>
  <si>
    <t>b'}\xa8_J\x18\xd1\xdb\x11\xd0\x1a\xbb\xf2\xfd\xe9\x8b\xb1\xda\xd7Q\xfd\xcb.\xcf\xd2\x98\xaeX\x05\xa7\xdf\x1et'</t>
  </si>
  <si>
    <t>b'\xbc\x10\x138\xd5j\x86\xf5n\xfc}\xac\xefVwe3\xfckOe~?\xb1\x84\x85+}i\rv\x0e'</t>
  </si>
  <si>
    <t>b'\xe0j\xf26\xaa\xae\x15\xbb!\xad\x9e#\x0bq\x88\x91.\xc5\xb1\x8bz\x9f\x15\xc3\xb9\x9f\x90\x95\x1a\x873\xbf'</t>
  </si>
  <si>
    <t>b'\n\xd0&amp;\x9d\x7fBc\xd8;*\xfd\x1c\xe8\xa9\xc3{\xaaFO^\xa9d\x93\x06\xef\xaf\x15\xd0\xfb\xae\xa6\xd5'</t>
  </si>
  <si>
    <t>b'\xcc\x7fp\xd9\x84\xf2\xa6p\xdaI\xda\xbb\xbfr\x8b\xb5{ X\x13\xf87\xe18\x9ais\x89\xe0\xb1\xb5\x06'</t>
  </si>
  <si>
    <t>b'\xad\xa3n4\xe1)|\xac\x0b\x8b\xad\x03$6\xba8\xe0\xe2\x1f\x87\xa5\xef\x7fm\xa0\xbd\xdd\xdb\xf9\xc6m\xd6'</t>
  </si>
  <si>
    <t>b'8\xfa\nt5\xf3\xef\xfb\xb4bL\xe3\xee\xfe\ni\xd3*\x8e\x98\xfd\xbe1F\xaez\xf2\x1c]\xb3\xf1]'</t>
  </si>
  <si>
    <t>b"\xccRA\x1a/\xedF\x8e\xd7&gt;-\xf2\xa7\x1dS\xc1U\xa4\x82\xb7\xa3\xb8\xbd\x13-\x12\x196\x18\xcb\xe4'"</t>
  </si>
  <si>
    <t>b'xE\x00\xf9\xa0\xd22\x18\x88\x19 \x96%\xaf\x8c\x15\x8c\x0cGL\xea\xfc\x8a\x08&lt;\xca_&amp;\xae{\x11\xcf'</t>
  </si>
  <si>
    <t>b'\xa4\xb5|\x7f\x12\xf3&amp;\xe7\nP\ru\xe3\x1c%\xe6\xbcVkb\xfc_\xbfNh\xd6~jK\xc7&gt;z'</t>
  </si>
  <si>
    <t>b'\xb7\x18?&lt;\xb75\xe1T\x91u#\xe3\x8a\x15#.\x06%\xbb*\xc8\x96\xa8\x17\x9e\x069\x80\xc5\xfa\xfd\xcc'</t>
  </si>
  <si>
    <t>b'\x1d\x03\xb0\xa5bS{v\x16\xf1Jo\x920\x0fJ8\x9bmH54c\x8bW"\xb7\xd26/\xa5\xda'</t>
  </si>
  <si>
    <t>b"G\x0f\xa0\xffd(\xd1a\x16\x88\x8b\xaf\xd5\xfcy0'\xe0\xa56\x07e'\x0b\x0b\xc0n\x90\xa1Y\x92]"</t>
  </si>
  <si>
    <t>b'1\xdc\x1b5\xf6Ga=\x1b\xeb\xfd\xc7h\xe7t\xd25\x81\xf9l\xc34\x86Oz1\x86&amp;\n\x10\xd5M'</t>
  </si>
  <si>
    <t>b'\x1f\xc6\xd16\xab\xe4\x19t\x16\xea\x93,\x9eC\x19\xc5\x18J&lt;\x18E\xc2\xcc\x13:\x99\xa8\xc3:\xe04\xa3'</t>
  </si>
  <si>
    <t>b"8zF\xcd\xe1\xe4;]p,[\x7f'?\xf7[U\xc9\n\xcd \xc2\x1e\x83@J\xe8\xb4\xba\x91\xd4\xd3"</t>
  </si>
  <si>
    <t>b'~\xc9\x16\x9d\xf8\xea\xeb\xdee\xb3K\x91\xd8\xe6i\x18\x81T\xeey\x1e&lt;\xdd\xf2\xa3\xea\x1b\xea4\xf0\xa4\x93'</t>
  </si>
  <si>
    <t>b'GI\xfb\xe9sV\x06\x89\xc8HD~\x9b\xf6\xbe\xe8\xb4\x1c\xd9}\xa8\x04\x8d{\x98\xcc\x19`\xf3\x98\xd5u'</t>
  </si>
  <si>
    <t>b'\x0cBy@\x03\xc4&amp;\x13\xf7\xdbX\x1d9\xf5\x99\x15\x81\xbf4\xc3\x06t\xbd\xdf\xf7\xbc\x11\xee\x1ck\x90v'</t>
  </si>
  <si>
    <t>b'\xe1\xd1\xba5\xfd\xc5\xde\x11&gt;\xf1u\xf0\xb1E.Z\x8cu\x10&gt;DR^\xc6\xd7\x03"a\xd5\xd3\x90+'</t>
  </si>
  <si>
    <t>b'\x19\xd2#\xac/UH:\xb4\xf3\xdc\x02\xc7L\xf2\x9c\x8e\xbb\x02Bm\xd2\x85h\x9a\x81\x04i33F\x85'</t>
  </si>
  <si>
    <t>b'\x9cY\x13\xbe\x160\x90\x87?\xef\xc4\xa6\xd8@\x03\x96\x93#\xd0\xe1/i\xd9\xf2\xd8\xc9\xb3t\xc0\xb3]\x94'</t>
  </si>
  <si>
    <t>b'\xe9\x13V\xcd\x8f\xb4-\xfa\xa1\xc3p_uB!\xed\xf8\xad\x86\xd7w\x9f\x17\xbf\xab\x0c!\x15\xb2\xbe\xb5P'</t>
  </si>
  <si>
    <t>b'v&amp; \xa6\xf6\x9b\x18e\xcb\xafX\x99\xbe\x8ac\n\x99\xf2i\x1fF\xf8\xc1\x9e\xc9\xa9\xc7\x8d\x8a3\xd6\x17'</t>
  </si>
  <si>
    <t>b'\xe9z&lt;\x7f\x08\xd0%\x8b[\xc3\n\x884c?\x90UTo7\x90M(\x89\x99\x8b\xdfh\xb2\x88\x91\xce'</t>
  </si>
  <si>
    <t>b"\xd9N\xad\xf3\xde\x81~0\xc9\xc3&lt;'\x81\xa55\x0f\xed\x1f@\xf4Z`\xd5l\xc4\xec\x8d\xf6]\xf9F\x90"</t>
  </si>
  <si>
    <t>b'\x82\x9061\xd2Yj\x97\x88L\x9d\xe9\x9e?\xbf\x8f\xb9\xfd\xb9\xbc\x82\xc1J\x8c\x82!C\xbd\xd2\xf9:\x9d'</t>
  </si>
  <si>
    <t>b'"\xf6:\xa0"\xc0CF:\xf1\xccX\xac=E\xc6\xbd\xfc\xc4\xa5^H\xd0\xe5\x17\x1f\xfa"\x05\x86\xa3o'</t>
  </si>
  <si>
    <t>b'F\xa3!\xe5\xe1\x7f\xee\xbe\x07\xa2s1\xb5\xf1\x82&lt;A\x1dc\x07\x13\xec\xe5\xb2X\x02\xf4\xba\xd6:\xa1\x8c'</t>
  </si>
  <si>
    <t>b'RY\xcc\xbd:\xf2\x02\xae\x04\xdc\xb8\x03f\x81\xca\x91\xbe\xf9\x07\x976\xcd`z\xe6\xe6\xa9\x84\xcb\xce\xcc&lt;'</t>
  </si>
  <si>
    <t>b'-\xae\x1a\xe2x\xa2l\x8f\x99\xcf\xa2\xae\xee\x10.\xad+N\xfb\xe3\xddO\x99\xd9\x83|I\xefG\xe7\x9f\xa4'</t>
  </si>
  <si>
    <t>b"\xefN*9i\x17\x11\x90}\x87\x92'\xc2\x9e\x9a]\xcf\x8b\x05k\xf47E.\x9e\xb6SAU\x08\xab\x19"</t>
  </si>
  <si>
    <t>b'\xf9\x8c8R\x85\xee\xc4u\x8fh\xfa\xf4\x97^\x9e\xfb)%\x95\x91\x10\xae\x80V\xad\xbfXl\xc1\xb3g\xfe'</t>
  </si>
  <si>
    <t>b'\x9e\x1d\x04\x9fx\xc1\xdb\x9b\x99E\xe6#\xbb\x0c\x14\x91\xe2\xa8\xf4\xb1D3\xa1\xfc\x0c\n\x9d\xeb\xb9b\x96q'</t>
  </si>
  <si>
    <t>b'\xc0d\xd0[\xfc\xbf\xf1\xf1\xdfT\xb1h\x17wHp|{\xd6\xab\xaemG\xbf\xc9\x95\xaaa\x90x\xcf;'</t>
  </si>
  <si>
    <t>b'\xcc8g3\x987\x8amla\xb8\xc5\tm\x14 \x0c\xbcC\xa7A\xa16\xc4\x12N\x82U@\xeca\x82'</t>
  </si>
  <si>
    <t>b'\xb0\xf6\xd4\x0f\xcdoRaX\xff\xe6u\x18\x9d\xca\x04\x18&gt;q\xef\x04\x96\xe7\x19\xe5\xf8m\xaf\x85\xd8\xb0\x7f'</t>
  </si>
  <si>
    <t>b'2OO\xf3\xc5\xe2\xa3e\xbc+\xd6\xee$\xd0O\xeej=#H\xa1\x19i\xb4\xa3NS&lt;_\xfc=J'</t>
  </si>
  <si>
    <t>b'\xac\xd60U\xbf\xb5\x808\x12\x15\xdd\x98\xa3s\xa2\x96K\x19\xa17\xe9\x16\xef\x9bc\x16-Qy\x80\xc4x'</t>
  </si>
  <si>
    <t>b"3G\xa8'\xdd\xf2\x0c\x83\xbc\xbc\xa2P\xbc\xc2#f\x87\x1f~\r47G\x83\x96\xfe\xa4lz\xacl\xeb"</t>
  </si>
  <si>
    <t>b'\xbf\xe9hrY\n\xba\xff\x15\x94\xc08\xf6\x88TF\xb6E\xb7Zx\xe8\x98\x16\x81\xdf\x17\xbfdn\xc6$'</t>
  </si>
  <si>
    <t>b'\t\x89UE\xd1\x01&lt;(\xeb\xc6i\xf5\x17\xa9r]w,l\x10M\xc2\xd4 ?\xd7\x99\xaaz-0\xf4'</t>
  </si>
  <si>
    <t>b"6p\xd0giI\x9e\xfd\xd3o\xc5R\xf3mB\x06w'\x8a\xa4o\xd6\x8b\xb6@\x83\x1d)\xd0\xae\x9bC"</t>
  </si>
  <si>
    <t>b'j\xe9\x93u\x80Qk\xfa\xe7\xd5\xf2\xd1l\xa3\x86\xe1\xc4\x81\xf2\x83\x82\x93o\x0f\xb4\x13\xdf6\\\x89\nE'</t>
  </si>
  <si>
    <t>b'\xa0\xbe\xe2\xef\xc3n\x92\xcf\xa7r\xb5\xb3\xa0A\xf1\xc8\x00/\x18dv\x8f\xcf\xa1, \x8a\xe9\x0f\x8e)U'</t>
  </si>
  <si>
    <t>b'\xfcpye\xd5\xe1udHu\xeb\xa3^0H\xe6\xb9Iy\xdd\x0bu\xe21fL,`\xee\x03T\xc9'</t>
  </si>
  <si>
    <t>b'\xb8#D=,\xf0_\xd0\xe7\xb5\x1bn\xf4\xab\xf9\xa5\xe5b\xdbW\x16\x00s\xe3\x8e\xe8F\xcfW\x06M0'</t>
  </si>
  <si>
    <t>b'\xf9\xae\xb3k6\x85\xac\xd1\xa9\x93~p\xce\xa5\xce{Z\xafjJ\xd7\xd6S\xb8\rC\xb6o\xdf\x82\xb18'</t>
  </si>
  <si>
    <t>b"'u{\xbb\xa8\x11.\xc6\xbaz\xe1 \xdb\x8f\xb6\xc5\xc2\xfc\xb3~\xd9\x0e4d6yQQ\x0f\xc4p\xe0"</t>
  </si>
  <si>
    <t>b"M&amp;\x01\xfd\x8f\xcf\xc2&amp;#c\xae\xd53_\x11;}\xf0Eo9v!\x97\x8f}\x8f\x0c'\xf4X\xa1"</t>
  </si>
  <si>
    <t>b'\xfe!\xe2\x1a\x1a\xca\xd2\xffx\xc8\xba\xcc\xd5\xc0/\xd0;\xcc\x88\x17\xd3\x8a\xaf\x84\xc7\xde\xcd\x12\xcf\xd7\x0e\x93'</t>
  </si>
  <si>
    <t>b'\xb6hR\xa8\xf5!\xc4\xc5\xdd\xf0\xb6\xd9\xf2\xf7b\xfa\x1cW\xae\xf6\xae:k\x0c\xd3\x88\xb9\xf6s\xb9\xd69'</t>
  </si>
  <si>
    <t>b't\xbc\xa1k\xa2\x8f\xb4a\x92\xa4\x02\xee\xc5,\xb2\x1b\xdf\xb5\xd0\x13\x88\xb7\x83RT\x85\xb7\xe2\xdd\xec\xb9\x82'</t>
  </si>
  <si>
    <t>b'c\xce\xb8\xd8.\xe7\x94\xdd\x1exi\x9b\x1d9\x05KS\xf6&lt;\xf5\xff\x1b6\x9fm,\x03\xef\xc7-\xed\xe3'</t>
  </si>
  <si>
    <t>b'\xcfl\x9f\x11\x9e\x82\xfc\xc0\xc3?\x84\x82\x7f\x1e\x9e\x89\xba\xd0\xe6r\xb90\x7f\xb2Zvb\x8dscS\x8c'</t>
  </si>
  <si>
    <t>b'j\x9b(\xcb\xb4\xb4\xf7\xa7\x86h\x0e\xfd\x0f\xa1gA\xe0\x1c\x08\xfb\x858]HQ\x08\xb2\x96\x87Px\xd5'</t>
  </si>
  <si>
    <t>b'\xf1\x15\xab\xc0Sr\xe7D\x87\xcd \xaf\xd0\xec,\x92{\xe8\x8f\xc8/7\xcd\r\x9f\xd3`\x926\xcf\xf7\xb7'</t>
  </si>
  <si>
    <t>b'0\x8d\xf4/2\x1f|+\xe3\xd4\x0b\xa9\xd6\xe6\x86X\n#\xa1\xf3\xc3\xdfCr\x1d\xf1E3\xc7\x11\xd5D'</t>
  </si>
  <si>
    <t>b'\x1e1\x82\xbex_Wx"f\xffb\x85\xb6\x82.\xaf\x9f\xea"m\xa2\xd5\xca\xdd}\x07\xa2\x9es\xf3\xc7'</t>
  </si>
  <si>
    <t>b'\xdah!\x95kn~\x14\xd9y \x87\x93\xa4/\x1cg\xb3\xd3VM\x81\xc67G\xa3\xaaZ\xc2\xd5ge'</t>
  </si>
  <si>
    <t>b'$[\xf9\x8d\x1a/\xc2v&gt;\x8a\xd3\x14\x1d\xe8\xed\x82\x10\xbc\xf3\xf8\x97\xc0\x81q\x11\xd1\x10\x99U2\xf9)'</t>
  </si>
  <si>
    <t>b'\x95\xfcwv\x94\x80*\xfe\x87\xc0u\xf8\xb0h\xd3\x81\x92UX\x0c\x073L6\x14\xd5\x81\\\xbe\xc0oi'</t>
  </si>
  <si>
    <t>b'D_\xbc\n\x86\x01\x06D\x9brvt]\xd2\xc4Eo\x04%\x1f\xe67\xf4\x7f7l\xdf\ntJ\xb8\xb9'</t>
  </si>
  <si>
    <t>b'\xda#\x93\x90\xaa/Q\xf5p\x04\xef\x1d\xef\x82o8j\xe8\xeb"\x9b\\\xa3+\xaeh\xb7}F\x96\ng'</t>
  </si>
  <si>
    <t>b'\xd8\x08\xe4\x9e\xe4BI\x11\x9a?x6=\x81\xbd&gt;\xf8e\xb7K\xea\xb1Z0n\x89BOFw\x99C'</t>
  </si>
  <si>
    <t>b'H\x81\xbcu\xc6\xce\x90\xf7\x18%\xb6e|"\xaa\x940\x17;\xbb\x01&amp;\xeb\x0e^$\xd1&amp;!1Aq'</t>
  </si>
  <si>
    <t>b'\x8d\xed\x88\x1392\x1c\xaeCZ\x00\xd2\xd5\x00\xcfg\xe6\x18\n\xb2\x9bzh\xf1xj^G\xa7\x81aM'</t>
  </si>
  <si>
    <t>b';&lt;\xb4J\x90$\xce\x94)\x02.\xbb\xcd``C\xed&amp;\x89\xda\xf2\xc1\n\x04p1un\xf7\x7f\xa48'</t>
  </si>
  <si>
    <t>b'F\xa3\xdaj\xc5\xdc\xcfiA\xe9"\xd4\x13\xea\xc0\x94\x07\x01^\x06\xd1Iq\xdcu\x8b|e\x8c\xd9\x0c\xb9'</t>
  </si>
  <si>
    <t>b'\xce)\xb0\xdawf\xbe\xf0\x05\xa9(\xf7\x9d\xfd\x85\xb4R\xedV:\xd9I\xcfVI\x94Q\x92\xe4\x8e\xb1O'</t>
  </si>
  <si>
    <t>b'\xe8\xb9\xf8em\x15eg\xdd\xa9\tO\xe5\xa0\xa7\xf2\xb6$\xc6\xb4q\xc4\xd3\xb7c\xc0\xe7R\x84\x1eg\n'</t>
  </si>
  <si>
    <t>b'\x194\xb0\xedFa}(\x91\xf1\xbd\r|j\x19\xfa\x9a&gt;x\xef\xf0 \x0f\x93\xbb~Z\x10\xb2\x1c\xb6\x01'</t>
  </si>
  <si>
    <t>b'\xe1\x98{\x0bG,c\x1b\xe2\tchg\xefok\xb1\x0fh4\xc3\x85\x9b\xe8\xf5\xae@`\xe8\x1b\xc5_'</t>
  </si>
  <si>
    <t>b'\x0b\xda\xbfoh\xf9\xb9\x10\x0cz\xac\x08\xaaVR\xcalA^\x8e\xe6\x1c9KP\x8a\xa2#\xfd\xa23\xd2'</t>
  </si>
  <si>
    <t>b"\xdaw\x07\xba'\x9dJ\x1f\x03J\x89G2z\x82\xd6\xe7~\xa8\x91\xc3 tvm\x99\xbc]\xe1\xa0L\xf3"</t>
  </si>
  <si>
    <t>b"\n\x961X\x0e&gt;\x831$d\x80\xce9\x99*N'\xc9\xb6\x04\x901\x83\x13k\xc6\x98\xcd\x93d\xc7`"</t>
  </si>
  <si>
    <t>b'\x16qU)qS\xf2\x7f52p\x7f}\xfd9\x8fy\x80\xfd\x03#_\x03\x9cS"/\xf1S13\xee'</t>
  </si>
  <si>
    <t>b"\xa8\xd2\x052g\x03d\x95\xd1\x1a\x8d\x91v[7\xcf\x95#\x94\xbf\x84h\xe4'\xaa\x0e\x17Q\x95\xb3\xa0\xbe"</t>
  </si>
  <si>
    <t>b'/\xff\x08i\xde\xc2C\xd9A\x10\x82xYS\xce\x17\x14\xe9px*\xa3/\x11:\xbb\xa7\x84zg5\xb4'</t>
  </si>
  <si>
    <t>b'\x0b\xd9:\xb6V\xc2\xdc\x80\x1d\xb2\xd6\x8d\xb4\xeak\x8cjk\xfd+\x15\x91\xd63\x85\xcc4`\xf6\xeb\x90\xd0'</t>
  </si>
  <si>
    <t>b'\xfd\xe8Ui\nG\xc6\xb5\t\x9bH\r\xd2\xb6\x7f\x93\x92#\xe2\x8b!\x9cdym\xd7\x94\xb1M\x9dvG'</t>
  </si>
  <si>
    <t>b'\x93W\x90\xc3I\xf9\xdcV\xa6pz?\xf2\xfdY{\x9d\x162\x84@\x83\xb8\xd8\xf5Yw\xb7 2\x03?'</t>
  </si>
  <si>
    <t>b'Je^j\x86:Q\xa7\x0e\xb8\x81\xbb\xf8{\x0b\xeb\\s\xf0h(0\xcb\x15\xf7\x9a\xccm\xb6)_\xff'</t>
  </si>
  <si>
    <t>b'\x13\xd8@\x8cpYU\xb4\xca\xbf\xfaQ\x8f\xad \xd3\xea\xd5\x92\xff\xa4\x8c\xb4\x9a\xe6\xc2\xb2j\xe1\xa3H\x10'</t>
  </si>
  <si>
    <t>b'\xcd.\xe0\x13\xf1\xfe\xf3J1}N\xd1\xa6\x1e\xf5\x87\xf3\xc9&lt;\x1eI\xdeZf\xe3\xbc\xd0\xe8\x99\xe9-\x0e'</t>
  </si>
  <si>
    <t>b'\xd3^)\x9b\xf7\x89\xf4\xc2]\xec\xcb\xbb\x17\x92z\x17\x0eUo\x90jMU\xf3\xc2\xcdk\xfd\xd7\xd5\x87o'</t>
  </si>
  <si>
    <t>b'\xce\x16\x0bd\xa2\x0e ~8\x1c\xbe\xa0J\x14q&lt;%m\xc1\x0c\xfd\xe6&lt;\xbaV\xe7\xb4\nr/\x88\xc9'</t>
  </si>
  <si>
    <t>b'*\xe9\xf7\x88\xa8\xd1r&gt;\xfc"wX2\xa5\x80\xf9\xb6\\\xb9\xafV]l\\\x06\x10\xa6\xd7\n\xech\xd7'</t>
  </si>
  <si>
    <t>b'\x17AlN\xf6\x9b\xd1OI\xa4\xb1+\xad\xe8%nn\xaa\x81\xd2\x1f\xa2\xf8\x1a\xd3\xdd\xaa\x90\xf2y\xa6?'</t>
  </si>
  <si>
    <t>b'v\xf1\x8ee\x12\x97[\x13\x07\xcd\xb3\x1f\xc9\x17yb\xad\xfb\xf3\xc1\xda\xed\xbf\xa6\xad\xe0\x1d+\xcd\xc7\x12('</t>
  </si>
  <si>
    <t>b"\xeb\x96\xd7\x1e\x89p\x10';\xe3\xbf\xb5Zl\\\x82F\xcf\xf9\x87\x01\xb4\xcc\x12\x87\xef\xb8\x1bV8\xe5\xa7"</t>
  </si>
  <si>
    <t>b's\xfa\x1e\xc1\x19@\x9aIT\xaa=\x8b_\xc6\xae\x92\x1by\xd9\x7f\xab\x06\xa3Nw&gt;\x06\x80\xc2\x11w\x98'</t>
  </si>
  <si>
    <t>b"\xa5\xef\xb0V1\n\xfa:\xe6N@\xa9\xa7\xee^\xa5\x04\xc8g\x0b-.[\x88'\x08\xcc\xaf]&lt;\xfen"</t>
  </si>
  <si>
    <t>b'z\xc7"b\x03\xc5,\xd4\x9d\x0e\x8c\xb0+\xb0+\xe9\x98\xa1\xf0\x82\x1acC\x95\xd9L\x15\xd3G\xd9\xcf\xf8'</t>
  </si>
  <si>
    <t>b"\x1c\xac\xcd\x80\xae\xbb|`\t\xfcj{2\x9d\xff\xe0\x82b\x04\x08'?&amp;\xa5\xf7\x848oL\xfe\x84#"</t>
  </si>
  <si>
    <t>b'kbC\xfb\x0bw\xd5c\xc0\x9b\xe5\x8eni5!\xb4\xda\x02S\x7f\xde\x1b\xf6_\xf3 \x82\x1b\x04Y]'</t>
  </si>
  <si>
    <t>b'\xab0Ai\xc3S\xe6\x807\xa4vZ\xb5\x85\xa8\x11\xf6\xc6\n\x1a\xf1\x1d\x15\x97\xcd\x92\x02\xf9\xbb\x11\xe7\t'</t>
  </si>
  <si>
    <t>b'\xf2\xfd&gt;\xdd~p.\xcd\x8b\x1f\n\xc4\xef\xf6\x06b\x07\xaa\xef\xcd\xc2\xdf\x9e\xf1\x05/\x91S\t&lt;~t'</t>
  </si>
  <si>
    <t>b"'\xceT7K\xb5\xa3\x96\x18|\xb9\x858\xac\nB\xe2\xca\x92@\xf0\x00\x99\xce\x16\xd7\xaa6\\$\x93\xb1"</t>
  </si>
  <si>
    <t>b'\xca\x88\xbe\x87\xaew\xdc\x81\xba\xb5\r\xfd\xb9\xa5d\x91\xb4\xf8r\xa3!\xb9\xdc\xc1\x03\xf5+\xddP\xc2\xda\xa6'</t>
  </si>
  <si>
    <t>b'2\xf5H_r$Y\xc3\xa0\xcb\x149\x9a\x88\xe7\x07!\xee\x8bi\xce\x93m\xd0\x0coK\xc2\xd2\xc5r]'</t>
  </si>
  <si>
    <t>b'\x81\xe0%\xce,\xd0\xd9Tm\xf4^4\x18\xd6\xf8\xebe\x18\xea\xab0\xfc\x93\xdfU\x86\xc6\xb2\x10\xf8k\xed'</t>
  </si>
  <si>
    <t>b"\xf9\xf4\xa5V\xbf-'\xff\x9fR\x81T\x81H\xdc&gt;Q\x92&amp;\x003\xfe\xba\xaa\x93\x1fd\xdc\x9fh\xc2t"</t>
  </si>
  <si>
    <t>b'f\xf4,S.E\x93\xab\x85\xa1\x8a\xd9i\xc2}\xc9\xf2\x96\xf1\xde\xe0\x95;\x1e\xb10OP\xf6Q~}'</t>
  </si>
  <si>
    <t>b'\xdeW\xafS\xea]\x93\xb4\xa3\x15y\xf8\xbb\n\xb0\x04\x03\xeb%\xb6\xc7\xec\x93"P\xa1j\xfd\x95v\xff\x8c'</t>
  </si>
  <si>
    <t>b'C\xc5\xad\xe6\x92\x8f^\xf4\xe6\x18\xa1;\x01\xee\xfc\x97t\xc4\x96\xc5\xac\xab`\nI\xcf\x85\xe2\x19J\xf0@'</t>
  </si>
  <si>
    <t>b'\xb8\x04\xf8:\x06n\x01\x1cj\xaa\xb4&lt;\xa4\xb0\xf5\x03\xe5\x83\x9b\xd7\x03at]\x12T\xc1\xcd\xd6\x0b\x9e\xe4'</t>
  </si>
  <si>
    <t>b'K\xe3\x9bT\x01\xa1c\x00"\xa1\x19\xac\xe3\x08\xcf\xe9u\t\xff\x8dMDR_\x15\x1f\xe7\x13e\x8f\x9fT'</t>
  </si>
  <si>
    <t>b'^u}D\x95\xc9\xbf-/\x08\xect\xae\xa2\xf0j\x1ag\xc2\xdd_V\x15\xb41\x98\xf9m&lt;c\x84K'</t>
  </si>
  <si>
    <t>b'^\x1b\xc9n\xb0\x82\x7f\xbb\xc7\xed\xf9\x98x\x8c\x06!2\xb2\x8c\x99\xad\x02\x0bNTF#\xe5\xe9A\x9aO'</t>
  </si>
  <si>
    <t>b'Y?\xaa\xd9\x90\x1c|\x8e\xca\xe5\xd5\x15u\xa8\xb7X\x0c\x18]\x13\xc3Qk\xf2\x90&amp;\xf9\tN\x13\xdf-'</t>
  </si>
  <si>
    <t>b'G\xeb\xdaMa\x8d\xf1m\xad\xf5\xab\x19G\rT\x1f\x88\xab[\xd1u\x01\x89\x8f\xa8)!\xe4c\xe7\xfb\xf6'</t>
  </si>
  <si>
    <t>b']w/9\xe9"?wA\xf5\xf5?\xd1\xe4\xe2\xdc\xde\x95\xab\x12\x90\xe6F\xc0vh\xc7\xbc{\xd9#\xde'</t>
  </si>
  <si>
    <t>b'\xf2\xe3at\xb4\x17\xda\x1c\xbf\n\t\r|f\x1a\x00?\x85\xdf\x90\xb5\x8d&amp;\xea\xb5D\x80\x9c\n\x19O\x18'</t>
  </si>
  <si>
    <t>b'\x16\x9e$&lt;\x11\xc6j&lt;Q\xd9\xca\x1d\xdc\xca\\\xcc\xa3\x92\xee4fy5h\xa1\xc3@\x05i\xfc\xea\xf5'</t>
  </si>
  <si>
    <t>b'6\x82+Q\xf0Y\xd2gC\x94+,\x80\xfe\xcc\xe7J\x0f\xfe\xec\x07\xc8-\x0eR\x1c\x83\xa9E\xec\xf7~'</t>
  </si>
  <si>
    <t>b'\xcf1B\xcbnq\xf64!\xf5\x8358?\x852\xccN\xbci|Q[\xb6~\xbe\x01\xc1\x8d\x0b8\xb7'</t>
  </si>
  <si>
    <t>b'\xe2\xa5S\x8a\xa8\x1aH\xfbH\x1e\xcf\xcbxq\x89\x8f\xce\xa0\x07\xf3\xfc\x84\xf9S5\xe7\xb0\xccE\xda\x83\xae'</t>
  </si>
  <si>
    <t>b'K2N\xb3\x14\x9c\x191\xca\x7f&gt;\x01b.\xd5\x888E\xe4\xbeENV\x8a\x9f\x92\x17.\xd9&gt;\xaeL'</t>
  </si>
  <si>
    <t>b'\xe9\xd8E\xd5&amp;\xb7\x99\xac\xaf\x91&amp;\xc7\x840\x1e\xbe\xfa\xa5\x12\t\x80/\x971g\x12Qh#\xab\xcbi'</t>
  </si>
  <si>
    <t>b'`I\x85;T\x90\xfb\xf4\xad\x15\x8c=\x02\x8d\x82\xd5\xb5\xbfw\xa6\xa3\xe7\xc6G\x06\x9f&lt; 8\x8ez;'</t>
  </si>
  <si>
    <t>b'\xf3}\xb4M\xb3\x86\xa3\xf5\x0f\xdd;\xdc\xba\xcbrO\x963\xb6\xcabG\x9c\x1a\xcfW\xd5\xad\x17{\xcc\x1d'</t>
  </si>
  <si>
    <t>b'\x1ao\xe7(\xa6\x03]9u\x96\xe2\xc6\x0c*\xc6Gk\xe5\xe6:\x18\xf3\x93\xf4\xd4n\xe8\x812\xfa\x15;'</t>
  </si>
  <si>
    <t>b'\x04\x16\xd2\x9d\xbbA\x03\xd2,\xf2\x8d\xfe\xfc&gt;\xcc\x0c\xe9o&amp;\x86\xf3M\x922\x87\t\xb1Z\x13&lt;\xdeQ'</t>
  </si>
  <si>
    <t>b'U_o\x99R\x80@s\xad{\x1dh\x0eu\x00\xdd\\\x14u\xd6R\xc8,mJx\xa4\\\xd1?\xb3\x1f'</t>
  </si>
  <si>
    <t>b'\x9b\xb4\x0bF\xe8\xd1i\xe2\xa9\x9f\x05\xe4\xe2m\xa5\xba\x99\x17#\x96_\xa8\xc5\xe0\xa1\x01\xda\x03\x12\x98\xf7`'</t>
  </si>
  <si>
    <t>b'&amp;\x9d\xc6\xeaK\x9d\xb6\xe9\xa8\tQ\xb7\x00\xaa\xd7w&gt;Z\x8e\x06\tWcm\x1a\xd2\n\x18\x7f\x18\xdbB'</t>
  </si>
  <si>
    <t>b'\x1c\x9e\x1dx\xad\xbf^9\x83\xcd\x9c\x9a\xf4\xbb\x02(\x1a\x92z9{\x9b\xf8\xe1\xa7`\xd6\x0eEv\x9d^'</t>
  </si>
  <si>
    <t>b'&amp;\xa1\xee\x0c\xaf\x1ex\xba\xf3\xf1\x0eJ\xf9\xbe\x91n\xd1\x93\x9d\xff\xffc\xdb\\\x00\xf7\xdf\xfdh\x12\x8f\x84'</t>
  </si>
  <si>
    <t>b'&amp;\xf6^m\xd11\x986T\xdc&gt;%\xc4\xa1\x1a\xaf\xaf\xa7\xf2\x92\xa3\x19/\xee\xb5\xcb\x81\xa4K\xed\x84\x9f'</t>
  </si>
  <si>
    <t>b'\xa5\xc7l\xde)w\xa6\x1e\x15\xde\xd3\xb1M\x1b\xb3\xea\x99Q\xdao1\x1cMJ\x0ft\xf4\xfaO&amp;\x08\xc2'</t>
  </si>
  <si>
    <t>b'\xff\x02X\xad\xc5l\x96\xbc\x15$J\xabkh\xa7\x80\xc5\x85s\x04\xae\x01\x91\xdc\xd4\x1f\xa7\xf0\xcc@Mw'</t>
  </si>
  <si>
    <t>b"\xe9\xc2\x99\xac\x8e@%\x82\xf31k(~\x99\xc0\x17~\x07\xbd\xe1f\r\x90!\xcc\x8d\xa3'\xda\x88\xb2\x07"</t>
  </si>
  <si>
    <t>b'\xd9~\x9c\x17\xa4\xe3\xe05\x14I\xc1\xf2\xd2\\yy`L\xf6\x9fzf\xcf\xf9a\xf4\x15\xc6H\xed\x9e\xca'</t>
  </si>
  <si>
    <t>b"\x92\xa8}'\xfe\xc6\xb5BC\xfe+\x15&gt;\xa2\xea\x0c%x\xf8\xcc\xc1c@\xeb\x84/\xaf\x8ds\x90R\x9f"</t>
  </si>
  <si>
    <t>b'&amp;\xd7\x94[!d\xf2\xdf\x9ax\x82\x157\xe8\x18\xe3i\x8a\x8f\xac;\xd0&lt;\xba/\xee\xb8\x0e\xcbMk\xfc'</t>
  </si>
  <si>
    <t>b'W\x9a\xfaU\xf0\xe7\xab\xd9\xd2\x8a\x7f\x0c\x9f\x08\xef\x08h\x82\xcc\x1c3\xd2\xa2\xeeP\xb9\x0c\\)[\xc5\x92'</t>
  </si>
  <si>
    <t>b' \xf1M/"\x87\xfd\xae\xf5\xba\x81\x16\xbd\xf3s\xa9\x9e\x06\x92,\x9b\xf5p\x88!\xaa\xcdao\xad$\xe1'</t>
  </si>
  <si>
    <t>b'\xd7\x17\xe4\x1b\xbb\xe505\xd6\r\xe1\xd6-\x8f\xb7\x0fEM\xbd\xb5\x17!t\xa9D\xd2\x84]\xe2\xbf\x0e\x8b'</t>
  </si>
  <si>
    <t>b'\xd7\x88U\x8d\xef+j_sM\xd6\x83\xd8}\xc7?\xbf\xfb\xb9\xfe\x9e\xb4\x93\xe2~=+\xcb($4\xc1'</t>
  </si>
  <si>
    <t>b"\xecs\n\x03Ov\n'\x93\xd5\xc2+u\x8f\x12\xfdu\xd2\x83\xd4`XKb\xef\x94h\xd1,_o\xcd"</t>
  </si>
  <si>
    <t>b"\x9d'\xc71?\xfep\x8fI,y\xb4\xbe\xda3\xda|?\x98+\x91\r\xcf\xc2&lt;M\xf4P\x04\xdc\xc2\xcd"</t>
  </si>
  <si>
    <t>b'\x95\xd5l\x16\xcf\x05\x9eiR=\xae&lt;A\xfe\x16\xee\xe1\x9d\xab\xfd\x91\x00\x1f\xc2\x89\xe6\x93\x03\xf3\xc3H3'</t>
  </si>
  <si>
    <t>b'\xc9\xf2\xfa\xaaC\x7f\xc7\xe5e)\xd3[E\x01\x8f\xe7\x7f5!ZB%\xae\xacO&gt;%\xc0*\xa2\xb0&lt;'</t>
  </si>
  <si>
    <t>b'\xcbm\x0c\x87\x9e\xcde\x16\xfas\xaf\xd0Q\xb8\x10\x07&gt;y\x99AFz\x1e\xdd\x03:\x16\xd3d\xc2`\xf1'</t>
  </si>
  <si>
    <t>b"\x13\x1f\xdc\xe7N]\xee'\x00a\x10\x82F\xa7!\xa8[\x9b\xe9\xeeR\x1c\xd0\xb8\x8f\xc3\xcb\xcd-\xa0s}"</t>
  </si>
  <si>
    <t>b'\xb9\xc1B|S\xed\x00\x05\xd63\xa2C\xc8u\x8bU\x9f8\x11\xe6\x97\xe4\x94\xfe\x8d\xd9\x12\xe1\xc0\x1aX\xca'</t>
  </si>
  <si>
    <t>b"'i7P\x11\x0eH\xbe\xae\x80\x9a\x12\xbb\xb19&amp;\xa9@\xb48\x97\x15\xf7\xbeN\x86\xd0\xb1\xb9^\x9bb"</t>
  </si>
  <si>
    <t>b'u\xa3\x18\xef\xd85\x97^4\x1a\x0b\x8c\x1c\xab&amp;\x00&amp;9\x1b\x0eR\xae\x05s\x90\xc58\xe6\xc3:e/'</t>
  </si>
  <si>
    <t>b'\xb1\x13\x154\xdb@\xc3\x97\xc1\x83\x02\x0cu\xaa\xba\xdbP\xd2\xf6\x0c\x82\xb1\x1e\x94\xe5\xdf\x03\x8b\x8a\xb5\x0bA'</t>
  </si>
  <si>
    <t>b'V Q\xad\xc4N\xc4\xb8\x9d\xed%\xe5\x05l\x86E\x82\xa0Z~\xeb\x90R=i\xb0\xe58\xb6\xc1\xae_'</t>
  </si>
  <si>
    <t>b'"=\xc8\x18\xb2\xc8\x0c\xd7\xbb\x0fO/\xb2C\xd4\x04\x11\xe8\xb2\x0c\xfc\xc6\x9fg\xb7\xf6\x94W\x84\xbf2\x88'</t>
  </si>
  <si>
    <t>b"C \n\xe6\xf8\x81\xac\xaf\x86\xb1\x0c\x82\x8c.\x00\x95+[\xddS\xd4v\x1bk\xc0\xe56r'^w\x85"</t>
  </si>
  <si>
    <t>b'\x9bI\x1fU\xac\x05\x81&amp;\xdfr\x19\xc9\xa9g\x03\xb2\x02\xe8\x0c\xdf\xcbi\xc2s\xee`y\xbdb\xe5\xb7\x81'</t>
  </si>
  <si>
    <t>b'a*\xb2\t\xa8\xa5\xd9\xe0\x01\x8f{p/\xd6{\xed\x99\\\x87\xed\x06(i\x99X\tqy\xc4\xc4\x1c\xd6'</t>
  </si>
  <si>
    <t>b'U\x98|\x97\xd2\xcf\x18\xe1Yr\x8f\x92\xd9\x90\x90;\x0e\x1b\x9d\xd4\xa1/Pb\xdc54F\xf5\x08\x0f\xa4'</t>
  </si>
  <si>
    <t>b'\xf1\xea\x02\xe9w8\x12Z\x0c^)\x177\xa1\xa1Z\xbd!\x8e\x86~\x80=j\xcf\x8f\x81\xde\xe6\x8b\xc9\x04'</t>
  </si>
  <si>
    <t>b'w8\xe9\xfcj\xd5\xd6\xa1X\xe4\xd9&gt;\x8e\xde\x8e\x9eA\xd2\x9cbK\xda\xd9:T\xe0V\x17\xcb\x7f\xde\xa9'</t>
  </si>
  <si>
    <t>b'\xac\xda\xa5\xff3b\xf6\xb0\xda\x91O\xc1\xf3\t\xc2ll\x1d\xa8\x07\x14o\xbdF%\xcd\x1b\xbd\xaa\xed\xd3\xae'</t>
  </si>
  <si>
    <t>b'\x96|\xeeT\xeb#s\xf3\xb8\xa8`\xfe\x040\xe2\x94=`\xb2\x05\x17\xf0Q,m\xa1\x8d\xf8[\x9f\x8c\xea'</t>
  </si>
  <si>
    <t>b"7z\xb4\xd0\t\xd1\xc2\xdaw\xd0\x91\x19\x90\xaeZ\x07\x85\xb9\xb3a/\x7f'D\x93z\xdc\xdc-\x1bq\xf0"</t>
  </si>
  <si>
    <t>b'w\xed\x13\x1e\xa1L\xffJ\x8c\xbb\x11\xf5\xd2\x90\xde\x0c\xe0\xec@\x9f\xf4\xaa\xc2\xa1vX\x17\xed\xb9\x01\xa3{'</t>
  </si>
  <si>
    <t>b'\x9e\xfb\xce\\t\xe3\xe5\xab;z;\x9e+j\x92\xf7v\xc6\x00O\xecj=\xf4\xfa\xdd\x1e\xdc\x96\n\xbe\xbf'</t>
  </si>
  <si>
    <t>b'f\xb3\xce\x13\x04\x81\xaf\xea\x9b\x1e\xcf\xf3\x9bcW\xf7 \x8c\x8a\x97\x15\xfc\x0b\xaaw\xd9\xa1\xba&lt;\x92\x95\x95'</t>
  </si>
  <si>
    <t>b'D\xc8P\xf3\xe59&gt;@\t=\xac\x80\xd8HM\x9a\\\x97\xa3b\xea\xd8\xef\xcc\xe3\x19\xf7\xc8E\xd0F\xe8'</t>
  </si>
  <si>
    <t>b'c\x88\xefE\x8fR\xe6\xc3\x8f3#\x87S\x0f\tN%kv\xc6\xe0d\xa2\xb2cw\xc5\x84HhY\xa4'</t>
  </si>
  <si>
    <t>b'\x0b\xbd\x99R,\x8eVRn\xb6\\\xbf\x1e\xf3\x8a\xc8G\xbb\x90\t;\xfa\xa4\xf79\xb6\xb8\xcf\xc3\x181\xf9'</t>
  </si>
  <si>
    <t>b'\xe2\xba\x02\x89\x04\xed9\x90\x1d\xb9B)\xb5\x0f\x9fi\xdaW\x95\xcbBTnt\xc1m=$\xae\x17\x99\xfb'</t>
  </si>
  <si>
    <t>b'\x1d\xd9\x81\x8d4G\xb7/\xaf\x9f\x18fE8\x9fv\x94y\xc6T$\x96\x08\x92+\x8f\x8b\xb3\xdd\xd3\x1f\x89'</t>
  </si>
  <si>
    <t>b'I]?\xec\xad\xban\xd7\xd5\xa6mD\xb7"\\\x08G\xcaNr\xfcBt;m\xf7\xec\xb7e\x86\xbd\xf1'</t>
  </si>
  <si>
    <t>b'\xee\x03\x02\xa7\xd2\xf6\x94c|mA\xed\x18/\xca\xffN6\xb7|B$\xb4%\xefz\x88\xb8f\xe49A'</t>
  </si>
  <si>
    <t>b'eQ\xdb\xdd\xbd\x81&lt;\x8d\xe0\xaf\xff\xe7\xb5*\x9b\xb1\x96H~\xa2T\x10\x8cm\xa1\x9d8\x0b{}\x1d\xea'</t>
  </si>
  <si>
    <t>b'\xd0\x01U\xc1\x84\x9bX\xe8E^&lt;\x9f\xd4o\xcac\x8a!\xda\xd8\x1c\x90DB\xb3\xe9\xe3\xd4b\\\x95T'</t>
  </si>
  <si>
    <t>b'\xe1\x1d\xae\xfa\x9f\xe9\xbb\xacH\xf5\\\x1e6\xcb*Q\xee\x8b\x83\xb9\x89\x1dn\xa5\xf8_\xaa\x7f\xda\x17o\x88'</t>
  </si>
  <si>
    <t>b'\x18\xda\xf6f:\x88\xbf3\x97\xb3\x00\xa0\x82\xf0\xbb\xce\xb98M\x18\xde\xfa\x945\x9d\xdf9\xb2\x10l\xb5o'</t>
  </si>
  <si>
    <t>b"\xea&amp;\xb2Y\xb3\x81\x8f\xbe\x15=T?vv\\\xfe\x07\xd2'\x802\xce\x8cd -\x15\x7f!\xdf\xc8["</t>
  </si>
  <si>
    <t>b':\xbc\xae\n\xb3$\xb6-\x1a\xb0\x84\xb11H\xcc9 \x0eO\x03\x85J\x9a@\xa2\x85\x84\xdf\x1e\x03\xb4\x18'</t>
  </si>
  <si>
    <t>b'\xca\xa0\xe1g\x1f]\xb5\x85\xa7\xa5O6o%\x83\x16\x03\xf8\x95\x17\xbe]\xa4\xdd$K/\x91\x05\xab)\xe4'</t>
  </si>
  <si>
    <t>b'\xf2\x0e;\x1c\xac.\xbfb\x18\xbe\xf9\xba\xaaSQ\xba\x89\xc6\x1d|\xc0o#\xfbM\x15\xe8\xe2\x95$\xb4\xaf'</t>
  </si>
  <si>
    <t>b'2\xb5\xc1\xd2!\xf0\xd9\x19J\xa3n\xc3\x95\xb9\xca\x8c\njz\xa1\n\r\xa89+\xdf9\x88\x04\x07\x8e\xc9'</t>
  </si>
  <si>
    <t>b';\xa7\x13p\x80\xa5\x8c\x0cGP\xae\x92\x91\x96\xd9p\x05\xf5\xf0\x187_\xb06\xcc\x19\xc1\xf5\xf7\x97\xa6\n'</t>
  </si>
  <si>
    <t>b'\x7f\xff\xe38\x164\x11\xa9q*9\x92\xf7G\xbfn\xf9\x95=\r\xdd\x02(Z\xff\x9f\xc1\xdb+\xc4\xcd\xb1'</t>
  </si>
  <si>
    <t>b'\xf6\xca.?\x13\xef\x17:_\xd4^\x8b4\x00\x9c\xd7\xdb\x9c\xc69\x81\xe3\x99w\x1b\xc61Q\xb1\xc5\xf5F'</t>
  </si>
  <si>
    <t>b"G\xcd\xed\x99U\xb5\x89'6\xf5Z)\xfc\\\xc0\x14\x8f+\x88\xc8ysC8\xdbY\xdds\xf7\x1d\xb30"</t>
  </si>
  <si>
    <t>b'\xe8Od\x92\xa5\xc9{\xd8\x8e}\xf6\xf2\xf8&amp;\x1e;\x92\x93\xc0\x17\x01e\xcd\x89d&gt;&gt;\x0e$K\xf4^'</t>
  </si>
  <si>
    <t>b'\xfb\xd7\x9f\x08\xe4\x0e\x1a\xb7k\x02\x0ft&lt;\xdfJ\x96on\x993\x19\x1f\xb5\x9cr\x18\x1c\x9c:\xf0\xa6f'</t>
  </si>
  <si>
    <t>b'\xed\xbc\xe48\x83\xd2;\xfetRR\x05\xe4(1\xed\x9b\xe6$\r\xd7\xc5\xfd\xe0\xbb5;\xc5\xd4\x9a\x11/'</t>
  </si>
  <si>
    <t>b'\xf7\xc1\xfb\xba\x83\x84\xe8\xbb\xedL)\xac\x85\x85\xbb(q\x1a\xbd\xe3\x11y\xc6\xfb\xed\t\xe4\xd5Q\x9a\xdcr'</t>
  </si>
  <si>
    <t>b'\xe5\xe4\x8cB\xfa X^\x89\x17.\x1e\xcc\xd1\xc5\xf3\x87\xb8\xfa\x08\x8c\xd6\t\x9bE6\x9d\xa44\x8b_,'</t>
  </si>
  <si>
    <t>b'h\xfb\xb7j\x88+\x1dT\x8d\x94it\xbb=Z\xb2cD\x1doO\xc5I\xbbzck\xbf\x0ey\x0f\xf6'</t>
  </si>
  <si>
    <t>b'\xd7\x0e\xe9\xa9zaNY\xf1l\x97\x8fzxw\x01\xf9\x18D\xc7\x1b3\xda\x8f`dca\xda\xdd\xef\xca'</t>
  </si>
  <si>
    <t>b'\x8f#\xb4%\x848\xd7,\x0c\x7fu\x88\xd8}\x15\xb3\x00\xc2\xc5\x02\xe84\xc5r\xc6\x0bwy\xa5\xd4i}'</t>
  </si>
  <si>
    <t>b"\x8072t\xb5\x8b\x15q\x10\xc0\xb23\x0e\xb0\xa7\x9cZ\xcf\xe6vM\xd3\xc9\xcd\xdcF\xdc\x9e'\x0f6~"</t>
  </si>
  <si>
    <t>b'\x9e\xd3\x1c6\xb4 :\xd9\x02 =\xb6\xff?\xa8\xa2\xb4D2\xb7\x8f\x9bB!\x12\x04\xff\xed%c)\xb6'</t>
  </si>
  <si>
    <t>b'O\x01_\xee}Xq\x8b_\xfa\xec\xa1\xc42\xff,\xbb\xc3M\xf5\x16*4\xe6\x910\xa14R\xe6\xa8o'</t>
  </si>
  <si>
    <t>b'\xaa\xd7\xad\xcf\x1d\xd2\xb7k\x01O\xe7 \xe93\xbf\x02%[&lt;tR}#;\xf2\xc9\xdcx\x88!s\x13'</t>
  </si>
  <si>
    <t>b'\x16GP\xac\x12\x8a\xd3\xd0 \xfb\xc0\x95\x03\x15\xbd\xf2u\x06\x9c\xf59R1\x8a\xee\x82;\xd1e\x97q\xd6'</t>
  </si>
  <si>
    <t>b'.\xd5D\x8a?\xd3\xa3\xed\xfa\xea1\xc1\x7fzU\xbf@\xfa;\xf2\xca}\xeaC\xa3\x1bt\xba\xbc\x88^\x19'</t>
  </si>
  <si>
    <t>b'V\xe4\x19\xf00}\x03\xab\x9e\xa8;\x84\xa4\x183\xa2\xdeqA\x15\x06\xd1h\x14\x823\x02\xc5\x93\xa7\xe0\x8b'</t>
  </si>
  <si>
    <t>b'\xa8F\x15\xec+\x85\x80\xfb\xd8\xea\xc8\x85DV9\x05]O\x82\x1e\xe3\xfd\xb8\x07P\xeb\x0c\xfb\x9b\xf3F\xd4'</t>
  </si>
  <si>
    <t>b'=\xf6\xba\xcck\xad\xd0\x15\x10\xfd\xa9X\xa6\xb4\r\xa2"\xd4\xa6?\xf6\xc03%\x1d\xd32\xdc\xc4q\xa1\xba'</t>
  </si>
  <si>
    <t>b'\x19\xe01\x1aJ\xc0 \x0e\xbf\xfb\xa1O\xaa\x92\xf3\xa6kO,\x93%\xaa\xd9\xa1\xfa\x89\xfc\x85e2\xf4\x07'</t>
  </si>
  <si>
    <t>b'b\x0bN\xb6\xb2N\xed\x85\x06\x82\x96\xef\xc3\xa8$\xa4\x19\xc7PU\x83$m4\x9b\n:\xe1\xb6J\xfa\x1c'</t>
  </si>
  <si>
    <t>b'\xa3\xaew\xb1vUt?\xe3\xc2\xf5\x13&gt;\xaf\x91\x97\x8e\xd70\xc4\x13t\xdd\xe4\t\x07\xb0\xac\xaa\xfd\x01\x8f'</t>
  </si>
  <si>
    <t>b"}.\x87_\x98\xd4\xf2'\xf4/kK&lt;\x91\x81\xd5\xc9\x8cjLn\x1d\xa2\x1d\x99\xe72\xa1\xa8#X\x1f"</t>
  </si>
  <si>
    <t>b'\xfa\xd1|&lt;\x06\xf9/\xa1\x8c;\x95h\xf1$\x13\\\xa1\x83Q\xc6O\xd6\xce.\x12Wr\x0c\x0c\xcd\x9d\xe2'</t>
  </si>
  <si>
    <t>b'\xa9AI^\xdd\x07!\xe9\x16"\xf2\xdc\x10K\xffw\xab9\xe51\xb7Ys\xd9\x9c\xd0\x86-\x9b\xa3y\xae'</t>
  </si>
  <si>
    <t>b'!\xa3$?hps\xeb=\xf0\x11\x12-\x8a\x0e5\x88n\xf5$\xf90\xdaD\xd6\x85\x94\x19\xc6\xaab\x8b'</t>
  </si>
  <si>
    <t>b'\xc3\xbab@\xd2\x872C\xc5\x19]\xc8\x85\xf7\x82}\x02{X\xb3\xee\xd7\xa9\xeb\xbc\xd4\x80Y\xf4\xa5B\xf4'</t>
  </si>
  <si>
    <t>b'(^\x8a\xaa\x1b\xab\x96\x00D8B[\xc8\xd5CS\xfe&amp;S:\x8f&amp;\\Vr\xa6\xdbz\x1eq\xa8\xc4'</t>
  </si>
  <si>
    <t>b'\xf9\x15l\xa1\xe2\xa9\x97\x81\x1b%\xc88\xba\xd0\xe6B\x14\x0cuJj\xdd\xb8w\xaf?y\xae\xd1(\xb7e'</t>
  </si>
  <si>
    <t>b'\x1d]\x18\xff\xad2\xa0g\x9b}\xec\xbe6T\xc6\xde\x97\xa0\xe8\xddG}\x1a4JFs\x1e\xde\\\x0c\xdd'</t>
  </si>
  <si>
    <t>b'\xea\xbe\xe3c\xba\n\x90*\x94\xa9\x9a\x8d\xba;|&gt;*\x83[V\xb1\xc2\x84j\xd6NWp\xf1g\xe5\xaf'</t>
  </si>
  <si>
    <t>b'\xba\x82r[M\xfbb\xec\xb3\xbaU\xbbB4{5) b\xba\x13\xc0\xedg\xc5I\xbf\x83\xb7hZ\xba'</t>
  </si>
  <si>
    <t>b't"\x81\xadr\xa8\xe9T\xad\xff\xe6\x18\xe8\xdc\t\x9b\xc4f\x87\xc3y\xc6\xa9\xe4\x8b\xe9S\x95\xfc\x89Dz'</t>
  </si>
  <si>
    <t>b'm-/H\xfb\x9c\x1d\x07?\xa9\xd0p\xdel&amp;\xb7\x9c\x17\x8b\x97\x07\xa2\xf1\xf6\xd9;\xb3=\xa2nT\xef'</t>
  </si>
  <si>
    <t>b'\xe9g&gt;\xd1\x89&lt;\xf64zs$\x14\xeb\x8a\xa6\xc2\xf4\x0fu\xee\xf9\xc9\x90+M\xa1V\xc6\xf1]\xca\x7f'</t>
  </si>
  <si>
    <t>b"\x05\xc2]r\x15'\xb4l74\xfezo\xba\x94tXcz\xc5\xddL\xd6\xbcA\xc9\xbb\x89\x94\xc2\x85\xcd"</t>
  </si>
  <si>
    <t>b'\xcb,&amp;\x06!\x88\xcfC+\x08@;#\x00\x85\x0c\x11\xe4\x805\xb8\x00\xb8_70\xa6\xab\xb2\xdf\xc2\xc2'</t>
  </si>
  <si>
    <t>b'\x8a3\x96&gt;\xc9&amp;\xa9;\xc5\xf4U5o\xbd\xd6\x81\n/\xd0IS\xf4\xaf\xa9V\xa8\xec\xce\x0f\xb8\r\xf9'</t>
  </si>
  <si>
    <t>b'\xa1h\xe9T\x1bTz)\xea4\xb6\xe8\xf5(p\xa4\xa2\x93\xa5\x01\xfe\xf9\x10\xa5\xfe\xc7\x8c\xbc_s\xd3\xc1'</t>
  </si>
  <si>
    <t>b'(O\x9a\x17\x0fB\xaa$\xe1k\xc3yF\xe8\xcf\x18!\x89\xb5\x8b\xa6i?@R!u\xfe\xf6\xe0\x8e\xbe'</t>
  </si>
  <si>
    <t>b"8$\x1b\xfc\xa2\xeeu\x9a\x19\x04\x89\xf7f\xa30\xb5\x04\xf5;a2\xad#\xa9\x9b'\x1cl\xa9qg'"</t>
  </si>
  <si>
    <t>b'\xf3\x03oj\x97H\x19\xcc\x1a\xac\xdb\\/\x9ci\xf8\xcc\x12%c\xf3&amp;\x8d"\xec\xcb*\xaez\x03\x15f'</t>
  </si>
  <si>
    <t>b'\xef";e\xcf\xdd\xd9\xd2]$6R\x08\xc4\xca\x11\xf1Qb\x9e\xd3\x86\xab\x14\xb9\xd9W!+\r\xb6l'</t>
  </si>
  <si>
    <t>b'\xba\x82;\x88\xbe\xc2F\xf9\xcc@]\xf7\xa0"Q\xcfq|a3J\x81r\xba\x9b\xe2\x9e\xb1\x80\xf1\xda\xfd'</t>
  </si>
  <si>
    <t>b'\x97\xf2S\x9c\x04I5\xa1N\xae\xd1\xc2\xb2\xa47p\xa1\xb7\x95-\xac\xba\x16\xc8\xc9\x9d\xdb\x10\xf1\xfc\xef\xfb'</t>
  </si>
  <si>
    <t>b'\xfc\xa9F\xe7\xedp&gt;\xdcp\xed\x90\x91\xa7\x897\xcf\xc3\x92\xa4\x00\xae\x9f\xdf\x1eA\xd2\xba\xf7Rva\xe7'</t>
  </si>
  <si>
    <t>b'r\xd5\x92\x9bP\xc5\x8d\xc6\xe2\xf3U\xb5\xcd\xaf\x1a\x9f\xe8D\x15\x02\x8a\x9f\xf0\x0c\xd3\xd5\x04\xb5\x06B\x05\xc7'</t>
  </si>
  <si>
    <t>b'{C\x9f;{WW\x0c&lt;R\xca\xa1\x04\xb9\x15\x86c\x94\xf1\xd3v\xc1\x9d"\x8cfL\xc0\x11\x16\xa2\x89'</t>
  </si>
  <si>
    <t>b'\xd4\xdb\x9b?\x0f\x08x\xd0\xc2k\x1a\x85*\xf1jnl\x07FQ\x05\xe5\t\x1d\xc0\xc6\xd4h\x8a\xcfwU'</t>
  </si>
  <si>
    <t>b'\xf3"j\x8b\xd3\xb9\xf4\xdb\xff\x02\x95d\xd8p\xf2\x06\x93kG\x94J\xe3\x83\x98KE\xea \t\x93\xd3\xcd'</t>
  </si>
  <si>
    <t>b'\xd0\xf6\xc2g\x88\xef\xad\xc35$\xf8%\xc1f-wc\xfc\x84\xe8[\xc4eA\x16\x1c\x0f?\x08\xe3c\xec'</t>
  </si>
  <si>
    <t>b'+\x1e\x01\x08\x05*\xc0y$\xaa\xc8Gm\x02Y\x92\xa1U\x1d\x13^\xceA\xa5RM`\x06\x9eJ(0'</t>
  </si>
  <si>
    <t>b'\x14ll\xbcZZR\x9b\x17\xfd+\x8b\x1c\xc6\xa9\xa7\xbe\x0f\x8e0\x9e\x00\xc7\xe0\xc8@X&lt;\xe0\xa0\x06\xba'</t>
  </si>
  <si>
    <t>b'\x85\x8c\xe3\x97\x95\xb9\xdb\xe5Z[\t\xeb!\xb9\x90&gt;\x0e\x02ZC\x8b\x80c\xa8\xa53.\xf7*\xe2\xe9c'</t>
  </si>
  <si>
    <t>b'\xd9\xb3q\xf93\xa6\x00P\xcc\x7f\xe8\xb5\xc7\xd4\xbdmH\xd9P\x07\xd4P\xe9]\xce\xdd\xb1\xf6\xf6\xe5\xff\x9d'</t>
  </si>
  <si>
    <t>b')\x9f\x87\xb6m\xf7\xb4H\xa171\x1e/\xa9w\xbe\xea\xd6*\x9c\xea\xc0\xcc\xbc\x905\xce\x83\x97\x8d{\x7f'</t>
  </si>
  <si>
    <t>b'\xd4\xae\xe6\x92t\xf8\xe2\x0e\xd2A\x0fnX\xd9{\xed\xd72NhR6lq\xb6\xc9\xd61\x01\xc9F\x8b'</t>
  </si>
  <si>
    <t>b'\xfc\xc9\x8a\xc7\xdcy`\xb1\x90k\xdd\xde\x94\x9d\xe7\x17\xecq\xca@\xdd\x80\xe6)m\x98\xf5A\x8a\xf8=\x87'</t>
  </si>
  <si>
    <t>b'\xbd\xeey]w\xc6\xfb8" \\\xca\xe99\x11\xdc&gt;\x86\xae\x14@/\x11 \xdc\xe2\xe8x\xfcz_9'</t>
  </si>
  <si>
    <t>b'mF\x1f\xc7^V\x14\x84L{\xe5g"\xae\xc7\x8c\xb8\xbe\x9b\xf79Z.O\xb3\xa9\xae\xdbV\x9dq\xf1'</t>
  </si>
  <si>
    <t>b'5\xa0\xef\xb9\xb6\xbc\xb8H3G\xbd\xb1\x97\xf9\xd0\xbd\t\xe6K\x07Bu\xfeE\x8a\rQ\xb5R\x01D\xf6'</t>
  </si>
  <si>
    <t>b'\xa7\x04\xa2\xbd&amp;P\x16\xff\x93\x84\xaan\x99\x1e\xdc\xdd\x08\xf8\xc0^\xa1\xc2Z\x83\x95@3\x12uZ\xad7'</t>
  </si>
  <si>
    <t>b'\xdd\xd5\xa8\x1b\x97\x02\xa3\x0cE\xaa\xeb\x9b\x94\xc0\xf3\xed?\xf0\x0f"-\xaevz\x0e\xc9x\xb2T\xa1%\x0c'</t>
  </si>
  <si>
    <t>b'\x9c\xaf$\x95D\xb6\xfb\xab\xad4\xf5"\x11\x03\x95\xb1\xa7\xd21RI\xa8~i(\xb4\' \x95\xfc\x00\x10'</t>
  </si>
  <si>
    <t>b')\xdd\xe4\x14D\x14J\x1e\xe2_=\xef)\xb2@\xc0e\x04\x8d\x1b\xb12\x815\xe4O\xff\xc7\xab\xb9s\xb2'</t>
  </si>
  <si>
    <t>b"\xf7\xb6\xe5\x81\x84^\xca\xc9 \x90\x1a\\\xd7M\x9fa\xa4\x03\xb0\xc9\xde'\xc2\xd5\xdf\xaa\xbf\xff:`H\xdb"</t>
  </si>
  <si>
    <t>b'\xb3\x94\xd6\xd6\xac\xdb\xb3\xafY\x9f~\xdf\'!\x8a"@\x8d\xab\xea+f\xd4\xaf\x8co/M\xf5\x00\xe8\xbd'</t>
  </si>
  <si>
    <t>b'\xc8\x16-\xf8\xe7\xdd\xcb\x0f\xcf\x99\xd2XV\xa2\xc2M\x13\xb3\xe2\x06\xcdqI\x05\xbe\xb0,\x92\xea\xc3\xad\x80'</t>
  </si>
  <si>
    <t>b'!.;c\xb5\x925D\xbc\x07\xffct\xe5r\xd0\xb6\xc10\xf2\x91\xbdh\x12iW:\xf0\xc7|\x17\xca'</t>
  </si>
  <si>
    <t>b'\xbe\x94\x10\x85\xee\xbf!\x86\x86\xa2\xb9@\x9d\xb9\xaf[/\x1aS\xeeP\xcc\x80\xa8\x1e\xe6\xfbQ\xd1\xe4\xcc\x12'</t>
  </si>
  <si>
    <t>b'\x1e\xaf\x82\x8a\x18\x87\x83iMo\xb6\xfa\xa8\xa9\x010\x0ck\xc3\xd6\x92\xa9\xde\xa6\xad\xc4\x8f\xfc\xf4\xd3\xa1H'</t>
  </si>
  <si>
    <t>b'\x8b\xb7AxQ\xb18\r\xd6\xb5\xa1@#)L\xde\x9a\x8f\x12\xd6l?37&lt;%\x86m\xfb\x8a\x02q'</t>
  </si>
  <si>
    <t>b'\xc4C\x90\x7f\xb6\x8d\xe5;\x1d&amp;\xc6\x8d\xf8\xa1\x18o\xcdxX\xa9\xe8\xd9\x86\xa3\xfa\x12|\x99oDAM'</t>
  </si>
  <si>
    <t>b'+\xb7xc\xd0&lt;0\x97T{\xc5\x07\x9fRY\x8e\xa0\xa2\x0b]*\xc3\xdbtH\xd5\xb6\xb5uOv\xc7'</t>
  </si>
  <si>
    <t>b'P\x93\x89\x9eY\xc6\x80\x19\x8eH\xda`%KC\x83\xf5\xb3\x02f\xfd\x1d$\xc6\x90ms\x18\xc9\x01\xc3\xb4'</t>
  </si>
  <si>
    <t>b'G\xfa\xf30\x1aQWt4w\x00\x84B\xf3\xc3\xc1\x00\xba\x86\x07|\x8a\x89\xcc\x8e&gt;}\xa4\t\xde\xb3\xa1'</t>
  </si>
  <si>
    <t>b'\xc9G\xba\xa4C\xba\x0bO\xcb\xfcn\x8e0\xe2\x83=\x80\x95g\xa7\xc7\x1cG$l+n\xd7B[\xd3{'</t>
  </si>
  <si>
    <t>b"\xddC\xfa\x7f'`\xafR]\x91G\xaf\xab\xe1\xce\x82\x9fC,\x9eG\x00\xa9\xa0\xba#\x01U\xf6\xfeJ\xd4"</t>
  </si>
  <si>
    <t>b'\xce\x0c\x89\x00\xf2\x1d\xa9\x9a85)\xc8\x9b\xa7\x12\\\xb9\x83&amp;!\xa0C$\x99\xe2\x0b&amp;\x98\x9e\x9dR\xab'</t>
  </si>
  <si>
    <t>b'Q\x08Q\x199&gt;\x9b\xc8\x8e\xc4\xaa\x12\xaf\xab\x18\xe4\xfb\x0c\x18\xd5I=\x1c\xde\xea\x1eZ\xb0h\xb8\x10\xc0'</t>
  </si>
  <si>
    <t>b'\x9b\xb2\x15(2s\xe3\xfa\xbaM$\x85\\\xda\xfb\xcb\xe7\xf9\xef\xcf\x95\xd2c-\x99\x08\xe5G\xe6\xf2\xc17'</t>
  </si>
  <si>
    <t>b'\xab \x06x\xba~\x01\xd7t\x85DXE\xf34\x85\xc5\x9e|\xcb\x03\x0f\x9fP{\xea\x84o\x9a]\xd6C'</t>
  </si>
  <si>
    <t>b"]\xf8\x81WT\x05\xfd\xc6~\xda\r*\xdc\xeb&lt;!p\x06\xd9t.\xe7\x0fu'%\x8f\x91\x84\xca\xcb|"</t>
  </si>
  <si>
    <t>b"j\xec}\xb1\xf2\xe4\x8e9\xc7:\xc4C\x1e'\xc5\xfdFc\x98}\xf2\\M\x08\x8b\nw\xd6\xc68j("</t>
  </si>
  <si>
    <t>b'\xc7\xbc\xe0\x93}\xa7?\x8fJ\x90\x92VxeR\x97\xbb\x93\x96^\x01\xc3\x0f?\x01\xd4\x9f\x0c\xce\xc4\xc7\xd1'</t>
  </si>
  <si>
    <t>b'TZ\xbe\xad\x01\x06r&amp;\x80\x04(xg\xda\x8f\xc6\xe6\x08p\x8d\x19\xcfVg&amp;4C)\x9c\x94%&gt;'</t>
  </si>
  <si>
    <t>b'O\x8b]\x04\x10p\xdfp\xfa\xa4\x970\xdc?\xee\x04\xa6s\xa8t$\xff\x19\x1a\xfe\x1f\x1d\x07\xed\x11.\xce'</t>
  </si>
  <si>
    <t>b'\x13\x1a\xd9#3nL{kO\xa9V\xf0\x0b\xbfnn$\xfe\xe4yG;\xe4\xb2h\x0e\x0b-)\xb2K'</t>
  </si>
  <si>
    <t>b'y\xe8z\x88\x0e&amp;|\xaf\x1a\x06eK;\x12V\xb3p\xe0\xf3\x07\xab\xf3\xa0M+\xda\xa6\x1d\xf3B\xea\x1e'</t>
  </si>
  <si>
    <t>b'\xa4\x1b\xce&gt;\xd8\xd3\xc1\xa17\xbf\xabZq\xcb\xa1\x1c\xd9e\xe3)\x10\xa0z\x12!\x9aeO\xfdU\xff\x0b'</t>
  </si>
  <si>
    <t>b'\x88u\x04\x82\xd7\r\x93\xab\xb2e\xea\xefnX\x0cJAei\xfc\\\x15\xc6\x94{\xc1\x8c\x14[\x9d\xf7)'</t>
  </si>
  <si>
    <t>b'\x89\xbc\xd1@0\x90)\xc9@_\xc2\xc6\x98w&lt;x\x03\xb8\xa2\x84\xacd\x0c\xf5\x8f\xdf\xa7\xfb1\xdf{\xee'</t>
  </si>
  <si>
    <t>b'\x87^\xfd\x7f\xcc\xca\xf7\xa0\x1b\xfe9\x18k\x01eEAc\xc3\x07\xa7\x05\xf5\x04l~6Z\x1c\x08\x15z'</t>
  </si>
  <si>
    <t>b'*M\xf3\xe6$\xfaoyo\xa6\xce\xea\x06\xc9.X\x96\xc6\xd6\xf7@l\xa5\xdb\x94=\x83\x05\xe0\x9dFw'</t>
  </si>
  <si>
    <t>b'\xbd\xf6|!\x17\xa3\xc5\x05n_7\xfc\xb8\\A\x86n\xcd5\x92\xaf\xb7\x807\xa7\xcf\x0e\x11U\xb4Uc'</t>
  </si>
  <si>
    <t>b"\xa3O\xee\xbe(x\x1f\xdb'.\xc9\x9b\xb8\x96AN'\xc2W0\xee\xff\xba\xa76,\xa3\xd1\xcb \x9c/"</t>
  </si>
  <si>
    <t>b'\xcc\x8bMm\x11\x12]Z@Ft\xde\xf4\xb9\xa4\xb4N\n\xe2\x838b\xf9d\x89\x8aU\xf6\x9c&gt;\xdeX'</t>
  </si>
  <si>
    <t>b'\xee\xa5r\x86\xa4\x0cc\xa0\xad\x03H\xc6?\xd8\xbb}\xac\x05\x88\xbe\x02\xee#\x84a\x87\xe4yo\xc8x\xda'</t>
  </si>
  <si>
    <t>b'\x01\xdf\rBH8\x1b\x05?r\xdfs~\x81t\x9a\xb5b\\\xaf\x13\xed_!\xffl\xad&amp;\xc2\xd30\x0f'</t>
  </si>
  <si>
    <t>b'\xeb\xf6\x16\x92\xd5\xad\xff\xb4g\x0c\x89\xe4\x10\x04p@yb\xd9\x10v\x0eT\x02V\xf6\xc5\xfe\xe2\xf8C\xd7'</t>
  </si>
  <si>
    <t>b'\x95\xedwt\x9eCz\r\x8f\xfb\xac\xa3\x88\xd9\xa2P\xb8&gt;j\xec\x15\x8e\x10\xb6K\x89~g~\x94\x85\xb7'</t>
  </si>
  <si>
    <t>b":\xf4\xe6\x94g$\x84w\x03LD\xa09b\x90\x18RWqWp.\xf6,'\x8f\xf5\x9e\xce\xcb\xfb\xbb"</t>
  </si>
  <si>
    <t>b'%CX\xdeb\xbeo\x92\x00\xe9\xe5\xdc\x86i\x14\x9c\xc5p\xcd~[\x9b\x99-L\x8e\xeeQ!qQ\xda'</t>
  </si>
  <si>
    <t>b'\x9e\xbc\xf2\x9c\xde \xac%/\x0c\xdc\xfb\xfc\x1c\x02\x81N\x1b3\xf4x\xf1V\xb0\x1d~2e\xa1P\x97:'</t>
  </si>
  <si>
    <t>b'\x18\xf7\xd1\xfa\xd9r]H\x850\x9d\x17\x91\xcb&lt;\xa5\xf1r\xf2\x05&amp;\xed\x18L\t\xd8\x01\x8aD\x90\xc9J'</t>
  </si>
  <si>
    <t>b'\x0e\xe0\xd3\x04}\xa8\xbb\xd8\xe2{e46\x9d=\x82a\xe8\xa4\x04\xa4w\xaf\xa2\xe4\xea{\x19\x84j\x8c6'</t>
  </si>
  <si>
    <t>b'\x0f\xb5O\x02\x167"\xcb\xb3]\x1f~\x06\xb4\xbfk\xf7\x99\x9fE\xc2\xfd\xe6\xe7\t\xa1g\xa0\xd7\xbdx\x9f'</t>
  </si>
  <si>
    <t>b'6\x8f\xc8\x84\x0f\x17\x1b\xce\x8e\xa0(\x96\xe2\xe1&lt;d\x8d\x81q\x9b\xc9\xeen\x8aX\x85\x1f\xc9\xc2\xacmH'</t>
  </si>
  <si>
    <t>b'QH\x92\x12:\xa8\xd9#(k\xdd\xde"\x9eF\x8b\x0e\x15Q\xa4jun\n` \xfc!\x91\xb6\xea\x9d'</t>
  </si>
  <si>
    <t>b'\xc6\xe8A\xd1\x8c\xf8\x97\x93~K&amp;&gt;b\xfdCd\x9d\x1e\x9eU\xa3Ka\xb8\x9c\x07\xf0\xf2\xe4P\xafR'</t>
  </si>
  <si>
    <t>b'7\xb1\nP\xfd\t\r\xeaC\xdf\x10Y\x9d\xe2\xbb\xd4\x82Mlr5\x8a\x12\xaf\n\xfaG\x1e\xda28\xb0'</t>
  </si>
  <si>
    <t>b'\x0c\xe5\x9d\xa8\xff\x84\x95\xe6\x16\x03&amp;:\xa5\xe1\xcd\xd6\xac0ey\x16\xfe\xef\xd6\xdf\xb2\xfc\x03\x80K\x83X'</t>
  </si>
  <si>
    <t>b'#g\xc2{\xd8\xaa"o@\x07s\xcfI\xe4\xcc\xe6\x1aS\xa3\x15I\x06[H\x9d\x0e\']\xce\xa7\xe7\xa3'</t>
  </si>
  <si>
    <t>b'\xc2\xb65\xee\x83\xf6s\xed\\\x0e\xc4\xff\xca\x9b&lt;"\xdf\x7f\xb6U\x7f\xad5\xf3\x93\x80\xa2(\xcb\'\x93\n'</t>
  </si>
  <si>
    <t>b'y\xd1\x1bs)\x1d\xf5!a\x93\xd26\r\x83\xfd\xeeW\xadD\xd8\x05\xdfX(+k\xc0\x86L\xdbx\x08'</t>
  </si>
  <si>
    <t>b'MrH\xdbL}\x8a\x8c\xea\xf7&lt;\x030\x98\xe7\xf1\xcf\xee.\x8e\x04\x8d\x9f"\xfa\x96\xb8\xece\x0e7\x18'</t>
  </si>
  <si>
    <t>b'\xc8(t\xdc\xbf\xd8\x0e\xbbi\xd4[\xc0/\xd4b\xaf\xb0k,\xa9J\x93\x05\xf6\xa2\x95/\x94&amp;~\x83l'</t>
  </si>
  <si>
    <t>b'd\xc9I\xf4\xb4\xbf\xe5\x10\xf6\xec\xd9+]\xb2\xbc\xfc\xe3jjN\x82\xb9\x87\xa7Kr\x86\xba\xd9\xbeO\x8e'</t>
  </si>
  <si>
    <t>b'\xc0#\xb1GJ\x15\x13"\xc7\xc7\x84\xe5\xab\x88HE\x06T\xba\x1bC\x84\x07J\x12\x93j\x8d&gt;+\r?'</t>
  </si>
  <si>
    <t>b'N\xad\xe6\xc1\xe6\xe4D\xd9\x96\x83nG&lt;\x87E\xb6L\x813\r\x8f+\x961\x06\x05Ny\xb0\xe3\xd2\xce'</t>
  </si>
  <si>
    <t>b'\x06J\x13-uX\xbd\x03\xc8?Os\x80`\x032&gt;9)z6\xb51u\xbb\x93~\xa7\xfe\x98\xbd\x88'</t>
  </si>
  <si>
    <t>b'\x9a/\x00\xb6\x0c\xbf/\xf7%~|\x03\x00:\xa2\xf7..\xd7t\x8d\xb52\xb0\x83\x1ek\x8d\x82\xd1\xd3\x19'</t>
  </si>
  <si>
    <t>b"\x86\xa5e5\x95Y\xd7\x8f\x83\xb0W\x89\xd9\xd8\xb8J\x1d\x16G}:8N1'e\x03\x1e\x85\x18\x9b\xa0"</t>
  </si>
  <si>
    <t>b'"\x7f\x9c\x08\x12\xfc\r\x08x\xf0fL\\\xb5q\x99\xeb\x88\xe2\xa7l\x07\x94\x8d\xfe\x14\xb8\x0e#\xc1o\xbd'</t>
  </si>
  <si>
    <t>b'g\xc7\x97%!\x01y-\xf7S\x10\x93f5\xf1\x9d\x93\x96a\\\xcc)\xe8\x05\x90\xefT#\xff\xba$$'</t>
  </si>
  <si>
    <t>b'[]\x121\xe9[&gt;(\x11\xc7\x91\xaa\xe0n5\xe2\xee\xd6\xa1\xb3t\xc0\xd7mm\x02\x91\x13}\xd3\x8c\xef'</t>
  </si>
  <si>
    <t>b'\x16\xbd6\xc7\xb7}P0\x93\x89\x02\xb7\xe5\xdf\xbc\xcd\x8f+\x8e\xcf\x94\x15D\xb3E$\x7f\xcf\xea\x8c\xb1\x13'</t>
  </si>
  <si>
    <t>b'\xa8\xa1#\xc9\x00\xf2\x17\x11\xab6I\x99\x8e\xdc\xb4\xe0\x12\xbf}g\xdaaq\xa9\x8f\x00\xa0\xdb\x9a\xf2\x9b\xdd'</t>
  </si>
  <si>
    <t>b'\x1e6\xb7_\xd7%\x1e\x14d \x12\xf7\xd8\xf5X_&amp;J\x84^\x9a\xf75,\x1e+\xc4\xc8\xa1\xadc\xcf'</t>
  </si>
  <si>
    <t>b't\x99\xd6\xe1IG:\x02\xebPD~utI\x85A\xae?\xbf\xaf\x01\x11}#\x1e\xd0\x8e a\n\x1c'</t>
  </si>
  <si>
    <t>b"\xa6$\xd0\xf0Oa'm@\xaf\nZ\xe8\xc7&amp;~\xef\xc3\x9bXF\xec\r\xf9\x83,L+!\xdd\xf9\xf5"</t>
  </si>
  <si>
    <t>b't\x8cF\xc9\xd5\x80\xb0\xee\x1e\xdb\x03\x9c\xc8\x01\xf6\xda\x16E\x96\xd3_\x7f\xd0\x99E\x8c\x97\xa4.\x85i\xcf'</t>
  </si>
  <si>
    <t>b's\xc2.\xe7|\xf0\xfb\x19\x12Q%7Uo\xad\xda\x9b\xbb\xe6\x8e\xc7N\x89=4\xb4\x83\x1agJ\xd3\xd4'</t>
  </si>
  <si>
    <t>b'\x88\xf8E]\x99~\xa9\xaf\x10Yd\xb9\x18-2\xfc\x10?,\x8ds\xb7\n\xf8\x18L\x80%\xbb\xe0&lt;r'</t>
  </si>
  <si>
    <t>b'S\x84*\xb8Q\xe6\x92\x9e\xd1\x13\x02\xebF\x1e\x8c\xb5\xaf*c\xd7\xfc\x19\xac\x17\xc3\xac@\xde\xf2\xc4\xe5\xc8'</t>
  </si>
  <si>
    <t>b'B\xd3U\x83\x8b\xe1\x06\x19\x8d\x0cP\xd4Z\xb0\xb9\x01\x19+c\x12\xb2\xc7\xec:$\xe2\x1b\xec\xc3\x8d\xd5\x0e'</t>
  </si>
  <si>
    <t>b'\xf0\x02]^S\xb5\xe4&amp;1\xae\x18w\xbb\x90!h\xca\xae\xf7\x14\x1aS9E\xe7\xe2Z\xdb\x9a\xee\xab\xdc'</t>
  </si>
  <si>
    <t>b'{\x0b\x19\xd9w\xbd\x96{\x89\xe5\xfe\x1a\xcb\x17\xa9\xb7"\xd8\x1b8\x8eN@\x82~\xeb\xd3"\xf0z\xe6\xec'</t>
  </si>
  <si>
    <t>b'\xdf\x7fC{Q\xb5\xaf\xb8\x94Nt\x12\xf8H+2\x8c\x974\xd8\x8d\xa4\xfc\xa0T\xf51\xa0\xb9\xff\x10\xcf'</t>
  </si>
  <si>
    <t>b'\xda\xe1$\xdc8:*0\xc0k|\x8f\x1d\xcc\xcf\x1b\x12#\x80\xd4gmr \xb2y|\xccg\xe8i\xce'</t>
  </si>
  <si>
    <t>b'\x90S yF\xda?\x80"\x0f\x8d)\xf7\xb2\x1b`QC\xa8\x82Ph[\x17\x94\xca\xa0\x1c\x8eY@\xd0'</t>
  </si>
  <si>
    <t>b'K\n\xef\xde\xf1\xfc\x85\xaei\x86\xd4lh\xbc\xd2\xb7a/\x9f`Q\x8f\xa2r\xaa\xa3\x15\xe6\xd9\x89*\xf8'</t>
  </si>
  <si>
    <t>b'\xaf#\\\x12]\xe72x\x17\xea\xb6p\xb6\xeegj\x0b\xba\xe9#\xe9\xe7G\r\x92(\xa9R\x82\xcc\x90N'</t>
  </si>
  <si>
    <t>b'z0\x8f\xc54\xa3\x10|\\p\xbd\xc1\xe0=,:\xeb\x12\xa0\x96\n\x0f\x08@{]\xbfm\x8aE_\x13'</t>
  </si>
  <si>
    <t>b'\xad\x9c\xae\xcb\x9c\t\xc2\xfe_(\xb1\xb0\x9b,\x13y^\xffJMk\xea\x9e\x85vS#\xd8\t\x9ed\\'</t>
  </si>
  <si>
    <t>b'\x14\x06\x06\x8ac(\xe7\x9dKf\xbd\xa4\xd3\xa2\xe2\xbaf_m\x83\x83\xf1\xaa9\xc1\x19\xd4H\xb3\xf7\xc4\xb5'</t>
  </si>
  <si>
    <t>b"\xe8\x80\xa7\xff\xc9\x8fK\xd0;\xb0]\xb4\xbavS\xd0\x91Nhu'\xc4\xbe\xbeAz?\x10\xe7\x12\x18\xb9"</t>
  </si>
  <si>
    <t>b'\xbbr\x17\xbd\xb8&amp;\x8b\xb8\x84\xe2\xb6T0\xe0m\x1dk\xaa\xfcP\xf4\xc7\xa83\xa3\x143\xc6\xe4w\xac$'</t>
  </si>
  <si>
    <t>b' }t\xbc5\x1b\xcdm#\xf3\xc5J\x14h\xc7o\x99\xf4\xa7K\xf6\x98\x87\x18b;(\xb8\x89z\xa4\xd3'</t>
  </si>
  <si>
    <t>b'\x1b\xf7\xc2\xf0\x93\x87\xbae\xc1\xfeso\x7fZn\xd1gz\xe0\xa5\x13\x06O)\xfcNL\xc6]0\xd2\xa7'</t>
  </si>
  <si>
    <t>b'\xcd\'4\xb6.\x05\xceA\xfd\x13i}\x8fO~\xd4o\xb1p\x16\xa9\x83\x89\xa7\xc2\xc6\xb2\xd7"r\xe0)'</t>
  </si>
  <si>
    <t>b'UhU\xe73Qh\xaf\x01\xd7\n\xaam=\xe5\xd8\x89P\xa5\xfco)2~\xe37s\xae\xf5v\x898'</t>
  </si>
  <si>
    <t>b'\x970\xc3\x0f\x18J\xce"o\xd1\xad4\xb0O\x8a\x08W&amp;\x15\x88l\x804h\xfe8\x84\x14wj\xbd\xe7'</t>
  </si>
  <si>
    <t>b"y\x1fv\\&amp;)\xf5\xaa\x1b'\x00\x85{u\xf4\x1b\xdeZC\xf6m\x9cd\xe4\xa5v\x9b\xa6\xd8_\xfe\xb8"</t>
  </si>
  <si>
    <t>b'\xd90\xc7\xd3~\x906\xc2\xfb\x82n\x06\x10\xe4\x03\x8a\x16\x1d\xac\x1e\x1f\x7f\xb6\xc2\x19\x90&gt;\xe5.}@z'</t>
  </si>
  <si>
    <t>b'\xbdb\x14u\x08\xf9\xb6 \x0b\x94\xad/\xf5\xd7\xc8\xe5\x83\xf2\xc6\x97\x8c\xf9\xd5=M\xcb\xae\xd0r\xabfO'</t>
  </si>
  <si>
    <t>b'\x15\xe0t\t\x96\xf2Z\xd2AK8\x87\xad\xa7\xe1k\x9e\x05\xb4f\xb6\xddg}AjE\x99\xf8C+`'</t>
  </si>
  <si>
    <t>b'.\x1b\xf5Lh}\x1f{\xec\xca\xef\x07\xcb\xc11\xd0\xe5[\xe2\x1a\xa9\x99^)\xefL\xe1\xbbX4\x8f%'</t>
  </si>
  <si>
    <t>b"d\xd5(i\xb3)Ql\xdb\xcau\xdfz\x03\x9a\xf4r\xd5%\xffy\x8b\xde\x11\xce5\xc8\nu\xdfX'"</t>
  </si>
  <si>
    <t>b'\xbbP\xc8\xa7\xd5X\xf4\xda\xe2\x8f\xbc\xb6\xafy|\n\x94\x94M]\xb3\xbf\x19TI\x8d\xf2\xce\x03\x91\xdf\xcd'</t>
  </si>
  <si>
    <t>b'\x0e\x07\x8fi\x03\x12\xe9R\xc5l\x9d\x14\xad\x00\xb4\xa29\xbaZlB\x8c\x93\xe3\xbcV \xb57X\xeeb'</t>
  </si>
  <si>
    <t>b'\x8a\xe4\x9f\xac_ckt\xca:\x08u\x81\xb3gO.M\x0f\xc8&lt;"`Eb\xd3Hd\x84\xe6\x8b\xf8'</t>
  </si>
  <si>
    <t>b'\x19\xcb\xe4a\xec7\x1c\xfdm|\xe1\x12\x9c\x89u\xc3y\xfa\xed\xca\xeb\xe9\xdb\xe30@\xb3jy\xa7\xdf\x83'</t>
  </si>
  <si>
    <t>b'\x02\xdb\x8c"\x84Hc\x1a)c\x01l\xff4\xfa\xdfl\x82\x04\xcc4\xe3,s)\x86B\xa1\xcf\xf17\xde'</t>
  </si>
  <si>
    <t>b'\x9d\x86\x9cs+\xe9\xe2\x1fw\x98\xb3\xe2j\x9f\xa1\x04\xb8\x1cz\xb9\x1d\xf4\x85\x077\xd28\xbcomq\xb2'</t>
  </si>
  <si>
    <t>b'\\\xc459i\xda7\x86\x1b\xbe$\x84\xe5V\x82.\xaey\xd1\x0eC\xe4"\x13\xe5\x13|\x82\xdb\x90\xeb\xe3'</t>
  </si>
  <si>
    <t>b'\xd3HpG\x10\x99\x9a"\x81\xe9\xa6 %\x9d\x158\x0f\xfe.9\xaa\x18&amp;\x12J\xfe\xcd\x0e\x17\xc8\x1f\x11'</t>
  </si>
  <si>
    <t>b'\xb4z\x8f\x05\t\xfax\xcc:\xfd\x80\x11.\x93\x93\x94p\xee\xc2\xcbd\xdb\x93\xfa\xe4\x8e\xf8OO\xa6\xdc\x9a'</t>
  </si>
  <si>
    <t>b'7\xfddn\x03o\xad\x17\x0b\xb3\r4\xbbU.\x9f\xdef\x17K.\xdbCe\x15\x0e@\x82\xfc\x18~0'</t>
  </si>
  <si>
    <t>b'\xd3\xaa\xa6\xd3\xc7\x14m\xdd\x11\x04.\xacc{\x91\xec.\xbc\x88\x82\t@(\xf1\x15rMC9\x85\xc6\x90'</t>
  </si>
  <si>
    <t>b'}\x05\x8fF\x81\xed\xef\x8a\xaf\x16\\\xec\t\x9e\xe6N`\xca\x05\xb5\xa9\xdaB\xc5/^\xe2&lt;F\x9cmk'</t>
  </si>
  <si>
    <t>b"\xaf;\x06\xb7&amp;Hy\xe2'f\xfe+\x99(?\xe3\xce$\xac}\x1b\xc1K\xf6\xa2\x19k\xd5\xf8\x11v\xcd"</t>
  </si>
  <si>
    <t>b'\x1as_j\x0c\xc5Q\xd7\xbd\xda\xa6N\xe5\r\xb4dI5\x06-Y\x17-\xc4q\x11h\xe2\x93\xdb\xe0\x19'</t>
  </si>
  <si>
    <t>b'!)\xa7\xd4\xb4\xd0\tJ\x0e\xdf\xde\xa8/\x1b\x972\x94\n\xf80M\x8b\xf8\x02\xa3\xa7\xb9\xd1\x16\x02\xebz'</t>
  </si>
  <si>
    <t>b'\x87M:\xe3\xb1\x03j\x92\xe1\x1d\xeb\xeag\x1f\xa4\xdcm\xd4\x8fbZ\xc7\x04\xf1\xfd\xcd\xcd\xfej\x81\xe9\xee'</t>
  </si>
  <si>
    <t>b'\x14. \xa4\x84W\x0f\x88\x86q\xd4\x81\xc9oS\xcfC\xf8n\xfe\x9a\xec\xc6\x80adC\x1f\xa7-\x05\x08'</t>
  </si>
  <si>
    <t>b'J+\xae\\\x16\xdc.\x0f\x81\x1c\xb1\x90_\xad\xe62\x03\xbbe\xda\x9ey\xd6\xf6\xb9P\xe6\xba\x8eq\xc3#'</t>
  </si>
  <si>
    <t>b'\x9e\xe3\x8a&amp;\xed\x98\xb9_\xa63r\x0e\xd7;\xf4\x99\xea\x91\x86\x0b\xd0P"\xaa\xb5\xd3\x04H\xd3z4\xe8'</t>
  </si>
  <si>
    <t>b'\xb5\\N\xf2\xe9jh\xe5\xdf8\xf6$\xcd\xf8n\x0c\xb6\xc8\xbb=\x0b5\xbfM\xfe"\x0c\xd7\xf0B\xea\x80'</t>
  </si>
  <si>
    <t>b'\xf7\xce\xf6\xcb\xd7o?\xd5\xba\xed\x9a\x86\x1c\xa5\x10\xb9\xe6\xcd\xa2D\xc6DD@\x97\xde\x03\x96\xc3\xe0\xa6\xfb'</t>
  </si>
  <si>
    <t>b'\xde\xa4wg\xb0&gt;\xe5q\xd0\x0c\xf90\xb5\x01\x84\x95H\x07w\xabv%\xa3\xb1m\xad\xac\x0c\xf8\x17\xa0='</t>
  </si>
  <si>
    <t>b'Q\xae\xf4&lt;\xc3]\x8e\xd8H\xb2\x02t\xb0\xe5 \x9d\x04\xdf]:}\xda\x00\xe7\xfa\x19\xa4\xe0\xbe\xe9\x03p'</t>
  </si>
  <si>
    <t>b'h\xb5\xb4$T\xc9gm\xed\xf3\x02\x00\xb4fk_\xdb\xceF_\x94\xf8\xe7\x9b\xda\xd3\x87\xaa\x9d\xa2\xd21'</t>
  </si>
  <si>
    <t>b'\xcf{\x98\xcc\x95\x1f\xf9\xf1\x80\xeb\xd4\x83|1o\xa7\x13\x01"\x8c\xb4\xee\x1e\x19\x0e\x8e\x88\xe9\x92\xc6\xee\x13'</t>
  </si>
  <si>
    <t>b')\xa2k\xac\x821\xc1\xc4`\xe0aF&amp;\x8au\x08\xc1\x8b\xee\xcc\t\xe7I\x91\x87\x84-\xb8\x05w\x00a'</t>
  </si>
  <si>
    <t>b'z\x9a\xafu\xbc=d\xe5\x91}\xb9V\xbfW\xf8\xb9\x15&amp;\xdc}\x02q\x02\xfb\xe2~\xad\xd3Z6o0'</t>
  </si>
  <si>
    <t>b'Rlv\x96\n\xa1\x97\xfe5E\x8d1\xcaC\xc0\xb4t\xb43\x18\xcarl\\\xd8\x7fs,\x08\x1e\xfep'</t>
  </si>
  <si>
    <t>b'6\x94\xab\xd1\xd7\xea\xda\x9b0\x1a\xb5i\x8c~T\xa5;\x9cm\x11\x11\xd3\x8c\xcc\xd9*\xeb*\x7f\xdf=:'</t>
  </si>
  <si>
    <t>b'\x13\x8c+\xd1\xdfV\x9ec\xff\xa3\xe8\x9b8qn\xa0h\xef\xb7\xd2\xb8\xa0\x10\xb1\x95\x7f\x98L% \xb0\xda'</t>
  </si>
  <si>
    <t>b'\xa3O\xeb\xb1\x84X\xe1tr\x9bs\xb5\x17\xd9\x1c\x84p}G\xdf\x8e\x08\x13\x05\xe8E\xf2\x99\x860/\xa8'</t>
  </si>
  <si>
    <t>b'\xba\x1d\x00\xc1\xda\x82|`]\xa5B\xaa\x9a\xab\xb6\x0b\xea\x03\x0f\xbd\xb3\xe4\xef\xdd\xe4|6\xfb\x02\x83k\xf1'</t>
  </si>
  <si>
    <t>b'.\t\x8f\x82G\xdf\xfcG\xefd3\x974\x1f\xcdp\x07\x06\xd0j\xab\xce\x92?\xb3M\xbb\x9b\x92\x95\x9c\xa3'</t>
  </si>
  <si>
    <t>b':\x8a\xc3\xba\xed\x02\xfa\x9f\x8b\x1fh\xaarRW\x14;\xd3\x81\x83\x1e*\xe2\xa4R\x8f\xfe\x1dz\n4\x04'</t>
  </si>
  <si>
    <t>b' \xfcI+d\x96\xe5\xf1\xcaK\x8f\xfb\x07\xb4{A$\x13e\xdc]5Z\xfb\x87o:\xb42\xac\xd3\x81'</t>
  </si>
  <si>
    <t>b'c\xdfO0\xdc1\xd0~\xe2\xe0\xd1\x1d\xadx\xcb\xc8\xe9Q\x1fU\xba\xc9\xa3\xcdk\x96\xd7\x0e\xb4\x1b\x8f\x92'</t>
  </si>
  <si>
    <t>b'6m\x85\xfcR^\x96\xc9\xb0,+X\x9b\x1b\xee\xd7e\x96&amp;\x1fj\xb2\x9d\xcb\xa2\x12\x95R\xedxR\xe4'</t>
  </si>
  <si>
    <t>b'o!\xc56\xb6\xd5\xb4Z\xb7\x96\x1fc\xae\x9b\xc6jj\x1a\xb9\x05\x85Y\x11b\x14t\xf5\x0e\x19\xc4\x0f\x9d'</t>
  </si>
  <si>
    <t>b'\x17\xed\xe8E\xf0\xbcIt\xf0\xa9\x19\xab\xacy&lt;\x93\xbd\xcd\xd2fSP\x99&amp;\x08\xc2\xdc\x0f\xa8\xc2cH'</t>
  </si>
  <si>
    <t>b'\x88\x14\xb8\x05\xb0x\xf5$\xae\xc2\xaf[\x96\x1dq\xe1]\x86\xaa\xc0r\xdf\xcd\xc1\xb0\x7fo\xff:\x92j\xb1'</t>
  </si>
  <si>
    <t>b'\xa0w\x0c(aq\x94\xe4k\xb0\xbd\xa9\tp\tO\xd1\x1f\x84%\x1d\xf7\x81%b\x856\xaf\xcf\xc1\x16\xdb'</t>
  </si>
  <si>
    <t>b'8\x1br\xe7b\x00n\xe4\x82R\xfc\xd0|\x80\xe4\x7f\xdd\x99\xff\x92\xb1\xa3=\xb2n\xb7\xb3\xcc\xa8\x81\x17i'</t>
  </si>
  <si>
    <t>b'3\xe9\x82|\xd7?{\x820D\xf1c\\\xc5\x08\x96!&lt;\x15pdRg"\xbc^e/\'\x9f\n\x18'</t>
  </si>
  <si>
    <t>b'\xba\xe8RpS\xf1\xb8\xe9X&lt;F\x16\x01\xe0\xdeky\xfc!\xa3`\xc1\x83\xcdG\xf0\x0b\xd4\x82\xa3r]'</t>
  </si>
  <si>
    <t>b'\xd9\x004\xcc\xafu\xea\xddI\x86k\x99\xf1\x84\xa4:\x95\x86\x15\xb9\xee%O\x1e\xa3\xfc\x85i\x03\xf4e\xdc'</t>
  </si>
  <si>
    <t>b'\xfd\xee\xc7\xcf\xb5\xe4\x01_}\xd4\xc6T\x1e)NH\xb5)\xdf|=\xff\xe8\xac\xf95F\xe3\xb0\xdf\xa3\xac'</t>
  </si>
  <si>
    <t>b'g\xb2F#\xce\xc6\xf7\x00\x87\n6\x881m\xf0c\xb2\x01?&lt;\x07\x1d-u;\xbe%O5b\x8a\x99'</t>
  </si>
  <si>
    <t>b'\n\x19\xe4\x8e\x96\xab\x06\\Z\x92bUX\x17\x86\xfa\xbd\xc7\x97\xc5\x1ai\xb9\xd7p\xc8\xcdm\x89\xac\xf4L'</t>
  </si>
  <si>
    <t>b'\x8c\xc9m\xb6\x9c\xfc\xb5\'4\xb5\xbf2\x14id{\x91\xfd\xca\xee\xc9"\xe0r\np\xb0\xbb\xe6\xc2.L'</t>
  </si>
  <si>
    <t>b'\xa3\xdf\xd7&gt;\x0e\x18ER\xe7\x0e-\xe1\xa0=U\xf9\xdc\x17TylR\x0e1\x85r\xa4N\x8a=|{'</t>
  </si>
  <si>
    <t>b'k/\xdf\xd9q\x13\xb4X\x85\xf6\xd1DV\xa7\x8a\xa8\x83k\xcf\xbcG#\x86\x9b\xd9\xb5\n#\x1b\xf7\x1e`'</t>
  </si>
  <si>
    <t>b'\x00"\xab\xef+\xe9z\x88E\xe8\x14\xe3f\x96y\xf4\t\x83\xa0\xa6\xa5 9r\xc6\xcb\x06\x9a\x19\xdb^\xce'</t>
  </si>
  <si>
    <t>b'\xadf\xf7\x88\xb5\xce \xdd-u\x15p\x15\xaa\xbb\xc0[\xfaq\x8aA(\xd7\xaey\xe9\x0bw\xb4\xa5J\xd8'</t>
  </si>
  <si>
    <t>b'\x16Uzx\x9a\x93\xed\x90\x05\xd6+\xd1\x1f!\xbax\xa6\x8b\xe6\xdd\x1a\xdev\xac\xf4\x8c\xc3&amp;\x8e9i\xc4'</t>
  </si>
  <si>
    <t>b'\xfc\xee%\x16\xb6\xefz\xbdgt\x83\x8ehd{\x96\x08\x0f8q\xb7+\x84\xaa\x16~t\x97\x00\xd8KK'</t>
  </si>
  <si>
    <t>b'\xddI2b\x9c\x94\xef|\x12q37o\x16\xe0\xc8Z\xea\xa1\xf1&gt;Fd%S\xe2Y\xc0\x9e\xa5\xd99'</t>
  </si>
  <si>
    <t>b'!\x11\xd9F\xc1~\xa2\xb6\x00Z\x99\x89\x81\x90\x17|\x8b\xa9\x13;\x8a\xf6\xdc\x13!\x9e\xe7Ey-\n\x1f'</t>
  </si>
  <si>
    <t>b'=S\xbc\x80)D\x0e\x15e\xb2\x19\xa0\x83\x91Z \xd5\x99\x03H/\x8a\xb8\x83=P&lt;#\xb6\xfa\x80\xc0'</t>
  </si>
  <si>
    <t>b'\xbb\x1b,5\xf1\x00\x19,\x98F\xfbK\xc4m\xacy\x01C\xc2\x1cs\xb5\x80L\xa2ld\xbc\x86_i\xc1'</t>
  </si>
  <si>
    <t>b'\xb37\xfbB\x97\x1e\xa1\x9b\x9f\xde\xf2\x18\xa4\x04\xf4(R\xdf\x03\x9f9\xde\x8cq\xc8\xf1\xb7\x86\x03K}('</t>
  </si>
  <si>
    <t>b'\xa1\xe7\x82\xd3\x15Ix@oE\x93%\xdc\xd8h\xd6\xb6\xa0\x84nr\x1c\x17\x90$m\xbcf\x97\x18\x014'</t>
  </si>
  <si>
    <t>b'\x1c\xca\xbb\xc5E\xf9\xb4\xfa\xabg\xfd\xf6\xd9\xb6\x14W\xd8\xd1\x96\x97\xde\xadkn\xbf&amp;ao\x85\n\x98f'</t>
  </si>
  <si>
    <t>b'\xa0\xb4\xf1\xb5U`\x94cIJ\xc7\x84\x9e\x94\x0c3\x06\x80I}\xf0,:\x94\xdbV\xb8b=~\xa3\xa0'</t>
  </si>
  <si>
    <t>b'\xcd7\x91m"\x0b\xd7\xfb&lt;_\x1d\xa1\xe9Q|\xe9R\x12\xda1\x95\x16W|\x85y;#\x83B\x86\xdf'</t>
  </si>
  <si>
    <t>b'\xed\xe3\x08j\xe4N~H\xd0\x8e\xdc)\x0f\xbcP\xa4c\xd9d|\xeb\x7f\xb1S\x9e\xebI;;\xeaO!'</t>
  </si>
  <si>
    <t>b'6\xf1\xb4{\xb6\xc6\xde&amp;C\x15\xb0\xd4\x87\xb7\xd0\xc2\xde\xc2:0V\xc3\xbam\x0c\xd38,a~S)'</t>
  </si>
  <si>
    <t>b'\x803\xb8\xfd3\xa8\x18\xf4vm\xdc\xa1\x98\xe6\xd0\xae\xc0H\\\x1e\x02\x96e\xb1!\x8b\xf3\x02\xa3.O\\'</t>
  </si>
  <si>
    <t>b'\xfc\x92\x037\x1fCs\xa3\xfd\xc4\xde{0\xfdijg\x04\x05Z\xa2z\xa1\xd0\xa4\x842\xf7\xa9\xee@\xd8'</t>
  </si>
  <si>
    <t>b'D\xa7u3_\xc96\x9eS~LU\x1c1O\x1f\x89\xe2\xff\xca\x97\x03\xba\x84\x8c\xd6KRi\x8c\xdd\xa0'</t>
  </si>
  <si>
    <t>b'r\x9ba\xac\x90\x16\x88\xc2\x05s\x9bG\xd5j\xb4\xd5+&amp;^\xa24\x18&amp;F\xb5J\xae}\x1dsD\xfc'</t>
  </si>
  <si>
    <t>b'\x0c\x1aU\xec\xceqQ\xcb\xee\xcd\x1b\xfbi\xe7\xc35n\xc6&gt;\xb0\xfdZ\xb3\xc0\x9f\xc8:\x8b\xa7O\x9f\x84'</t>
  </si>
  <si>
    <t>b'\xa7|\x0b\x9b\x14\xb9\xba\xd7\xc1\xcf\xcd \xc7\xd2G%\x07\x9d\x16\x99"\xb9\xb4\xce\x8b\xc9\'\xc13\xda`1'</t>
  </si>
  <si>
    <t>b"\xd5\x16|\x06\x88Hs\xac/\xbc\x9e\x04\xde\xda7\x1d\x1dJ\xd4T\xcc\xd6^\x1a\xcb\xcc'f\x1eT\xef\x02"</t>
  </si>
  <si>
    <t>b'*\x9f!\x8e\xf7\x14\x7f.\xa1\x06{a\xad\x04]\xfdL\x0e\xd3Q"1\x0e\xdd\x08\xb7[\xe8\xc5^\x05\xab'</t>
  </si>
  <si>
    <t>b'5\xd2\x8eu\xfb\x9c\xa0\x1c&amp;\x84W\xa4\x1d\xd2\xea\x98\x06\xc2\x81VaW\xaa\xb9\xa39e\xb2\x1a\xb6\x80,'</t>
  </si>
  <si>
    <t>b'\x0b\xd7\x08%/\xd3\x19A@A\x9dR\xa3\x90R\x03$\xed3\x04\xe1^gL\x11\xeaWI\x9e\xa4\xca\xb4'</t>
  </si>
  <si>
    <t>b'\xa5&lt;d\xe8\xd5z\x94\xc6\x8a\xe2\xac{B\xd8\x1a\xcd\xacGo\x86\x8eSM~\xc0\nv\xb0l\x89\xd2\x1f'</t>
  </si>
  <si>
    <t>b'\x02\x9e\xa4\x07\xff\x8b)\xb3\x9b1)\x81\xbd\xfcT\xfa&gt;\x8e\xae(\x07\x88\x8b\x80\xda5I\x07Iy\x06@'</t>
  </si>
  <si>
    <t>b'\xab\xe0b\x81\xa9\x9br\xdc\x11B\xbd\xeb\xf4^o\x91\xff6z\x03\x85\xc6\xdfN\x9e\x01G\xc7\x85\x14o&amp;'</t>
  </si>
  <si>
    <t>b'\xb0Sfhw\xe2|\x98&gt;F(\xa1\xce\x17\x98/\xdcR\xbf&lt;\xbd \x1a\xc8\xe8\x9c"\xc1\x9a)\x00\xff'</t>
  </si>
  <si>
    <t>b'\x1e\x91\xd8R|\xd0&gt;\xd6\x85B\x8a*g\x7f\x17N\xee\xc9\xbd\xf5o\xe7\xb4\xc4y\x8f\x0c\x86S\xd0Om'</t>
  </si>
  <si>
    <t>b'\x05\x873\xbc\xad;\xcf\xbe@\x9a\x08d"K\xdd\xd2\nP\xcd\x03^\'0\x0b\xff\xea\xdc\x12\x1a\xc7\x065'</t>
  </si>
  <si>
    <t>b"\xfa\xf0\x91v\xdf\x81_\x95C\x1d$\xbd}\xd2'j\xaa#Q8=\xad\xd8\xe4~\xd1\xa7ul\xecR\x86"</t>
  </si>
  <si>
    <t>b'j\xeb\xd6\xa4S\xcf&lt;d\xbd7\n\x88\xc5\xff\x1a\xaf\xbc\x84\xd1\xf8\xc5\xa6\xb3Ti\x8bw\xf9\xf4\x8b\xa39'</t>
  </si>
  <si>
    <t>b"\xa43\xf9f\x8a\xa7\xaa'\x0b\x987\xb0\xc8\xb4\x13\x8a\x92\xd50\x1e\x05\x18\xc9\xd2\xa6\xd4\xa0\xb1\xb0\xa9\xf7u"</t>
  </si>
  <si>
    <t>b'\xca\xd3\x9dFp\x00\xd4Z\xdb?\xafK\xd2S\xd9\x04\xdd\x1b\xd9D\xc6\xb8\x97QZ0\xb0\xcdWg\xb0^'</t>
  </si>
  <si>
    <t>b'+\x12\xc5\xc8@N\xc5\x9e\xd2\x0b\xde\xdeyL\xbe\xf1@\xd1\xdd\x07\xba\xeb\x0c=&lt;4\x10\x7f&amp;\xef\x9a['</t>
  </si>
  <si>
    <t>b'\xab&gt;\x91"%\xd0\x07\xffJ \x84\x89\xb4\xb0\xe2\xe1\xd3\x94\x8fQLK\x92\x1c\xa6\xd8\xe5\xe4*\xa3c\x7f'</t>
  </si>
  <si>
    <t>b'\x99\xcb\xbe\xe9\x02~\xce\xd3\xd3V\x93=\x86Fb\xaf\xba\xa0\xb3F\xef\x98\x84\xaa\xac?\xab.Iv\x84\xe1'</t>
  </si>
  <si>
    <t>b'\xb23\x958U\x1bP&amp;\xcd0\x0b\xc5v\x1bY\x8b\xe0U\x0b\xa9l/aw3{\xce_\x07VC\x07'</t>
  </si>
  <si>
    <t>b'*\x9d\xa4cK\x95)\xa4\xcb\n\x1f\xc5\x85\xae\x0c"xR\xd1\xe6\r\xffuqt.\x06\x0c\xab\x05\xd6\xd6'</t>
  </si>
  <si>
    <t>b"\x15\x1b\xdb(%\xce\xb9*\xdb\x13g\xebD\xf1G'\x9f0\x06`\x0b\r\xed\xb2\x80'\xe2\xa8\xb3\xa9U\x84"</t>
  </si>
  <si>
    <t>b'P4\xe8\x1c\xe5O\xf9\xac\xb2{z\xe8J\xdd\xf1R%\xca\xbb\xff\x9cjc\xfc\x16;\x15&amp;\x84\xa5\x90\xbf'</t>
  </si>
  <si>
    <t>b'x\xb7(\xc3\x0e\xe91k\xdb\xf4\\\x87}\x92\x9c\xa5L\xc8+\x1f&amp;\xa4\xd2a\x95\x18\x82\xf7,\x8f\x9cd'</t>
  </si>
  <si>
    <t>b"U\xcb_\x92\x1d\xb9\xec`g\xb5\xa4\xf2\xf9as &lt;DM\x85'\xa2\xbe3\xa8\xf6z\x0bb\xb0+\xd7"</t>
  </si>
  <si>
    <t>b'\xeeN.\xf6\xd5\xddj\x1e\xa1\x86#J\x82^\x9fI8J\x14\xbd\x0f\xe5&amp;\x1b\xa4\xa4\xb2\x14\x18\xa1\xbb\x02'</t>
  </si>
  <si>
    <t>b"\xe6/\xd5_\xd0\xb3\xcePe\x84A\xe6\xcb\xe8\x19\x9d\nC\xd9\x08\x0f!M\xe3V\xb4['#\xfd8\xa0"</t>
  </si>
  <si>
    <t>b't\x90\x0c\xaf;\xf9\x02\x12M?\xa5\xa8\x8d\x90d\xfa\x0b\xdd\xdd\xfd\xe7\x02\xe08v\xee2\xae\x82-zv'</t>
  </si>
  <si>
    <t>b'\xcav\rW\x0b\x1f\x11\x84\xd4\x13\x0f\x12X\xa5#\xb3\xa8\xa8\xecr-\x06\xa0\xd4o\xc0q:\xe4\xb9\x9d\x99'</t>
  </si>
  <si>
    <t>b'\xbd[\xaa\x8ce\x08}\xe3~\x11wONA\xd0b\xa6&lt;\xed\xa5\xd9\xc6\xed\xb2C\xe4-\xcb\x01\xcc\x89\xbc'</t>
  </si>
  <si>
    <t>b'\xe1\xb2\xb4\t\t\xe1b\x97(&amp;\x0c\xe9\xd9"i73\xf5\xeaKY\xe5\t\x98\x88\xf8Q^\xff\xdc\xa2\xdc'</t>
  </si>
  <si>
    <t>b'J\xdd|*\x89f\x8d\x9f\xef\x06\x98`W\xb6\x14\x99\xd0N/\x12\xa5\x00\x82\xea*{\x9fV\xbc\x17\x0c\xbd'</t>
  </si>
  <si>
    <t>b'\x8d\x80m\x0c\x9dj;j\x8b\xd9\x8f\xd8\xb6s\xd6\x1a\x0b\xd8&amp;kq\xf7\xcc\xe5g\x18\xdbx&gt;\x83B_'</t>
  </si>
  <si>
    <t>b'4]\xfe\xd9;&gt;\x03\xa8\xe4\xe9\n\x18\x98\x03\xd6z\x8e\x8c\xe0\xfa\xa9\x9cu\xe4\xbek\xb2c6\xe6\x12$'</t>
  </si>
  <si>
    <t>b'\x15\xd8\x8cIXs\x1ak\x80\xb5\xa7\x95y\x82g+3/\xb3D\xf6\x18\x16\xc9m\x84\xd9\xccn\xd9}W'</t>
  </si>
  <si>
    <t>b"\xf3b\xe4\xd8hVj{\x82\xa6\xd9\xb8\xdc\x9d:\xcf\x1c'\xfd\x13\x94X\xcc\x8c\xcf4\xeb\xb5Wc\x92G"</t>
  </si>
  <si>
    <t>b'\x0b\xdf\x15w&amp;\xad\xed\x93aUp\xc4jJ\xd4Z\x11/;,\xe9\xd6\x8c\xe3x\xf8\xeb\x1eL6\x9c7'</t>
  </si>
  <si>
    <t>b'\x87p\x84\xa5\x80\x83&amp;\x80\xd2\xee\xb7B[\xb1[\xb2\x07\xe0k$\xbaP\xc6^\xd2u`\xfb6\xb9q\xbc'</t>
  </si>
  <si>
    <t>b'\xb8\xc5\x13\xe3u\x18\x81\xeb\x04\xef\x16\x91\x18F7k\xfd\xdb&gt;\x87.\xe6*\x1b\xf6\xe1\xb3\xc9I\xd4\xe1\x97'</t>
  </si>
  <si>
    <t>b'\xea\xcd\xcd\xae\xd4\xad\x11\x90HN\x00\xf7\xce\x83\x02\x9an\x81U\x84\x8a\x1a&lt;\xdb\x8d\xbb y\x89\x9eR\xa1'</t>
  </si>
  <si>
    <t>b'Z\xfbM\xaa\xb9|3\xfd\x1e\xa9\x8e\x0e3\xf4r\xe2\x97\x84\xea@\xfd\x89H\xce\x01s5\x06\xc4\xc8e\x9d'</t>
  </si>
  <si>
    <t>b'\x96\xd2\x18\xee#\x05\xce\xeb\x10\xd9\xc0\xc1\xf7b\xf3Y\x94\x88\xc8\xd3\x89ZO\x0c\x8d\xe6\x14\x87rW\x8c\xbf'</t>
  </si>
  <si>
    <t>b'\xa1\xfa\xcb\xc1 %G?\x11\xda\x08\x04}\xec&lt;HVu\xea\xe9\x91/\xd7\xe8\x9b\xb5\xc8l\x17T#\xa7'</t>
  </si>
  <si>
    <t>b'WN\xc3\x8dF\xd3\xc3\x86\xd9\xca\xc2e\x8eu\xe6\x88\x00:\x14\x95Z\x1c\xa5\xbabN\x8bc\xfcw\xee\xa3'</t>
  </si>
  <si>
    <t>b"4\xbb\xd0]\xdbX\x82''L\x7f&amp;u\x9b\x95M\xc1\x1a-\xcb&amp;r\x1a\xce\xbcu\xf2\x8f\x14&lt;\x81Y"</t>
  </si>
  <si>
    <t>b'\xf7\x0e\x8f\xe6\x88\xbc\x94\xa7F\xd1,8\x16\x00\x986\x9d\xe9\x81T\x8b\x0e\x7fd\xe3O8]H\x94e\xe7'</t>
  </si>
  <si>
    <t>b'x\xb9\x1dn\x03\xcb\x0f\xf8\x02G\xf3\xdc\xbae\xf61\x00g\xe0\x8d\xa0\\\xcc\\q2b\x8e\xd9\r\xd6\xa6'</t>
  </si>
  <si>
    <t>b'5\xee1\xa6\xb6.\x02(\xa9\x95\x8d\xe4\xd1q\x11n\xc5\x1c\xfbI\xfb\x1b\xc7\xa8\x19]t\x97:f$\xf9'</t>
  </si>
  <si>
    <t>b"\x8b\xc14\xb4\x98\xe6\x18\xba\x0b\xef\x11'\x93y\xb9\x1d\xceT\xb2\xc5\xa5\xea\xdf\x10\xe2\x10\xbb%\x85\xc5\x14&lt;"</t>
  </si>
  <si>
    <t>b'\x12\x0fe\xc8L\xe0t\x05Z577\xc9\xe6\xd2\xd34cL\xf2&amp;\x8a\x8bvc\x1b\x1cE\x17\x86\xdb\xaa'</t>
  </si>
  <si>
    <t>b"d\xe4\x03\xdd'[Q\xa0E\xc0\x07Z\xb4\rH4\x01ms\xa4\xbd\x0e\xa6\xe5\xc1\xea\xa7\xb9Z\xe4\xb9\x90"</t>
  </si>
  <si>
    <t>b"\x89)2\xc1\xef\x8c\xc4\xc3\xb6\x9au\xb9V\x13\x02'\xc6\x80[h\xdb\xf4\x000\x1a5\xd7)E\x9f\xb7\x19"</t>
  </si>
  <si>
    <t>b'\x05\xaf\x04\xb9 \x11^\xa86\xf4\xa0*\x02\x83\x16$\xcb\xdeTa\xd8\xa6\xf4I\xc64\xdd\xa4#\xc4\xb8\x8a'</t>
  </si>
  <si>
    <t>b'W\x06\x1d\x1b,)\xf4\x80\xb5b\xe0\x10Z%V!\xd3\xc0 4%\xf7\xac8\xd3\x12\x0f\xc8\xba\x8d23'</t>
  </si>
  <si>
    <t>b'\xb33w\x1f\xd1\x1a\x80\x9bd\x99\xd0\xea\xebc\xeb,OKlF\x0f\x006R\xa9\xf3\xe6&amp;\x1f\xb3\xd7V'</t>
  </si>
  <si>
    <t>b'\xa9k\xfa\xc7,?E\x80\x04X\x01\x86\xd4C2JIFn_\xea\xdcT\x94~\xc6mL\xa8l\xf1`'</t>
  </si>
  <si>
    <t>b'\x8f\xbd\xacC\x1f\xf1&lt;\x14\x03\x17({\xeb\x05\x0e\xa9l\xc8M\xd80^N\x07sT!_H1e\xf3'</t>
  </si>
  <si>
    <t>b'k\xdc7(\x98\x8e\xbc\xf2\xdc\x11mR\xa1\x8a\x7f\xf0/\xaf?J.\x8d|\xcd*\xe1\x18\xddT\xfc\xcf\xf2'</t>
  </si>
  <si>
    <t>b'\xbb3|\x83\xeb2\xaf\x04\xe8\x18\xf5\x7f\xb6qr\xff\x06\xba\xe9E\x9c\x95\xed\xd5\x96N\xdf\xe6\xe0\xa7/\x96'</t>
  </si>
  <si>
    <t>b'\xbck(\xa0K\xadG\x9c\xd6\xee\xd4\x1e\x06\xcd\x03\xc7\x00\xa2.\x9b]\xbc\xb2Rw\x91\xc0\x08\x01t\\9'</t>
  </si>
  <si>
    <t>b'\xfc\x81\xbf\xd5\xa4k\xea\x83P\xa5.M\xbb=E[\xe01]\xb9N\xb0\x8f\x95w\xd7\x03\n0\xdbBb'</t>
  </si>
  <si>
    <t>b'&lt;\xf7Z\xc34\xf4W\x11\x8f\xf4+.)\xc4L\xc5\xd0P\xcd\x81@\x8f\xbe?,\xf0\xff1\x1c\xd2?*'</t>
  </si>
  <si>
    <t>b"g\x0e[\x01\xbdO!a*\xd0m\xa6'\xac\xf7\xd44\x06[\xc5\x92\xe5\x1e\x94h\xc5y\n\x02!\x17h"</t>
  </si>
  <si>
    <t>b'\xd8\xd9sHf\x1d\xa6\x913Q\xfc\xc7\xd9\xb8\xc8\xff\x81\xae\x94\xcf\xa1s\xc3\x87\xe7c\xad;#\xb9\x84\xb0'</t>
  </si>
  <si>
    <t>b'7w\x99\xd1Oq9vN\xb8\xb4?i\xe0\x03)J\r"*9&gt;I\x8f|Z\x83)\x97}\xd4\x8c'</t>
  </si>
  <si>
    <t>b'N\xb0"\x01\t\xb4\xf5\x17\xac&lt;tX\xcc\xac\x8a\x82\xb0\x9e?\x9a_%\x0b\xe9;\xd9k\x04\xf0\x85\xce\xdb'</t>
  </si>
  <si>
    <t>b'\xca,\xb1\x17~\x9e\x01\xa9)\x84\x1e\xfc\x96`\x04\x88g\xfe&amp;\xc7\x96\xfa\xfd\xa2\xdbr=\xb2RBV\xad'</t>
  </si>
  <si>
    <t>b'#f\x92\x05\xf4c\x0f(\xbd\x11r9iX\x9b\xfadu.\x1a\x8f\xf5\xb6!\xe2\x8a&gt;\xcd%\xefP\xe1'</t>
  </si>
  <si>
    <t>b'\x1c\xddo5:.\x02i\xd51}\xdc\xf7\xe9\x13\xac\x03\xb3{\xc0&amp;\xa7&lt;\x07\xc6\xdb\xa3\xd6k\x1a\x9a\xad'</t>
  </si>
  <si>
    <t>b'\xf8\xd3+\x86\x03\xa6z\xf1u\x13\x85\x03|\x93\x95\xd2\x0c\xd5\xb8\xc6c\xbf~`\xf8\xa0\xa6\xb9P\xddN\x16'</t>
  </si>
  <si>
    <t>b'U,\x99\x81\x93\x03O\x95\xc1\x1d\x8b\x02\x81\x02\xea\x12\xdd\xe96\xc16\xd7\xb3q\xa4\xf4\x85^\xcd\xe7\xa4\xb3'</t>
  </si>
  <si>
    <t>b"\x9b\xd0B\x84\x81\xf4T\x05VTK\xd01\xda'Z\xf53\x92\xb5e\xde\x8f\x8f\xaf\xec\xed\xa6\xdd\xec\xeb\xa4"</t>
  </si>
  <si>
    <t>b'\xc0\xb6\x01;2\xf1\xf1\x1d\xad\x82\x19\xef\xb5}.\x1d\xdbN\xf7\xb2\xa1\xd4\x95\x1c\x8e\x9eb[\xd0\x99qx'</t>
  </si>
  <si>
    <t>b'\x81\xec\r.d\xe5\x01\x85\x01\xea\xc0\x9c\x18\xf4\x0b\xfa\xf9\xd0\xc9N\xfa\xad\x0f\xb0W\x97(\xa0\x08g\x12\xf9'</t>
  </si>
  <si>
    <t>b'\n\x82\xc9`6V@\x14\xe6\xe3\xdf"J\xf50&lt;h\xef\x05"\x02\xd8&amp;:p7w\xa0\xd8\'\xd4\x1a'</t>
  </si>
  <si>
    <t>b'\xe0\xbb\xc6\x01\xf1\x1e\x1c\x91\xbfS\xbcY\\Gu*)U\\p\x95\x14\xd0\xe3\xae\xbf\x8b~);\xd3\xae'</t>
  </si>
  <si>
    <t>b'\x08(6x-\xee{\x19\xa2\xacP\xfa\xa8\x8b*ny\xffI\xfa\xa9\xcc\xdb\xbaS\x17\xb2\xf39\x8b\xb2`'</t>
  </si>
  <si>
    <t>b'\x93B\xf1\xfb\xaa\xed=7\x90\xef\xde\xf8d\xbfy\xc1\x88$\x00\x88c\xdb\x11!\x1fg&lt;\xe9k|\x11\xdd'</t>
  </si>
  <si>
    <t>b'\xb4F\xa3H\x06\x8cQ\x06\xff*}\xa9n\xed\xd58\xb8W\x17\tc\x9a(\x97@A\x16&lt;\xed\xd5\xb7\xf7'</t>
  </si>
  <si>
    <t>b'\xdd$\xf0\xcc\x9d\x89.\xf2\xad\x07 \x16\x92f\x92uBZ\x9eU&lt;\xa1P\xb5\xeb\xcd&lt;\x10\xc2\xc7c\x17'</t>
  </si>
  <si>
    <t>b'\x03\xe3\xff\xf3K\xcb\xb2\xc2\x95\xfdX\xee\xd8\xac\x1f\xf4\x1c\xbei\xb93\x99*\x13\xd1\xd2o\x92\xb7\xa2\x85\xd7'</t>
  </si>
  <si>
    <t>b'\x1e\xc5^L\xa080\xfd}C\x8f\xb7 \xc5\x9dw&gt;\x88\xf8Mm]\xab\xc2\x92\x02%\x13\x10-:\xd3'</t>
  </si>
  <si>
    <t>b'z\xcd\x93.\x90\xf4\xa4\xe7o\n\x8f&lt;\xc8\xde\x1f\xff\xd4~\x8b\x00|\xaf\t\x1dF\xa7V\xfa\xd7\x97X\xec'</t>
  </si>
  <si>
    <t>b'U\x1b\xeb\x9e\x92]x^\xf90)\xeb\xebCB]\xeeW\xfd\x18\xce\xccd\xd5\xd1f\x17\xdd\x10s\x97h'</t>
  </si>
  <si>
    <t>b'\xcf\x02\xc1\xf4\xbc\x9d$Y.\xe0\xd7\x1d\xe0~\x1a+\x11\xb3\xa9\xcc\xa5\xf6u`\xf0\x1f\xa4\xdas\xfd\xe8\x96'</t>
  </si>
  <si>
    <t>b'\x01QO\xd4j\xed\xf9\xd5AE\x064\xd3\xb2\x9e&gt;k6\x0c\xa9@7\x80\x87\xa3\xd4\xe5&gt;\xe6=\xab|'</t>
  </si>
  <si>
    <t>b'3\xcb,wR\x93D\xb7\x1e\xcdJ\x17\x0c\xdd\xc6s\r\x98\xb0\x04Q\x9f8&amp;\xf6\xa2\x06}=\xb7\x1b\x05'</t>
  </si>
  <si>
    <t>b'$\x8eJ\xa3\xa6\xc8\xd0\x9d\x98\x03%5[JY\xe8\xb7F\x15D\xa7\x80O^\xb1H\xe8r\x98o\xfb8'</t>
  </si>
  <si>
    <t>b'\x92`\x81o\x7f\xde\\\xe0\x04\xbf\xfeY\xe8\x83\x1d\xbbW\x96A\x8cc\xf2\xf3\xe0O"\xb9\x0b\xee\xf6_\xe1'</t>
  </si>
  <si>
    <t>b'\xd8\xa4o\xcd\x0b!I\x95\xeb\xeb\xef\x12\xef\xb1\x01\xe3\x86&amp;\xa4C\x97V\xa7\xff\xda\x05:\xa5\x87#u@'</t>
  </si>
  <si>
    <t>b'm\x06E\xef2@9\xe0\x08\x8fS-{\xa7\x8f3 \xa9\xc7\x88+\xb4\xb5\xe1\xd1\xa1\xe3pnm\x8c\xf2'</t>
  </si>
  <si>
    <t>b'1Id\xef\xa9\x99\xa0\xefh\x1e\xa9\xe4\x1cp\x08\xc4U\n\xc0e\x8b\x92\xac\xca6\xd8%GtY\xe5\xbe'</t>
  </si>
  <si>
    <t>b'\xd3h(x\xa18\xbdE\x00\xc6\xab\x1a\x87\x95S\x95wz\x86F\x9b\xe5)\xe28\xba\x9b\x84\x8b\xb6\xbb.'</t>
  </si>
  <si>
    <t>b'\x9dq\x9e\x1b=V\xf9Zu\x95\x9a,\xc7\x13"c\xe6\xd2\xa2{s\x04\x1c\x1b\x1d\xc1\xec\xe5\xbc\x8a\xf9\x1d'</t>
  </si>
  <si>
    <t>b'\xa3~\xeb\x05\x89\x0cr&gt;\xc6FR\x0f\x90\x94\x9f7G\xb7\xbd|9T\x00Q\x1b\x01\x02$\x9e%#\x07'</t>
  </si>
  <si>
    <t>b'\xd5,CX\x80\n=\x19\xde_\x00\xdb\xadg\xdb0\x01\x95\xf5\xc5\xf8\x1d(2\xb0\x84\x8e[\x16J(Q'</t>
  </si>
  <si>
    <t>b'\xe4\x8d\xbb\x88f\xc9\xb6\xbd\xb5\xf8\x15\xa0\x87\x97`\xc2\xcb\xd6]HU\xdf#\xb3=\xa9}\x0b\x8a\xd5Hl'</t>
  </si>
  <si>
    <t>b'\x01\xde\x84\x13\xf2\xe7\xf7?(\xef*\xecq\x0f-\xb2\x97`/Mn\xac\x06Is\x81\x8c/u\x97\xdaB'</t>
  </si>
  <si>
    <t>b'c/\x15tR\xf9fH\x17\xb5\xb0"\xa4 c}\x949\x91U`\x10\x02\xfd(\x10\'.\xbdI\xcb\xc3'</t>
  </si>
  <si>
    <t>b'\x8dg\xe2.b.\xc8\\\x93\xa3U\x9dF\xa2Q\x0c\xe5\xb6_b\x99S\xb8\xd9\xff_K\xceS\xe3\x1a\x03'</t>
  </si>
  <si>
    <t>b'Nk\xd8\x18\xd5\\\x88\x98\\\x80\xe0\xb2\xc5\x88\x02a#;\x95\x1b/\x13\xe6M\xb88\xfc\nO\xa9[\x16'</t>
  </si>
  <si>
    <t>b'\x8f\xed\xb9F8\x19NC\x13dH\x16\xe3\xfc\xe0\x19\x9b\x02\x08lH\x8a#\xed{\xb51\xb1\xbe\xf2d\x96'</t>
  </si>
  <si>
    <t>b'Tn\xda f\xb0\xb4 \xe6X\x8a-\xfa\xecgK\xda\xe4\x9a0\x06*\xb5\x1a\xb4\xb9R9\x7f":\x16'</t>
  </si>
  <si>
    <t>b'\xa0\x93FTgy\x90/lo2t\xb2\xf0\xc7\xbd\xe4s\x02\xfd\x03\xc7\xe7\x808\xb7\xfdR+L\xb5p'</t>
  </si>
  <si>
    <t>b'\xb4G\x0e"\xbfQ\xd6\xe3\xc0\xaeJ\xb5\xa0\xf0a\xb6\x14\xc5\r\x0ci\x17\x90\x87\xa88\x06\x03\x08\xdd\xcdO'</t>
  </si>
  <si>
    <t>b'u`\x9c\xfa}\xdb\x08\x16\xdc/f\xcd\x12\xa3\x19\x93\xeb\xe5H\x15\x8c\x10\x12_\x0c\x16\xe8\x15\xb6&lt;\xd0\xc5'</t>
  </si>
  <si>
    <t>b'\xef&lt;-\xa3\x80%\x93\xbf\xa2\x84\x8c\xed\x90\xca\x13PLk\xee\xbeK/:;\x0e/\xf1[o\xa7^\x07'</t>
  </si>
  <si>
    <t>b'\xda\x0efXa4\x07\xd1\xcb\xaf\xbcz\xf9\x04A\xcf\x11\x015H+\xa3\x16\xb0fX\xdfr\xfc\xb8\xef\n'</t>
  </si>
  <si>
    <t>b'\xd4\xec\x87\xffI\xb9\xa7\xcf\t\xa7&amp;\xbcB-\xa3y\xf4\xb2\xd7\xd3\x0evq\xb7.\xb6\x91\x08K)\x16w'</t>
  </si>
  <si>
    <t>b'\x94&lt;wf\xf3b\x9e!\x10\xcd\x95\x1e\x95\x82l\'\x87"NE\xad\x7fhP\x14e\xa1\x82\xa5\x07\xa3}'</t>
  </si>
  <si>
    <t>b'3\xf4\xaaR\xef&lt;\xa3\xe5\xbc\xdc6\nw\x8f\xe8\xb0\xec6W\x9f\x9bo\xd0\xacZ\xc6\xba\xbd\xab\xb5=\x07'</t>
  </si>
  <si>
    <t>b'\x18.*\x83\xa9\x83\xc5\xbf\xdd\xc1\x02\xa3~\xc4\xb5X\xe0\x10\xb0\x95U\xd5\xa7\\N\x8e\x1dH\xb2\xd2\xc5N'</t>
  </si>
  <si>
    <t>b'\xd3"Z\x92\xb9\xfc\xac\x95^\xec\xef\xe7\xa8-\xbdz\xa5\x8f\xc2:\xfd\x9d6\xbc\x13\x81\x9e\xe1]UI\''</t>
  </si>
  <si>
    <t>b'\xdc\x93B\xf9\x90mS`\xa0R\xb9\xc2\x17\xaf\x98\x86O\x93\xd3~\x19\x0f8\xfbb\xb3 7\x85\xfe\x95\x8f'</t>
  </si>
  <si>
    <t>b'\x84\x7f\xf1\x13T\xf2k\xb7\x00\xc3\x015I\x80\x16\xcd\xd7\x8e\x08\xc5\xfd\x95\xea\x9f\xd16\x98\x19\xfc-\xea\xfe'</t>
  </si>
  <si>
    <t>b'\xdd\x03\x94w8kH\xde\xd4.\x80g\x8f\x8e\xa1W\xd6\ni\x17A\x06\xbbR\x14\x84\xa5\x97\xd8\xbd!\xa8'</t>
  </si>
  <si>
    <t>b'_q\xa7\xfd\xc2\x0e&amp;\xcb1\xf5\'#P\xd4\xa7\x07\x83K&lt;\xc8\xfe!\xf0\xec"!\xe6\x7f\xf77\xa4\x12'</t>
  </si>
  <si>
    <t>b'\xd4`ihG\xd5\x06Vc\xc6B\xd2\xafX\xf1\xe8p0\xf6u\x88Q\x85$\xe8\xd6o,\xc9j\x18\xd4'</t>
  </si>
  <si>
    <t>b'\xe3\xdd\x0eu"H\nz\x9b!lWo=\x8e\xe7\xacw\xdc$\x0f\x0b\xc52\xf8\x93\x8d \x01N\x8aH'</t>
  </si>
  <si>
    <t>b'\x96;f\xcaz\xf9ZW\n\xef\x1e\xcb`\xc0\xef\xf9Y|\xc0K!\xed\x84\x03\xc3;W\xd0\xfd\xf8X\xdd'</t>
  </si>
  <si>
    <t>b'\xd3i\x95c\x11\x12_p\x8a\x1e\xa8C\x10\x03ff\xc9\xc3\xc8|xl$\xc1\xdeU\xe3\x80W04\xe9'</t>
  </si>
  <si>
    <t>b"\x80=M\x95\xed\xb2\xed'\x88\x1c_\xd3\x05\xda\x00\x8ci\x16\x19\xce3\xb4\x90.@\xf6\xdf\x06i\x10$\xaf"</t>
  </si>
  <si>
    <t>b'T\xfd\x86k\x9b\\\x8cO\x97\xb8CV^\xb8\xe6\x87\x98\xdf\xe5\x7f\xb2]G^d\xe7|?8\xdcY\x02'</t>
  </si>
  <si>
    <t>b'\xd3\x0e1\xbb\xa1\x04\xcb\x15J\xdb\xdea\x9a\xef\xd3$\\*\x80\x92\x1c7^\xa5\x0f*b\xd3\x11qM\xb0'</t>
  </si>
  <si>
    <t>b'\x94Z\x8cp\xe3\xfa\x08\xc8\xd5\xca\xa2\x94\xf1B\xbf\xa7\xc43\xa9n#\x14\xf8\x03\xa5\xe7\x92,w\x94Br'</t>
  </si>
  <si>
    <t>b'bD\xfdPp\xc3xb?\x84@s`\xb5i\xaf\xbf\xde\x98b\x8cN\xab\x9b\xafw\xe9`\xeb&amp;\x81\xee'</t>
  </si>
  <si>
    <t>b'\x9fi\xf3o\x17\x00_/\xae\xe4|\r4\xca\xf4\xa7\x81(i\x98Mj\xcc\x03\x01a\xaa\xc5w\x1e\xdc\x00'</t>
  </si>
  <si>
    <t>b'5J\x1e_\x169Mz\xf9\xa7\xd1`\xc9\x07A\xbb\xb4\xfb\x0c\x8d!\xd7S%\x0bG\xd7\xf2m\xe6\x84['</t>
  </si>
  <si>
    <t>b'R^2\x9e\x9f\x7f\xc57\x95\x03="V\x1b\xe6\x07\x0e\xeb1\xdc\x8f\x88e\xc2l\xb1U\xb7\xbd\x16q]'</t>
  </si>
  <si>
    <t>b'\xfdl\xebh\xc9d\x85G"\xaa\x12\xab$\r\x84\xe7\x9c\xe9N\xddW\xe2\x92%\x0f\x1a\x18\xff\xc4\x88o\x06'</t>
  </si>
  <si>
    <t>b'\xa4\xd9x\xc7\x7f\x1a\xe8\x08\xcab\xc6\xedu\x0b\x03\x7f\xd6\xf8/\xf8\xd5\xfb\t6\x1eJA\xfa\x12\xf6\n\xa2'</t>
  </si>
  <si>
    <t>b'\xfd\x91\xb1\x91\x97\x9b\x13w\xf1\x95\xd8y\x89;\xa7\x08\xc2\xe2m\x86&gt;\xf9\xbez \\\x13\xc7\x9d\x06\xea\xac'</t>
  </si>
  <si>
    <t>b"Hq\xfe\x8f:'\xd7'\xdd\x8c\x95\x8c\x19*\x87\xbc\x85\x8au&amp;\x11\xce\xa4\xb0h\x0e!c|!\x19\xe0"</t>
  </si>
  <si>
    <t>b'T\xff\xf0\x919\x95\x98w\xa2\xacp\x9f\xd6\xb4\xba02\x86H\xee\x0f\xb3u2\x0c\x16[\x10\xea\x85\xa0\n'</t>
  </si>
  <si>
    <t>b'&gt;I\x018\xa8\xd4\xf1:@\xbbR\xa02\x9f\xd0\xf2\x1a\xbb\xdf\x89$\x0c\x15\xac\xac\xa3\xbd\xc1X\x1c\n\x13'</t>
  </si>
  <si>
    <t>b'\xdf\xf8\x06\xb0RN\x04K\\\x8f-\x99\x8c\xf8\x1e\xcc!\xe6\x8aPMF\x9f\x18T\xa2J\xa3\xe5\xca\xa6b'</t>
  </si>
  <si>
    <t>b'(\xec\xf7\x10UF9\xfd\x0b\x10\x11m\xb3\xc9\xf6&gt;\x0c\xa4\x12R\x0b\xd9\xa8\x94\xd8v?\xbd\x8be\xa0\xf6'</t>
  </si>
  <si>
    <t>b"\x8bc~Y\xd3\x9c!\xd6b'\xc6\xce\x83\x8a\x1aW\xc7\xcf\xcb\x1c/\x93f9\xc3\x98n\x87B\xf5\x1d\xa9"</t>
  </si>
  <si>
    <t>b'\xadX\x12\x86\xd3tNA\x19\xd3u=A\xd7]\xa0\xd7\xee\x99+A\x8e\xfc\xb0\x05\xa1lG\x1a\x91)\xee'</t>
  </si>
  <si>
    <t>b'y\xa9\\y\xda\x9a+W\x0e\x99\xc0\x049\x93\x81\xe2\x8d\xfa\x84$\x17g"~\x1dFv%\x0b\xbbq{'</t>
  </si>
  <si>
    <t>b'\xed\xdb\xc9FG\xfe\x97\x9a\x9c\xd2?\x99\xd6\x80\xe9ak\x08\x87\x00\xb5n\\\x07\x99\xf3+\xe6\xe3\xa4\xe8e'</t>
  </si>
  <si>
    <t>b'ZO\xf6\x0f\xab\x9cK\xc5\xc3\x85\xe9\xf5\\\xb6\xe6Q\tP\xc9\x04\xecyW\x91\xd4b{\t\x7f\xfd\x1dX'</t>
  </si>
  <si>
    <t>b"\xf8h7\x17\\\x7f\x85q\xaa\x97\xf2\xc2_#\xab\xff\\\xfb\x1c\xbbg\xe0\xa8\xc0\xaf\xa3\x16'V6\x9e\xb6"</t>
  </si>
  <si>
    <t>b'k\xd3L\xe3\xc76N\x8d3M\xdf0w \x18\xfb\x1b\xd5\x00\x03\x18\xe2\xea\xa5B\xae\x12\xe0\x00\xe1\x0b\xfd'</t>
  </si>
  <si>
    <t>b"\x8a|\x88\xf1\xbe\xc23\xf5\xa1\x96gu_\xfb\xc5l\xd2*'\xe0\xab8\x97E\x85.\xc5g\x9c}+e"</t>
  </si>
  <si>
    <t>b'u\x06S@ \x85\xe8I\xd5\xe4\xc8\xa8C\xbd\xbc\xdb\xc7\xe6\xf8b\x12\xd4&amp;\xee\xce\xbe\xa8\xed\x0c\xfb\xaa\xe5'</t>
  </si>
  <si>
    <t>b'I\xbd\xcd\xe3\xfa\x8cR\x8a\x00\xf9\xa5\xcf5\xbem\x9816\xd6\xa9\x1b\n_\x13\xd7\xd5\xbc\x99(\xc0\xd2\x8d'</t>
  </si>
  <si>
    <t>b'\x0fS\x98\xa9\x8c\xe4\xe5\xf9\xc8\xe9\xcd\x83\x8f\xc8\xa7M\xc1\x1fo)\xe7(w"k+\xe8\xae\xa4\xc82Q'</t>
  </si>
  <si>
    <t>b'\x12\xaa\xd6HA\xd0\xb5\x8f\x80\xa0~\xb5i\xaeF\xe17v\x8b\x19\x15*zv\xca6\xfd\x0e~_\xb5`'</t>
  </si>
  <si>
    <t>b'T\xdc\xf9\xa4\xeb\xaf\xe1\xfdl\x8d\x92\'e5\xf2h"\x84\xf5\xe3!Q\x87 &lt;\x0c!\t\x87%\x87v'</t>
  </si>
  <si>
    <t>b'\xdcE\xff8vW\x17Z\xfe\xbfQ\xb6\xd8L\xbc%~L\xdavX&lt;.\xb4\xaaa\x99\xf1fl\x07\xc9'</t>
  </si>
  <si>
    <t>b"\x02%\xc2\xe1bH'cv\x94\xa78wI\xf6\x0bu\x01y\xe4\n\xd6|\x14\x9ey-\x04\xb7@\xc1\xdc"</t>
  </si>
  <si>
    <t>b'"\xeb\xf3\x8d\xa3\xc0|\x05\xd8\x8e\xe6\xd7\xdcB9\xa3s"B+L\xe1\xaf\xf6\x98\xa4\x14\xacZ\x95H\xa9'</t>
  </si>
  <si>
    <t>b'{[\x8f\x15\xee.\xd8\xbd%\x1b\xc4\xedV\xf4V^\x00\xd5\xba\x9c\xa8\xeb,#\xf3Ez\xbd\xffa\xb6\xb6'</t>
  </si>
  <si>
    <t>b'\x8et\xb8Ddq\xce5i\xbfy\xe8\xb6\xce\x12;\xd3h\x8f1\xf9\xd93\xb9\xe8\xb1x\xdd\xd9\xd1\xb3\xc5'</t>
  </si>
  <si>
    <t>b'\x9a\xd1)\x10" \xdd\xd7D\x92WN\xac\xae\xe3\xe0{\xe9\xef[\x06\x84\x03\xda&gt;\x1e\xa5\xace\xbe\xa8\xcd'</t>
  </si>
  <si>
    <t>b'\xcc\xecO\x0b\xcb\x1dV\t-\xa5\xa1\x1f\xeal\xfd\x83c\x08\xc6HW\x9c\xef&lt;\x12\xa298\xdb[l"'</t>
  </si>
  <si>
    <t>b'q\x9es\xcaQ_A&gt;\x8aS\xb9\xde%\xa4U\xe1i\x85\xd9\x8e\xd4u-J\x82\x02\x8dah\x82\x8d\x04'</t>
  </si>
  <si>
    <t>b'\xa4\xb2\xc6\x8b\xf5\xab\x0bX\xf0*\xa4?XW\xce\xedcx\xc9\xefE\x19\x04\x07\xb7@\x91&lt;q\xd5c\xa4'</t>
  </si>
  <si>
    <t>b"|\x16\x82\x8a\x1fk\xb7\xd4\xa2\x9f[\xd6\x80'+/\xc3.F\xfa\xc9\xf0\xc4\xc3\x05O;\xb3*\xce\x14\xfc"</t>
  </si>
  <si>
    <t>b'\xfc\x9c\x16\x10\xb7\x9c\xeb\x13\xae#a\xb46\x82\xd0i\xe2\xea#\xf9\xf2J\x03&amp;\x9f\xa8\xc4\xd6\xca\xac`\xc3'</t>
  </si>
  <si>
    <t>b'\x07\xa6i\xc8)\xea\x86\xe1z\x9b\x9b\xfc\x16\x1d\xcc\xcf4\xdby\x10\x19i4S\xedV\xad-e\xfe\xa9\x9a'</t>
  </si>
  <si>
    <t>b'\xfa}9\xec"\x1d$?KTlj\xe3_\xc9\xb5\xc9n!M\x1c\xa8z\x0f\x82ZT\xbb\xa9\xfa72'</t>
  </si>
  <si>
    <t>b'p\x94K\xf9%.\xe1\x10#\xeaM\xe1\xcf\xa73\x0f\xba4dB\x8e\xad\xe8\x9d\x9a\x88\x8fx\x87\xdc\xfa\x87'</t>
  </si>
  <si>
    <t>b'\xe6\x81\xb6\xf4,c\xb5@0\xa1z\xdc\xb17\xe1\xa3(\xd0\x97\xb3K\xdb\xba\xd8\xea\x98\xf1I\xc6\x00_~'</t>
  </si>
  <si>
    <t>b'=\xbe\xab\x01\xf5\r\xc5D6\x88\xc4z\xe4\xa4\xec\x1a\x1e\xf9\xd8l\x13\xa6R&gt;\x90\xb42\xa7\xd2\xe6\x052'</t>
  </si>
  <si>
    <t>b'\xf8s\xb1f\xd6\x8dQx\xd0\xca\x9a\x0eN)\xaf\xb5\x86k\x89\xe5\x03\xbfZ\x9a(\xb69\x97\x98\x9c\n\xd4'</t>
  </si>
  <si>
    <t>b'\x82\xa7\x03=\x92?X\xdc\x985a\xcd\xdf\x81\x84\x94B\xbe\xf0k\x82\xb5\xf8\xe4\xe0R\xacW\x18\x9a\xc1\x8a'</t>
  </si>
  <si>
    <t>b'\x9eo+\xf2\xac\xf9|z\xc3]\x14M\xd4O\xb2O\xd4L\xc2\xe5\x1a\x87\xe9H\x1e=V\x02\x8e\xebd\x93'</t>
  </si>
  <si>
    <t>b"\x1a&gt;mM\x96\xab\x030\x1f\x19\x8f\xbe\x9e\xc3h\xec\xc7\x13b\xcf&gt;~3\x94c&amp;\xd9\xfd@'\xaf\x07"</t>
  </si>
  <si>
    <t>b'\x01\x04\x1c\x82o\xe6C\x8e\xba&gt;\x11w\x9d\x91\xe7\xcf\x01\x8cN\x84\x96\x9e\xd9\x1f\xf7Cy\xb4g@h\xe8'</t>
  </si>
  <si>
    <t>b'\x9b\xa6H\x19\xd6\xf3\x9b\x97pV\x05Q\xdf\x8co)+\xcf\x16\x95v\xec\xe8Y}\x0f\xfb\xdaL\xe9\xe3\x83'</t>
  </si>
  <si>
    <t>b'"C\x94\x9b@N\x80\x1d-\x9a4\x9f\xa9;\xd6%\x14\xd8\x9a\x89lGx\xd2x\xe4C\x87j\x01\x8a\xe2'</t>
  </si>
  <si>
    <t>b'\x97\xa1Vq\x99\xc9/\xf3\xe3\xd7\xd9\xf3\xc5J\xd1\xb1\xf1\xad#\xb1-\xce\xe9\x80\xe7\x0c\x031\xaaf\x15['</t>
  </si>
  <si>
    <t>b'\x0c\xf4\x05\x98\x17Xt\x08f@D\xa1\x94\xb4n\x14\xe1\xb5\x85\xd0\xf1:+&amp;3\xc9\x7f\xfd\x15pa%'</t>
  </si>
  <si>
    <t>b'\x1f\x83\xfe\xa6\x1aa\xc1\x96\xc35\x97\xa2m\xa9\xe2\x9b\x9bi\xd4\x1a\xa0\x9d\x1d\x97E\xc1\xd2\xee\x95\xfeH\xb0'</t>
  </si>
  <si>
    <t>b"[\x9c\xf3n\xd0\xa1\xe5\x12\xefF'ad\xff\xc6,^\x86\xe4\x99\xd2V\xa1b\x05\xff\xca\xed\xa6\x01\x9e\xd4"</t>
  </si>
  <si>
    <t>b'\xf8\xd1R\n\xe4\xc8\xfc\xe1\xe9\x06\x1e\r\x8cx\xd2S\x06f\xdd\\\x94\xe8\x13:\xde6*@\x96y\xd3\xc6'</t>
  </si>
  <si>
    <t>b'\xe3\xcd\x1b%\x99\x10\x05@\xf1\x14\x07\x05\xba\x8a\xea"A\xf7\x85XXQ\x90=\x8bf\x15Q\xba\x1d\x9e\x95'</t>
  </si>
  <si>
    <t>b"\xbf\xb6\xb1f\xc7\x01!\x8f\x0eG\xa89`\xca2\xeeE\xff'\xf0r~\xb3\xa7\xfa\xf7\xc6\x82h\xab\x10G"</t>
  </si>
  <si>
    <t>b'\xe3\xc3\xa5\xe5\xc5\r\x1bn3c\x97=\xd4\x83V\x9d\xb5\xfe\xd2\xb8ap&gt;\xecq\xb8\xddZv\xf1:\xfe'</t>
  </si>
  <si>
    <t>b'\x10\xce\x12?%\x95\xdb\xf2\x87\x95E\x87IJ\xdb(\x00\xad\x02\x94\xf8_\xb81\xdeG\x06\\D6\rg'</t>
  </si>
  <si>
    <t>b'\xbe\xb8A\x8f^x\xf2DK\xff0g\xda\xe8;:W\xc3\x00d\xc3\x00,rI\xab_\xf0t\xc5Z\xf9'</t>
  </si>
  <si>
    <t>b'\x8d |\xe8\xe4\x85C\x05\xf56\x9a\xf4;\x1b\xcfD\xeeK5\x10\x7fK\xa0^.t\x95\xb9]5\xfe\xfe'</t>
  </si>
  <si>
    <t>b'=VEnv\xdd\xb5\x1dj/&gt;\x0b]h2F\xed_W\x8b\x85\x12\xdb\x84w\xc3\xce\xd6Xwkd'</t>
  </si>
  <si>
    <t>b'\x1a/\xa9\xef%"[3\x95:\x07\xcc\xf7\xfe\x05\x1f\x8f\xceG\xe0\x05]L\xacZ\xa7c:L\x9e\x90\xcf'</t>
  </si>
  <si>
    <t>b'\x076\x02\xf0\x85\x04\xae\x88\xb8\x01;Lq\xc6\xf7\xac\x14\xfe1Q\xdbM\x81\xd5\x85H\xbb\x07\x06\xa6/B'</t>
  </si>
  <si>
    <t>b'\xc28\xdf\xc7\xd0\xd7@\x95\xda\xfe6\xecL"\xec\xd2\xa1\xd9w\xbfz\xd2\x83?G\x9aC#\xb3\xe6\x0c\x94'</t>
  </si>
  <si>
    <t>b'Jq\x8f\x08.\xcf\x05y\x04\xbc\xf7\x91\xa7(\xd2\x11G\x83\xdcM^;\x1a\xb2$k$\x0c\xad\xd2\x92P'</t>
  </si>
  <si>
    <t>b'J\xb7e\xf8\xe2\x01\x17\xc4\x95\x15\xb3&amp;:\xa22\x1dC\x08\xcac\xfc\xb5*\xdbF\x04\xa1\xcbi\xe8\x9c\x80'</t>
  </si>
  <si>
    <t>b'|\x89:\x86\r\xa5Y\xc8\xb7,\xf7"\xc9\xc4\x87\x02\xb4\x89A\x8b\x9c\x9a.\xe1\x84\x1c+8\xe1\x81\xc1^'</t>
  </si>
  <si>
    <t>b'\xcd\x0f\x1c\x1a\xc8{\xd7\xad\x0c5\x1c\xcfw\x98A\xb5\xbf\x0e\xe4J\x86\x1f\xf3\xe6\x11\xe3MN\xe9G\xaa\xb0'</t>
  </si>
  <si>
    <t>b'\x7f`\x1bS\xc7\x82\xed\xc6\x89\r4~3\xab\x12\xa5\x9fQ\x0f\xa8\xba\x02\xb8\xdaF4\xe4F\xbfA`?'</t>
  </si>
  <si>
    <t>b'\xb91\xd4u\x1eR\x01\xf0@\x91\xd5\x8b\x8b\xefK\xa1\x8b\xd9\xa1\xea\xe3mk\xddcX\x8e"\'\xd7/m'</t>
  </si>
  <si>
    <t>b'&gt;\x15\x96L\xce\xdf\x0ed\xbc\xad\x0f\x7f\xfa\x04N5\x8b\x00X2mz\xea\xaa\x1a\x99\t%\x13}v$'</t>
  </si>
  <si>
    <t>b'\xc7\x87\xa2\xf2\xd4\xf7\xaa\x96r\xcc"+\xac\xc4o\xdc\xc5-08L\x9f\xcdl\xbd\xd7\xc9\xf8\'\xb7\xbeW'</t>
  </si>
  <si>
    <t>b'%v\x94\x85}\xef\xc0\xc1\xc4\xed\xa18\xba\x16j\x88S{c\x82\xe71 \x87#\xde\x8d6\x1bN\xe6&lt;'</t>
  </si>
  <si>
    <t>b'\xe7\x92\xfd\x93l\xdb\xf0\xa9"\x18z\x00i\xd3&gt;L[E5\x1e\xb8\x85W\xf7L6\x9cD\xa4*%)'</t>
  </si>
  <si>
    <t>b'\xd0\x8e\xd0?pq$D\xf5\xdd\xef\xdclf\x1er\xa2^NA,\x00\xbb\xf7\x94O\x0f\xc1\x1a\xa1\xd3\xa9'</t>
  </si>
  <si>
    <t>b'\x08A\x06=\x84\xfb\xd1e\x93\xffi\xaeL\x8e\xa3-\x9az\xd7\xf7hCo^Q&amp;\xae\x94\xf24\x9f-'</t>
  </si>
  <si>
    <t>b'U\x8e\x19\xad[\xa8\x00\x99\x91\x89\x12}\xae\xaa\xd1j\xc3N\x8b fm;j(Y~\xee\xa1\x88g\xe0'</t>
  </si>
  <si>
    <t>b's\x8d\xec\xb4KoF\xc5\x06&amp;\xbc\xcf\xed\xee\xcdE\xd5E\xf2\xc91\x90\x13\xfc=J\xc4\xce\xe6\xf8\xf8\xc1'</t>
  </si>
  <si>
    <t>b';\xd8M\xd4\x0c;{\xd3\xd3z\xc7e&gt;\x91\xec\xe6\xf3t \x00\xe43\x13\xbf\x08\xe0\xecN\x99s\x87\xc7'</t>
  </si>
  <si>
    <t>b'\xa1\xb1\x04\x94B\x9bP`9\xe7\x15\xe2\x18\x06\xb1F\x1b\x11\xd4\x89\x19\x03TH\x8d\x05\xa4J\x17\x9c\xe7\x86'</t>
  </si>
  <si>
    <t>b'\xf4\xf2\x9b\xcf\xfe\xf4iC\xf18\x15\x0f\xb8\x02\xd6\x1c\x97S\xff\xc7\r\xc4\xd7\xda\xd3\xad&amp;\xc4Iv!H'</t>
  </si>
  <si>
    <t>b'D&lt;\xb4f\x87\x96\xe70\x94\xe1\x97\x04\xca`\xd0IO\xbc\x9dp\x00sL\x8a^H\xe2\xe7\x8d\xbcHK'</t>
  </si>
  <si>
    <t>b'\x997\xf3\xdc\xed]\xa1\xde\xcb=\x8c\x8a\xcd\xaa\xdb\xca\xd0A\x07^\n&amp;C\x18\xde\r\xad4\x8c\xc7\xb2\xf3'</t>
  </si>
  <si>
    <t>b'\xc9\xf0g\x8d\x01\x8d3\xf0T\xa6\x8e\x18\xc9\xc5@\x91&gt;\xb3\x0c \x85\xaf\xb1\xc5\xca\xc2\xd6\xa1f\x91/\xe0'</t>
  </si>
  <si>
    <t>b'KP\xc4\x1a\x17]\xd1}AO\x01\xa7\xfeb\xde+m\xb5\xa8 \xb1\\\xe7/\x8f\xb5+\x80\x08kG\x92'</t>
  </si>
  <si>
    <t>b'bU?\x19[i\xb7J\xa9\x01\xe2h\xa4\xa2\xd9\xdc\xe5\x0f\x82+z\x8a\xe1\x1dju\x8a\xb7\xf76p\xe5'</t>
  </si>
  <si>
    <t>b's\xb0\x8e\xd2]\xa1\xaf\xfd\xd0\x06\xd2v\xe0\x12i \x8b\x88\xdc\xcb\x91\x82\x0c\xaa\x0c\x94\xd8\xf2\xf2zUz'</t>
  </si>
  <si>
    <t>b'(N@.\x8f\xbe\x8d\x05rB\x9a\x96\r\x1a\xbb 4\xd9\xa6\xe1\x80\xe2M\xa7\xc3\x84N\xbfG!4\xd4'</t>
  </si>
  <si>
    <t>b'\x11\xf4&amp;}\t\xf0?\x88&lt;\x804\x7f8\x85|\xea\xe0\xe7\xd3v\xce&amp;\x9du\x07H\xaaT\xcd^\xcc\xe6'</t>
  </si>
  <si>
    <t>b'E"d\x13\xf4\xae\xbac\xcc\xf1\xd8?fm\xc3\x94\xbb\x03\xe6\xaa\x14\xbb3\x1b\x1e\x121q\x8aH+\xeb'</t>
  </si>
  <si>
    <t>b'\x91t\x84\x043\xe7\xa7\x0b\x7f\x7f\xb3a\x85\x11\xebC\t\x96)\xac\xad\xe1\xea\xc1\xe1\xf4\x02\x84wf\xec['</t>
  </si>
  <si>
    <t>b':$O\xfe\xbe\x82r&amp;\x11\x9a\xe3\x947\xa8\xf2\x9a\x0f)\xa6\xfb \xf9\xe9V\x8bU\xffc\xad\xbc&lt;5'</t>
  </si>
  <si>
    <t>b'\x1d3q\xf2\x9c\xd8\xae\xe8;W\x86\x98$\xc6\xf9\xe4C)\xfa.n\x04A9\x9b\xe0_\x04\x8f\xe5S.'</t>
  </si>
  <si>
    <t>b'8KI\x93\x92N\xbf`\\\xabE\x08\x85\x87\x1d\xb7\rn5LLL\xda\x83\xd4\xd2\xde}\x1b\x9c\xb7\x12'</t>
  </si>
  <si>
    <t>b'\x0c\x18P\x1d \x8cr\n\xd9-\xce\x06ssv\xad\xebya\xcd\xdd\xbe\xa8\x81\x1d\x9b\xc5{\xbc\xc8\xef\xad'</t>
  </si>
  <si>
    <t>b'\x16R\xbaa.\xc6=gG\n\x1b:h\xb4c\xf4\xed\xef\xd0\xca\x1c\x93\xb8\x94\xce\xe6*\xf0CH(\xe5'</t>
  </si>
  <si>
    <t>b'\xb7\x1f\x03V\xc6M6\x12\x89\xe6\x91\xb1X&gt;\x05aylM\x85\xf6Bc\x94\x02Y\xb6\x90r\x13}_'</t>
  </si>
  <si>
    <t>b'0\xe5\xc2]\xadrbk5\xab\x08[r\xf0\x9d\xee\x18\xb3\x8b\xe3\x9d\xd2\xd3$\xfc\xfd\xbaq(\x96\xfc\x08'</t>
  </si>
  <si>
    <t>b'b{\xb7\xd7\xacYY&amp;[\xf5\x85\xefb\x8f\x0e\x1d\xa3Hj\x82\x04\x14t\xbf\xe9\xaf\xb5\xce"\xbcC?'</t>
  </si>
  <si>
    <t>b'\xc3\x936\xa9\x0e\xc1\xb4\xa5\xb3M\xc7`3TZ\xcd^G\xc9\xb6\x08CG\x91\x99l\xf4\xef\xe1[}n'</t>
  </si>
  <si>
    <t>b'\xf1\xba\x96\x9aZ\x88\x0e\n\xad\x18ynt54\xf8\xfe\xbd\xe9X5\x022\xa0\xd3\x1aX=\xef3\x9a9'</t>
  </si>
  <si>
    <t>b"L\x94\xcb&amp;0'\x03I\xd4@\x1b\xb39\x83\x8a&amp;h\x86\xbcM\xf5g\x02\xce\xfd\xef\x8a\xd1\xf6n\xdb\xef"</t>
  </si>
  <si>
    <t>b'\x1d\xa0f\xbf\xd9!\\-\xfc#y\x11dD\xf3\xc6\x05_8\x99\xf4\xe6\xa6l\x07\xff\xd4\x83\xbc\xc69\x95'</t>
  </si>
  <si>
    <t>b"\xbbc\xca\xf1\xdb.\xb3 Z\xacI\x94y\x8a\x1d5\xfe'\x04OC\xf38'\x88\x98\xc7\\\x8744\x8c"</t>
  </si>
  <si>
    <t>b'LCsG\x84"\x14aO\x01%\xa0\xe3\xca\x9e\xc0\xf1\x88\xabn\xee\x1d\x86\x0eA\xae\xc7\xa5\xa0Q\x8c\x9d'</t>
  </si>
  <si>
    <t>b'm\x8b\x1f\xf8\xf2\x9a=\xd3T\x8a\x00\x9d\xe3\xc7D\xeb\r.\xdb\xbb&amp;P\x12\xd3\xed\xbbm\xcb\x9d\xc94\xe3'</t>
  </si>
  <si>
    <t>b'\xf0I\xce\xd7\xdbl\xeem\xc7\x96&amp;)lq[\xb3\xd3h\x91\x81\xb7\x0e*\x16\xa7\xba\xcdn\x06\xcd\xdb7'</t>
  </si>
  <si>
    <t>b'\xd8sCh\\\xa16,\x01LM\x80\xc6\xb3eJ\xc3M\xeb\xb5z\xafv\xb6\x92\x81q\x05O\xbd\x12\n'</t>
  </si>
  <si>
    <t>b';C\x97\x11\xb7Y\xd7\xd13\xbf\xe5\xa3\x11\xb0\x18\x91\x8dBL\x17\x80y\xde\xdc\xacW\x98\xd5m0\xfb\xf7'</t>
  </si>
  <si>
    <t>b'\x98\x92\x18\xc2\xc7\xa5\x81\x8cM&lt;9C\xa7\xc3\xacn\t\x1d@\x9e\x087j\xe3\xd1\xb8\xc4\x81KA(\xa3'</t>
  </si>
  <si>
    <t>b'`Y-\x0b\xb9\xf6\xaeA\xd7\x1d\xdfd\x05?5\xa1\xe5}\xe7z\x89d%\x81\x1b\x9a\xc5\xcbh\xc0BB'</t>
  </si>
  <si>
    <t>b'5\xf8\x1bp9$\xc7\x83h\xa4C\xe7\xba\x9a&gt;\xa1P\xf9\x8bX\xba\x8dG\x81\x13\x9d\x98\xc8ZU\xd1Y'</t>
  </si>
  <si>
    <t>b'3\x9c+\x17\xdd#\xe6.\xd8D\x15`\x82\x87U\xe3\x95\x94"\xc8th8\xac\x9e,\xc8\xa0^\xaa\xf3\x81'</t>
  </si>
  <si>
    <t>b'\xd2)\xbb\xa2\x92\x14IUX\x17\xd0X^J\x10Vl\x8c\xb9\x1d\x1c\xcaW\x92\xe2W\xcb\xeb\xa6u\x9eN'</t>
  </si>
  <si>
    <t>b'\xaa\x9dF\x1bfw\xc5\xb0\x1a\x1c\x93\xfb\xfe\x19\x98"t\xa1\xaf\x12\xb1\xd2\xc9\x8d"\x9c\x8c\xc8\x8e\xd4\xdbz'</t>
  </si>
  <si>
    <t>b'U\xbd=c\xf7\xd4\xf4\x89\x14\xeb\xd0\xd2\x8bB\xfbJ\xe9\xfb\xf7\x83\xea\x19I\x80!\x89\xc0*\xc6\xee\xe4('</t>
  </si>
  <si>
    <t>b'Ll\xcc\xb0p)\x95\xec\xa0X\xe4L\xe0_\xe2\x8a\xa2\xb1\xd1=\xb9\xa1\xc4R\xb9\x16\xf9\xf7\xcf\x97\x83\xb1'</t>
  </si>
  <si>
    <t>b'M#\xb8\xa5\xf5\xd0\xcb!\x02\xd1\xf6\x1eC\xccrs\xbd[\x89C\x85#\xce\xd7R\xf7\xd7x\x04\x10\x8c%'</t>
  </si>
  <si>
    <t>b'\xc3\xa5\x94\xb0\xb9\x8e\xf9\xa5\xd9"\x8e"\xfd\xbd-\xe3\x15&lt;\x89\\7/\x92\x9de\x17\xf9+\x87\x9a\xa5\x05'</t>
  </si>
  <si>
    <t>b'sY)!!\x1c%2\xbc\xbc\x94\xa1\x82\x91\xd6f.~\x9f\xb8\xe1\xcd*\xfb\xb0\x0e\xb9E\xfcy\x8cH'</t>
  </si>
  <si>
    <t>b'\xf8\x93e\x06\xed\xbb\x0e\x1co"4\xf5\xca`\xa8\xa5#\x95\x85\xa0k\x0b\xaf\x01&amp;y\xc4\x07\xd2\x08\xf9\x80'</t>
  </si>
  <si>
    <t>b'Z\x8c\x81\x85\xcb\xba\xef\xaf\xd4n\xa7\xe7\xa2R\xe0\xac\xa0\x12/\xb2\x82/\xd4\xe7\xb3\xa3\x87\xdap\xca1\xbc'</t>
  </si>
  <si>
    <t>b'\x10\x1b=\x00\x07\x00\xb4\x1fC/\xda\x85\xf8v\xd47\xa4JE\xdb\xe2\xdd\xb7\xf2D\xe4w\xfa\x0b0#\x85'</t>
  </si>
  <si>
    <t>b'\x1a#\x97\x89\xcaJ\x94\x89\xaf\xdc\xdf\xa3\xf1\x98\x10uu\xb1\x04\xdfl\xba\xb7\xb6_\xf1\x03\xd1-\x1b\x99\n'</t>
  </si>
  <si>
    <t>b'\x7f\xfe\xd9m\xc6R*\x1f\xca\x1b\x80^&lt;\x8dw\x1bj2\xc6}\x03i77\xc6Y\xe4\xbc((\x82#'</t>
  </si>
  <si>
    <t>b'\x91\xc3\xc2\x00LW\x19\xe9\xb7gh\xf3"\x95\xb1\xf1V\x15\xa7\xe5\xccp\x81\xcc\xe8\x18\x99\x83\xc4\x9c~T'</t>
  </si>
  <si>
    <t>b'\xf2J\x8c\x18Ct\xfa\x932\xb6(\x1c\xbf\x0e\xd3\x85bxA\xf0H\x02\x01\xa4\xdf\xcd8\xdc0\x0f\xe6n'</t>
  </si>
  <si>
    <t>b'`\xab$\x0c\xdeo\xa4eG\x08j1n\xf2\xa1\xf3_\xe9\x04\xdfcX`\xa3\xab@\xaf\xf6\x88w\x0e\x18'</t>
  </si>
  <si>
    <t>b'\x95D\xd8\xf0\x84l\xf5\xe0\xb7\xb2\x07{wg\x1b\x0f\x83"?k/T\xb3\xf7\xc6\x0b\xdb[]\x18\r\x98'</t>
  </si>
  <si>
    <t>b']I\xd9.5N[\x0b\xd5\xa9\xd7\x17w\xe4\x9f@R\xbfw\xc1@j\xa8\xaf\r\x01\xa9\xebe\x02\x0f\x04'</t>
  </si>
  <si>
    <t>b':\xa9R2b\xa8\xf93]T\xf2\x83\xcb\x01\x03\x1al\xb6\xd5:\x13X\xe2\xd6\x19\xc1V\x81\xb4/E\x00'</t>
  </si>
  <si>
    <t>b'\x87\xcb\x0c\xe6r\xc0\xec6)\x9bI\x0b~\x8a\xac.m\xcf\x07\xa6]\x99\x8c\x8au\xfa\xd32\x03-x\xf9'</t>
  </si>
  <si>
    <t>b'\x84\x9b\x08x\xa8\xae"\xa9\x89\xcb\x10\xa8\x9b1\xc6(\x02QT\xd9 #\xf3\xf7\\#\xb3\x18\x83sI\x9a'</t>
  </si>
  <si>
    <t>b';\x87\xf7x\xbe\xae\x88%X\x0e\xc8\xddL\xa7K\x87jZ\xb6\xbf$\xbf\xa25IKS\x1b\xfd\x81\xb1\x93'</t>
  </si>
  <si>
    <t>b'6z\xcd\x02\xfc\x05\xb2\x07\xb5\xe2\x92\x97lbx\x96\xd3\xae\xba%\x08jp\xb6\x81\x1a8\x8fC\xd8\xb9\xac'</t>
  </si>
  <si>
    <t>b'\xed+a8gd\xff\x95&gt;\xcbI\xc3\xb3\xcb\x0ciA\xe0\xbb\xa2\xc3#\xb9\xcbs8\xce\nnMR\xaf'</t>
  </si>
  <si>
    <t>b'\xec\xefX\x7ft\xd7.\xac+\xd0,\xad7,bw\xa2\xff\xf0\x89\xd7\xeev\x10~\x15\xb8\x00\xd1\x83\xaf6'</t>
  </si>
  <si>
    <t>b'B\xa7\xf5\xc7\xf4K\x9a\x98\x99w9_\x03\xa3\xee\xee\x84\xa4\x8f\x17 \xe0\xcdPE\xa9T\xc6\x9f\xfa\x8e\xbd'</t>
  </si>
  <si>
    <t>b'\x81\xe8\x9d\xfd\xa9i\xad\x0f\x96p?\xc1(\xaf\xdd\x93\x10\xf3\x89Y\x82\x00\x05\x0c(_\xbd!\x14\xe0\xb5_'</t>
  </si>
  <si>
    <t>b"'\x84uD\xb8Q\xd72\xd6\xcb&lt;\xd59\x92zU\xb6\xae-\x0f&amp;\xca\\\xaa\xaf\xf4\x90\xc5\xecv\xcbm"</t>
  </si>
  <si>
    <t>b'\xbc\xfd\x8a\x98o"6L\x16\xe0\xafq\xa1\xd2\x12\xdc\xcaS\xa6\xc5\xc0$_\xb6\x9e\xa7\\\x03\xf4\xe6)\xb3'</t>
  </si>
  <si>
    <t>b'VbE\xbc7\xd7o\xf8\xca\x95d0\x8e\x9d\xeei\xeaBs\xd6\xf5N_UH\x9e\x8cL&gt;\xa4].'</t>
  </si>
  <si>
    <t>b'd\xda&gt;\xc2|5|\xb7\xc0\x7f\x08v7\xa8\x90B\x027\xbf\xbb\xb4kd\x87\x14D\x10\xd4\x85\x91\xe4\x0b'</t>
  </si>
  <si>
    <t>b'D\xf4#hp\x9ak\xa5\xd6EZY\xbf\xb7\xba!\xac\xed\xc3D\xd5R\xb0\xc6+\xa1_\xfbWi;('</t>
  </si>
  <si>
    <t>b'\xa7\x8c;\x9c^\x7f\x92\x18\x14\n\xd1\x1b`{(o\xffP\xaey\xda\xf5H\xbc\x15Q\xdd\xf2m\x10\x10@'</t>
  </si>
  <si>
    <t>b"'\x12\xc2\xd3g\xce\x8c\xff\xe9Fk\xdcPX\xed\xc1tT\x1c\xb1JI]\xcby\x1d\xe6\xb6\xfc\xb3\xa8\x99"</t>
  </si>
  <si>
    <t>b'\xfd\xbb\x00v9KoAcyh\xde\xe2[{[H\xb8N\x13\xfaYYs\xa4G\xfc\xccm\xa8%\x83'</t>
  </si>
  <si>
    <t>b'}\x0e\x86\x0f\xb4\xb0s\xd2\x14;\xe5\xec@\xea\x03\xda\x89\x15\xdc\xa2H\xc3\x0618\xa6\x0f&amp;{\xa5\xdb('</t>
  </si>
  <si>
    <t>b"\x06Pg\xden\xf7V\x9ag\xd3\xf6\xce\x14Y'\x91a\xa0~\xf6\x11\xb2\x1b\x8f\x1a\xbbI\x1cgVr\x16"</t>
  </si>
  <si>
    <t>b'\xf5\x84;D3\xbb\xf3!ZF1\xda\xb8K\x1c&gt;P\xc9\x16\xa8Y\xcd\x1cQ\xfa\x1f:\xc2CKN\xbf'</t>
  </si>
  <si>
    <t>b'\xd1\x81\x92U\x13\x1e+\x98"\xa1\x0b)F\xf2A \x98\t\xbe\x08\xfdT\\\xe9\x0ef\xbf`\xe3\x85\xff\xc3'</t>
  </si>
  <si>
    <t>b'W\xd9\xb9Y\xea\xc2g\x9cT \x8d\xc3M{\xbf\xe1^\x8e\xd3\xca\x95:uO\xba\x1cp\x1c\xb9\x8b\xb2\xb2'</t>
  </si>
  <si>
    <t>b'\x90K w~\xd8_\xaa\x824\xd5\xbb\x1c!\x08\xcdm\xfc\n\x04\xe1\x0b!\xef\xd0j &lt;\xdd\x80\x90='</t>
  </si>
  <si>
    <t>b'\x9f\x88\x96M\xaciD\xde\xebj\xc7o\xb9\x9a\x04Vr\x02\x1bO\x88\xcd\x1e5\xca\x00nz\xf5\xc3U\x9a'</t>
  </si>
  <si>
    <t>b'\xcf\x98\x9d\xc0\xef[\x9d+\x94lsp\x9b\x1f/\xb8\x89\xd6ogl\xa3\x9ex\xbf;\xb6\x17\x7f|j\xb4'</t>
  </si>
  <si>
    <t>b'\xdc\x060c]\xa3\xb9+\xd6l\n\xe0\xfdE\x91v\xbd\xc8\xf0\xab\x8cj\xcb\xd4\t\xa1\x0c[]\xf8\x14\xd6'</t>
  </si>
  <si>
    <t>b's\xc7\x1d\xb9\x975\x94\x8e\xfd\xb4H\x15\xa5\x1f?\xc3Z\x0b\x17[\xd7\xb4\x10\ro\xe9\xa6\xd3\x86\xf6\x8c\x94'</t>
  </si>
  <si>
    <t>b'm\xd6\xa7\x17\xf3\xdf\xb6\x85\x97\x14\x1e\x1fp\xe5V\xe83\xb0;\xcb&gt;"\xdb\x93o\xdb\xf9\'\xaa\x14\x08@'</t>
  </si>
  <si>
    <t>b'\ns\x02\xbb\x07\x9a\xa6\xa7@g_\x0c/O\xa50^)\x91\x12&gt;\xc4\xc2\xe8%\xc8\x1b{I\x06\xaed'</t>
  </si>
  <si>
    <t>b'\xfc\xe52\xd5T\x1d\xf2\xff\xd4\x82Uh\x12\xb1\xee\xe5"X\xb0\x1eXOO\x94\xfeo\x17i\xe6,\xf0\xf5'</t>
  </si>
  <si>
    <t>b'\xf3\xb7\xd3\x00\x1d\xd7(\x15\x86\xc3uT\xb6\x178b\xd3\xaa?Z\x859\xec&amp;~\xf0\x1eRS\xff\xa5\xff'</t>
  </si>
  <si>
    <t>b'%A\xad}\xd8|H\xfbO\xb4\x90\x81\xc4l\xf5\x12\x18\xb4\xaa\tM\xfe\x8d\x96\x9e\x13\xe7\xd5{\xc6\xa1\xb0'</t>
  </si>
  <si>
    <t>b'SH$\xf5\x03Z\x90Vc\x853\xfe\x94d\x87\t\x9c\x01\xf0\xdd\x07\x15\xfd\xe2\x80JNasO\xca\x05'</t>
  </si>
  <si>
    <t>b'\xebn\xd0p\xec)n;Q\xf3\xb9\x9b\x0f\xa6\x1c%|#6\xbf\x89\xc6\xd9\xe9\xe2\xe2\xd1\xa3\x04\xb5\xcaT'</t>
  </si>
  <si>
    <t>b"\x9e\xee\xd3Z\xca_w\xf8\xe2\x9c\xf30/.\x85'_\xfd\xc2z\xd0\x94W\xd8\x17\xa7\xd2,\x1f)3\xcd"</t>
  </si>
  <si>
    <t>b'\x9e8\x14\xc7#\xf1\x01#\x1c{j!\xa4\xc3\x8c\x91\x9b\xa4\xfcn\xd2\xde\xccp\xee]_\xe9DK2\x14'</t>
  </si>
  <si>
    <t>b'\x10W\x1c2,\xba\xb0EN\xa6&amp;\xe8\x0f\\H\x87\xec\xbc\x14\xae\xbe\x1c\x06\xe1a\x87\xf6@\xe1\x11]{'</t>
  </si>
  <si>
    <t>b'm}8\xca\xba\x0c\xf7}\xc7\x9c\xcf\xca\xcb!`f\x87\xa1\xb62\xaeg\xb1\xce\xc9l\xd9\xdb\n\xe3\xaf\x99'</t>
  </si>
  <si>
    <t>b"H\xf7\xda \xeb\x19\xe7\x98D\xf5#S\x03\x13\x0e(\x1b\xa8\xe92a\xef'G_\xbe\xff\x80(\xddA\x01"</t>
  </si>
  <si>
    <t>b'/\xbf\x9a\xcb_\xa7\xb2]\x06\xdc\x8c\xa7\x86\xe8\tQS\x0b\x84\xd2n\x14)\x86\x10X\x9a\r\x94k\xc4`'</t>
  </si>
  <si>
    <t>b'B{\xa9\x89\x03\x87&gt;7C\x14%\x9c_!\x11\xe0\x88\x1bY\tB\x8eI\xf8\xe6\xcd\x05\x1b\x8a\xc8\xda\x0f'</t>
  </si>
  <si>
    <t>b'@\xce\xb0\n\xcf67B\xb5E\xc1I\xa9\xa5\x96hM\x99S\xac\x87\xc1\xf19\xf4\xe19\xcd\xf1\xa9\xd9\xa3'</t>
  </si>
  <si>
    <t>b'\x8a|1?\x0e\x89\xda\xcb\xbdb\xd3t\x1b=\x15\xb34\xe7\x8f\xb7\xcd\x81G\xa3p\x83)\x13\xc2\x13F\xa9'</t>
  </si>
  <si>
    <t>b'\xbc_\xb9\xf7\xc7\x10\x16\xa2\xf3\xfa\x0b\xd8B\x0c\x8e\xe8\xa6e&amp;\xe05\x87&amp;\t/?\x1f|\x1fo\x19\x92'</t>
  </si>
  <si>
    <t>b'\xc8[X\\\x86\x19\n\xe6\xef-8\xcb;\xe3\xdd\x86\x80\x9a\x84\xcf\xbd\xac\x8dx\x97\xf7\xcd\x07\xb9\x00 \xcc'</t>
  </si>
  <si>
    <t>b"\x03f\xc4\x07\xfd\x800\x15\xc9\x0et\xd6H\xf8\xb8\xe2\x1cv7\x03\xfe\xad%'\xfc\xc9\x00-U-\x17\xe8"</t>
  </si>
  <si>
    <t>b'p&amp;%\xd4\xb5\xee%GA?&lt;,o\xaaCZd\x15rq=*K\xe8\xad\x8bt\xae\xbc\xc6K\x01'</t>
  </si>
  <si>
    <t>b'\x16A\xferB\x85\xdd\x9f\xff\xafG&gt;k%\x0e\xb5\xd6z\xf9\xe2J\x19\xac\x9c\xab\x8b\xcb,\xcf\xac$\x87'</t>
  </si>
  <si>
    <t>b'\xc8)\xfa\x96\xa6\xbeA\x80\xad!\xf1z\xab\xc45\xbe79\xab\xf3\x07w\xfe\xfeuB$\xde\xc5\x9b\xab\xd5'</t>
  </si>
  <si>
    <t>b'\x9d\x84\xd5\xb7\x1a\xecC\xf5z\x83f\x8d\xffF\t\xee]\x96\xfa%\xa7H\xdd9\xe1\xa5_\x83\xe9\xb3\xdfF'</t>
  </si>
  <si>
    <t>b'Cq\x0fDxn\x84\xdf\tj\xad\x04\x89+t\x07\xb3\x0e)\x02:N\xb8\x8eT\xcfU\xb79\xb1\x1e;'</t>
  </si>
  <si>
    <t>b'\xe0\x02\x1c\xdd\xdb\xf5\xb5\x1c\xd3v\xb9\xce\\\x08\xc1\x0ev\x98\xd4\xfd\xee\xd5\x1d\xdc\x8c\xf8Q\xd8\xf7\xab\xba\xd0'</t>
  </si>
  <si>
    <t>b'\xda"\xa6\xd7z\xac\xb0(\x19X\xdaw\xf3\x0c\x1b\xb0\x01\xf3\x1chC\x8du1\xd6\x1b%\xdf\xb3(\xbc\xb7'</t>
  </si>
  <si>
    <t>b'ut\x98\xce\x97\xfag\x1d\x02\xec\xf0\xf0f\x16\xfeu\x13\xfa\xf1\x95e\xb6\xc9\xfeU\xc9t\xdf\xaa{5b'</t>
  </si>
  <si>
    <t>b'5 \xe3AY\xfd\xf8E3Vd\x1a"\xd8I\xc6PD\x9a\xf8\xb2\x95bv\xf1\x1e\x85\xc1\xfc\xef\xd4\x8a'</t>
  </si>
  <si>
    <t>b'\xa6\xf5\xea\xf8S\xd0EI!2}b\xbb=\x01j\xf9\x1bV\xbf \xd2\xdafxQS]X\x1f\xe7\xbc'</t>
  </si>
  <si>
    <t>b'\x00S\x06\x8d\xbf`\xc7F\x8c\xd3f\xe0&gt;W=\x8dWU\x13\xf6:\xdbl\xde\xf2\xe6\x1e\x1a\xa9=`{'</t>
  </si>
  <si>
    <t>b'bgv\x95\xff\x99\xbf[\xdc,\xc4\xb2\x9e\xc0\xd6\xbe\xa7\xb7\xa5\x97g\xaf\x0b\x12j3\x00\xee\xd7\x93\xbc\xcb'</t>
  </si>
  <si>
    <t>b'$\xbb\x8e5\x9f\x88\xcd[\xa9\xa0\x9c\xfa\x1dG\xd0\xe3\xc9\xcf\x85\x94\x18-\xdd\xa7\x88J\xf6\x82s\xf9Y\xf0'</t>
  </si>
  <si>
    <t>b')Oa\xe9a\xd9\xe4\x06\x97\xf3\x9dP%\xa1\xc5\xf5\xd4h\xfe\xaeT\x90\xae\xdd\xb9\xd4&lt;\xc9\x0f0\xb0 '</t>
  </si>
  <si>
    <t>b"\x05`J\x9e\xab\xb1\xb5\xbd\xcbC,\x88_n\x0cgq\xf2\xab&gt;LTX'\x8c\xae\x02n\x18*S\xd5"</t>
  </si>
  <si>
    <t>b'\x11\xb7\xfb\x00&gt;\xfe\xee\x8aG\x13\xed\x9dv\xaf\xf7\x1e\x95\xff\xc9\xd1f\xba\xd4\x8c\x85NEDC\xb2d\x85'</t>
  </si>
  <si>
    <t>b'\x04\x8d\x1e\xc6\x1d\xf8)6\x85\x085\x1ap\xc2k\xc7\x87\x12\xfe\x9b5\xca\x92j%\xc5\xc3\x86\xebs@G'</t>
  </si>
  <si>
    <t>b'N\xde\x0c\xc9\x9c\xd1T\x85L9y\x87\xd4\xadHYh\x136\x94\x9e\x02d[\xc7\x19\x98&lt;?\xdd\x8b\x9e'</t>
  </si>
  <si>
    <t>b"\xffF\xc8\x98\xe2h\x85\xd4c'\xd7\xa7f\xd8z\xfa\\v|T\xc2\xe8\x1f{5\xe1g\x13\xe6\x02\xd77"</t>
  </si>
  <si>
    <t>b'\x95\xfaQL\x8c7\x0frO\x97}\x12\x88\x00\x93\x86\xd4\\M9\t\xdf\xc7\xc7\xc1/\x1e=\xcd\xa0\xd7\x01'</t>
  </si>
  <si>
    <t>b'\xf3=vp\xdf\xb0=&gt;\xf4\xeb7\xe2_\xa8$[{T9\x06\xc4\x1fE\\\x1d\x18\xf3Eu\x903\x91'</t>
  </si>
  <si>
    <t>b'\xc2\xdaL_i~(\xd3Hdi\x87w&gt;\x97\x14\x1bEt\x11\x1d\x04W\xd7\xf4\x9c\xe2\x9a\xd7\xad.&gt;'</t>
  </si>
  <si>
    <t>b'_W\xb8\xea\x95\xa0\xecL\x8f\x00\xaag\x92xF\xed0\xe1\xf8\xdb\xe0|\xe6\xaa\x00\xa5\x8f\xae\xfb\x8b\xfb\xc8'</t>
  </si>
  <si>
    <t>b'\xe2oF\xcen\xdfQ\x15\xa4\xe9\x93\x03\nv\xe0\xf4sj\x92\xbd\xe3\xac\xff\x1c\x1138K\x12%\xa4\x8c'</t>
  </si>
  <si>
    <t>b'\xf7\xd9?\xfd!\xd8\xc2c\xe1\x8c\xe9[\xde$\xbd\xdc*q\x05\x1a*N\x8fw\xa8\xc9]\xfb\xfd\xc0\x8f\x04'</t>
  </si>
  <si>
    <t>b't\x04\x1b\xd4\xd6\xe5\xfe\xdcr\x94\x94\xa6.7B\xd6\xdfT\x11#%\xeb\xbaL\xcc4&lt;=\x05^\x11\x03'</t>
  </si>
  <si>
    <t>b"]k?qYr&gt;\x1d\xd1O\xf0'\xf1\x0ew\xef.\x1a\xac\x06#\xace\xbd_$#\x86\xa1U\xfc\xba"</t>
  </si>
  <si>
    <t>b'\xb2?\xaaP\xbd\x8d!:\xb3Q\xb3A\x15r\xef\x02\xb9\xbf2\xccz\x1ey\xdd\r\xefWL\x1e\x17f5'</t>
  </si>
  <si>
    <t>b'c\x1b]\xb2\x9f\xbd\xa1\x9c\x0c]\xf1U\xac2^\xd6k&amp;\xafj\xbd\x10l\x81\xf5\xf8z=\x8c\xc2\x9e/'</t>
  </si>
  <si>
    <t>b"4\xc0P\xf7T\xde9\x98\x87\x81\x8e'qv\xeaC\x91\xb8\x1d\xa3K\xb0\xaf\xefE\x1d[\xd0\xba\x95\xb5\x1f"</t>
  </si>
  <si>
    <t>b'\xc4\x1a\x15w\x05\xa4{\xae\x93\x8f\x01t\xa8C4.\xb4U=\xc4\xf4\xe4\xa1)rx\xf7"E\xbfT\xbb'</t>
  </si>
  <si>
    <t>b'\x93IC\xb2i\x8e\x87\xba+Fm&gt;\xf8\x99\xb8\x08\x7f\xba)]\xb6\x04\x9al\x19&lt;i]=8\\&amp;'</t>
  </si>
  <si>
    <t>b'\xe7sW\x86\x90q\xf79\n6\x00\xaa\xfcs#i\xd5\xfb\xb0\xdao;\xd3\xfbJ\xef&lt;E\x8e\xae\x158'</t>
  </si>
  <si>
    <t>b'\x83\xa3\xea\xa4W3\xf47J0\x07\x15sF\xe3\xdemp\x1bG\x95\xf3}!\xf6\x96\x8fA]\x80Y\x0f'</t>
  </si>
  <si>
    <t>b'\\\xda\x02\xcf\xd1mb\xdf\xfcL\xbf\x01x\x87\xfa\x08\xb3\x0f\xe3\xb1N?\xec\x1d\xccx\x84\xc1_\x97\xf7\xb8'</t>
  </si>
  <si>
    <t>b'\x02\x80[J\xde\x1b\x99\rt/Z\x15\x04\x10\xe4V\xb7~3\xf5\x06#!\xe1\x85oZ\x1a\xa0\x1c\xe1\xf0'</t>
  </si>
  <si>
    <t>b'\xba\x10o\xd4z\x11\xbdPe\xa18]e,\xb1\xb9\xef_\x0f\x01\xa7\x9d\xe80L\xd6\xd5\x8d\x18u\xc2\xb3'</t>
  </si>
  <si>
    <t>b"\x1d\xe8|\xab\xa9\xc8\xfc\xa2Ib\xac@\xe9\x16\xdd\x96\x14b\n\xeb\x19']s\xb8\xda8\x1f\x932\xb0\x01"</t>
  </si>
  <si>
    <t>b'\xf8\xa9\xf2\xbb\x8a\x1a\xb8\x908w\xdf\xf6NG\xb61\xa8\xb4W\xfa\xc7\x8d\xa4C\xdeU@\xebZ8Wk'</t>
  </si>
  <si>
    <t>b'\x14\x8d\xcb\xa8Y\x81\x89DC\x943\x00\xcca7\x901\x87\x848q@k\xac\xc7g\xc5\xca$~\x8c\x1b'</t>
  </si>
  <si>
    <t>b'\xc3\xdf\x0f\x90\xd4\xe7\x9e!\xde\xe9\xe7\xf4I\x85k\x0f\x97 Q\xb4\x87#\xfe\xe1mV\xe4\x03I\xea\x9c\x87'</t>
  </si>
  <si>
    <t>b" /!\x95A\xa7]\x8edk\xcb\xb06)\xdc\x15\x80\xb2]\xe1\x12\x99L\x14'\xb0\xf98\x1b\xaf\x86\xa5"</t>
  </si>
  <si>
    <t>b'\xdb(\n@Y\xc7\xce}\xbeY,(i\x08\t\xecQT\xe5"QS\x8f\x89\xcfN#L\xe8\x9e\xb8\xe6'</t>
  </si>
  <si>
    <t>b'{\x94{\x1e]\xba\xf4}\xaa\xe2\xf4$\xab\xb1m\xf9e\xa5{\xcf\xb4\xd9\xd0{\xd6$\x80\xce\x91\r\xe3\xb6'</t>
  </si>
  <si>
    <t>b'\x04J\xcb7Gq\x8d\x87\xec\x82\xd4(~\xca\xad\x97\x81;@h\xdc\xa43\xc1\x0cw&amp;%\x03c\xbc\x06'</t>
  </si>
  <si>
    <t>b'v\t\xef[Z\x89\xa6\xb4\xe5F\xf2\xbf`\x14\xdd\xc6\x82\xb5\xf1"\xc5}\x07\xd3\xf2}Z\xcb&gt;\x1c\xb5m'</t>
  </si>
  <si>
    <t>b'\x95\x1fN8\xed\x83J\x8f\x04\xfcuQ\xdd\x94\xb7\t"\x07X\x89\xfdV\xd0\x16h\xd1\xd3(R\x0b\xa4\x08'</t>
  </si>
  <si>
    <t>b'\x0c\xb3P\x1a+eR&amp;\xa9@Dz\xc3Y \xdej\x9d\x82\xaf\xff\xf2f\x1d\xb7\xaa\xd10\xc4\xb8\xee\x95'</t>
  </si>
  <si>
    <t>b'\x0bK\x9e\xaa\x06\x0b\xd9G5$\x98\x03\xff\x8cZU\x9f\xdc\xcb\xad\x05s{@\xa6\xfc*\xd3b91f'</t>
  </si>
  <si>
    <t>b'\xc0\xb0\x19\xdb\xd5\x8am+a\xdd\xa5\xdc\xe6\xb6X}&lt;S7\xd5\xfa\x0b\x86\x19\xb5\x97\xfb\xb9\xf39\xe5\xfa'</t>
  </si>
  <si>
    <t>b'F)\x0e"TV\x8f%\xa5L0\xc3\x1b\xb4B4i\x92@\x19!\x80\x96A0!2\xa7\x02\x05\x8b\x05'</t>
  </si>
  <si>
    <t>b'\xb4\xd0\x1f\x02\x90\xb4\xc8az\xe5\x11E\xca;}\x82!\x1f\xfe\xe9\xf1\xb7\x04\x10Hg!\x9dA\x00_\x05'</t>
  </si>
  <si>
    <t>b'\xe9\xf3]w5\x8dKo|-(W\xab\x80\x16\xb3\xad\xe1\xe95\xa85l\xe8\xe5\xccM\xfb]\xb0w\xcd'</t>
  </si>
  <si>
    <t>b'\xb8 \xeemT:\x94\x97\xd9\x8c&gt;e\x0c\xaf\x84\xdf&amp;,\xcdI\xb5\xfa\xfc\xac,b}1\xce\x98\xb6\xe8'</t>
  </si>
  <si>
    <t>b'\xd9\xbb\xc2vx\xd3%\x8fN\xa9\x8bS\xff\x02\x02\xf5ih\x18\x92\xd1x\xf5c0\xab)\xec\xb7\xe5\x99\x9c'</t>
  </si>
  <si>
    <t>b'3\xe9\xf9\xda\xb9)7\xb6\xea\x17\x17w\xb0\x06\x11\xb9Q\xf8\\v\r]m|\xe7\xf7\xf3\xcb\xd6\xeey\x8c'</t>
  </si>
  <si>
    <t>b';\xfbE\xe6\xc8\xc5\xb0\xf1?\xf1\x895I\xd2\x9d\xbe\xc96\xda\xc9y\xab\xd4\xd9`\xa3\xd7\xfb\xa5"\xcek'</t>
  </si>
  <si>
    <t>b'!E\xbf~:L\x9d$\xa0\xa9N\xd6\xa0\x98*^@0mD\x15\xcc\x97\xd7\xd21m\x7f\xcfKb\x0c'</t>
  </si>
  <si>
    <t>b'\xc9\n\xdbE+k\xfd\xa8n\xb8_D\x86\xf31^\xc6\x83n\xbe\x19e*\xc2\xca\x18\xd3q\xd0I\x8a\xb8'</t>
  </si>
  <si>
    <t>b'\xfaU3\xad\xda\xb7\xe0CG\x94\x92\x9b\x0c]Q\xb3k]\xe2\x9f0\xf1\xc2\x99\xd8\xd1\x1f\xd1-\x12\xed\x13'</t>
  </si>
  <si>
    <t>b"v\x95`\xb1Y\x04\xb6\xaa\xa5\x19\x18\x95Us/\x1f-(\xa1\xdd\xa1\rC'\xe5_k\xfb^(\xe6~"</t>
  </si>
  <si>
    <t>b'\xab\xb4b;UO\xeby\xcaO\x9b\x9c\xa0\xa3\xf7\xb9{\x906&amp;\xba\xc6\xedm\x1eA\xfb&lt;\xb3\x06!w'</t>
  </si>
  <si>
    <t>b"\xeb\xcb\xf9\n\xac\x16'\x15\x01\x87\xff\x90'\xc3\xabV3\xe5\xa0\xcf\x9d\xecs\x92\x0e\xa8\xf1P\xb4Kiy"</t>
  </si>
  <si>
    <t>b'\xcd\xa6\x9d\xe4\xe3\xf8A\xffP\x9bd\r\x80\xd5\x83\x1a4\xb0Z\n-6\x8e(\xaeK!\xd5\xb7\x94\x15='</t>
  </si>
  <si>
    <t>b'7\xcc\xa2O]\x8e$S6\xe3A\xcai\xf3\xa5\x19s);U;=\xb2C_\xf4\x9aH\x027\x80\x14'</t>
  </si>
  <si>
    <t>b'\xf8\x15\xc6\xf7\xc9K\x12\x0c\r\xe9u\xc2\x10\xac\xe2\xedp\x87\x13\xfa\xd1\x04\x06\xe9\xca\x8c\xc1\x9b\xf1\x8c\xc1&gt;'</t>
  </si>
  <si>
    <t>b'|\xb4\xb5V\xac\x0e\xb0#\xbcS\xde\x8e\xeb\x95&lt;\x86Mjr\xb8h\xa3cO\x9dg\x0f\x08\xa2g\xdfm'</t>
  </si>
  <si>
    <t>b"T5\xf5x\x96\xb6\xe5\x81_\x84\x89vX\xc2\x1d\xa3\r\t'p\xcf\xd7\x08\xa9)\xd98e\x01Q\x17\xa4"</t>
  </si>
  <si>
    <t>b'\xe0\x0b\xc1\x83\xabG\xd4Mj)\xd5\xf1-"\xf3\n\x1c\x03]\x055K\xc0Z\x8d\xdc"M\xdd\xbd\xf7\x14'</t>
  </si>
  <si>
    <t>b'AT\x11f\x0e\xdd\x06\xc6\x1eL\x8do\x9d\xd5\xc3\xb0g&amp;\xfeA\x161\x9aU\xb0\x82T\x83*\xfa$k'</t>
  </si>
  <si>
    <t>b'Q\xb6h\xd1\xb12\xd2\xcaG\xbbi\xf8`\xf6\xe8\x13\xd9;\xc9R?\x0b\xa8\xc7`\x0e\x06\xaa\x9c*q\xda'</t>
  </si>
  <si>
    <t>b'p\xa4a\t)\xad\xe3T\xfff\x9e\xedIfc\x80\x91\xdf\xd9\xa0\x80\xe7\x9dr\xce6\xaa\xd1\xf2\xb2\xe4\xdb'</t>
  </si>
  <si>
    <t>b'Y\xfe\xe6\x1f\xb2\x11\xfc\xfeX\xca\x81\x13\x88\x15S\xed\xe9\xa8|8X\xe7\xb7I\x97,,\xdd\xc6\xac\x99\xaf'</t>
  </si>
  <si>
    <t>b'\xe4\x19\xf4\xd5\x05(\x8f"\x13(\x98\xd6R\x1d!\x841\xf3\xc72\xd6\'^W\x0cSsN\x12\xd9$\xa9'</t>
  </si>
  <si>
    <t>b'\xbcK\xf1\x1e\x98I\x936\x17\x80\x9f\xf3a\xa2\xaa\xfdg\xab-\xd4\xee\xf9\x8f\x06q\xf8\xce\xc8Z\xdd\xb1\xc5'</t>
  </si>
  <si>
    <t>b'r\xa1\x1c\xb9\xfe\xe9\x10nq\x14\xf4\x8b\x99\xac]g\xbd\x97\x01&amp;\x81\xea\x92{4U$\xfa\xf8)\x8a@'</t>
  </si>
  <si>
    <t>b'gn\xe2Gde\xf8\xa1P@\xfe\x94\xa2\x9a\xad\xedn\x89\xf7^\x0c{\x9b\xf5\xc8\xdc\x06\x05\x8bOw\x1c'</t>
  </si>
  <si>
    <t>b'\xdf\x98\xa8\x06\xeb\x86\x8f\xb4\xfa\x91v\xe9\xb2\x10\xba1\x0e/q\xb0\x8f\xbbr&amp;k\xb9\xdcYS\xd4\x92['</t>
  </si>
  <si>
    <t>b';\x94m\x0eN\x1b\xe6\xb5\x11w\xc0IF\xc0\x81\xdf\xa4\xe3\x89O\x8cNx\t\x9c\x13\xf4\xe9\xacx\xb6\x06'</t>
  </si>
  <si>
    <t>b'\xd9\xccN\xd9\xe4\x05\xdc?lL\x85\x8c\x9a\x868C\x94F3\x1f\xd7\x93d\x953NM\xf2b\x8db\x17'</t>
  </si>
  <si>
    <t>b'BX\x82\xf5*\x95{\xa3\rG\xa7\xee\xcf\x0cl\x97@\x1cm\x1c\xaa\xaf\xc1tf$\xd31\xfe\xa7\xea{'</t>
  </si>
  <si>
    <t>b'\xec7\xba\x93\x11{\xe7h\xf2@B\xb40\x19Go\x00\xc3\xa4\x0b\xaf7\xfd\xe6&gt;D-\xf9\x04\\\r('</t>
  </si>
  <si>
    <t>b'u\xd7\n|L7\x18\xb6\x04\xd2Y(IA?\xc9\xb5\x8c\xdb\xd4\xba\xeb\xefF_\xf4\t\xd0lf!6'</t>
  </si>
  <si>
    <t>b'\xb7\r\xdb\x87G"\xb1uU\xd0H\xcc\xa7\x92\xed\xee\xf5\xe8\x8dNl\xea\'\x1d\xc2\x05\xb5\xfd\x0c\x1c\xeeL'</t>
  </si>
  <si>
    <t>b'\xc8X\x8b\xaa\x960j\xd1uj&gt;\x86\xeb\xf9&gt;\xa94zr\x03k1w\xf5w\xdcT\xa3)6d\xa9'</t>
  </si>
  <si>
    <t>b',\xeb\xf1G\xf2uQ\xbf\xd0C\xfe\xf0&amp;\x1a\x99\tz\x00n\xbd\xbf\xa5V Td\x90\r\x88q\x02.'</t>
  </si>
  <si>
    <t>b'\x16\x88\x0e7*\x92l\xf6\xe8dO\xdb\x95s\x1e\x08l\x01\xeb\xeb"e\xcea\xf7\x9e\x94\xdes\xc8\x84\x91'</t>
  </si>
  <si>
    <t>b';\n\xd8\xe0[\x908\x93\x1dr\xceC\xfb\xfbk#\x02\xffd\x88\x1cM\xe0\xbeW\xad\xf4\x81\xacn\xef&gt;'</t>
  </si>
  <si>
    <t>b'\xf5T{k\xa1\x05sv\xc6\xd8\xf9\xedb\xe5\xd0\xc1e\xd2\xfb\r-\xfa4\x16\xd7q\x87\xb7\x14\xd7\xec '</t>
  </si>
  <si>
    <t>b'U\xb9qzF\x87\x0b\xd5\x13\x81\xfd\xc8\xba\xb5\xd4\xc4_\\\xa8\xd6\x9f\xc3\xa6\xea\xb6\xae\xb1GD\xe0a\xfa'</t>
  </si>
  <si>
    <t>b'\x1a\xe7\x90\x0f\x7f\xd9\x14:\xff\x13\x978\xeb\xf1\xbc\x0b-^H\xe9\xad\xb4\xb5\xc0\xbaYd\x12\x11*\xc1\xcc'</t>
  </si>
  <si>
    <t>b't\xb7\xd8*j\x13\x1c\xcc\r\xeby\x0bIl&gt;\xb6m\xfe\xe6@\x8eGp\x01\tf#U\xde\x0c\xeb\xa8'</t>
  </si>
  <si>
    <t>b'\x17\xddv(J3\x88\x80c\x90\xcdy\xa9\x896\xd7\xe8\x93+\xca\x19[\x9dz\xfa\xed\xd1\xceE.\xc4\x88'</t>
  </si>
  <si>
    <t>b")D\x90\xde)\xb2\xfb52;\x9a\xda$\xad\x9a\xd7\xc6\x97\xd1L\xc3t\x91\xc3\x80\x96'M\x9c\xbe!\xc8"</t>
  </si>
  <si>
    <t>b'.\xb3\xfc\x04\x0c\tNe\x92\x04z\x8e\xf1\xd6Wjrq)\xed\x05&gt;\xdb\x07\r\tT:\xb9\x005\x98'</t>
  </si>
  <si>
    <t>b'd\xc9n\xb3\xd6\xf45Y-n6T\xe58\x81\x11\xd8Q\xc3-_JD\xee\x99\x85\x94At"\x99\x00'</t>
  </si>
  <si>
    <t>b'\xf2~#\xb0\xe8U\x8fQ3\xdeE\x98\xc9J\x0f\xd4\xca&gt;\xd3\xfb\x7fMS\x18\xeb\xd5\xf3\xb5\xe1\xacP?'</t>
  </si>
  <si>
    <t>b'\xfcZb\x11\xe0f\x9e\t\x9d\x0f\x1d=[\x92\x06c-\xe1Q\xeb&gt;\x86\x01\xbc\xba\x13\xf4\\\xdb\xb5\x1d\xc9'</t>
  </si>
  <si>
    <t>b'G\xb44`c\xaa\x03jE4\xcf&lt;\xf4\xfc\x10\xb1\xab\xf0\xd2\x8c\xebs\x12\x10W\xea\x13\xc9\x1e\x16\xd8\xf8'</t>
  </si>
  <si>
    <t>b'!\xfe4E\x91\xa7K\x17\x80Q\x9d\x87d\x93\xec\xe6y\x19\x0b\xa3\xbe\xae\x8fr\x10\xab\xe2\xbd\x8d)\x98\xe5'</t>
  </si>
  <si>
    <t>b'\xbe\xecM\xe9lR=\xaa&lt;?\xb0J\xa87s\xce7\xc0%\x0f\xbb\xa0\xcc\xc9\xab\x10q]-\xbek\xfd'</t>
  </si>
  <si>
    <t>b'feg@\x95Vi\xfe\x80u&lt;\xeb+\xed\x8d\x00\x0cW\xa4\xebr%\xbcT\x86x\x9c8^{y\x8c'</t>
  </si>
  <si>
    <t>b'q\xb9\xe2\xa2v\xc85\x0e\xc1%=\x14\x1c\x9a\x13\x97\n\x98\xfb\xdc\xa43\xae\xf2\n\x99\xceE\x97!\xe2)'</t>
  </si>
  <si>
    <t>b'\x83A\xfci\x90"&gt;\x17\xb9\xf9\xcc\r\xdf+\xeb\xa1m\xf0\xd6\x88\x8f\xdc\xf4\xaa\xbfap\xce\x9c\x1a\x8f\x94'</t>
  </si>
  <si>
    <t>b'A\xc9\xf4d\x97\xf5\xf1o\xfd\xf2\xfb7r\x04J\xff\x8a\xf2\x8d\xa9\x82G[\xf7\xe9V\x0e\x98s\x7f\xf3\xa3'</t>
  </si>
  <si>
    <t>b'\x07\x05\x91\xfa\xad/\xfa\xdc\xc9\xc0\x82O(V`\xae\t\xae\x12\x14` |MC(/\xf8\x0f\x9f[\xc7'</t>
  </si>
  <si>
    <t>b'\x10?*\xda3TG\xee\xd9\x97\xf7".\xbd?cv\xee\xe2\xb0\xf9\x1b\x89\xd4J\xc6\xbc_\x87\xad\x05_'</t>
  </si>
  <si>
    <t>b'\xeb2\xc6Pm?y0w\xf6\xf9R\x91=\xc6h\x07\xcd\x8a$;\xf3\x1d\x89u\xf4\xaf\x13\x85r\xa0.'</t>
  </si>
  <si>
    <t>b'\x88;~N\xae\xb5n\x9bK\x9d\xebL\x9d\x18\x9b\x93\xec|\x14b\xd8\x1c\xbf\xfe\xb5\xc3gq&gt;9?\x16'</t>
  </si>
  <si>
    <t>b'P\xac-\x85z\xc6\x8f\xa9\xc9\xae\xef\xda\x82C\x91\x17j]\x99*Z \x80\x0fa=/\xe2\x90\xd6PV'</t>
  </si>
  <si>
    <t>b'c\xcaj\th\xeb\xc2\xed\xd0p{\xce`i\xad\xd8Od|^\x8c\xf1\xd1Nb\x94\xf3\t\xf5&gt;\x1dU'</t>
  </si>
  <si>
    <t>b'\x17\x01\xfb\xb6\xed\xde\xad\xd2ein.\xc0(\xf3\xcc\xc5\x00\xcfv\xd9uz\nG"\xedk\xd2\xbbi\xb5'</t>
  </si>
  <si>
    <t>b'5\xc5S\x8f\xe0/"\xf0\xf6g&amp;&gt;\xd6cW\xf2\xb3:\x87\x10\x8f\xb6\xe9&lt;\xdbm\x98)\xb5\x8fh3'</t>
  </si>
  <si>
    <t>b'\x1e\xc3\x80\xf2KY97\xa6HW\xdb\xdb\xbb\x92_\x08\x9e\xd3\xc6+\xed?H\xe8=\xd3`\xaf\xfc\xc0\x13'</t>
  </si>
  <si>
    <t>b'\xef\xd2\xad[\xf2\x89\xbeZ6)\xc5\xe8X\xd0\xc8\x86\xb2\x0f\x1f\x04\xbd\xb1s\x0eH\xb8\x12\x1at\xe6\xc1w'</t>
  </si>
  <si>
    <t>b'\xce\xa9*e\x93!%+\x8c\xaa\xc3(\x9d\xe6\xb65\xe1\x10z\x7f?\x1fhh\xf6}\xed\xe0W\x1f\xa7\xfb'</t>
  </si>
  <si>
    <t>b't\t\x97l\x02p\x90[\xc8\x93\x83\xfcIvV\x9c\xa9\xa1\n\x8d\x9f\xfd\x14\xe0\x98\xa3\x17v7\x98\xef\xb1'</t>
  </si>
  <si>
    <t>b'QX&gt;\xd88\xb5&gt;\xbb\xa2\xc1\xbf\xd8\xcaH\x0f\xf3\xa4\xf5\xa6\xdd\xfe\xaf\xe4P\xfefB\x8fo\n\xbc\xce'</t>
  </si>
  <si>
    <t>b'w0\xd9\xe7I\x88\x80\xa7\xa2A7p;\r\x8a\x08g\x99\xd9\xedYR\xde\x0e\xd4yM\xbd\xbdH\x81\x9c'</t>
  </si>
  <si>
    <t>b'N\x10)z\x82?\x9cg3\xc9\x04\x1b\xedw\xa2\x96\x99\xf7~\xbf0\xe2\x9b\xb61s_\xec\x0fmU\xbb'</t>
  </si>
  <si>
    <t>b'\xf28H.\xd8\xf3\xf2\xbc\x1ba\xad\xd1h\x7fh\x9d\xdb\x91N\\@\xe1\xdb\xf9e/\xb4.h\xc4=V'</t>
  </si>
  <si>
    <t>b'\x83\xd3h\xb0~\xfb\xe9\xfeUX"\x89\xc9q\xfb\xd2\xd6\x07k\x103\x99\xe1\xf4y\xb2\xb3\xb3\xf8\x8d\xaa$'</t>
  </si>
  <si>
    <t>b')\xa5;\xae\x96-nCa\x02I?&lt;\x0c\xfdO\x8fq\xd8,\xf67\x83lD\x84-\xc8{\x1b\xb8\xc2'</t>
  </si>
  <si>
    <t>b'\xf6\xc4\x7fy\xd3\x7f\xfb\x13_.\xf61\x1a\xde\xe6\xecz\x0c\xde:)\x90\xf2,\xdd2\x18\x15?b] '</t>
  </si>
  <si>
    <t>b'Z\xae[\xf5E4\xe1z\xca\xc1\x1cQ|\xdch\x198\x1e/\x9e\xd3\xb9\xa0\xdd\xd1d4"X}\xd7\xcb'</t>
  </si>
  <si>
    <t>b'q\x81\x19W\x14\xec\xc1h\xf3)o\x11\x17\xb1\x9b\xff\x9e\x15\xbe\xff\x98Kv\x1e\x0f\xcc\xde\xf4s\x00\x8e\xd2'</t>
  </si>
  <si>
    <t>b'\x9bG_\x88\x1a\xc8o\xbfV\xa3\x05\x03\xc6\xe3o$\xc7\xc9\x1d\x1cX#\xef\x1e&gt;\xadK\x1b\xdc\xb0\xd4\x0c'</t>
  </si>
  <si>
    <t>b'&gt;\xc5\xc8\xb7\x16\xbc\x19\x8e\x04\x19+\x1fD\xe6\xc3H\x16i\xdb\xad\x97h\xbc\xdc\x8d\x9b\xbc\xe3\xa3\xb0K\x93'</t>
  </si>
  <si>
    <t>b'-~f\xbd\xc3:\xee*\xcd\x00\xc1fPKa\x9e,O\x98\xde\xd8\xe7\x9b\xb7}\xce\x8f\xcd\xaf\n\xc1\x0b'</t>
  </si>
  <si>
    <t>b'\xf8\xdb\xf0AG\xbf\x14G0x\x05q\x80\x93]&amp;e\xea\xab&gt;\xeb\xe1\x9e\x8e\x96\xc9$\x9c\xafz\xbf9'</t>
  </si>
  <si>
    <t>b'\xa6\xff\xdci\xa1\xeeH\xfe\x84\x9c\xd8\xffzh+\x88#M&amp;OT\xdcy.\xe1\x8d_L\xdb\x80\xf9C'</t>
  </si>
  <si>
    <t>b"f\xc2\xb6;\xc8\x87moUw\x0f^&amp;\xd9BA\xb5nW\x06\x8a*\x82\xf3\\\t\x1c\xd3\xc3\x8c\x1c'"</t>
  </si>
  <si>
    <t>b'o\xbe\xbeU^&lt;\xe5V\xc7\x1c\x98\xe8HJ\xd2\xf3\xa8i\x1a\x82=\xe2\xa2D\xeb\xadg\x95\x9c\xd3\x08P'</t>
  </si>
  <si>
    <t>b'w59x-\xacb\xca5\x9a\xb2[\xf4P\xc6\xf0^\xcb?\xd4\t\x1e|\xef1O$Fpr}\xb3'</t>
  </si>
  <si>
    <t>b'h\x1a\xaf\xabCb\xc8\xa6o\xe36\x07"\x8c\x15t\xf4\x08\xbd.\xac+\x8a\x99\'{\x97\xa4\xffRo\xf5'</t>
  </si>
  <si>
    <t>b'\xf4\xc8\xd4A\xd1\xd0-\xe4a\x89mAE\xc6\x80\x7f%\t&lt;\x18\xff\x93|^o\xf7t\x00&lt;\xa1\xc6z'</t>
  </si>
  <si>
    <t>b'^\x84&amp;\x90\xbb54\xec\xcc5\xc4Q\x1a\xd0\x89\xb1\xe2\xbf\xc45g$1i\x90?\x14\xfb;\xd34\n'</t>
  </si>
  <si>
    <t>b'S\xac\xaa\xf5\xbf;K\xefx\x06h\xac\xcf\x9d.\x06\x1bi\xbd\x1fej\xe7\xc6h\x8b\x7f\xe7\x83\xbb\x00\x19'</t>
  </si>
  <si>
    <t>b'VW\xe4\x9e\n[\xc1\xe6\xc2K\xc7\x9f~\xb3\x10.&amp;\xe53\x86\x1d7~*BN\xb4\x8cH\xad\xf4\x9a'</t>
  </si>
  <si>
    <t>b')_\x97\xe6\x89\xe7\xbcyp\xb8\xe9x\xc5|\xeb\x03\xb0\xe8\xf2\x03\x04R\xe4\x99\xb2W\x7f\rXK\x17\xe4'</t>
  </si>
  <si>
    <t>b'\xa5\x8b\xdd\xd4\x9e\xec\x87\xf37\x9e\x8c\xb1_\xed\x9fc\xe9\xa9)\xc7\xe46\xfa\xcc\x9bP\xe8|m(&lt;\xc3'</t>
  </si>
  <si>
    <t>b'\xf8\x10\xe5\x10\xc4h\xfe\xd4\xad\xaa"\x1bg\x9d_\xd1\xf1%\xdc"P6\xd0;k\xf7\xc9\xffKx\xa4\xeb'</t>
  </si>
  <si>
    <t>b'\xca^\nD\xb2\xe30\xae0xo\xaf\x8c` \xcfS\x9e\xb4\x0e}\xf3\xeb\xc6\xc4B\xf9\xc5bU\xe4\x12'</t>
  </si>
  <si>
    <t>b'\xe7u\xf47\xc3\xe4\x0b\xeaU\xf8|\xbaT\x99?^\x07\xb5\xd8\xca\x99\x98[&gt;\xcc\xd4L]\x8a[\x0b\xd0'</t>
  </si>
  <si>
    <t>b"p\xf2a\xfd\xe2\xe9\x14T\rAV\xd2\xd0\xd9\xca\xf7\xa1\xc5$\xb4\x9b\xda'#\x84\x9e\x94\x13\x08\xd1\x9b\x1b"</t>
  </si>
  <si>
    <t>b"[/\xff\xf2s\x821\xd8@\xac#t&gt;\x17^\xa9\xb1\xad(\xf8A\xeb\xab\xf6\xdaK\x05\xe0\x1a\xa4'\xbf"</t>
  </si>
  <si>
    <t>b'M\xd2\x0c\xc96\xebj]\x8b\xf4\xaft\x99\xd2\xed\xaei\xb2_\x1d\xce\xca\x99_\xa9\x97\xe9C\xd1\xdc\x0c!'</t>
  </si>
  <si>
    <t>b"H\x9ax\xfa8\xcbKzl'\xad\x89\x99JsGj\xb3u\xacj\x99\xfa!\x7f\xd1\xd3FY-\x88\x18"</t>
  </si>
  <si>
    <t>b'\x0f\xdb\x1c=\x9b\xd2\x84\xf1v\xa6\xb4q\xe6\xc3\xfb\xc8W\xea\xd5m\xcf\x9c\x0cK $\xad\xa9\x9f\x18w\x14'</t>
  </si>
  <si>
    <t>b"\xfcV\xc5'K\xb8\x9e7\x9d\x14\xaf\xdcY\xf1\xeb\xc2\xa0\xec\xfd\x8a\xe34m\x9a\xcc=\x996sP\x8d\x12"</t>
  </si>
  <si>
    <t>b'\x1fv\xbf\xc9\xc2\x8b,\xc8A\xff\x1cV\xb4\xbb\xfb\xac\xca4\xd1w${\x99\xa1\x0c\\\xe6G\x9c}(\x9a'</t>
  </si>
  <si>
    <t>b'\x13;4w?\xcac*xb\xc71\x9azxs&amp;\x04\xbd\x10]Z\tQ\xfex\xad\x16;z\x0b\x0b'</t>
  </si>
  <si>
    <t>b']0)\x960\x13\xe0\xe9\xf1)]\xcc\xce0\xd7 \x87\x80uq5\xac\xd3\x13\x94\xbdEJ\x02 \x1f"'</t>
  </si>
  <si>
    <t>b"\x8c'\x08'\x12\xa7\\\xa0aw\xe7\xc6\xc65G\xc1\xce\x0fO!\xe5:\xe1\xf1\x9d\xd5\xf3/\xb4\x17\xf0b"</t>
  </si>
  <si>
    <t>b'\xca\xf5\x98*\x135\xdd\xc1\xb5\xbe\x10\xf2\rn\xb9\x11\x1e\xe5\x8c\x90o\xfba/T\xa5\x14X\xac~\x1du'</t>
  </si>
  <si>
    <t>b'2z\xab\x8bU%R\x92\xbd\xf6\x12\x96\xb2Qi#/1\xdf\xc20:\xbc\x1a\x16f\x0ex\xc5iN\xd7'</t>
  </si>
  <si>
    <t>b'n\xedA((p\xcc_\x9c@pv\x19!{\xeb\n#%$VaY~Z\xef\xf9F\xd3\xd1\x03\x8e'</t>
  </si>
  <si>
    <t>b'S\xfbW:"\xb03\xd1$\x0f\x1e\x18q\x1e]\xa37\x87!\xdf\x868::3\x16\xf1\x1a\x80\xbbjl'</t>
  </si>
  <si>
    <t>b'\xaa\x81"\xdd\x97\xb9o\xdc\x1dO\x98\x01\xde\xa7\x8b\xfe\x06\xcf-h\xc0k4\xb07\xb43o&amp;\xce\x83\xc3'</t>
  </si>
  <si>
    <t>b'b\xcb\xe2T]\x191a\r\x94m%L\x90\xac\xe8=\x0cBl(O\x06\n.&lt;P\x8dv\xb0\x1c\x04'</t>
  </si>
  <si>
    <t>b'\xfc\xf4\x8d\xe6\xda\x89\xe5G[\xd8&lt;\xd3\x06Nk\xfe,\x1c\xd30\xdf\xb8pw7\x142\xc8\xf74\xd7\xee'</t>
  </si>
  <si>
    <t>b'\x12%\x1d\xf6\xc9\xda\xea\x19\xde\x9f\x88\xf8c\x04@\x98X\xe5\xec\x86\xdeW\x91\x12\xb9\xfc\xf4i4\x15\xe9\xd6'</t>
  </si>
  <si>
    <t>b'WX\x91kH\x00\x0c\x9f\x7f\xc2\xb9\x17bA\xb88\x8d\x96\x08[\x97K\xca\x16\xa9\x84R\xd3\xdf\xb5\x82H'</t>
  </si>
  <si>
    <t>b'\xe2\x07\xe4\xf6\xdb\xac\n\xc4\xd2\x93gE-RGO\xdc\xa8,\xc1}\xe2\x04\xf9\x80Tv\xb8\xa7X\x16\xe7'</t>
  </si>
  <si>
    <t>b'\xbfG\x03&lt;n\x1e\xdc\xd5\xbc~o\xfe\xfe]_\\5\xc7\xb2\x1c\xde\xcd\x18\xe6\xeb\xea\xcf\xcb\x07#\xf3\x84'</t>
  </si>
  <si>
    <t>b"3'\x19\xee\x08?T\xeb`Lv\xa1\x98\xe4\xac/\xbf\xd2\x18\r0cp\xd7\xca*\xfa@\x0b%\xd9\xab"</t>
  </si>
  <si>
    <t>b'\xf9E\x80\xed\x18\xcf/\x19O\xaf\x85\xff\xcd8J\x97\x91$\xf4\x04\xa53\xd8}\xea0G^q\xfc$\x0c'</t>
  </si>
  <si>
    <t>b"}d\x0fIP+\xc8\xdb\x8f\x16\xc6@\x94%\xe4\x1a\xe9\xfd^\x8b\xe5\xbcQ'1\xe4\xd8\xea\xfcK\x9a\xc4"</t>
  </si>
  <si>
    <t>b'N\x97\x96K\xa5\x10D\xb6\xa2+\xac\xb4\xf6\xd7\xac\xfb2\x04\xa5\x05\x0f\xd5\x14|\x8d\x8c\x9e\xf8\x06\xa6C\xbe'</t>
  </si>
  <si>
    <t>b'Ia\xbb}\x85I\xa9\xff%x\x06tr\xd1\x04\x9bq\xa3~d\x98u\xfc\xd4\xc8\xd23\xc0\xe8\x9bHe'</t>
  </si>
  <si>
    <t>b'\x1b\x8c\xd3Wt\xbb\xb7\x9c\x875gS\x9a\x18\x19$\xf1\xb2\xfb\xba\xde\x87\xfe\x07l\xf0uhw\x91\x16['</t>
  </si>
  <si>
    <t>b'\x12\xf4\x94\xb5l0\xc4O\xee\x1d\x96}M\x02\xf0_-\x03\x07$\xe1[\xe2m\xf0\x8f\xeca;\xb5\xa2\xdd'</t>
  </si>
  <si>
    <t>b'\n\xcan\xb0\x98\xb9\t|\xe9\xbc\xadbf\xc7\x9f\t\xd3\x08E\xe1A\x94\xa1\xd1\xd87n\x13\\\xd7;Y'</t>
  </si>
  <si>
    <t>b'\x05\xfd\xde\xc6\xc85\x00\xe4\xb5\x83\x17\xb9ilBL\xfd\xf5e\xd1}\x1f\xef\x1f\x88\x17\xe6D\xcar\xa0\x17'</t>
  </si>
  <si>
    <t>b'\x17\x96\xa1\xc5"\xaaU\x8b\x9b!\xf6\xc9\xd1\xf4\x1c\xf3c\x81\xa9s\xf5/2\xf6\x7f\x07C\xab\x94\xaa\xab\x8a'</t>
  </si>
  <si>
    <t>b'H\xc1\x8c\xaf(\xc8w\x8aa\xcf\xb0\xafb\xa6vP\x1eSB\xf9\x14/GE\x911\x02\xa0\xd1\xf2z\x05'</t>
  </si>
  <si>
    <t>b'1=\xb0"n\x18\xdb\x07\x8e\x1f\xed\xbc\x15u\x18fZ4\xf5n\xa4\xf1\xe5i=\x7fs\xf6\x070.\x0b'</t>
  </si>
  <si>
    <t>b',%g\xa3\ni\xd9J\x82\xf2\xf8\xf1\xaaZ\x8fq\xa9\xc3\xc1)f5\x19:\x8e\x9c1\xfd\xfe\xa5\x8b\xfc'</t>
  </si>
  <si>
    <t>b'\x15\xcfkFK\xf7\xbe\x00g\x81z\xfd\xa7~\x9ffr"yh-\xc3R\xc5\xeb\xcevR\x7fb\xc6y'</t>
  </si>
  <si>
    <t>b'&amp;S\xc9C\n0R \xa6\x7f\x15\x0f~\x81F\x80\x96\x9a\xb9`"\xc9/i\xad\xc4\x9a\xc2\xf0Ug\xc2'</t>
  </si>
  <si>
    <t>b'O\x1a\xfd\xfcO\x91_.\n\xb82\x05\x07\xe4\xb3\xf4\x93\xde\xea\xd9\x18\xda\xa0\x16\xd7v\xf0&lt;&amp;\xe7\xc0\xc2'</t>
  </si>
  <si>
    <t>b"i\x0bf\x98?)\xf7\x9f\xddcHr\xe4)'l\xbb\x90\x81\xcc\xd9\xc5\xf2\x8c\xe05e\xf9\x8f#\xdb)"</t>
  </si>
  <si>
    <t>b'\xa3"d\xae\x8f\xaeb\x8c\x99\xff\xb6F\xa4ec\x9e\x1e(\xe6\x91#{\xa3\xbc\xd5\x98\x94L\xb0\x80\xef\t'</t>
  </si>
  <si>
    <t>b'o\x95kr\xd7\x0cQA\x01\x1eP\x19\x01!\xc5iV\xeb\x9c\xd2\xfc[\xdb\xf4I]\xf9G\xe8_\n\x17'</t>
  </si>
  <si>
    <t>b'Z\x98\x81\x8a\x12\xd6c\x9e\xc1\x9c\x9f!\xfe\x13\xe9\xe3\x80\x12\x8cRj\xdcE\xea\xad\xcc\x1cPlvL\xc5'</t>
  </si>
  <si>
    <t>b'\x82G\x88\x10\x9a\x18-\x84\x8fEl\x04E\xb8\x1a*\xbe\xeeD\x0b\x0f\xbf\xe1&amp;Y&amp;\xe1O0\xb8!4'</t>
  </si>
  <si>
    <t>b'\x89\x01\xde\xda(\x0b\xd7\x9e\xa9\xb7\x7f\x8fk"\xdf\xfbi\xd8\xcd\x06{\xbe\xb7\x02\x81\x99X;\xf8\xa7\xdaY'</t>
  </si>
  <si>
    <t>b'\xfee\xe0\xee,\x9f\x07\xbc\xb2\x10\xd6\x06\xf4\x01\xdc&gt;\xbd\x8a\x1c\xb8\xd7N\xdaR\x03\xe7Z\x17\xc0\x93\x9e\xf6'</t>
  </si>
  <si>
    <t>b'\xa6\x9aB\xfaX\x03\xa5\xf2m\xcd\x92\xb0\xd0\xa7\x8c\xb3^\x05\xa7e\xbbG6\x03E\x90#Kfx\r\x08'</t>
  </si>
  <si>
    <t>b'\xef\x90\xf1\xae\x874\xe1u\xd5:Pl\xf7\xe7\x86\x94G\xcd\x83\xa7\x06`\x84~S\xb1\xee\xdf8[\xb8\x0f'</t>
  </si>
  <si>
    <t>b'\xd4g\xdaJ\x0e\xc2|\x9d\x079\xcd\xd0\xef\x01*\xeb\x01\x18\xb8 \x15:\x96&lt;\xfe\x03p\xd5D\x90\xd6\x16'</t>
  </si>
  <si>
    <t>b"\xd6\xfa\xe2&gt;Oei\x14\xa4\x8c\x91\x84\xb2\xd8\xde\xcf\xcc\xde9m\xd8\xdc\\K\xa1'\xd6}\xf7\xb4\x8c@"</t>
  </si>
  <si>
    <t>b'1X\xd3\xf8\x99-+\x00e\xa1`\xd6\xe7\xc3\xe0\xe4\xee\x11hV\xf8(\x1c3\x12\xb4\x8c\x16O\xe6\xbd\x0b'</t>
  </si>
  <si>
    <t>b'\xf8[E\xf9Ki0_\x9eC=\x04\x039(\xfa5\xfa/\xd2\xa3AWAp\xe1\xa1@\xa4\x08\x00l'</t>
  </si>
  <si>
    <t>b'\xe6Y\x92#\xe6\xd9\xf4~h\xb5\xe5M\x9a\xe59\x0f\xd9\xcdi\xb4\xbc\t\xa0\x97\xec\x1df\xb0\xdf1\x98)'</t>
  </si>
  <si>
    <t>b'\xee(\x9c\xb9$ff\xeb1\xe9\x04^&lt;\xef\xe6\xefS\x08\xdamn\x91-\x81\xd3\x19\xf3\xb8\xc2\xd5\xf0\x8f'</t>
  </si>
  <si>
    <t>b'\xdb\x02W\x15\xad\xbb\x9b\x8b\x08\x17Z,\xe8T3\x80\x19\x04\xf3\x1a\xc6,z\xbf\xf6\xc2\xb3a\xd6F\xd1\x1a'</t>
  </si>
  <si>
    <t>b'\x88O\x0e\xf4\x96\x89\xb4*\xdc\xa8\x99\xc6\x1dXk\x85\xd0I\xaa{\xff.M\xba\xc9\xe8\x14E\x97\xfa\x11\x16'</t>
  </si>
  <si>
    <t>b'\xf5\xfe\x10Y\x195\xc6\xcc\x9b\xe3_r:\xae\xdcY\x8c\t\xf9\xfb\xd0R\xa1pT\xfa0\xb5E\xacA\xdd'</t>
  </si>
  <si>
    <t>b'f\xce\xb6\x88\x83N\xe5\x92m\x89W\xeb\x1a?q\x84#\x8c\xecy&gt;\xef\x9d?J\xc7`X:\xf7\x85\xf5'</t>
  </si>
  <si>
    <t>b'\xca\x06\xba\xd8\xdbv\xd3\x0c6\xbd]\x8d\xa9f:\x91\xe77\xd2\x83\x8e\xa7\x89b\t\x9a\xaf4\x0e\x858y'</t>
  </si>
  <si>
    <t>b'\xec\xba&amp;\x94\x0fE&gt;|&lt;\xa7\xa0i\xc7n\xb7+\x87+\x1a\x9c\x8a\xe2\x04\xd3\xee\x0e\x81B\x96qr\x9e'</t>
  </si>
  <si>
    <t>b'\xc1\xe3\xa9\x14\xbaB\x94$\x194\xb3\x92\x82ody\xc9K\x00\x97\xbaq&gt;\xa2\x84\xd5\xa0c\x083w\xc8'</t>
  </si>
  <si>
    <t>b'\xbe\xf5U\xc1\x16\xfc\xf0\x16\x81^\xee\xa0Bl\xc5\x17yz\xca\x8c\xba_\xc8_T#@\xc4\xf9/B\x07'</t>
  </si>
  <si>
    <t>b'\x14T\xae\x03P\x9c\xae\t}\xc4\x8c\x03\xa4\xbb\xf3\x1b\x02\x8d\xbc\xd0\xbf\x1dE/\x13$\xe5Z\xa3\x828J'</t>
  </si>
  <si>
    <t>b'B\xecK*\x14^j\xf4\xb6?\xb2_\x9a\xc7\xc1\xb3t\xd7Z?\xe4\x1b\x9a\x0e\rk\xeb\xf4\xe1\xc1\x8aZ'</t>
  </si>
  <si>
    <t>b'\x8c\x9f_9\x9d\xdem\x03\x8e\x98\xd2\xbd\xff^1\xcc\xd5`\x15\x1b\x7f\xcb#%\x88\xad#\x03\xa1\xe8\x11\xc7'</t>
  </si>
  <si>
    <t>b'\xb0\xf1`\x1e\xcff\xea\xb9\x9cg\xfc\xe7\x16\xe0\x87\xf4\xbbG\xeb\xd9\x03\xc4%\xefR\xbc\xdb\x84\x7f\xf4\xcaZ'</t>
  </si>
  <si>
    <t>b"-\xec\x0b\x1aV\xe6-2\x9f \x8f\xc8SF\xac'\xb8Kp-\xb4p\xc1\x9e\xe66\x8ef\xbd\xc5\rX"</t>
  </si>
  <si>
    <t>b"w\xe9\xf6\xaa\x0b3l\xa5\x02\xfc&lt;\xcdR\t0\xc9\n\xfc\x02\xd7'\xe3U\\\xfb\xe6\x1d\x15\xcd\xfd(\x86"</t>
  </si>
  <si>
    <t>b'\xcd\xa12\xf5#\xc2P\x8ac\x81\x1d\x06)\x9ea\xf8\x1c\xfd|\xdb\x19_:F\xd5{\xd5c=xo\x94'</t>
  </si>
  <si>
    <t>b'`\xf0\x80Z8c\n\xca&lt;\x1bR\xc2)\xdbK\xc8`\x92\xb3n\x80s\xb4\x0fi\x1d\xf0x.i\xd8\xc8'</t>
  </si>
  <si>
    <t>b'y\xb5\x98\x89c\xac\xa7\x8e\x8c\x98\xf3\xd9gb\x04\x0bQ0Q\x18\x1c\x03}5\xf0\xb71\x05"\xd3\x0e~'</t>
  </si>
  <si>
    <t>b"\xf2\xd3\xc8\xf2t\t\xe5\xc1\x89H6\x9e-F\xbb\xd34\xcf\x85\xab\x9a\x07+')\x9d79\x1fp\\\xe3"</t>
  </si>
  <si>
    <t>b'b(\xe52{\xa0\x88\xa3\xbf\xe6\xcd\xbb\xca\xd3\x8e\xd9.\x0e\xec\xda\x9f\xed=\xbd-\x0f\xab\xd8\x94\xb5\xfd\xc7'</t>
  </si>
  <si>
    <t>b"j\x14\xcb\xd00\x15\x88O\x91{\x88\xb7\xb4h\xad4\x1f\xe2\x0e%\xcb\x00N\x1a~'TKFd\xcb\xe2"</t>
  </si>
  <si>
    <t>b"4P\xcci\x91\xf0e\x1d\x16]\xaf:\xb9b\x9ahq\xfc\x97\x9bq\xfb\x98\xd1\xd5~\xb6\x8a\xfd;\x04'"</t>
  </si>
  <si>
    <t>b'\x9a@Z\xa2\xca.\xb0\xa0\xb4\x07jK\x82\xabC\xf2\x99\tBDw\t\x9e\xeb\xcf.{\xadt\xdc\xa8\xfb'</t>
  </si>
  <si>
    <t>b'b\x0c\xb8\xf61\xbc\xa8h\xe3\xe0B\x82j\xa3\xfa\x17\x89O@i\xda`\x9e\x91v\x7fK\xfd\xec\xaf\x91f'</t>
  </si>
  <si>
    <t>b'P\xdb\x06q\xb9+\x84\x0e\x82\xf6\xd9\xe5Y\x17\x08\xbf\x9a\n\xa4N\x94\xe2u\x00\x1a\xde\x12\xae\xe5\xd1-f'</t>
  </si>
  <si>
    <t>b'\x81l\xa1\xe88\xf2\x14\xbd\xaa&gt;\xa9ec\x00\xe2\xc2sG\xfdY\x92\xb6\xa5O\x94) \x90w\x98r\xd0'</t>
  </si>
  <si>
    <t>b'\xcc"\xea\xbf8k\x89g\xb1\x123\x876So\xec/;\xc9KWVC\x14hX\xb7\x9aC\xa5\xcf\x02'</t>
  </si>
  <si>
    <t>b'a\xf8\xd7\xf5|\x0f\x1e\xe4-.\xcd\x88\xaf\xda\x16\x06\xa9\xabJ\xd0\x93\xc4&gt;\x1b#PJ\x9d^1\xaa\x83'</t>
  </si>
  <si>
    <t>b'\xb21p\xfc\xc6\x83\x10\x9d\xb0\xd4d6\x9b\x18NiC\x05\xa6tF\xfaf[\x19\x0c?\xfc&amp;9\xcai'</t>
  </si>
  <si>
    <t>b'\t\x80\xba\x1aQ-\xfe1H,D\xd2&lt;\xb2\xb7C\xd7w\x82x\xe5\xc4RZ\x14\x94*\xff\xe5X\x0e\xaf'</t>
  </si>
  <si>
    <t>b'\x13sh\xfb\xfdA\xef\xf9\xf0\x87 Zs\x93\xe9x\xe1Y\x83\xc2D\xe4\xd3\xffjw\xa7\xa0\xc4\x04\xda\x05'</t>
  </si>
  <si>
    <t>b"g6%\xfc(\xc7zKe2\xc5'93l$\xccO\xec\x8d+\xc5:W\xfc1\x90\x89\xda\xe0U\xda"</t>
  </si>
  <si>
    <t>b'S\x15\xe0h\xca\x14&amp;\xaa\x17\x9a\xe2M\xce\x9e\x06\xe2q\xc2I\xe5\x19\x9c\x82\rO\xdc\xb9W0l`\x15'</t>
  </si>
  <si>
    <t>b'p\x86\xe1\x96Ri\xf2k4\xe6\xab\x9b_\xeb\xba\x9a\x81\xe4\x86\xe9\t\xa9\xa5\x95c\x02Q\x8f\x06\xba7\xde'</t>
  </si>
  <si>
    <t>b'\x0e\xe7=\x0f\x8b/5ke\xeeLJ\xddE\xd7+\xd6\x88T\xc8\xe5\n\x8e\xc9\xe2\xa2\xcb7\xf5\xd8\xe5}'</t>
  </si>
  <si>
    <t>b'\xb8\x8c\xa6\x01\x83\x1a5O\x1a\xaa\x0clLN\x82\xc8\x83\x1aE\xc2\xa2\xe3\x80\xdeR\x11\xd5\xad\xf3\x80\x19\xab'</t>
  </si>
  <si>
    <t>b'\xc0VZ6.\x14\xbf@j\xf9H\x06f\xde\xbe!M\xf6\x9b\xc2\xaa\x13\x8b4\x8b\xd7B@A\x85c\x04'</t>
  </si>
  <si>
    <t>b'A\x814\xbe\xeb\xd7\x91\x0fqq\xaa\xa9&amp;=\x85\x05\xe1D)\xa6\x8e-\xe8\xd5\x95&lt;\x90\xd4\xc1\x0f%h'</t>
  </si>
  <si>
    <t>b'-$\xbe@%S\x04}3\x0f\x93\xc1\x0c\xec\x93m\xe2w\xcek\xf3y\xc6}\xb8\x8fSGA\x87\xec\xe2'</t>
  </si>
  <si>
    <t>b'\x0e$_\xb5\xf528\xe5\xbd\xf7\x81W\x06\xaf\x03\xa6F\xd6\xec\xa1A\x14\xdf\xeb\xfbP\xaa\xf7\x17\xf3\xf7\xd3'</t>
  </si>
  <si>
    <t>b'\t\x9b\xe8\xd7\xd1\x1d\x0eb\x08\xd3)[\xa8\x19Oc\xccg\x9d\x9fK&amp;\xf2\xa6\xddg\x1a#q\x0c\xa4T'</t>
  </si>
  <si>
    <t>b'\x8f\xa1s\x84\x17`d\xd8?$\xa8\x0e\x00\x7f\xb8\xb4\xe8\x11\x0f\xd6\xfb\x0en8\xd0*w\xab\xd0\xa8\xdb\xb6'</t>
  </si>
  <si>
    <t>b"\xdbR'\xe4\xa1\xb56\r\xc7b\xee\xdeK\xd59q\xe1\x81\xbd\xee\xf4\xd2\xe3\xd2Zb\xad\xe1m\x8e\xd0\xea"</t>
  </si>
  <si>
    <t>b'eN\xb2C\x00\xbc\xec\x19\x98{\x89X\x8b\x99\x84z\xbes\xd8\x8a\x80Y\x90%\xf9UI\xb7\xd8z\xe6\xba'</t>
  </si>
  <si>
    <t>b'\xe3[\xc7\xf2e\x9a\xac\xec$\xd0z\x9d"\xbb\xdd\xb5\x96\xb2\x10\x14\x11a\x05\x91\xd7\xd3\xda\x92&amp;\xf2ij'</t>
  </si>
  <si>
    <t>b"uO\x97J\x07'\x17\xf62x\xcb\x95\x98\xce8\tD\xc3\x93\xf3\xe6;\xcb\xb7&amp;\x083I\xee\x97\x8d\xeb"</t>
  </si>
  <si>
    <t>b'8\x1fQ~\x01\x92N\x8a=\xc8\xcaz\x96;\xea\xc2^t\x88^o\xac;\xb4\xe9\xeao\xea\xa7w\n\x89'</t>
  </si>
  <si>
    <t>b"gV'\xa1\xe4\xe18\xdcQ\xe2\x14\x14\xffY\xf7\xde\x14v\x0bG\xd6\xed\x1b\xef\x96E\xdcs\xaf\xa4\xba\xee"</t>
  </si>
  <si>
    <t>b'hv\xb0\xa6p\xd3\x8d&amp;\xfd\xb65Y\xb8p\xe59\xcf\xe0\x84\x9f\xd1\xed\x83\xcc\x9b\xeb\xd8(\xc0\x16\xa4%'</t>
  </si>
  <si>
    <t>b'\xa5\x19\xd6xp\x9d\x1c+v\xb1/a\x03\xebz&lt;_\xe8W\x91=*\xc2,\x00\x89\x15\xd3\x91\x02-\x1c'</t>
  </si>
  <si>
    <t>b'P\x9f\x86\xb1VT\x95G\xec\xff\x91-~&gt;j2u\xfe:\xfc-\x99W\xaf\x8d\x17\x98\xd5$"\xf1\xb8'</t>
  </si>
  <si>
    <t>b'\x19rN\n\x9b\xb8\x8be\x0b\xdd;\xb8/\xc1\x91,\xe8\x00\xbf\x16-\xaa\xd6\xb3\xec\xe7U".1?\x01'</t>
  </si>
  <si>
    <t>b'\xc7\x8e\xb5\xfe\x02 \xdb\x00\xe5\x1f\x0f\x00.\xe5v\xc4l(.0\xc0\xb3=\x04\xe3j2V\x99\xd5\xb8V'</t>
  </si>
  <si>
    <t>b'\x87\x07\xfe\xef\xf5\x96\x96BwD\xa5\xab\xb0\xa5\xc6\\\x96#\xa2\x0f\x97&amp;\xc7Z-t\xb3\x98\xe7\x8d3!'</t>
  </si>
  <si>
    <t>b"\x8a\x19'\xe7\x00\xaf\x80V\xec\xdd.\xf5\x8d\xb2B\xb5\xd4\x93\xf2\xcf?TKD\xf7\x18\x05$yW\x1b\xda"</t>
  </si>
  <si>
    <t>b'\xfe\x18\x10\xfe\xbd\x96j\xba\xd1\xb1\xb2\xeb\xfd\x11\x1e]\xf3"}K\xd2\x0f\x0cS\xd5\x1a5\x12\x9b\x07\xaf\xda'</t>
  </si>
  <si>
    <t>b'%\x99\xdd\x17\x0b\xb0\x13\x81$\xd9v\x9e\xd8\xe8\xaat\xc6\xc6\xa2\xc4\xd5M\xdcK\xd7S\xf0\xd5\x18\x94}\xcc'</t>
  </si>
  <si>
    <t>b'\x15\xe5\x16\x19A3\xb2\xf1\xe1\xe3\xae\x92\x8c\x8dX\xb4-G\xffIh\xd3X\xb4\x89\xaf}\xfd\x1f\x10\xb6\xf1'</t>
  </si>
  <si>
    <t>b'b/\x08\xf4\xefv\xd9\xdf\xfa%\x19\xf6[\x03\xd1\xf8\xfd\x7f\xdc\x04\xa7\xa92\x8a1\xc7o\x94\x93\x14$"'</t>
  </si>
  <si>
    <t>b'\xd4\x93UF\xba\x1b\xf1v\xc5\xeeM\x85hk&lt;\xb1\xe1\xd2\xda\x0e\x86h\xeb\xd8\x9e\xa56\xaaH\x11\x92\x0c'</t>
  </si>
  <si>
    <t>b'F:\xac\xf4\xd9u\xcd\xa6\xa0\x05\xb6\x98l\xb1b\xa3#)\xb0\x8c\xb4\xb8\t|\xe15hn\x9dW)\x9b'</t>
  </si>
  <si>
    <t>b'ww\x9b\xcd\x9df\xd1\x0b\xbe\x88\xeda\xb3\xef\xf8\xbf\x99\x9a\x00\x04\xf9\xa5C\\\xd8\x0c\x01&amp;\xa7X.\x1b'</t>
  </si>
  <si>
    <t>b'ZE4\xa5\x15\r\x8a40\xd6M\xa4~\x0bn\t\xdd\xa4@\xb9\x1e\x1acq/\x9bb5\x90\xd5\xe0\x06'</t>
  </si>
  <si>
    <t>b'\x93\x00\xb6\x8d\xb6\xf9\xc6\xaf\xb8K\xb4\x8b\x00\xcd\xd2D\xc3/\x19\xbd\xda\xb9m\xe4\x18\xa4\xc2ga\xec\xabK'</t>
  </si>
  <si>
    <t>b'\r\xe6\x1a\xebks\xe3\xe3\xc7e?\n"\xf0*1\xce\xe5\x06\x07x\xd8\xe8\x13QQh\xbd\xf4&amp;-\x90'</t>
  </si>
  <si>
    <t>b'\x1e\xb9.\x85v\x88V\xf0:\xab\xf92\xcex!-q\xee~\x9a\x1e\xb1\xea\x1atn:\xd8\x91\x0f\xf1B'</t>
  </si>
  <si>
    <t>b'\x0b\x92\xa33zf\x1f\xd9&lt;F\xd4\xd8\xf4\xef\xb4Z\xc0\xb9;\xd7\xfaN1\n\x06W\xe8\xf5\x8cR\xdec'</t>
  </si>
  <si>
    <t>b'ev*\x87\xee\xcfdA::\xfcb\xccI\xbd\x9f\xa5\xb0\x87Rl\xae\xc0\xaaJ#:\xd4\x8f\x82\x06%'</t>
  </si>
  <si>
    <t>b'\x02v\xf06G\xd8\x14\xa1\x87\x8ew:\xcc\xf8US\x84\xc2"\xb1\xac\xd7\xf8p\x89u\x90Y{\xd5\x85\xbb'</t>
  </si>
  <si>
    <t>b'F,\xdal\xfe\x8e&amp;\xb4\xe2\x870\xf0\x1d\xe0\x80\x86\xcb\xf1q]\x80\x94?8\xf1\xe1,@\xd5\xe3;i'</t>
  </si>
  <si>
    <t>b'\xc8S\xeb\xeb\x8c*\xd4\x92l5\xa7\x86C\xf4\xc2\x85AJ\xad[Q\xc0\xb0\xa9\xfa\x9cW\xe8j\x9d\xd2\xf7'</t>
  </si>
  <si>
    <t>b'V\x8c\x90\x1eA\xeb\xc9L\xf5-R\x18fS\x04\xb8\xc9\x1e\xd8\x98T\x85\x1b\x13\x80I\xfaG}\xa52\xe8'</t>
  </si>
  <si>
    <t>b'\xc3\xb7\xe0\x84\xe3r\xb9\xd6W\xda\x17\x17\xe6\x83kF\xa259\xc9\x00\x0c\x93\xc7f\x9e\xe2\x87\t\xfe\xb4_'</t>
  </si>
  <si>
    <t>b'$\xc2\xb6&gt;\xabs\xbd\xae\x1dl\xaav\x0f\x97\x1eN\xa6\x88\x13Z`\xacY\\\xed\x12\x9e\xd4-\xe3\x80!'</t>
  </si>
  <si>
    <t>b'\x13\x19\xf2\x13\xbeY~\x0b\x85\xfb\x0c\xf9%Nm\x1f\xf4\x87\xc4\xc0\x9d\x13m\xc39\xf0d\xc3\xaa\xa2T\x11'</t>
  </si>
  <si>
    <t>b'\xfc\xfcu\x0e\xde}\xa5S\xffLU\xa7\xd7%\x8d^\x0f\x11\xb5\x82\x98\xcf\xf8\xd8\xba\x0b\x88\x9b9\x0be\xcf'</t>
  </si>
  <si>
    <t>b'/\xfc\xe0 \x96DCj;\xb5\xda\xc1\xc2\x9e\xcd)\xa8\xbe\x1c\xa6\x99\xbc\x97t\x80`\xa6K\xe3~]6'</t>
  </si>
  <si>
    <t>b'+\x0f\x80\x94\xc4X/\xa9=\xadE\x1ey\x02\xa3\xeaC6K\xef.4}N\xaft\x0e\xc7\xd2\xdd\x9f\x98'</t>
  </si>
  <si>
    <t>b'\x1d\x85S\xbb\xff\xca\xd8o\xa3\xa7\x96\xa5\x02^\xd5\xcdx\xe0\x14\xc3\x0c\x86_n\x88\tH0\x18\x90\r\x91'</t>
  </si>
  <si>
    <t>b'\x9a\xc9\xb5\xef\xb2\x0c\xdc\xe2\xe6\x87c\xe4 \xb2\xc0Q\xfe\xe5"\xf4j\xc3\xf8\xb2\x90\xe1\x96j\xbf\xb6\x86\xd6'</t>
  </si>
  <si>
    <t>b'~\x18b\xab$\xc3\xcb\x82^I\xb3\xd9i\xd2K9\xffi\tW\x8c\xd9\xd6\xfa\x1bc-\xb5\xfd\xc4\x16l'</t>
  </si>
  <si>
    <t>b'2\x18$\r\xd6\xbbW\x0e\xe2\xe8\xe3r\xda%\xf0P\x1d\x11\x11j\xc5\x1f\xf1\x02;\xc1\xe8\x07\x84*\xecB'</t>
  </si>
  <si>
    <t>b'H\xed\xf4\xe5\x1d\x8d\xd0\xb1\x82\xbe,\xd1IF\x9f52\xd9kX\xe5"B\x83\xc5\xce\x91$\x8e\x92B\x97'</t>
  </si>
  <si>
    <t>b'\xb6\x8f\x13\x9a\x1cH\x1aB9\xe9F\xf3JSM\x8d\x87#\x86\x13\x10\x12\xb7\x04\x81\xb8w\x125]\xd0\x8b'</t>
  </si>
  <si>
    <t>b'\x00\xfc\xad\xd8\xc3\xc4\xa1\xde\x92\x9a"P\x15\xda\x17k\xb1 \xc6\xdc\x90\x1d\xdeK\xec1\x12\xb5\x18\xbf\xe9\xa5'</t>
  </si>
  <si>
    <t>b'\xae \xa6\xc0\x94\x0e\xa5\xecGE\xae\xe7=\x86\xef\xfc\x13\x94\x19\xd6\xafP\xf9\xf0\xb1\xa8\xf44M7u\x1d'</t>
  </si>
  <si>
    <t>b'\xa7\x88\xcaR\xbc\xe0\xef\x8c\x14\xf8\xea\xb4\xfa\xaa\xc0\xd9\xd6\x9e\x93\x9dpf\x88\xd8gQEF`\xf7p\xef'</t>
  </si>
  <si>
    <t>b'\xde\x11\xd9\xb1\xb4\x92ng\xb7@\x08\x8b\xdc\x83\xf5\x7f\x86\x0c\x8a\x02W\xde\xe0\xf7\xfc\xc0\r\xdfx\x0eLj'</t>
  </si>
  <si>
    <t>b'\x17W\x12T\xd1\x82\xd0A\xcf\xda\x16G\x84/\xaaa\x8b5K\xac\xbd7Z\xd8\x91\xc5\xfe\x95\x8d\xaa\xa9\xb4'</t>
  </si>
  <si>
    <t>b'\xb59\xc2T^kv\x00a\x8bz\x80\x98\xd5,\x11\xb6\xaaAE\x98)@\x82\x13\x1a\x93\xd2\xe4\x87e\x91'</t>
  </si>
  <si>
    <t>b'\xeb\x97\x11\x12\xa1e\x0c\xdav\xc3\xb9\xc2\xf7\xd5-\xe2Ex\x95\xec\xd5\x15\xa5\xe6\x0b.R\xb5r&amp;^\xdf'</t>
  </si>
  <si>
    <t>b'o_xL\'}\x17b\x17\xf6\x7f\\\x11\x9e"|\x87@\x1f\xceG5\x05F\x1f\xd2I\xfc\x05\x08?\xd4'</t>
  </si>
  <si>
    <t>b"\xa8\xdb?\xca/L\x0c\x83\xe9~\x14xZM\xfe\x99\x1e\x10\xfa\x89'F\xe8^\x10\xbb\x81f\x08\xa5K\xa4"</t>
  </si>
  <si>
    <t>b'\x96y\xd7\x06\xd8|Ga\xa83\xad\xae\xd9\xa2x\x18\xa7\x8dy \xd4E&lt;o\x0e\xa8\x06\xcaQ\x1c\x94\x83'</t>
  </si>
  <si>
    <t>b'\x89\xd7A\x19\xbe\\\x00\x84\x0en\xd8\xae\x1bd\xe72\xd7l\xc5\xa5*@\xfe\xf6E\xdcM\xd6\x12\t\x84M'</t>
  </si>
  <si>
    <t>b'\x99\x19\x8b\x9d\x10_\x05\xd2\xb6\x85\x10\x12\x90R\xe7\xfe\xfde\x0f\x02\xa2\x8f\x8aT\x19\x8d&lt;\xf9\xcf\xb8\xca\xd3'</t>
  </si>
  <si>
    <t>b'\xde\xf3-%\x140\x7fA\xf2S\xd9\xa6\xb9\xf7t\x946\x00A\xca\xe2q\xf2/\xad\x03{\x13\xc8W|\x9e'</t>
  </si>
  <si>
    <t>b'@\xad\xd2X\x1bb\xf7\x11\xe8\x99_\xf1`\x11\x9e\xc4P\xf4\r_e\xf6\xb0\xeb\xdd)\xf5\x1f\x02J\x1c('</t>
  </si>
  <si>
    <t>b'\x12&lt;&gt;.\x8f\xcf\xd6l\x94\xaf\xbe\x0e\x1d\xfeS\xd5\x19]!\xaa\x8an\x0b)\x943\xee*Z(\xc7\x0c'</t>
  </si>
  <si>
    <t>b'k_\xb0\x16\x17\tw\xf7\x81\xbf\xbd\xc8\x82\xfb\xa1\xaap\x8b\x1a\xbf\xe1\x86its\x9a-?\x90jE{'</t>
  </si>
  <si>
    <t>b'\xf7n\xfd\xdc^|_xE\xc5\x15\xf2\xc7\xe9\xd5u\xc3\xdb_eW\x88\xbd\x9a\x16\xa1\xf2u\x8fU\xfd\xdb'</t>
  </si>
  <si>
    <t>b'\x7f|\xd4\xb6\xddXW\xcfiW\x00\x06h\x80lSE"3\xd8\xbd\xd2\nx\xa6\xe7\x0f\xe8\r\xf5)\x81'</t>
  </si>
  <si>
    <t>b'Z"\xe6\x94*0\xdb\x15~H-\x13\xc9\xc8\xc4\x9b\xdf\xbf\xb7\xc7\x98\xcf\xc6&amp;\\\x98e\xec\xbes\xab\xfb'</t>
  </si>
  <si>
    <t>b'\xff\\\x9e!\xb3\xe1.(\xf1\xda\x10#m\xe0\xcda@\x82(hd\x0f\xba\xb8\xd5&amp;n!\xb4\xb3}l'</t>
  </si>
  <si>
    <t>b'\xfd\xc5\x85\x1d\x1f2\xef\x93\x08\xa5\x90\\\x8d\x05\x0b\xf9Qq\xc2Z\x9d\xb4\xabw\x9e\x90gw\x8ap\xb3T'</t>
  </si>
  <si>
    <t>b'~\x9a\xe1V\x7fn3FD\n\x1fv\xc5\x13\x8d\xcc\x94X\xfc\xcf\xc1UL\x02\xa6\xd1\xf8[\x9fi@\xc1'</t>
  </si>
  <si>
    <t>b'\x181\xd8=\xf4\xbe&amp;\xccQ\x91T\x1d\xdd\x96\xa1\x1e\x9c\xfd2\xb9g8\xd3a\xa3\xce\xd9w\x0f\xf9\x1e\xf1'</t>
  </si>
  <si>
    <t>b"\xaf 2\x06\x80\xd9\xbc1\xe719\xb1\xdb\x8bU|3w\x8b\x1dD\tqK\xb4'(K\x1f|I\x9f"</t>
  </si>
  <si>
    <t>b',&lt;\x86\r\x03\xd2\x0b\xd7\xa8\x1f\xc1\xcf\x0f\xf7wv\x04N\xc2r\x1d\x9d\x03\xbe\x1dB\xe8\xbdX\x0e\xac\x9c'</t>
  </si>
  <si>
    <t>b'AG+\xb5\xf2\xf9\xb2\xc4\x1e7]!\x9f\xea\xf0&lt;\xca\xb9y\xbb\xb8h\xb0\x92\xf4\xbad\xf7\xe6-Y\xfd'</t>
  </si>
  <si>
    <t>b'_)\xd6m9\xad.}-\x8f\xef\x0bq\xaaK\x89n=\xf9\xfe\xc2)\x08\x05\x88\x85&lt;@\x1bQF\x1f'</t>
  </si>
  <si>
    <t>b'\xadiaY%\x8a"\x8f\x07y]w\xbfd\x02\x90p\x9c\xa5\x87O\x85\xe5\xc3\x93O\x99\x93ZjA\xca'</t>
  </si>
  <si>
    <t>b'\xd2\x18\x04\x0f\xbf\x12(\x13\xb1[&gt;\x81\x19\xb0\xba\tG\xf6kI\xaa\x96T\xb6\xe0\xed\x05\x92h\xc8\xf1\x0e'</t>
  </si>
  <si>
    <t>b'\x00\x03\x82\xe2\xec\x9f\x93O\xaf\xaf+\xbas\xc2z_\x04\xdaO\xba\x98\xffU\xc4zCT\xd3\xc9$)\x1b'</t>
  </si>
  <si>
    <t>b'\xdc5\xf7\xc41\x0e\x98]\x01\x03\x01\x9c/\x90&lt;\xbe\xc9\x8e\xa5\xbd\x85\x01\xd7\xf5\x9e\xc0\xe6:\xc1\xbc\xd5W'</t>
  </si>
  <si>
    <t>b'\xee\xf14\x0e\x85M\xb9\x9f\xc9T\x04*\xfeHrG\xd4\x7f\x95\x8d%N\x05_X#\xcc\xadD\xdd4\x94'</t>
  </si>
  <si>
    <t>b')u\xbd\x1d\xacK;:\xa1\x93(\xe3\\\xda\xd9\xe2\xc84\xe2\x0e\xe2q\xce\x0c\x9e\x18\x9a\x997:&lt;\xac'</t>
  </si>
  <si>
    <t>b"\x0e\x9a\xe2\xeeU\xf8\x19\x17;\xa6\xf7\x16\x95F\xbc\x11N\xe7\x87D'\xbfE\x91\xcel\x0c\xe7-\xd7\xf5%"</t>
  </si>
  <si>
    <t>b'd\xfdOo\x8aWr\x80\xa2|E\xa3o\xbe]Pi\xb7\x8d\x08\x17\xe7\x16KE\x0e#\xcbea\xcc\xf1'</t>
  </si>
  <si>
    <t>b'\x92\xf04\xec\x93\x1aV5\x17f\x95?BT\xae\xf445\xb8c\x10\x82\x89\xc2\x82k%f\x86~\xfd\r'</t>
  </si>
  <si>
    <t>b"\xe9*.\xfc\xf5\x81\x107\x8d\x02Z'2m\x99\x12`\x95\xa2ty2DzV\x1e}O\xb5\xab=C"</t>
  </si>
  <si>
    <t>b'\xf7\xe5\x9a\x90\xf0\x11\x07k\xb4r\xc51\x99J|\xa1\xde\xa2\xa9\xf4\xcd\x86\xa0\xc0\xc0\xacm\x90mVqb'</t>
  </si>
  <si>
    <t>b'\xaek}gW\x8d\x04\xb4v\x8e\xafX\x12\xd8&lt;"\x1d\xf3\x90\x15\xfb\xbec\xfcXC\x16\x9b\xc0J\x9dH'</t>
  </si>
  <si>
    <t>b'S%\xf0\xb2\xe9\xf4\xc0\xc9\xcd*\n\xb9\xd8]\x90\xc7O]\xb8h\xcb\xa5\xc7=\x00\xb5\xff\x97\xfd\x19\xb5\x8d'</t>
  </si>
  <si>
    <t>b'\xf3\xcd%\xb3\x83\xb8=#\xd8\xe8\x9e\xe8\xd4\xc7\xddy]p}m5%\xa6\xfc]s\x01=\x08c!D'</t>
  </si>
  <si>
    <t>b'\x17W\xb9\x0e\xc95U\x9e\xed]\x13Usy^\xffK\xf3}jP\x93\xc3\xbd)\x03\xd3\x05\xe5\xc7\x1e\xe5'</t>
  </si>
  <si>
    <t>b'ca\x05\x82\x94\xe7\x98\xba"rj\x16\x16\xed\x8f\xd7\x183\n\xe0\xf4\xf4B-\x8d\xe4\x05\x17\xbb]\x8b\xc2'</t>
  </si>
  <si>
    <t>b'\xe5I\x05\xcc\xc1\xb9\xdd\x83\xba?\xc0)\xf4\xd1\x9d\xa1\xa6\xccu\xf1H\xcb\xb8\x0bM\x16%yx\xf4\xf20'</t>
  </si>
  <si>
    <t>b"\x0c\xa9*\xbd\xa7\xef]\xd3G\\\xed\xc2(\xf2x\xf4\xde\x93F\xc5\xaa\x0b\x15\xae\xf6\xd5\xe6\xd5\xc9\xe2\xd3'"</t>
  </si>
  <si>
    <t>b'kE\xc5\xa4\xef\xbbe\xdc\xfc\x98\x9c\x97\xa3\xc2L\xb4e\xad1 \x81\x13\xe0\x17\xb7m6y\xc5\xc7\xc9\xa6'</t>
  </si>
  <si>
    <t>b'\x03K\xa9\xd9\x92r\x9d\xc3\xce3\xeb\x03\x9e[\xb2\x18\xc2\xa3\xaf3\xaf\xd4Z\xc0@\xe3C*u\xa2y\x1c'</t>
  </si>
  <si>
    <t>b'\xad\xc3@,I\xb3\xa6\xb2F\x82CZDd\x14\x94)|\xe4\\\xc2x\x11\xdb3\x96}D\xf0e4\xe5'</t>
  </si>
  <si>
    <t>b'\\2!\xedR_\x19\xb7\xaeQ\xc5\xf5\xdb\xe23\x19\xb6H\x8f\xd0W\x84\x96tK\xf7\x18\x83] \t\\'</t>
  </si>
  <si>
    <t>b'i\xbb\xbbc\x9d\xf3\xac\xe3\xad\xdbO\xafb\xd6]\xf2\xd4\xe6\x82\x9cj5\x82\xbf$XW\xeejda\xbe'</t>
  </si>
  <si>
    <t>b'\x1e\xc8\x19\xef\xcfV\x98\xb8=\xe6\xd8\x04w\x7fa\xf2D?\xc3\x8f\x9c\xe2\x06\xa5R\xe6\x19\x05v\xbbn\xb4'</t>
  </si>
  <si>
    <t>b'\x9b\x1f\xfd\xe1\x1f\x80\x81\xc9Q\xd5\xd9\x11Rrk\xa7\xda\xab\xd6\xa3\xcf5\n\x15C\xde$.CQ\xf7\xdb'</t>
  </si>
  <si>
    <t>b"$\xbeJ\x9d\xbcm/'\xa7\\\x14\x1chr\xba\xfa\xd3\xaeS!\x99\xa9)\xc8\xf3oZ\x04q\xc7\x9eb"</t>
  </si>
  <si>
    <t>b'"\xa8.\x95\xbfJ\xbbU\xf2\xeb;\x19\x94\x0b\xfb\x06lkX\x94\xa5\x01\xac\xcb\xd6Vu\xa0\x17~+o'</t>
  </si>
  <si>
    <t>b'iM{pI\xf0\xc2\xbf\t\xcb\xeb\x0e\x95t\x1cJ\x94\xaf\xe8\xe3u\x97\x9a\x19\x06\x04\xfa\xa9\xd0p\x1b\xda'</t>
  </si>
  <si>
    <t>b'\x13!\xc6J\xce\xcf[\x99\xa6\x95\xba\x1a\x8a\xd4\x19\xf3\x17\xa0\xffV&gt; d{\xcdc70E\xad\xf9\x00'</t>
  </si>
  <si>
    <t>b'\x91\x0eX\x9c\x0f\x16\xc0\xe5\xa2\xd7\xb8\xf3Qz\xc8\x1a\xf7\x10\xf1\x01"\x1dt\x02\xf9\xa7\xad\xd8r\x99q7'</t>
  </si>
  <si>
    <t>b'zL\xa1 \xec\xbc\x96\xb8b\x0e_\xef\x90bo\x1f\x89$?1,eN\x83\x97\x8d\x1c\xe0\x06\xafe\x08'</t>
  </si>
  <si>
    <t>b"\x8e\xe2\x98\xe5_\x9dG\xef\x17\xe6\xe5\xc0~\x80\xcf'|\x11\x9c\x16J\x1e,\x02s\xdd\xa5\xa19\xf5\xa9F"</t>
  </si>
  <si>
    <t>b'\xf2v\xd4ie\xc6\xe5F;\xc8\x10uz\xbf\x86\xb5\x95\xddn\x9dN\xa6\x89\xc4oG\xb7\x00\xe7l\xe5&gt;'</t>
  </si>
  <si>
    <t>b'+\x08\xb2p\\[\xc2CRC\x9cq\x9b\xfc\x079\xe5\x94\xfb\xd4e\xc7tB\xfc\xae&amp;\xb5\xa4\xab\xa6\xa6'</t>
  </si>
  <si>
    <t>b'w\x86\xf1\x87glX\\kt(\xd4\xb5\xdb\x7ff5\x8d\xb0\x18i\xcb\x05W\x1f\xde\xca\xcf#\xdc\x8d\xd6'</t>
  </si>
  <si>
    <t>b'\xb9*N\x8c\t\xcbI\xaf\x0c \x12\xea\xcdy\x1e\x81`\x0e\x06\xc1z@,\x01\x17;\x0c\xa6\xb9{\x17]'</t>
  </si>
  <si>
    <t>b'\xb2\xca\r`6\xe5ks\x97\x1f\xb6m\xb0xvi\xf6\xcb$\\\xd3cJ\xb8Q\xa1Th\xdcrU\xb9'</t>
  </si>
  <si>
    <t>b'\x89\xc1\xea6\x12\x14\xffrd\xa1\x8b(pnL\xe6`7qYnm\xb2B"\x0fi\x16\xcdAo\xae'</t>
  </si>
  <si>
    <t>b'\xca\xc9\x80\x83\x88*]\xf8\xf7\x16\x81\n\x97.\xd7\x0b\xf4\x86\xd5\xc5\xcc\xc9\xc9B\xe1\x9e\xcf\x1b\x8d\xfbwN'</t>
  </si>
  <si>
    <t>b'\xce*\x99\xff\xde\xad\x1b\xf0\xf3V\xeb\xa0\xaaSe\x1ds\xb6\xb9\xa4\x05\xcdr\xc5\x03\xa8\x86\xbam\x13\xddo'</t>
  </si>
  <si>
    <t>b'\xeac\xab\xe0\xbd\x9f\xad\x94@7\x08\xf0\xb5%e\x83\x0bt\x0c\xcc%z\xb3\xab\x90\xc5\xce3p\xc8\xf0\xc2'</t>
  </si>
  <si>
    <t>b'\xb4\xc0\xd5\xb0\xe5\xf8;\xdc(V\x9c\x19\x91\xa59\xfeM\xef\x88r\x85\xbcRV\x9d\x8d-h\xd7\x84\x84\xf7'</t>
  </si>
  <si>
    <t>b',\xae\xfd\x0f2#\xbf\xde d%\xc6d\xe4\xd4&gt;\x81\xec\xc8)\xb0_I\xcf\x92\x0c\tNH\xab\xc0W'</t>
  </si>
  <si>
    <t>b'D\x18\xb4\xde\xcb\x95kw\x0fJo\x96P\x1a\xd1\xa26\x1a\x13\x16)\xc0\n\xe3e\x87\x11\x99\xd6N\xb3k'</t>
  </si>
  <si>
    <t>b'\xcch\xe3#\xb8\x85&lt;1XG(@\xf5&lt;\x03\x9e~\xcb\x99\xd0$8\x81\xd0,yO\xa1\xca\x9b\xa2,'</t>
  </si>
  <si>
    <t>b'\nW\xfa\x1f\x93\xee\xd2\xc3\xc0\x01j\x1f\x0c\xaa\x15 \x04=\x8c4\xa4!Q\x92[\x8c+\x89\x0bI\x83\n'</t>
  </si>
  <si>
    <t>b'/\x99\x07\xec\xe2u\xee\x91IA\xcd\x8e)\x12fD\xe6\\\x16)\xf2\xf0\xf5R\x92\x1f\x9f\xfa+SD:'</t>
  </si>
  <si>
    <t>b'\x06g\x02\x9f5g\xb7V\xc9"\xde4BZ\x91s\xe6\x99x\x14\x07\xb3\xd6\x131\x14\x99\xde\x19\xe0ak'</t>
  </si>
  <si>
    <t>b'k.\x84Y\x8c\x1c\t\xd6\x84\xddr0\x92M[Z\xd0#$\xadJy\xe5[\xb6\xb9\xcf2\xec^\xaaM'</t>
  </si>
  <si>
    <t>b'S\x92-\xe2\xe2\xc9\xf3\xa4\t\xa1\xb4\x1a\x8e\xc9\\E\xc32qF\x1f%\xf3\xb9\x0fRO\xb3\x159\xe29'</t>
  </si>
  <si>
    <t>b'\x80"\xe6N\x9d\x924&gt;\x95\xbc\x03\xcdW\xb7\x8fh\x89\xb0\xc2\x00\xc6\x048\x80}J\x98\xd4\x9a\xa0\xa5\x84'</t>
  </si>
  <si>
    <t>b'Z\x02\x90\xc1q.7\xd7Z\xb2Jl\x89\xb9]8\xd5\xca\xe8;\xa2\xe0!\x05E\x993\xea\xb3)\xea\xa2'</t>
  </si>
  <si>
    <t>b'\x8f\x9dLJ\x84$z\xcf\x8f\x1c\xca8\x84\x85\\)\xa4\xb0 \xdc\xae\nK\xd2[\xb4O&gt;\x9f\xce\x9a]'</t>
  </si>
  <si>
    <t>b'\x91,\xf4\xa3\xab\xde4\x96n\xf5Sd&lt;\xe1\xfb\xf5$\xdb\xd8\xf8#1\x11\x95\xc80\x8c\xbc\xc4\x07/x'</t>
  </si>
  <si>
    <t>b'a\xf0\xf8\x81\x08\x81"\x94P\x14}\x15G\x06\tU\x9c\xaa\xc0\xf0\x89\xaaI\xbb\xe2\x11L\xc6\x9e| \xea'</t>
  </si>
  <si>
    <t>b"\xc3\xed \x05\xb8\xec\x91#q\x9a'U\xc0rml\x0f\xd0F\x83\xb0=\xf7\xd80d\xd2\xe5\x0fh\xa9d"</t>
  </si>
  <si>
    <t>b'\xf6\xbd\x96\xfc,\xf5\xe4\x0f\xcd\xbb\x0bP\x0f\x92\x1ao\x1e\x9d+\xf6\x8d\xc82|\x08\xe4\xad\x96\xf0\xd7\x82\xea'</t>
  </si>
  <si>
    <t>b'\xe1\xae\xc3\x19\xe1Q:\x8a\x9fm&gt;\x8f\xdf3\xf5\x02\xcc\xa3%`\x9cc9a\xc3\xfb\xa5;\xb3.#\xa2'</t>
  </si>
  <si>
    <t>b"$f\xe4\xc4&amp;\xffcr{\x84\xa7q\xe0\xdd['\x0e|\xc5\xd2\xea\xf3\x83\x1c\xb9j\xfa%.\x99x\x19"</t>
  </si>
  <si>
    <t>b"\xbd\x9c\x14^\xe1\xfc\xb9^\xaa\x95\xc3U\x16(\xa3\xf0T\x0b'\x04#M\x1ac\xaa\xd8(\xd0W\xbb*\xd2"</t>
  </si>
  <si>
    <t>b'\x94T[\x11\xd5K7\xc0\x1a\xe6\x81\xc4=G\xf72i\xf3DP\x15\xc0\xed\xe6\xe8\x01\xe0,^\t\\\x8e'</t>
  </si>
  <si>
    <t>b'\xd1\x88\xf3\x99y"l\xb9\xe6\x8e\xf0\xe9\x10\xa9s\x8c\xa2~0\xefr\xee\x8b\xbe\x89\x98\x03\x11\x8a\x82\xa8\xcd'</t>
  </si>
  <si>
    <t>b'Ga\xbc\x90(C\xed\xc5\xc87\x8b\x1a\xbd\xf0&gt;\xe2\x10\x9a\r\xc2\x9a\xa5y\xf5\x13\xc2B\xa1\xc9\xc2\xf6\xbe'</t>
  </si>
  <si>
    <t>b'R\x95y&amp;sp\xa0\x10\x89\x07B\x9b\xbc)\x9d\xda\xf3\xfd\x9b\xaaE1\x9a\x12Z\t\xae!\x1c\x9d\xf1\xda'</t>
  </si>
  <si>
    <t>b'\x80?\xb5\xf6\x91\xf5D\x8a\x94\x89\x08~\xc1U\x95\xad\x97\x1f[\x8d\xf5\x0c\xae\xd4=Qx\xdb\x92a$$'</t>
  </si>
  <si>
    <t>b'\xc5\xde\xb9\xb5&lt;\xe8&amp;\xe4\xc7+\xbb\x0eBQC\xca\x80 \xf2\x8e\xc7&amp;\xe3\x02_\xe5\xfbT\x13\xa1f\xf8'</t>
  </si>
  <si>
    <t>b'W\xf2f\xd5\xb4bi\x8doA\xf8\xcbl\x1a/\xa8\x90\x84\x81\xcbE7\xf6\xf9&gt;\xab\xe2r\xd5\xe8Q\xd9'</t>
  </si>
  <si>
    <t>b'e\xe6\x9a\xc2\x1d^&lt;\x16\x97\xf5\xf1af\x8aP3\xa3\xea!\xf7o,|\xb5}G\x07\x81\x01h7L'</t>
  </si>
  <si>
    <t>b'\xe6Q6b\xf4e\xc5\xf4\x1cB,\x02\x06W~\xe9^\xf5\xde!\r\xfd\xc4\xa1_\xf1\r\xe2\xf7\r\xab\x05'</t>
  </si>
  <si>
    <t>b'J\xa2\xda\xdf\xcf\x82Q\x00\xe7!\xc2?\xb5Sn\xf1\x03\xdd\x05\xe9K\xa0\x18\x11\xe3+ac\xd2\xca\x14\xaa'</t>
  </si>
  <si>
    <t>b'\x94\x17d[jc\xe4\x06\x17\xe2\x10|n\xe6\xf3o"\x98\x94\xe3"\x97\x95\x17M\xc7\xc1yVHT\xd2'</t>
  </si>
  <si>
    <t>b'\xea\xc97\xa65*\xca\xd3\x08p\xfc\x83\xb9`\xf9\xc1\x14\nw\xcf\n\xb7\xad\x89|\xb5G\x9e\xb1p\x9f\xe1'</t>
  </si>
  <si>
    <t>b'X\xa8R\xf3\xa6F\xa6\xd9\xad\x05\x93}|\xdf\xda\x0b\x03\x9f\x13\xfc\x8e\xf5\xc1w=\x1dx\n\xeaC\xdf\xf6'</t>
  </si>
  <si>
    <t>b'\x01\xfb@\xb5\x13\xcd\xae\xadG5X\xf9X6/\xc1gY\xe4\x03\x15\x9a\x8d\x03&gt;m\xa9\x83"H\x9c\xb0'</t>
  </si>
  <si>
    <t>b'\x8c\x1e\xcfz\xd0g\x88\x04\xe0\xa84O\xaf\xd0\xc8\xa7vL\xa8;\x0e\x86\x82\x8d6\xd6[\x12\x878\x96V'</t>
  </si>
  <si>
    <t>b'\x05-\xb2\xef\x9eg\xac1\x11{\x9b\n\xd0E\x02\x96=\x0fa;\x8b{-\xfe&gt;b\x87\xbe\x05\xa7\xff\xe7'</t>
  </si>
  <si>
    <t>b'\xa92i\x04C.\xba\x9f\xe1\xbbGW,\x95O\xe8jg.\xe9\xe1\x86\x06\xa1\xfa\xdf\x10\xff\xc6C\xb7L'</t>
  </si>
  <si>
    <t>b"\xa1\x9dq\x87\xd8MU~`\x1b\x0c\xe3\x9b\x8b\x8ad~F\xa85\x8b\x84\xe7&lt;\x1b\xbcO\xc8zl_'"</t>
  </si>
  <si>
    <t>b'\xf6\x9a"x(\xab\xf7\xc4\xfe E\xe6,~\xe87\x80\xc0\xe5\xb4\xcd5t5\x8e}ux(9\x8e\xa9'</t>
  </si>
  <si>
    <t>b'i\xd8\xb1\x132\xaeA\xb9p\xbcl\xcc\x92\xbc\xcc)\xb4w\x17\xc3\x02\x84\xec\x04\xe7(\xca~\xf4O-\x15'</t>
  </si>
  <si>
    <t>b'Xt\x1bS\x8b P1\xac\xe8\n\xa3\xbecJ6\xd162\x9f\xb5t\x16\xec6LFb\xe54G\x11'</t>
  </si>
  <si>
    <t>b'\xcb6{\xa9y\x83:\xd2ua\x9a\xa8&gt;\xe1$\xb1\xadD\xd2\xf6\xb0gOi\xaa\x07\x81\xbc\xb2U\x13\xf1'</t>
  </si>
  <si>
    <t>b'\xb4!\xce\xa3\xb8\x14(M\xa4\x99z=U\xc3U\xa3\xa9\x03\x1b\x84\xceU;r\xb1\x17\xff]\rTC\xdd'</t>
  </si>
  <si>
    <t>b'c\x1c\xe2;\xca\xa6\xe5\x9e\x19?\xe0\xe4\xb6\n\x1bw"e\x12]\x96\x8f\xdaE\x0bC\xa3\xabe\x0elZ'</t>
  </si>
  <si>
    <t>b"\xe2:Nm'X]\xa9u\xc4\x83\xe3\x9d\x01\x87l3A\xd3\xa2\xc9\xf5\xef\xdd\x112\xe2\x02\x0f\xbc[\x0b"</t>
  </si>
  <si>
    <t>b'\x84\xbe\xfdH\x12}\xfe\xa2\xba\xf7[\x92\xd3\x83\xb1FN\xe3T\x9b\xabG\x1e\x8f\xe5Hxs\xa7\xd0\x06D'</t>
  </si>
  <si>
    <t>b'Z+\xd3"z\x9c\x95\x81\x06?U%\x89\xa0C1\xe9\xff\'\x042u\x0fAM\xaa\x13\\\xaa\x1dN\x8e'</t>
  </si>
  <si>
    <t>b'\x8c\xec2\xdf\x0cm&amp;X\xd8E\xac\x99} &lt;\x88Nrg\x10\x8d\x0f\xdbk%_\xa1\xe8h\xb8\xe0\xef'</t>
  </si>
  <si>
    <t>b'\x1cDL\xce\x18\x16iI\x0f\xaaD\x7f)6\xb5*\xbc\xb5;\xa5^jv\xba\x0e8Ki&lt;#\xbd|'</t>
  </si>
  <si>
    <t>b"t\x16\x14\x08\x8b.,\x86\xf7\xf3\x96\xd2'\xa4\xc4!\xa4`\xea\xa7\xfa\xc1E\xd9j\x9f\xa1\x9c\xcdE\x8b\xef"</t>
  </si>
  <si>
    <t>b'W\xc2I\x82H\xc7"\xd9\x8aH\r\xb8\xc0Z\x8cAx\xa9\xb2\xa1\xaf\x91\xc7!_\xbe\xddl\x15\xe8J\xc2'</t>
  </si>
  <si>
    <t>b'k\xa9U\xcd\xd4Wm\xa1t\xcdV\xb2|\xa9\x8f\xdcO\x85JI \xfb\xcah)\xefW\xd0U\xc0\x1a\x10'</t>
  </si>
  <si>
    <t>b'\xb3\xf3#\xb1[\x16\xeb/\xe2\xe4i\xe9\r\x14i7q\x86\xe84\xf9i\x86\xde&amp;\xf7\x13\xfe\x01\xa8\x9b\x08'</t>
  </si>
  <si>
    <t>b'\x8f"i\x82\xd5&gt;\xae\xb5\xac\x96O\xbf\x1e\x9d\xc8\xcaD\xb5\xb4\xd6\xfcJ\xcc\x87_B\x90\x9fXg\xe9*'</t>
  </si>
  <si>
    <t>b"D\x903\x86\xea\xa9\x08l\xb0(\xe1'Q]\xf3\xc9\xa71\x9a@\xc2\xe1\xc7\xc5\x98\xff\xa1b\xa6;\xe6K"</t>
  </si>
  <si>
    <t>b'\xeaV\\\x14\xee5\x876RGL*w!\xfc\xdca`\xfc\x98\xe0q&lt;H\x9c\x18s\xa1|i\x18\x8f'</t>
  </si>
  <si>
    <t>b'\xfc\xaa\xe0ygi5x\xdc\x15#\x96\x80+|B\x17\xf7{e9v5\xe4\x1b\x1co\x03\xa9\xb0\x96h'</t>
  </si>
  <si>
    <t>b'\x1b\xdd\x0b\xe1Pn\xba\xdc\xd7\r87~f\x94\xb9\x00\xf8H\x82\xc24\x13\xd31\xd0\xd1\x94\xa7\xdcz\x02'</t>
  </si>
  <si>
    <t>b'~=r\x04\xf9\xe3\xd8\xd9\x9dTI \x06\x01T\x9f\xca\xcb\x9a\xa5\xe9\x8b\x01k\xb7\xd9^A8,9)'</t>
  </si>
  <si>
    <t>b'\x97\xcc\xe4\x18\xbcQ\x80uh\xb3\xbd\xcb\xe0\xeb\\\xf0\x85\xaf\xb6\xe4)7p H \x8e,\xa9p\x85['</t>
  </si>
  <si>
    <t>b'd\xc9]H\xd4\xc7\t\x18\x97q\xd3O\n\x0c\x98\xc6\xe5b\xab\xba\x8e\x97!\xd8\x01\r\x96:6\x0c\x05\xf6'</t>
  </si>
  <si>
    <t>b'(\xa3\xbaS\xe9!\xfc:\x8b4a\x8a\xb5\xa5e\x8f\x02\x07{=\xbf\xbe\xdb\x7f\xe0\xef8\x11\xdb\xc87\t'</t>
  </si>
  <si>
    <t>b'zQ\xe4cu\x86\x7f\xd6\x82\x0f\xdb\x9b\x1a\x87\x9cO0\x8a\xe8\xd9i\x02A\x8d\xbe\x9c7\x1e\xdbs\x87X'</t>
  </si>
  <si>
    <t>b'\x04d\x0c\xb2\x82\xf1\xd8\x9d\xdez\xbc/\x14\xd03\xbb\x11\x96\x0e^\x16X\r\xbf\xce\r\xd54d\x19-\xc5'</t>
  </si>
  <si>
    <t>b'\xbbi\x0fI\x1ad\xf2\x1b\xfc\xea\xc6\xd0\x8e\xebR\xb9&amp;\x9d\x88,K\x1b\xa1)\x82\x98\x80@j^\x08\xa2'</t>
  </si>
  <si>
    <t>b'\x83\xc4\x01\xc3p?,s\x8a\xc3\x054(*7}\xa2Z\x06\xf1\xc9o\xbf\xac\xb5\xe2\xe2\xd2\xe9M\x7f\xb7'</t>
  </si>
  <si>
    <t>b'`{&gt;\xd8\x81p\xdb\xafm\x14\x84\xec\x86\x8bF\xb8\xc5\x96!&amp;4\xc5\xb4\xfd\xeb\x83\xc4!\xf0#,X'</t>
  </si>
  <si>
    <t>b'\xf1\x18\x806\xf75\xc2\x98\x8a\xbbs\x1f\xae\xc7\x1a\xecQ\x1f^\xc1\xa9\xf4\xa0\xb6\xb6\x88\xe9\xddnh\xc3M'</t>
  </si>
  <si>
    <t>b'2uMH\xc8\xaa\x8b\x96\x9c\xca\xc9\x8c\xc8p\xa4\x82\xce\xfc\xd5\x87\x9a\xc1\xaeL\xa9s6\xe12\x93]\xf2'</t>
  </si>
  <si>
    <t>b'\xf5\x1d\xe6p\r\x08\xef\x92V"&gt;\xb7\xb8\x8c\x02\x92\x14H]^\xbdX\xf6\x0e7\xf9\xb0\n\x89\xaduZ'</t>
  </si>
  <si>
    <t>b'\x8c\xf4\x05\xc3\x17Y-9B\x9eO\xae\x88\xbd\x84\xaf`\xa8\x87a\xc4\x7f\x9a\xd2RZ\xd8 v\x13\x8e\xf2'</t>
  </si>
  <si>
    <t>b'4x\x10\xedn%G\x14\x81\x1d\x0cw\x07FX\n-\xc6a\x1f\xf65^w\x07\x7f\xc5\x17\x10B\xea\xcc'</t>
  </si>
  <si>
    <t>b'\xcd\xc9\xe3D\x13\xda\xea\x9c\xd1c\x98\xa1\xe4\x9c\xd3\x9eb\x90\xd0\x8f\xfa@UKM\xc0],b\xf3=:'</t>
  </si>
  <si>
    <t>b'\x1c\x97\rQ\x04\x00\x15\x8a\\\x87gm\\\x13$\x18\xf0\xc0DyS\x02)?\xa3\x84P\xf2\x13\xdb"\xa2'</t>
  </si>
  <si>
    <t>b'\xd3d\xb5w\xb5\x8ff/\xf74*Sk\x03\tjW\x97\x14\xf6DP\xce\x1f\xd9\xa6\xf0\xd9\x0b~(\xa7'</t>
  </si>
  <si>
    <t>b'\x13\xc75eX!\xdd}\x08-_%\xa3\x02\xfe\xcc\x07\x98+\x7f2\x8b9\xc3`E\x05\xee\\]\xc9\xa4'</t>
  </si>
  <si>
    <t>b',\xe4)H\xbb\x15\x02\x10\xc6=\xe1\xaf$\x9e\x08\x00N\x0e\x07X\x89\xea\x15\xbb\x91\xe4\xc4\\\xd0|v?'</t>
  </si>
  <si>
    <t>b'\xee\xea\xa7\x03\xba\x7f\x8d\xcc\xba\xa7\xdb\xf3T\x1aSe\xf2K+\xe7)\xfcA\x0c\x84\x90@[\x9cYu.'</t>
  </si>
  <si>
    <t>b')\xf5fz\xdd.\xd6\x91y!6\xf6|\xa1\xf0\xc1y\xfe\xb1Qx\x8dk\xd6\xdb`~B\xaaM\xd1\xeb'</t>
  </si>
  <si>
    <t>b'\xd9\x053K\x87]W\x99|\x08\x1b\x04\xf8\x86\x14\xac\x05\xf5\xa0q"\xd6\\*\x85\x1d\x86W\xe0\x8fl\x82'</t>
  </si>
  <si>
    <t>b'\xcd&lt;\xac\xc4 \xf7\x8d\x0368x\xc6\xe9Y\xbf5@\xc3\xba\x01H\xcb\xb3\xbfy\xbf\x08\x99h\xa4\xbbK'</t>
  </si>
  <si>
    <t>b'\n\xea.^Xm\xa3\xdf"C\x84:\xc70\xb2\x99]|W\x02\x11\x08\xe0\xb6\x0f\tl\xd4\x1a&lt;\x13\xaf'</t>
  </si>
  <si>
    <t>b'W\xbdi\xf2\x14&lt;\xff`{b\x8e\x96\xcd\x89\xf6\xae$3\xbd\xbf\xf8G\xb5X\xd9\xe3\xa4\xa2H\xf0\x93x'</t>
  </si>
  <si>
    <t>b'\xa4x\x06\x99\xe5\x9b\xbb\xd0o\xc5\xad1L\xf3B\xef\x11~\\\xeb\x92\xacsh\xf8G\x8a\xa2(\xb4\xd9D'</t>
  </si>
  <si>
    <t>b'\x06\x13\x15\\\xcb\x08\xa5c8\x80(\xd3\xa8$g\xb6i\xc7u\xa5LTT\xabeck\x9e\xaa\xc5\x85l'</t>
  </si>
  <si>
    <t>b'\xc0\x18\xfc3C}\x0b\xcf\xc5\xcdp\xa5\x8b$7P\xb1\xfbMT\xff\xd1t\xe5w\x81z\xf4\x97\xc4\x8b\xde'</t>
  </si>
  <si>
    <t>b']\x00\xc19\x81\xc8\xe2s\x80H\xed\x89}\xc5\xf6-\x10\xd9\xf0f\x01\xde\x9d\xef\xdaO\xc4\xbf\x00LU!'</t>
  </si>
  <si>
    <t>b'\xb6\xf6\x94\x19\xa8\\\xd6\x15p[1H\xd5\xfe\xa5\xe2"v\x94K/\xad})\x8c8sbQ\xf22\xe4'</t>
  </si>
  <si>
    <t>b'@\x9e\xe1\x11\x1d\xe8C\x81.f\xe8E\xdf\xd2\x1f\xccS\\\x87\x91\xd8\xee\x94h\xb2\xd8_#\xfaqrm'</t>
  </si>
  <si>
    <t>b'~\xf2\xf7B\xefZ\xea?\xa6\x16\xba\x0fi\xc0]4\xa07D~\xa7\xf3\xb1j\xe7o$\x04q\xf1$k'</t>
  </si>
  <si>
    <t>b'\xb7\x90\xb7\xdfD\x02\\\xaeS\x83\x9a\x86\x92D\xbd\x12\xe1\x13\xad\x13\xfe\xc6\xcf\x82#\xa4\xd9\x0f\xe6\x93\x03\xf3'</t>
  </si>
  <si>
    <t>b'\xb2y\xa8\xf3\x8a\xdd\xdc\xe6N&gt;\x1f\x13\x9d\x10\xcaD\xa1\xc1\xd0\x95%M\xf7\xb3X\x9d\x86Ew*\xe1\x9b'</t>
  </si>
  <si>
    <t>b'\xb0\xdfa\x1e\xdfn\x03F\x85\xe4\xaa\xf4a\xb9D\xb4\xd4\x03\x84\xa1\xe9\x8b\x19\xe4A\xe4\x8b\x1c\xd7a\xa3\xc1'</t>
  </si>
  <si>
    <t>b'\x0c\x98\xb6\xa1\xba\xba\x1b\xef\xe0\xe4\x99cc\xf5\xbd\x0c\x1b\xb9\xc4^y\xcc\xc6\xa0\xe2E\x8e\xfc*\xd7}`'</t>
  </si>
  <si>
    <t>b'\x01\xa4H\xc6R\xa7@c&lt;\x1d]K\xe4\xc8\xa1\x88W\x8c\xc9\x04\xd5\x9b\xe5\x8f\x1cUnk\xc6\xfd\xce}'</t>
  </si>
  <si>
    <t>b'\x12u\xdd\x8aZ\xb6\xec\xf1 I\xdd\xa7g\xddI.\x99\x9c\xdf\xd77\xcd4\x89 \xb4\x17\xe5z\xe8vC'</t>
  </si>
  <si>
    <t>b'\xaf\x1cm\xc0]\xc1\x10\x8f&gt;VhjbSz\xd4\x97\xde\xe2G?`\x8e\xd5\x1b\xe5w\xcec\xbf\xca\n'</t>
  </si>
  <si>
    <t>b'\xd8\x98\xa4\x02\xb8\x13;\xe0\xa1c\x96\xddc\xf30\xc6\xec\xf8\x956\x03\xd9,l6b\xc9~\x96\xe5~m'</t>
  </si>
  <si>
    <t>b'\xb9|%\xa8P\x15\xee\xa1\x18k-\xec\x9c/\xf1\xc5X\x08,\xef\xe26T\xe7\x0f\xbd\xc7Ht@&gt;Z'</t>
  </si>
  <si>
    <t>b'=a%\xb6Q\xf7\x92(\xd0\xba\xf6\x9a\xb4\xd6\xe3\xeb\xe0\x8b]\xf7j\x13\xf6Uo8U\xe9\xe9xki'</t>
  </si>
  <si>
    <t>b'J&gt;)\xf4\x00z3\xc8Y\xe4\n\xa3r\xbaF\xd9g\x07\x87\xa6\xdb\xfc\xf3\x8a2\xaf\x91\xfc\xa3\x84I\xb6'</t>
  </si>
  <si>
    <t>b',\xba\xec\xa2\x85\x8d\x9f\xc40Q\x0f~\x83\x03\x1a\xaf\xb0&lt;{\xa7\x7f\x85\x97z\xd9\x8d\x88u\x86\x87\xc3\xc7'</t>
  </si>
  <si>
    <t>b"\xd9\xb0\xd7'$\xd5;\xec\x8f\x10\xed G\x0e\xf9\x91f\x94\xf9\xe9\xda_4\xb9\xa4\xb5\x99\xbf\xc41\x04l"</t>
  </si>
  <si>
    <t>b'\xb1\x95\x87\x90\xdf\x8d\x90+S\x9e\x98\xa5\xdf\xdc\xe6Kf\x0b\xa6\xdb\xc6\xc2e$\xcf\x9b2\r\xbe*6\x01'</t>
  </si>
  <si>
    <t>b"q\x8cM'\x915L\x1c\xf40\xf0\x89\x8e\xe4\xb4\x9b\x02\xb7&lt;\xc6\xfc7K\x1e\x94X\x95\xc0\xe1\xfb,p"</t>
  </si>
  <si>
    <t>b'g%n\xd3;f\x87\xb8c.a\x937{\xb6\xb7\x1b\xde)\x93\x17\xc4\xb1\xd7Y\xed\xed\xfbQ\xa8\xc4&lt;'</t>
  </si>
  <si>
    <t>b'\xc5Vu\xb5\xec\xf1Y\x94{\xfb\xec\x02&amp;2m\xebE~\x018qJ\xde\xeb\x17\x1f5y\x7f\xe7\xe0S'</t>
  </si>
  <si>
    <t>b'jx,T\xd4&amp;c\x03k\x840\xf6{C\x0b\x99\xe0;8l\xa2Q\x02\x1f\xf8\x80\xe8\x7f\x96\xe5"\x11'</t>
  </si>
  <si>
    <t>b'\xf91A\xb9s+\x11\xecv\xeaG\xad\x82\xa3\x88\x8e\xa9\x00\xa8\x99\x0e\x85\xda\x82\xdfp\x9dc`\x897\xc2'</t>
  </si>
  <si>
    <t>b'\xc0\xa5,~K\x85\xf2\x06\xc1,pR\xf3\xc4b\xe6\x98\x9b\xdcp\xf1\xc1\xc8\xc5\xc0\xa3\xf3=)\x11\x81\xda'</t>
  </si>
  <si>
    <t>b'O\xc6D\x08\xe0u\x000W!\xd4\x1d\xb7\x99_\xb0h\x08\xfd\xac \xe0\xd6p\xc0\xc5\xee\xc7\x85\xd2\xe1\xf8'</t>
  </si>
  <si>
    <t>b"'\x1c\x0cs\x1b\xd0'\x86\xdb\x19\xfe\x88&lt;\xa5\xda\xd9\xe4e/p\xc6\xb1\x8c\x0e\x9f\xe8)\xf9@\xb8j\x7f"</t>
  </si>
  <si>
    <t>b'\xf9Y\xb6\x81D\x1a\x8er\xd5\xe29,\x85\xa8&lt;\x9c\xbc^\x94\xaf\x83\x99\x18\x1d\x15mV\xdf\xa2\xad\x9c\xd9'</t>
  </si>
  <si>
    <t>b'm\xc7\xb7\x18\xad\x01\x1e\xc0\r\x13\x0f\x1d\xb1\x03N\xf7\x1eb\xd46\xfe\xd6\xb7y\x08~\xf3\x860.w5'</t>
  </si>
  <si>
    <t>b'\x1d]xb\x19\x92\xd7\xee\xd5\x81\xb3\x83*\x95+\x0c\x103\xd5x\x0b\xbbR\xd5\xc5\x1b\x95C\xe5\xe2\xef\xc2'</t>
  </si>
  <si>
    <t>b'h\xc26\xca{\x95\xfb\xc0\xe7\xf3\xce\xa8\xd5\x91R\xb3\x98\x00\x95}2QeTl\x1f\r}A\xedN\xdc'</t>
  </si>
  <si>
    <t>b'\x08\x96iJ\x8d\xf0;{\xb8\x9d$\xfd\xa1\xbb\x16\xa4\x07\x0f\xb3/\x08\x9e\xbf\xa2\xaf\xe0\x8b\xd87\x0b\x0b\x16'</t>
  </si>
  <si>
    <t>b'\xe4-\xdb\xbf:\x01\xa6\xc7\xb7\xbefr\x02\x14\t\xbd;?\xb51p\xe2\xd9\x83^\x81\xf4\xbd\xb1\xe9J\x80'</t>
  </si>
  <si>
    <t>b')\xf9\xc76\xb2\xcb\xd4F\xf7\xc3\xde4\x00\xc4\xbed\x9ed!tr\xa1\x91\x86F\x90\x91\x85\xc3S\x19/'</t>
  </si>
  <si>
    <t>b'\x10\x86Z\xeagG\x8f\xbe\xcf\xb8\x86\xafk58\x83L+\xf5\xbbj\xeb\xe9\xf0c\xe9\xf7\xa7\xa8\xbckJ'</t>
  </si>
  <si>
    <t>b'9\xfe6%\xfc\x1a\x15\x0fZ\x83:\xd6\x12\xb2\xfd\x0f\xfc\x98,#{\x05+E\x04\xf1\xe0\xa7KaH\xd7'</t>
  </si>
  <si>
    <t>b'\xa9\x80\xc1Fu~v\xf4%\x906W\x8eA\xc0\x03"\xff\xc5\x01\x1c50\xe3\xebT\xf1\xd0\xfd\xa9\x03('</t>
  </si>
  <si>
    <t>b'\xe8\xa6\x97\xdcu\x90\xff?\xfc\xf1\xc2\xcb=)BR/\xc8\x98a9\x15\xb2\xf4\xc1+\xcah|\x84\xa6\xf9'</t>
  </si>
  <si>
    <t>b'\xd2\x86\x86\xf9g\x06\xfaU\xab\xc23o^\x9a\xd5e\x84\xee).m\x0e\xc4\x8f\xe3\xa44\x95{\xab\x88\xee'</t>
  </si>
  <si>
    <t>b'\xb4\xf6\xc2\xb3\xf8\xacePR8f\x0b\xbf}\xca~5\x8f\xbb\xae\xe8V\xbd@j=\xb4\xff\x01\xd8\x85!'</t>
  </si>
  <si>
    <t>b'W$\xecE+0z\x1b\x1f*\x9f`\xe8\xe8\xbdio\xfe\xde&amp;9\xe3\xd5\x127\xbe\x80\xc8@\x829M'</t>
  </si>
  <si>
    <t>b'(\x9f\x06q\x93\xdf\xc6\x9an-0\x8cP\xf4Y\x11\x1d\xbc\xf2`\xbe\x911\x8a+M\xb4/.IXE'</t>
  </si>
  <si>
    <t>b'\x93+\x80s\x94t\x82\xeb\xaa\xffa\xf1\xd4\r\x9dx1C\xc7D\x90$@\xd5\x89\x00KR\xb2t9{'</t>
  </si>
  <si>
    <t>b'\x810@v\x99^!\xdc\xbc\xea\xf6W\x8dd\x1b\rR\xcc\xb76\x0e\x81\xbazY\xd2&amp;\xc5c\xe1\x16B'</t>
  </si>
  <si>
    <t>b"\xb7)\xa5\xc3\xfd\xc5\x13\xfb\x1c\x02\x94\xe0\xf1+'7\xec\x8a\xfb\xec8\x05\x9f\xddz3B5\x01@\x88\xc7"</t>
  </si>
  <si>
    <t>b'\xc7\xbf\xef\xc2\x1208\xfdVn\xb5\xa2\x85\xc5k\xab\xa6\x95\xac\xe5\xe5\xfb:4\xf08\xfb\t\xb8#U\x89'</t>
  </si>
  <si>
    <t>b'\x8f}\xcf\xd7\xda"/t\xc3D\x95\x95F\xf1&gt;Bl6\x94*\x93\xc5\xffPp\x8c\xd8\xfb{\x1d\xac\x9e'</t>
  </si>
  <si>
    <t>b'\xad{\x9bFC\xef\xe9\x9d\x02\x17"\xbc\xa4,Q\\n\xd2\x9d\xb1t\x88\x89\xa0\t?6\xef\xd1N\x87\xb2'</t>
  </si>
  <si>
    <t>b'\x03\xde\xe4\xd4\xd6\x91\xf4\x0eL\x9fr\xff\xabB\xc8`\x99X\\\xe6\xc0\xd1V\xeb\xaf\x94\x10\x9e\xdb\xb9\xa6\xc9'</t>
  </si>
  <si>
    <t>b"\x1d'\x8d?\xda.U\xe8c\x1e\xdd\xd9\x8e\x18\xba\xe9^\x95\xc31\xdf}wx\nW\x0f\xebbQ,\xd9"</t>
  </si>
  <si>
    <t>b'\xf1\xad\xe5\xb8#\x8e\xccy\xcd\xc5\x97C\x9b\x7f4\xa7\xe7^\xeeHo\xc9\x89Y\x0e\xbd\xffq\xcf \xcf\xc0'</t>
  </si>
  <si>
    <t>b'\x98C\xe3\x9f\xf7\tzOUC\x81\xa5\n\x944\xee\x186\xf6\xf6\xb6\x07\x88U\xa2\x10U\xb8\x8c\x84\x906'</t>
  </si>
  <si>
    <t>b'\x9c\x8c\xc6\x8f\xa3\xe2\xaa&amp;\x88\x8f\xda@,\x99&lt;\xf3\x08\x1e\xdc\xf74MmZ|\x87\xbfy]H|\xe8'</t>
  </si>
  <si>
    <t>b'\\\x86\xa2\xaf}\x9e\xfdm\xab\x0fW}\nt\xde\x12F\x98\xdby\x93\x8dh\xcd\x9d\x9c\xe7\x13js\xa7\xb0'</t>
  </si>
  <si>
    <t>b'\xb4#\xe8\xa3\x83\x98\xdb#V\x8e/\xcc2\xf5\xa7\xd9\xde&amp;\xcf1\xe9\xdf\x87\xd3\xa1\xc2\xc0\x89\x02nc\x0b'</t>
  </si>
  <si>
    <t>b'C\x12\xad70\x19s\xcb\xd5d\x06\xf1\xea#\xff\tF\x84f\xc2GR*[x\x05\x81\x1f\xff\x16\xd9^'</t>
  </si>
  <si>
    <t>b'\x7f\xb1\xf7\x8d\xa6\xe6\xcbw\xed\x0cN\xe5\xc2Z\x1ak\x08\xe3]\xb6#Y\xc5\xa4\xc4\xb2\x12\xc7\x89~Qw'</t>
  </si>
  <si>
    <t>b'\x99c\x9bO\xf56aZ\xb9\xfbq\xdd\xe2\xa2\x820\xc2\xc0\xc4/\xab6\x85\tq\xc5\xabjk\xe1\x967'</t>
  </si>
  <si>
    <t>b'\xef5\xb27\xc0\xfbV\xdd`\xcf4\xf7/\xfa\xb9h\xb7\x04\xf3c\xd3\x82\x84\x8fe\xde\x1c\xe4\xef\x0fgh'</t>
  </si>
  <si>
    <t>b'\xe1\xa3\xfcJ\xe3\x98\x16\xeb\x89 \xb1~\xa0|?a/UC\x83\xdd\x9e\xf67({\xd1C.@\xb5Q'</t>
  </si>
  <si>
    <t>b'\x13\x85\xd0\x94%\xb1mB\xabF\n\xf5k\x86\xde_\xca\x11\xaf\xe68Y\xd4l\xafR\xae\x94\xeeU\xe1n'</t>
  </si>
  <si>
    <t>b'GF\xd4i\xac\xc4QbK\xb6\xa3\xa4\xe8}k\xa8\xaf\x90\x1a\r\x96\x17\xd7\xaeW\xb7\xfbs\xfd\xa7\xe0\x94'</t>
  </si>
  <si>
    <t>b'\x00\xc1G\xdb\x03\x1e\x07\xb6\x83\xef\x98R\xf0\xc2nahA\xeb\x1ap\x86\x81\xe2\xde&gt;C\x9a\x0b\xa9yL'</t>
  </si>
  <si>
    <t>b'\x16sR2{\xa6\xedT\x88\x97\xfa/\xf3\x13SM\\\x9ajM\xea\x7fk\xc9d\x84\x18\x96ue\xad+'</t>
  </si>
  <si>
    <t>b'-\x0eocOt\x0c\xa2x\x08&gt;\t\xc8_\x1a\x94 \x18=\xdat/\xf7\xf5\xe2\x15\x0fG\xa7k\xaf\x19'</t>
  </si>
  <si>
    <t>b'\x07\xf4=\xff\xa6\xcd\x82@pv\xc3\xce\x8c\xfa6\xf3N]\xecM\xfd\xbc0K7:\xd3-\x06-\xf2V'</t>
  </si>
  <si>
    <t>b'\x1d\xc9\xa6\x8f\xff4t\xe8\xca\xf5i\x91\xca\xaa/\x04Q\nQvR\xf87\xcb\xc7\x04\xe3%\xd5\x01\n\xe2'</t>
  </si>
  <si>
    <t>b'x\xf3L5\xd8U\xfb\x9e\xf5\xb6\xa9\x1e\xf3u\xdd\x83i\x95\xed\xf6\x83\x85(\x06\x90:kn\x8d\x9e\x83\x01'</t>
  </si>
  <si>
    <t>b'\x04\r(\xae\x8eJ\r\xbbJ\xaaa&gt;\xb6\x1a\xc4&lt;\xc5\x9d]&lt;O\xa1c\x80\xcb\xfb\x1d\xe8\xb5&lt;\xbb\x82'</t>
  </si>
  <si>
    <t>b'\x99\x90\xf0\x8c\x92`\xd0\xca\xe5\xe1\x8c\xc7-\xe5r\xb3#\xab\xcb\x86\x13]\\\x8e\xb9j\x8a\x8f;Z\x08\xb4'</t>
  </si>
  <si>
    <t>b'\xd3\xacN\xef\xd8\xfe\xdcV\xc1~&gt;\x97\xb7\x97Y4\xc2\xe4`\x00\x13H\x13\xe7-\xca\x1d\xa1\xb1Q]v'</t>
  </si>
  <si>
    <t>b'|N\x85&amp;G\x87\xa9\x01\xba\xa6\xae\t\xae\x81{hqF\xa9\xad\xb7\xa2f\xcfi\xed\xac^X\x81N\xb7'</t>
  </si>
  <si>
    <t>b'2\xef\xf8\x81\x05Xs[\xda\x81?\xf5\x9d\x0en\x9ey\x98\x9a4~x\xdeY\xbbN\xcb\xa3\xb0\xae\x16\xb5'</t>
  </si>
  <si>
    <t>b'\x1a\x84Pgm\xd8\x02\xb1\xf3\x1c\x97\x9c8\xc6\xa4m\x89\x89X\xaa\x04-XV\xb2\xdf\xc68_\xa4\xe5\xd4'</t>
  </si>
  <si>
    <t>b'\x92gT)Z;d\x9b\xd1V{\xb1\xb4\xfe\x04\xe3~FJ\x80~\xd8V\xcbK\x8f\x8c\xffh\xf1\x82\x9e'</t>
  </si>
  <si>
    <t>b'\xf7"\xd0\xac\xd2\xe7\t\xf0|\x98\x00\x13x\xc1\xafP?\xef_D|\xae6M{T\x91\x95\xee\xd4c\xe6'</t>
  </si>
  <si>
    <t>b'\xec\x1f\x8d\xad\xed\xc6\xa8\xc8\xf0\xcet\xbc9\xe0\x99\x88m\xd5.\xf9\t\x87[V\x92\x8f\x08\xae\xbe\xa8u\xb3'</t>
  </si>
  <si>
    <t>b'\xdbk\xa9-\x9b\xc33Y}\xef&lt;T\xfa\xb4Z\x8c\x92\x163\xac\n.\xca#\xcc\xc0M~\xb1\xee\x87\xab'</t>
  </si>
  <si>
    <t>b'vy.C[`\xea\x1f\xdf\x0e\xf2\xba\x96\xe0\xcbTY\xf96\x1fWZ\x0bzhn\xc3\xfee\xd6\xd3r'</t>
  </si>
  <si>
    <t>b'\xa1\x80\x8d\xf2\x88\x02L\xe4\x06\xcd\xd5\x06\t\xe3\x963f\xd3\xcd2Ph&gt;\xb5\xe1\x8b\xfdmN\xc9\xbeZ'</t>
  </si>
  <si>
    <t>b'\x1f\x9aXj\xe0\x19\x05{\xe8\xaaC\x81\xaag\x9b&gt;\x82\xb5\xf5?%\xf6YK\xb8\xe7M\x93\xbb\x8e\xef\x99'</t>
  </si>
  <si>
    <t>b'\xee\x8e_\xb8\x11\xb0\xcf&gt;\x99s\rq\x81\x1a;\xe7\x05\xdb|\xed\x04\xe5\x15\xdb\xf2\xc2\x16"\xbao\xfd0'</t>
  </si>
  <si>
    <t>b'\xae\x80\x81\xf6\xfcg\x01\x9e\x1d\x9b\xe7\xcb:\xa9dt\x84\xd6y[\xaf\xa0\x8d\x8b\x1a\x82\xfd\x01\x85\xde\x8a\xe2'</t>
  </si>
  <si>
    <t>b'p\xcf\xb8\xd6\x17/\xf0_\x14V\x9e\xa7=4Ra\x9eJ\xf1\xe8\x047V\xde@\x1fe\xb15\x9fS\x1a'</t>
  </si>
  <si>
    <t>b'\xed\x16,\x7f"&amp;6F\x05g\xad\xaa\x9a\xd3\x9c\x18m\xff\xb4\xc0\xde\xcb/\xf8\x87if\xebnE]\x0e'</t>
  </si>
  <si>
    <t>b'\xb8\x18\x90a\xa2\xa7~\xb0\xe7\x8b\x04\xf8&lt;|\x86\x04\x0e\xe0\xa7p\xf5\x0c\xa0\xcct\xa6g\xe6\x04\x8b\xfer'</t>
  </si>
  <si>
    <t>b'\xf0\xfa\xe8\x1b\x18a\x12\xfb\xe5\x8f\xab[\xb18@S}Z\xeag\xe3\x9d\xc3\xb3\xaa\xa4Y\xf8\xed\x04\xa0\xcf'</t>
  </si>
  <si>
    <t>b'\x19q\x9e\xb2\xa8\x80\x9d\xf3\x86Y\xdcr\x16\xe6W\x98\x00\x0e\xa7\xb1,\x01\xfb\xbf\xd5\xc6S\xfau\x9f\x9cW'</t>
  </si>
  <si>
    <t>b'\xda\x82\xb8\xc3\xbf\xcfD@t\x8c\xd4N "&lt;\x08\xd8\xa4+@\xa3\xcd)\xa79R\xa7\x8bY\xbcN\x08'</t>
  </si>
  <si>
    <t>b"c\x85g\xcb\xa6\xc7\xc4{1\xc9O\xe2\x08'\x98\xc6\x8de\xc9\x99\x88\x0f\xe4\xcb\xef\x88!\x1781\xf7\x84"</t>
  </si>
  <si>
    <t>b'\x10\x9b\x0fo\xcf\xfb\xbdW\x9aw0\xf3\x17f\x9b\x83\xe4\xb5\x81M\x19\xf1\x07\xdf\x97\xb2a\x99\x98\xb0\xd1\x80'</t>
  </si>
  <si>
    <t>b'\xab\xc9\x06\x1b\x00\xaau\xa9je;t-\xff&amp;\xe2|\xde%\x8c)\x8e\xf3\x12\xbe\x8b\x1a\x7fPj\xe7\x9b'</t>
  </si>
  <si>
    <t>b'+s:&amp;h\x12\xaf\xc1\xde\x98\x82b6\x84\xb3\x1d\xc3N\xee\xb9\xbacfw\xa7\x08\n\x8d\xea}&amp;\xe5'</t>
  </si>
  <si>
    <t>b'\xa2Fug\x1bJ-g\x9c#7\xf25?K:\x8f\xd8\x03;z\x1c\x1d\xac\x1fj\xc0\x04\xb7\xbb\x90\x06'</t>
  </si>
  <si>
    <t>b"$\xea\xaa]\x9e\xee\xad\x9c\x80\x9a\\\xb7\xd7\xf2\xc5E'\xfc?C\x92\xdb\xce\xa1\x8a\x02\xcd 6rM`"</t>
  </si>
  <si>
    <t>b'\xa67\x06\xf1q\xf3\xb9z\x1dY\xda=\x970\xc3\xd0(c\xc4\xa2\xc9\x9fo\xaa&amp;C\n+ur\x84\xe1'</t>
  </si>
  <si>
    <t>b'\x97\xc00\x98\xe8?m-\xea)\x8cdux\x1cdv\xee\xb2\x9c Z\xee\x12\xb3Z\x83\xd2\x1c5T\x93'</t>
  </si>
  <si>
    <t>b'#xI\xaf@\xd5J\xf9h\x02oi\xfc\x92+\xc1k\xc4\\\x88\x15\x93UH\xa4\x98}{Nt\x05G'</t>
  </si>
  <si>
    <t>b'\xef\x7f\xddy\xb2\xa9\x1fU:\xf4\xce7\x8b \x83X\xddV}\xf6\xa5\xc0\xf3\x81\xb5\xd0\xeakE)\xbb\x82'</t>
  </si>
  <si>
    <t>b'%\x1d\x19\xed\xf7\xca\xc8\xb1$w\x15a\xe0\x96\xfb\x8f\xb0M\xb6\x11\x99\xbb\xc5\xb2\xfa\x87\xcan\xa5\x0fSv'</t>
  </si>
  <si>
    <t>b'\xbbZC\xc5\x1e\x0f\xeb\x89U\x0c\x8f\r\xd6\xec~\x1a\xb7\x9a\xd1\x95\xeb\t_\xf0\xd1p\xfc\xedW.\x93\xab'</t>
  </si>
  <si>
    <t>b'\xbf9g\xdc\xfe\xca\xad\xf8\x8c\xe3\x8e\x12\xda!\xad\xb0\xf2\x8d\x0b\xe8\x0cxO#%)\xcf\xd4iaY%'</t>
  </si>
  <si>
    <t>b"W\x90\x04\xbd\x05\xa6\xd0\x14\x92\xf5\n\xce\xed{\xc4\xe2\\\x031Jx\xa7\xf1\xca\xcc'c\x83\xbe\x90\xe1\xd6"</t>
  </si>
  <si>
    <t>b'MQ\x9b\x13\xed\xbd\xc4\x8b1\x93\x97\xf9a\xb8"\xed\x9e\xaaz\xaaH\td\x0ePev\xa4\xa7{\x80L'</t>
  </si>
  <si>
    <t>b'\x8ey\xd8?`\xe7\x9b\xed\x9f\x956\xe75\xe9\xfcI\xb7\xf9\xa5\xf0\x88\xde\xfc\xe5\xe8wHR\xb4^\xca\xbf'</t>
  </si>
  <si>
    <t>b'\x90\xbb\xb8,\xc6\x0b\xb9\xe2JJ\x17\x9e= f\xa1c\xd9\xf8:\xda\xd3\x14"&lt;\xa9\x11/\tsH~'</t>
  </si>
  <si>
    <t>b'\xecj8\xb0\xad\x9e\xa5T}\xaa\x9ao\x7f\x1a1x\xa4(\x92g&lt;\xe29\tX9b\xc5\x0bQ\xc6\xbb'</t>
  </si>
  <si>
    <t>b'\xe1\xe8\xe6\xa2\x8a\x88\x0b\xeb\x82P$\xc9\xe6\xcc\xc1\xcaS\xc8\xdbx\xcbk\xa3\xde\xec\x8b"\x87\xb5%\xb0\x9d'</t>
  </si>
  <si>
    <t>b'O\x16ce\x8d\x161T\x18\xb4E\xd4\xc4\xb2j\xa1]p\x85d\x1f\xc7\xec\x15Yc\xe1\xcf\xba\x87%\x1d'</t>
  </si>
  <si>
    <t>b'\xacu\xd2K\x04\x93\x82\xcb\xd5Xv\xb5\xd7\x06\x0e\xd2\x99\xfd\r\x8d\x8a\x9e+\x96\xd7\x82;\xd4\x19q\xd4\xf4'</t>
  </si>
  <si>
    <t>b'\xcb\x18_r\xf5\xa0\xa9\xcac\xf6\xf5)\x0f\xc1R\xf9\x0b/\x91\xdf\xb5\xf4\x94\x9b\x9c\xc9\xf1n\xdf!\xc5\xfe'</t>
  </si>
  <si>
    <t>b'\x82\x18\x82\xa0\xaath\xc3#\x92Q\x05\xe0\x1a\xa2\x15\xe1\xf9\xbf\xca\xd2\xa6\xf4\xf2\x15\xc1\xf6\x0e\xd6W$\xfd'</t>
  </si>
  <si>
    <t>b'\xb2\x08W\xf4\xf3\xf1\xe4\x8c\xecH\xef\x96s\x18\xe6\x974\x12J*\x0e+q\xf9\x98\x9a\xae\xf5G\x91\xf0\xbf'</t>
  </si>
  <si>
    <t>b'\x0f\xdac\x96\xcc\x86\x01\x90\xe4\x04\\\xba\x19\xe9\xca\xd7\x8c9n7d\xbf\xcf\x83\xce\x175\x8a\xb7\xb8V&gt;'</t>
  </si>
  <si>
    <t>b'\xfbh5y\x9c?\x93\xcd\xe3\xd4&lt;d&lt;\xfb!\xa0\xe0\x140U"\x98\xc2\x11\x8a\xfb\xf9\xeb0^\xe6/'</t>
  </si>
  <si>
    <t>b'\xcf\xa1\x10H=\xc2e\xb3\xf2\xdc\x9a\xc8\x95\x8a\xa1V)\x1d\xe5\xa6a\xda&gt;\xa9D[t^t\xfb\x9cF'</t>
  </si>
  <si>
    <t>b'\x00&gt;~\xa9\xd6\x10t\x9a\xac\xba\xc3\xde\x82]\xfa\xddU\x00\xff\xbd\xba\xb6x\x96N\x1a\xf6\x96\xb8\xbd(b'</t>
  </si>
  <si>
    <t>b'k\xd4\xbb\x86#\xd3\x1a\xf5\x0b\xde\x1cs\x04\xa7Z\x1b\x14^O\x19\x18\xe6\xde\xa5\x06\x8c\xe3"\xd5\xdb\xbdw'</t>
  </si>
  <si>
    <t>b'15\xad\xff!n(\xc2\xe6\xfd#\xf0"\x84\x11\xd8\xdd\xd5%\xb6\x9bu\xf2Q\xafsU\x87\xa0\x18\xbbH'</t>
  </si>
  <si>
    <t>b'0N\x94\x8fC\x8a\xaa\xdf\xc0\xffP]\x8c\xe7Z\xb8\x86KH\xc9\x0c\xa2\x87\xfc\xb2g\xc20\xc9\xd0[\xb3'</t>
  </si>
  <si>
    <t>b'\xac_$~v\x03\xcc\xa3\x1f\x82\xb5\xaa\xd8+\xba\x12%\xe6{\x17\x7fx\x90\xb4\x8b\x92(\xed@\xfb\x8d\r'</t>
  </si>
  <si>
    <t>b'\x1c\xe0[\x9b\x8c\xc6\xb8\x11ks,\xc1\xfa1\xd7\xae\xf4\x84y{\xae\x7f\xea}\xab,\x04\xed\xca#\xd0\x9f'</t>
  </si>
  <si>
    <t>b'\xd8\x94\xed\xb1\xe3\xe9c\xdfFy\x17G}\x9eH,\x05R\xf8\x97\x0b\x13PT\xfe^)\x8b\x13\xe4({'</t>
  </si>
  <si>
    <t>b'\xa0k\x85\x9f2\x0b\x91\xfd\xc5\xb7\xc6\n\x17:\xb2\xdd!l\x0eV\x90\xe4\x96r\x02\x1a\xdf\xb5\x0f\xb5\x83\xfe'</t>
  </si>
  <si>
    <t>b'\xee&amp;\x0c\xcf%\xba\xcf8\x83\xe6\x8cMp\xcd7\xa7\x94L#l|\xcdU\x99\xc1\xea\xd1\x9b\xfa\xc4:8'</t>
  </si>
  <si>
    <t>b'x\xd7\xb4\xf9\x84E\xb8\x1a\xcbC\x04\xf4\xa2\xbd\xe3\x17\x0f!\xa3\xb8Q\x9d\x03nw8\xd8\x9a*\nf\xc8'</t>
  </si>
  <si>
    <t>b'\xf3\xa0\x1a[\x01\x13(|\x96\xb5\xcb\x99\xbe(B\xb0\xb9\xae\x9c\x86\x13n\x96\xedf\r5v\x1b\xe1\x18b'</t>
  </si>
  <si>
    <t>b'\x1d]-s&lt;\xed\xde\x1aX\xae\x80\x91G\xc2\xd0\xddG\xfd\xc3\x8b\xfd\x04 r1]3\xff\xde\x9f\xbbC'</t>
  </si>
  <si>
    <t>b"\xb7\x0b\xbdR^\xef.P\xcf\xf8\x1e\x9f\xda\xb3\xf2?\x9dI\xb1kY\xeb\xe7-\xdbR&lt;\x1e'\xf46\x7f"</t>
  </si>
  <si>
    <t>b'\x05\xa0\x1aYb\x9e\x82S\xdd\xf0\xd7\xd0O\xce\xdb\xa1Z\xc6\xd0v\xf1\xae\xb0\xc5\x16\x83\xe1\xe2\xd3x\x8bl'</t>
  </si>
  <si>
    <t>b'[P\xdd\xc0UC\xf0\xdb\x83\xa4&gt;Pp&lt;\xa8\xc5*l.4\xb1\xe2\x07c\xb6\xef\x8e.}qy\x8b'</t>
  </si>
  <si>
    <t>b'S"r\xcc\xc2\xbb\x98\xcf\x8b\xe31\xcftkf\xbb\xb42Gb\xfb\xa1\x9f}\x8a5\x02\xa3&lt;a\x15b'</t>
  </si>
  <si>
    <t>b'el=\x8a\x06\xbbu\x80\x9a\x9f\x11\xd2d\xd8\xd0W\x92\xa2I\xb1\xe9\x83\xba\xe7\x93\x8e\x91i\t\x951\xc1'</t>
  </si>
  <si>
    <t>b'\xa1\xf8\x19\xd3%\x92G\xe7\xd6\xb5)\x19\xf7\xf1\xddB\x03\x01\xbd\x08-\xfe:\x1d\xaf\x88\xd8\xb4|N\xae\x16'</t>
  </si>
  <si>
    <t>b'^6X\x94x\x1f\xfb\xd22\\\x08\xbb2kQS\xeb\x86\xdbn\xb3y^\x81\tc\x8b\xaf\x13\xbe\xa4\x0b'</t>
  </si>
  <si>
    <t>b"{\x08\x82\xfc\xf0\xce\xfc?+\\\x8ba\xfd\x8aH32('o\xea\xff\x9d\x016\xc4K\x86\xe3\x06\xec\xe9"</t>
  </si>
  <si>
    <t>b'[\xd4\x96\xd9( X\x81*\xb0\xb8\xb7Y\x127\x92w\xb0n\xf8\xa3ry\xfb\xf9d\x1fP\xf0&gt;\x8f\xff'</t>
  </si>
  <si>
    <t>b'\xc1\xd5\xe5&gt;\xdd\xb5\xdcu\xcdWP\xea\xc7OE\x81".wi\x1e\xe0\x07\x82\xef\x026\xc8\xdb\xe5[\xc8'</t>
  </si>
  <si>
    <t>b'\x8f\x96\x1e\xac\x10\xcel\xbf\xe3\x12\x83\x97t|\xbd\xd3\xbc\xc563\xf33`\x92J\xde\xc0\x00z\x83\xf9q'</t>
  </si>
  <si>
    <t>b'\x0c\xf8\x92;\xd8#\xc2%}\xa3\xf5\xd3F\x07\x18\xa9V\x9dwy\x07\x91\x19\xcdb\xf2\xef\x0f5bP?'</t>
  </si>
  <si>
    <t>b"\t\x08\x8a\xaa(p\xc8lZ\x10\xa2~\xe7\x18\x07\xb5\xe6\x12\xb9\xc0w_\xf95\xbaD'j2\xe2g\x15"</t>
  </si>
  <si>
    <t>b'\x9bq\r:\x91SG\xcf\xff\xde\x0f)\x1b\xc0\xacY\x00\xb0_D\xe77\x01\x98WTF\x02D\xf9\x10F'</t>
  </si>
  <si>
    <t>b'\xe8\x8f\x99rK\x9f\xcc(\x8e9\x00\x8a\xf7\xcadk8\xb8\xe2M\xfd\x91\xa5\xb5\x82\xa7\xc7\xdd\xc5\xf2\xae\xec'</t>
  </si>
  <si>
    <t>b'.\x15\x9d\xfa\xd1H\xc8T\x86\x1e\n;\x87\xcf\xb3\xba\xb0\xc5D$\xf2U!=V\x81\x172\xf6\xe9\xc8\xa4'</t>
  </si>
  <si>
    <t>b'\x84 \xd3\xc7\xc4\x0eH\xb4W\x9e\xd7\n\xc5\x84{\xf4\x01\xab`lt\x12\xc0_\n\x86\xed\xf8\xba\xaej\xb7'</t>
  </si>
  <si>
    <t>b"\xcb\t'\xb9{\x11\x8c\x89\xd4\x903\xb9~n\x9a\x88A\x14\xa7V\x11y(\xcb\x95\xc3\x93R\x0f\xa2kD"</t>
  </si>
  <si>
    <t>b'\xd6)vL\xed\x9bW\x1f5m=Z\xb6\xd3\x1b\x8aM\xf2\xd1\xc0#\xce\x81$\xe2\xb6\xd0?Y==$'</t>
  </si>
  <si>
    <t>b'\x9b\x1a&lt;\xe1\xb52&amp;6\xc5\xf84\x8at&gt;y~\x13\xcb\x10P\x9d\\\xa8gP\xfe\xe6\xa3N\x12\xde\xeb'</t>
  </si>
  <si>
    <t>b'\xfd\xba\xef\xc0e7V\x8c\r/\x02\xbc5^\xb3\xa5\x89\x10*\xd7\xe5\xcdI3td~\x88b\x94Xx'</t>
  </si>
  <si>
    <t>b"\xca*~\xa1\x13;\xfbR\x96[\xbe\xfd[\xfc'D[\xd7\x10&amp;\xc88\x85\x8a\xd5\x8e\xca \x06\x82\xd0\xa4"</t>
  </si>
  <si>
    <t>b'N\xb5\xd3\xdb\x04\x16)\xa1\x95\x18\xbf;=\xc2Z\xe1{R?\xfe\xda\xcc\xc4\xef\x03\xa2~`\xcaL\xc3\xb4'</t>
  </si>
  <si>
    <t>b")\x12{\xb5t;\x06\xf4V\xcfa\xfc\x1a\xe0s\xf2k\xd8!\xf8\x8a\xc7fV\xa5\xcb\xe1\x19\x95'^\n"</t>
  </si>
  <si>
    <t>b'(\xd5\x1b\xcf\x07@"\x04\xd9\x15\x85\xe1\xa4a\xcdo\x81wW\xd3Z\'{c\x02\xc9\xf6\x0eQDra'</t>
  </si>
  <si>
    <t>b'\xa0(Hy\xf0#?\xaffF\xa5xd\xf0\t\xe6A\x8a\x7f\x13h\xfc\x00\xfb\xcd\x16&amp;E#^-y'</t>
  </si>
  <si>
    <t>b'\x7f\xff\xf5\xd6H\x86\xb4\x81h\x7f\x1c\xc2\xe5G\xfd\xd5\xae\x1f6\x10\xb7\xeeu\xfd\x01\n\xb9ML\xd41\xad'</t>
  </si>
  <si>
    <t>b'\x08\xd9\xeeh]\xce\xf2\x7fDme\xf5H{\xf2X\x87\xa7SA&lt;\xf6\xd6\xec\x18\xc0\xa3\xfa!\xbf\x9d\xa7'</t>
  </si>
  <si>
    <t>b'lL\xfa\xa3\xd2\x86})\xdc \xd8\xf2\xc5v\xb4FG\xa6\r\x07\xc0\x8f\x92W] uv\xdb\xa3\xcc&amp;'</t>
  </si>
  <si>
    <t>b'\xaa\x12-\x82\xb6f\x17\x15\xd41;F\x96\x13\xad\xfe\x94\x80\x12P=\x90C\x14\xf4\xc6\x16\xf8\x1d\x91\x87y'</t>
  </si>
  <si>
    <t>b'F\x1b9_9\xef\xa3d\x08\xa6\x82\xf7W\xb1\xce]\xedA\xc9\xe8&gt;\x00\xd1f3LZ\xe2Ym\x9b\x84'</t>
  </si>
  <si>
    <t>b'\xfc\xb1\x1cZ\x0f\xeb^\xb0\x9b\x13C\xbe\x16 3&lt;0\r\xfac\x9ayr;\xd3H\xd0D&gt;2\xf9\xe9'</t>
  </si>
  <si>
    <t>b'\xd6\x87\x922O\xf1\xbd.\x87k\x80\xb0G\x1d\xbd\xe8g\x92\x11w\xaf9\x88\xc9&amp;\x82Y.\xd7\xf6\x9a,'</t>
  </si>
  <si>
    <t>b'\xaa\xaa@\x1f\xaf&amp;v\xe1\xd7l\xaf^\x96hhSX%(l\n\xe8\x00ft\xe8\x95\xb1\xcc\x08\xc4\x12'</t>
  </si>
  <si>
    <t>b']\x99\xb5hX\xbe\xec`\xc1j\xf7.-t\xd2\x98\xb3\xe5\xdfh}d\x14\xb7\x1a\xfd\xbbG\xb8\x80\xacN'</t>
  </si>
  <si>
    <t>b'\xd1a_\x82\x8a\xc0\x14\xd25\xfc\xe0QW\xdd\xb7\xa7\xf5#\x0c\x98\xfa\xec\xd13|\xd1y\x01\xbb(G\x0e'</t>
  </si>
  <si>
    <t>b'\x0c\x90\x08\xa5Q\xa5\xe6\x91X\xee\xe3\xc8\x8b\x9d\xaa@H\x8d\x04(\r\\$\xfb\xb1%[v\x7f\x91\xd6\xd6'</t>
  </si>
  <si>
    <t>b'e\xe9y6\x84\xf9\xe0\x1d\xa7\x1bJJ\x0c\xc0\x10\xc6?\x99\xd82G\xf21\x9e\x82\x88l\x98\x83!\x13\xaf'</t>
  </si>
  <si>
    <t>b'\xffJ\x06[d!\xcaY@N\x8c\xbc\xd5.\xe8\xbd\xbe\xd0v\x16h\xfa\x17\xef\xb1\xe2&amp;\x18\xdd\xdeLn'</t>
  </si>
  <si>
    <t>b' \x91\xad\x9f\xbb\x9d\xb64x\xf2y4@\xe4\xc3\xf6\x80\xa9\xb5f\xafd\xae\xc5[\xa41\xc1\x1f)\x92P'</t>
  </si>
  <si>
    <t>b'\xb3\x03\x9dq_\xcc\xda\x17\x0e/{\x9e\xa5\xca5\xb9\\\x0bS\xb7W:\x8f\xad\x08\xa5jo\x0b3f\x89'</t>
  </si>
  <si>
    <t>b' \xf0\xeay\x90\xc5q{\x98\xe4f\xd4Sh.`\xc7\xa2\xb4"\xdb\x19\x8bR\xbf\x02{\xf6&lt;IP\xd5'</t>
  </si>
  <si>
    <t>b'I\xc1\xe0\xf2\x843 \xe7o\xe5\xa3\x15\x86\x17\xe8%\x86\xea\x02J\xe7\xd7 \xca\x99 \xd8\xdcJ!\xceR'</t>
  </si>
  <si>
    <t>b'\xe8\x08&amp;;\x82v%c\xfc;\xabs8\xfc\xf9\x91\xf5v\x87.;\x9bCt\x13\xc1\n\x16\xbc+\x93`'</t>
  </si>
  <si>
    <t>b'\x03\xe5_\x00v\xb5!;\xa9K\xedRice:\xfb\xd8\x87-\xf8\xf4\xb8W\xf7\xf2^\xeex\xee;N'</t>
  </si>
  <si>
    <t>b'\xfb\xf4\x12M&lt;X\x17\xfb\x83se\x9a\xb1k\x97\xc5\xb6T[\x9c\x90\r\x8eSY&amp;t6\x92\x85\x99\x01'</t>
  </si>
  <si>
    <t>b'S\xd2E\x85\xd7\xe6\xa83\xd0\x9e\x86\x04\xf5\x13\t\xc1\xe4\x08\xce`\xf4\x07I\xc9\xb3!MgH\xee\x15\x86'</t>
  </si>
  <si>
    <t>b' \xac\x00I@\xac\x00\xb8\xeb\xfe0k\xce`K\xe3\xa7g:\x0f\xd0\x02"\x8fs9u\x08\x08\xa4\xc4\''</t>
  </si>
  <si>
    <t>b"\x1d!\xa7\xb5\xdd'\xfc\xdb'\xe0 \xe9\x9a\xeff\xf9\x87\x8d|\xe81xU0eakA\xd8\xb7\xe5\x13"</t>
  </si>
  <si>
    <t>b'\xd5\xdd\x10\xa5\x92\x85\x0b\x9e&gt;\x1d\xddNah\x82\x01LjPe\xc9Y!;\xac6\x07G\x1d\xfd\xd2\xeb'</t>
  </si>
  <si>
    <t>b')cj\x87\xaa\xe5\x95&lt;1\x7f/\xd3\x9d\x90(\x89h\x08\xd6\x89{ 9\xde\x07\x97\np\x8e\xd6\xeb\x97'</t>
  </si>
  <si>
    <t>b'\xcf\x9f\xf4WBt\xcdf\xa1\x96=\xc3^u\xd8#\x02\xfb\x99\xc1%\x13\x03Q\xb4\xb7\xbb.~\x98d\x98'</t>
  </si>
  <si>
    <t>b'O`w\xf9\xe7H\x0b\x92v\xb8\xe2\xb8\xd3&lt;\xea\x19\xc5\xa0=\xd6\xe8\xa1\xe3\x03\x14Ds\xae\x91\xa6\x0c*'</t>
  </si>
  <si>
    <t>b"\x19\xc2|\xc3\x96\xb4\x01\x97\xe2#8-\x00\xd0'5\xfaF+\xc80\xa9\xb8\xdc\x98r6\xadQ\xe1\x15T"</t>
  </si>
  <si>
    <t>b'v\x08 \xf1\xff\xf5\x0b\xb9+\xf0\xb5\\\x06\x19\xbe\x7flU,p\x0c\x11\xceX\xf6A\xdfl\xf5Y:\xab'</t>
  </si>
  <si>
    <t>b'\x98\xed\x83\x8b\xaa\x0c5v\xb1;\x94"&gt;\xcb\x95\xf5\xe0\xa7\xa3\xe5\x13\x18\xe9\xb1\xab\x84\xab\xd0\xd1S8h'</t>
  </si>
  <si>
    <t>b'C\x08twcaj2\xfd\xe6\x00\x15\xad\xe3yw\x03\xc4\x91\xd0\x02B\xe7\xc4\xab\xd6\xa6\xf6A\x12v7'</t>
  </si>
  <si>
    <t>b'a\xc65F$\xee\x88:\xb6\x0e\xeb!\xd5_\xff[&lt;\x85(w(\xda\x96a\xc7\x84\xef\xdd\xe0n\xb6\x16'</t>
  </si>
  <si>
    <t>b'r5T\xc8\x118\xa8\x9d\x87a\xf9K\xd4\xff\xf0\xe3\xbd\xc0\x08\xa4^\x8e\xea\xaf\xd4\xad\x9d\x8d5\xe5:6'</t>
  </si>
  <si>
    <t>b';h\n\x86\x8d\xbe\xe0\xc5\x15#\xd6$z\x05\xd2k\xebu\x849\xec\xab\x800\x11\xd5RK\xe2P\xdb\xdc'</t>
  </si>
  <si>
    <t>b'\xd1\xa5\xe2RcP\xa2\r&gt;?\xb2\x98\xc9\xcf\xfbO\\\xa8\x85I]F,$0p\xe8l\xae\xf0P\x98'</t>
  </si>
  <si>
    <t>b'\x95m\xb7\x81=\xbb:\xfc\x9d\xb4\xce\xd4\x86\x90X\x8e\xebdy=j\x88D\xb0P\xec\x1d\xd3\x96\xbd\xfbe'</t>
  </si>
  <si>
    <t>b'\xdf\x8a\xe7\xab\x13\xb91\xe0\xe7\xc1\x1b\x98\xe0X-\xcf^u\x1b\x94\xbdr\x15\xc3\xb2\xcb,\x13?\x8f\xaf_'</t>
  </si>
  <si>
    <t>b'\xe0\x97jy\xdd/\xaa\x9a\xce\xe5\xe3 E\xc6\xbfn\xe9o\x13S\xde\xc4\x90\x8d\xc4\xfdI4r\xff~g'</t>
  </si>
  <si>
    <t>b'i\x12}E\xb7\x06\xf7m\xfb\xb2\xa9\xc0\x7f\xb9\xc0\xef\x15y+\xd7\x18\xd2=\xdc\xee%\x9f\xf9G\x05S\xde'</t>
  </si>
  <si>
    <t>b'NR\x17\x85\x17\xf9\x0ca\xa7!\xef\x0f\xef1\x8eq\x83:\xa1~\xb0\xca\x1c`z\x87E\x10h\x05n\xc4'</t>
  </si>
  <si>
    <t>b'\xc7.M.\x17\xe2\xfb\x91T\xfd\x9a\xc6\x8e\xf7\xa0\xc8\x80\x83\xad\xe9\xbar\xf27@\x9e\xc4\x02\xea\xd1\xbe\x9d'</t>
  </si>
  <si>
    <t>b'\xbf\xb39\xb6z\xba\xbbo\x8d\xdc\x98\x82&gt;-\xc1\x1c\xd2_\x19\x17\x9b&amp;Z\x7f\x93a\x18/\xaeD\xd8\xfe'</t>
  </si>
  <si>
    <t>b'\x19d5\xa7#c\x97\xc3\xf0\xe5\xef-\xf9w\x8c7`\xc9\xc5\x04\xea#\xd3\x04\x04;\xec\xd3\xfa}\xdeF'</t>
  </si>
  <si>
    <t>b'K\xe0\xf4\x03\x90i\xf8&amp;\x98\xdc\xe4V\xa9\xc39w,\x9b\x93\x1b4\xccC0\x91\xf2\xfc\x8bD\xd4\xfc\x89'</t>
  </si>
  <si>
    <t>b'\xd66k\xbd\xe2\xd7H\x8aW\xfe\x8eov\xedw\xf5\x05\xf6\xa2\xa3\xf3\x99i,`\xf3\xb8\xe4-\x88h~'</t>
  </si>
  <si>
    <t>b"_\x89\xeeBu\x85\xd3\xe19\xe8\xb5Z\xe2L\xfb\x1c\xb3/\x01\xd3c'Q\x0c\x89t\xe7Z\xb8G\xf9\xc2"</t>
  </si>
  <si>
    <t>b'\xfe%\xb4v\x03\xd3\xcf\xf7\xbe\x0e\x92\xf3+\x80\x98\xbf\x91:\xb7\xcf\x10\xfc\xe8\xb64\xd6\x18\x8e\xd8z\xa3\x02'</t>
  </si>
  <si>
    <t>b'\xa5\x13\xda\xc2\xd1p\x99\x0b\xad\xdd\xcd\x95\xbc!\x96Q\xd1\xa5#iJ\xd7\x96\x89\xe3\xa0\xfa\xed\xe9j?/'</t>
  </si>
  <si>
    <t>b'\x0f\x9bd&amp;\xa3\x17*\xff\xf3\rR\x90\x038\x8a\x0b\xc1F\xf9\xdc\x12\x915\xd6j\xdcC\x17\n\xac\xb2\\'</t>
  </si>
  <si>
    <t>b"\xb7\x13\x94\x8d\x956[h\xf9\xe2]\x86\xbco\xc8\x14R,;\xe8\xcaQ\xb3\x95\x10\x98,~'C\x12\xf4"</t>
  </si>
  <si>
    <t>b'|\xcf\x11\xbd\xc8\xddhw\xbc6\xcf\xa0y\xe6Hp\x9cD\x91\x1e\x18J_i\xcb$mb94\xce\xf1'</t>
  </si>
  <si>
    <t>b'.\x0e\xe1\x07\x8b\xa2\x94\x94n\x17]\x07\x81\x19\x0f\x88\xd8\x8d-\x87\xa2\xaf\xfdR\\jp\x18\xb5K9\xb2'</t>
  </si>
  <si>
    <t>b"\x8be\x1c\xdct\x92\xd1\x89Ty\x96\x08\xf9V4Z\xd0\x9f\xaf\xa7\x0f\xa0\x8a\x8a\x8b\n'\t\xb1 \xc3\xe7"</t>
  </si>
  <si>
    <t>b'\x04J\xc4|\x8ev\xe8t\x1eB\xc7r\xd7#\xb2\x10\xdb\xd6\xf9\x1fK\xde\xfbu\xd27\x0cR\x02\xc7-\x1e'</t>
  </si>
  <si>
    <t>b'}\xfa\x16\xc8\xfd\xafZZ\xf9\x85\xc7\xb8\xda\xfe\xe9\xa0\xb1h\xfa\xa8\xcb\x96\xb7d\xafRc\xe7K\xc3Hv'</t>
  </si>
  <si>
    <t>b'\xfbM\xc6E\xd9\x1a9_dj\xd1\x9d\xfb\xe4\xe0&amp;q\x82\xe4P\x0c4\x7f\xc6i\x94[\x91&amp;R\xe2?'</t>
  </si>
  <si>
    <t>b'?\xea\xbe\xcb[\x07\xa4\x9e\x03\x0c1\xe3\xeb\xb3\xcaO\xe6{\x0f!\xa9\xf7\xbe\xccO\xf5\xba\xdf\x7f\xbd\x0f\x02'</t>
  </si>
  <si>
    <t>b'\xe4\x0e\xb3\x02.S_\x9f\xe6\xdf_\xe3m\x91@\\_u\x8d/\xae\xa9\t\xcb\xe7\xb3G+U}%\xc1'</t>
  </si>
  <si>
    <t>b'\xb1\x91\xb5\xc4\xe2\xf5\xc6\n\xf4&lt;\x99\xf5\xf1\xe3\xc2\xf4\xc1\xaf\x13\x07\xce\xd9l\xa7\xd2~\xeeca\x00c\xab'</t>
  </si>
  <si>
    <t>b'\xd0\x18q\xb2\xa0\x16\xc0\x92\x1fGB\x85\xcb\x1e\x80\x97\xe4\x11\xd0H\x89\xc8\xe8\x06\x86\x8b\xf2al0n\x83'</t>
  </si>
  <si>
    <t>b'\x06! \x17\x1fC\x14\x071\x1c\xb7\x8c\xd6+&gt;z\\+\xb6]u\xf6\xf8\x85\x05/\xa7~\xee\xf3\x134'</t>
  </si>
  <si>
    <t>b'\\\xac\xd8g\xbb\xcdR5\x18Z\x9b\x0eeYP\xba\xfc{\xdc\xe0BD\x18B\xaf\xd2^\xe0\x83l\xde\xa7'</t>
  </si>
  <si>
    <t>b'\xbc\xecQ\xe3\xfb&gt;.H\xea\xde\xd5k$\xd3\x1e\x8f\xcc\xbe\x17e\xa7E\xd5y\xc6\xec+\x9e)\x88\xe0y'</t>
  </si>
  <si>
    <t>b'k\xf0SB\xa8\xf1\x91Y\\\xd6\xcbXP0\xa94\xa8\x0fV\x11\xa7\xc9\xf2\x98uM3\x04\x15\xc2\xac\x9d'</t>
  </si>
  <si>
    <t>b"? \xe1\xdcF\xb2O\xa8\x1a\xc7\xccG\x1e\xb0\xac\x8e\x05'\x9b\xeeY\xd2\xdcCM\xed\xc28\xb3s\xdf6"</t>
  </si>
  <si>
    <t>b'\xd3\x03\xa2\x8d\x1f\x13\x80\r|\x8a\\\x10\xc9m\xd2f\xbc\x0c\xc5\x14\x031\x12LD\xf7\xd1\x95T\x14\x9d\xad'</t>
  </si>
  <si>
    <t>b'h\xc5\x9ew\xf8v\x94\x07\x94\x9fp\x8fqB)OjBH\x99\xf4\xf9\xf4\x9f\x98D"\xfeSYk\x7f'</t>
  </si>
  <si>
    <t>b'q\xb8[g\xe4\x04Nwd\xa7\x0e7\xf2\xa67=\xb6\xdd3\xec\xb4\xc6\xf0\x82O\x8ec\x0cp\xe5\xc2\xa6'</t>
  </si>
  <si>
    <t>b'\x84\t\x94\x03mh\xf2\x9f5Z\xe5\x8b\x80\xa4\xbb\x0f\xba\x07\xb6\x08\x13\xca\xe4u8\x1d\xd7\xfbB868'</t>
  </si>
  <si>
    <t>b'`l\x93\x0c\x88\xb1\xf07"\xfa\x10D6ex\x82B\xb5\x0c\xd4(O\xde;\x8a\xeb\x96\xab\xfdo\x86;'</t>
  </si>
  <si>
    <t>b'\x01\xa7\x8c\xd3\xf6}\xe2\x88\x98\x85\xf3\xa6\x04\x99.\xed\xba\x91\xde\xb4\xbbluC\x9a\xfa\x9b\xcb\xdc\x88\xe6\x9e'</t>
  </si>
  <si>
    <t>b'O\r\xfetk\nb\xbaSV\xd1\xcbP\x94\x82\xef\xaf\xb3\x15\x07\xae\t:|\x8aN\xd3\xb8\xcd\x8c%S'</t>
  </si>
  <si>
    <t>b'\xfc\x06\x8f\xe5\xe5Qi\xf1\x9b\xc5\xd1J\xedz\xf2\x1f]"\xf3\x08p9Yy\x81&gt;\xbd+\xba\x8d w'</t>
  </si>
  <si>
    <t>b"\xe7\xf2S\x0f\x88'\xf2\xad\xe5M\xba\xd5\xc5\x8a\x10\xd4\xba\x03AS\xbf!6\xb8\xf9l\xe9\xbaWl\xa9\xea"</t>
  </si>
  <si>
    <t>b'k\xcf\x97\xc0c^\xee\x1b&gt;5\xce{v\xaa\xd0\x84\xaa\xc1h\x81\xbd\xfabZ-(\xdaT^yH,'</t>
  </si>
  <si>
    <t>b'CWM\xd5\xbc\xf0Q3\xa7^9\xeb\x8cK\xa5\x9f\xf8\xd0\xaa\xfb\xbb%\x00 \xc9 \xea\xe5\x0c\x89\x94D'</t>
  </si>
  <si>
    <t>b'`\x061zh)\xd8#\x89\xb9B\xa3\xa8n\x88;\xf0\xc0\xaf\x0eIY\xa4\xa9O\xe3\xf5\x15r3\x17\xf2'</t>
  </si>
  <si>
    <t>b'\xd7:OQ\xef\xc5\x8e\xcf3\x11ler\xf7\x02\xda\x982\xa4I{\x87w\xa8!J\xc8l\xef\xd4\xb1\xef'</t>
  </si>
  <si>
    <t>b'\x95\xfcY\xafB\xd7G" \xfb\xb50\xa9\x82J\x06\x00\xc4\xfc\x86\x8eJ,\x93\xfcK~)\x84\x13\x1aP'</t>
  </si>
  <si>
    <t>b'\xdd\xa5ia\xd1\xbe\xb1\xc1\x02\x13]3\xb7\x0c+\xd87\xd2q?\x83\x00\xdc\xdd\x03\xcd\xd4\xf8\xf5-*/'</t>
  </si>
  <si>
    <t>b'\x90\xacz&gt;\xf8xyI\x18\xd4\xb8^zx\xb9h\x13\x07\xf5\x9a\xe7\xb0No"S\x13\xd8w\xd3\xe2e'</t>
  </si>
  <si>
    <t>b"+k\xd8X\x0c7\xa2\xf3~h\x8f\x04E\x10u\xb4'\xdfIt\xee\xd1\xed\x9e\x80\xa7`P&amp;\xa0e~"</t>
  </si>
  <si>
    <t>b'\xe7\xa8S\xdf\xdb\x8a\xa9R\x8a@I\xb7\xe2\xea_\xfar5\xac\xcc3j\xd0\xcd3\x92\xf0T\xc6\xcd\x94\x0b'</t>
  </si>
  <si>
    <t>b'\x83ut$\xd30N\x01\xc7&lt;\xd7\xe1\xd0\xbd\x97o\xdf\x951\x07\xbe:=\x98\xca5%g\xc7\xc9)\x94'</t>
  </si>
  <si>
    <t>b'I\xf0\xfbQ\x0e\xec\xc8\xba\xd8F\xb9\xd7\x0f\xe7\xca\xf2\xd1DZ\xb8\xcb\x0c\xd0\x1b@\x8a\xa8\x7f\xc2N\xcc\xf2'</t>
  </si>
  <si>
    <t>b'\x94\xcf\xc3\xe2\xef"Q\x80\'\xc7\xccS\xaa)\x06+F(\x95\xb3(\xbd*\xe9h\x80\xbb\x87\x89\xd6G\x9c'</t>
  </si>
  <si>
    <t>b'\xb40\xf4\\1\xba\x15\x88\xf0-B\xab\xbf\xe7\xb3T0\xdc&amp;\xb5v\xe4\x06\xbc`i\x18\xb52I\x94\xec'</t>
  </si>
  <si>
    <t>b'\x85\x8a\xc2b\x14Z\xf3\xd9g\x98\xe8(tnQF\xc2\x14\x17\x02\xa3\x8b\xf1\x80\xcfu\x98&amp;\xa5\n\xfa\xdb'</t>
  </si>
  <si>
    <t>b"\xa2\xdf\xd3\xa9J\x0f\xa6PKw'\xa0\x99\xd2V\xc8\xc9\x91/T\xc7\xd7K\x18LM\xe1o\xfc\x14\x10p"</t>
  </si>
  <si>
    <t>b'\xc7\x1c\xa7\xe3\x18\xd6\xa8\xa0G\xa6%\x7fv\xa7r\xbe\xdell\x1d\x1d\x92\xde6\xd5\rq-\xa7\xf4\xaf\xd1'</t>
  </si>
  <si>
    <t>b'\x01\x85\xda\x1bdT\xf4\xfd7\x82\x83Q\xc7C4}~\xcdb\x05\xd6*.*\x8eV\x07\x8a\xea\xfb\x11\n'</t>
  </si>
  <si>
    <t>b'\xbd\xcd\xc7\x83D\xdd\x8f\x1b#f\xef\x92x=\xd63;\xa0%_\xb9\x13\xd2\rl\xdd\xc0i9\xfb\xf0\xe6'</t>
  </si>
  <si>
    <t>b'\x0bRZ?+\x98\x96\x8ee#c\xe9p\xd9|h!O\xe3i(\xf7\xea\x1d\xe4\xc3l\xbfro\xf0\xe2'</t>
  </si>
  <si>
    <t>b'\xf8\x8a`\xfb`R\xd7\x18D3KD\xe6\x85G%,\xbcl-\xf9\xa0u\x8c\xb3\x08h\xa69"\xa4\xb9'</t>
  </si>
  <si>
    <t>b'\xfa\x86l\x85b\xabFC,(,u\x90\xc9\xf8\xa9`\xe6\xb9\xaf~\xbe\xd42 \xad\xf2L\x1c{\xeb\x89'</t>
  </si>
  <si>
    <t>b'\x9f+\xca\xbb\x1a\x93\r\xd5r\xbd3\x8a\xd7\xd7\x9a\x11Ok\xbc\xfb\xc2\x98nq0\xe5f\xb1a\xfcT '</t>
  </si>
  <si>
    <t>b'w\xf8\x98jD\x8e]\xfa\xf16\x12\x1c\xf7#\x14\xeb\xb1\xbb\xa9\xa4\\d8\xf5d\xdc\x0e\xc4\xa6\x85\xd8\xc9'</t>
  </si>
  <si>
    <t>b'\x81/\xdd\x81\xe2~\x1c`\x0f\xbc\xbe\xd0Q\xea\x97\xa5\xa03\x11t%\xf7n\xe1\xb4\x81c8h\tg\xcc'</t>
  </si>
  <si>
    <t>b').\x92\x18\x93\x91-e\xfe1:\xac51?p%+\x06M\xec\x9f\xcaw\x17\xfeWAS\x00`O'</t>
  </si>
  <si>
    <t>b'\xea\x01\x8f\xa3\x840g\xd3\x00\x87\x0e\xe5\xac\xb33\x93)\xf0j\xcb\x17^F\xb7\x99\xc0\x06\xeb\xc4\xd9\xe4\xb3'</t>
  </si>
  <si>
    <t>b"\xb0\xe7\xfbsh\x87\x17\xce\xd5ZX\x87\xcfi\xe2\xacQruAg\xf4'\xff:k0\t\xdb\xc6\xe8h"</t>
  </si>
  <si>
    <t>b'(\xf2 \x06\xf0\x8b\xf1k\xdfZ\xf7\xee\xff\xa6\xae7\xcc\x98\xbc\x06r=\x11"\xba\xa8\x81w\xa9\xb5\nR'</t>
  </si>
  <si>
    <t>b'\x1bgp\xd6\xdeHl\x1d\xc2\xdaK\xf1\xea\xb7\x93o=\x15\xdbqnh\xe0\x95\xaf\xc8\xeb\xab\xf7+\x0f?'</t>
  </si>
  <si>
    <t>b'\x05\x0c\xd4\xbc\xf4c,&amp;\xb6?6?l\x7f\n\xf5h\xaf\xf9Fh\xb2\xbb\t&lt;\x8d\xf0\xf0\x03\x8ff\xf5'</t>
  </si>
  <si>
    <t>b'\xf5\xf0\n\x1f\x8f\xfde\x7f&lt;\xc3f\x06Ye\x8fL\xf8\x8c\x0f\x11\x80\x7f\xff\xaf\x16\xd5\xf8Z\t\x0bil'</t>
  </si>
  <si>
    <t>b'\xfa\xdci-\x85\x95\xb0\xcb\x0e"\x8f\xf4P E\xaf\xbb\xa9\x86\xa9\x15%\x13\x18\xba\x99\'\xe0\x95\x14\xabC'</t>
  </si>
  <si>
    <t>b'\x8fz\xcb\x19\xb6\x94\x8f\xbb\xdc\x9d\x17\xee\x16\xd3?\xc1\xadp\x0bxP\xcc#\xbf\x8e\xbb9\x01\xe3\xfc\xdfN'</t>
  </si>
  <si>
    <t>b'\xa1\x96\x86\xd6aa(\xb9\x9c\x8cB(\xbcH/\x17\x8e\xf3\xb7\xc6R4V-\xca\x11"\x9d\xde\xde\xc0T'</t>
  </si>
  <si>
    <t>b'S\x9c.v%w\x1c\x01[\x14\xcc\x9b\x0c\xc0C\x1b\x88\n@\xcc\x8f\x8a\xe4\xae\xfd2\x94\x1a@\x1aR\xad'</t>
  </si>
  <si>
    <t>b'!A\xbc\xf5v\x0e\xab,\n\x08\x01k_ \xdc\xa8J\x8bV&gt;\x18\x91\xf0\x12Z\xa9\xd9;\x06\xa8\xa6\x08'</t>
  </si>
  <si>
    <t>b"\xeb\xfc\xf9\xbd)\x14\xa5P\xfa\xa2\xeaW\xcf\xf7\x960nI\xdf&amp;\xa5\xa7V'\xb1\xd0\xdb\x89\xcf50\x82"</t>
  </si>
  <si>
    <t>b'\x9ec;G\xee\xd7\xae2\xe5\xa1\xe7Q\x8d\x1a\xa1\xa8\xb5\xeb\x86\x0b\xfb\x16\xf1\xd1\xfa\x86\x93\x1e\x00\x16,\xb8'</t>
  </si>
  <si>
    <t>b'\xa4\x92\xd5l\xe4\x90\x87\x9c\x1bh\x15{,\xe7D\xe7\xcd/=\xdc\x92\x16\xc0\xf8\xc0\x84\xdc\xa9\xa0#T\x02'</t>
  </si>
  <si>
    <t>b'b\x9a\x1a\t5u\x9d^\x15\xc4\xf5\xd0\xc3\xb5\xde\xbe\xb3\xb7 \x06\xd0\xc8\xb6\xbe\xaa+\xe5\x86P\xda\x86o'</t>
  </si>
  <si>
    <t>b'\x19S8\x15\xb0G\xcf0\xfd\xfb\x1c\x99\xb6\x0fs\xd9\xa0)$7\xed{M\xc5\xef\xcd\xa4\xe6\xbd\xbc7\xb6'</t>
  </si>
  <si>
    <t>b'o\xd7&lt;\x97`\xefd\x8eh\x0e\x91A?T\xdd\xc9)\xd1\x06o\xf0\xc5\x01Li\xa9\x89i\xc5\x12\x05}'</t>
  </si>
  <si>
    <t>b'\xd3\xa2\xbb&lt;tZ\xd8L\x1d\x9b\xf8\xc1\xa5\xb1\xf7\x03|\xf3\xfd{&amp;Bu#j\xe4\x9e\xb1\x17\x96rM'</t>
  </si>
  <si>
    <t>b'\xc6K\xe9\xd1H\x02\xd0\xbd\xf7\x98PL\x8b\xa8\x0c\xbb\x17@\xb0\xe7\xee\x99\r\xe0\x04Ctn\xba\x15\x93m'</t>
  </si>
  <si>
    <t>b'\x1exE\xe2\xfa\xdc.(\xf0\xc6\\*\x85\x14\xaa\xb8"#&gt;\xd7}Jo|C\x85dd({\xc0\xf2'</t>
  </si>
  <si>
    <t>b"\xc1\xf5'\xab\xe6\xa0\xf7\xf7\xa0\x89\x9d\x15\xf0\xcd\x8bvj/l\xf3\xddB\x1a\xda_\x98\x02\x89\x83FSR"</t>
  </si>
  <si>
    <t>b'\xac\xf6a\xd2\x96\x06.f\xc7\xd5\xf2N\xbc\xc5\xbe\x14hn\xa5\xa0\x92S\x1d\xfc\xedVY\xbc\x1c\x83\x83\x8f'</t>
  </si>
  <si>
    <t>b'\xc6\xdd\xf4\xb2\xf6\xf1a\xf2\xf7)\xab\xfb\xc8,\xecu1O\x1ah\x80Y\xb0\xd8)L\xb3k)b\x19\xb0'</t>
  </si>
  <si>
    <t>b'\x8c8\x15\x8a\x1a\x0fri\xb0\x8a\x95k\xf6\xf6\x07\x06\xc1\x04W\x9c\xb0J\xf7\x99\xff\x15\xddq_\xedJd'</t>
  </si>
  <si>
    <t>b'C9\n\x07\x06\x80\xe4\x1f\xa8\x85\x02\xac0\xfc\x18\xb6M\xd1\xc81\xa3\x00]S\xe3\xc8+T\x021\xe3\\'</t>
  </si>
  <si>
    <t>b'\x96\xad0k\xd7\xd1\x86GD\x80\x9e\xce5sH\x8d\xf0\x0c\xcf\x878\x0b\rG\x0b[\xec&lt;\xc2\xfc\x15\x89'</t>
  </si>
  <si>
    <t>b'\x8f\xa2\xec]I\xef\x08\xb8\xe2\\3\xed\xdaLZ[|V\t\xd4d\xe6\xc0\xd3\xaf\x98\x16\xf8*g\xe1\x8d'</t>
  </si>
  <si>
    <t>b"dYt\xa6w:\xe6\xa7\xcfK\x9f\xe1\xea\xd5s\x10\xf3\xcd\xb7?'\xa2X\xa6^1l=\xee\xbf\x87F"</t>
  </si>
  <si>
    <t>b'\xfdR\rX\xd7h\xe7\x11\t-\x98\xc6,x\xc4X\x8d\xd1\xd9\xb9$\xaa\xfde\xf9)\x7f\x00\xd1tI\xee'</t>
  </si>
  <si>
    <t>b'\x7f\xae\xe9GQ\xad\xf3\xaf\xfa}\x125R\xf8\x98\xa8\x04\xc0\x13\xadK\xa6D\x1e\x930DQQ\xde\xcd\x85'</t>
  </si>
  <si>
    <t>b')\x1d1k\x16`\xcd\x92\xcb\xf4-\x11\x0b&gt;\xec\xfb\xacr\xf8\xee\xc4\xb2\xe6\x07\xe1\xaa\xf5\x7fPX$l'</t>
  </si>
  <si>
    <t>b'\xfe\xddq\x86n\xa0?\xc9\xf6\xc9pAi7^\x9c$aSN\xeb\x84\x18\xfc\xaf\xda\x19l\xe7Q\xa5\xc8'</t>
  </si>
  <si>
    <t>b'wI\x9f\x13\xe9\xa2+\x8d\xcdH\xa4\x11 O\xcd\x17\xb4\x06\xd1\x86\xad\xea\xfe\x0b#h|\xc3\xe8\x9a\xf2]'</t>
  </si>
  <si>
    <t>b'\x07Nm\xdd\xd3\x07\xb6&amp;K\xf3\xa0\xa5G\x9c\xa0\xf6\xc7/\xa9\xfc\xa7\xef\x8a?\xf2\x8a\x9ep\xde\x93\xdf\x1e'</t>
  </si>
  <si>
    <t>b'\xc7"\xb1\xe1\xbd\xf7b\xb6@\x14V\x0f\xea\x9e\x1a\xfa\x06\xb3\x98\xbd\xc10w\xec)\x9a=\xc8\xcd\x9f\xbbR'</t>
  </si>
  <si>
    <t>b'\xdc\xcfH\xa8\x7f\xdb\x8d!j\x05~QZ\x12M5\xe5\xda\x13\x15\xfd;:^\x84\xf2Q\x93H!\xa15'</t>
  </si>
  <si>
    <t>b'k\xd0\xc7\xfa\xad\xcd\xf1\xc8\x82h\x8a\xa2X\xa4\xc0q\x85m\x08\xc0N\\\xcd\xc19\xfe\x89\x8f#Q\xecX'</t>
  </si>
  <si>
    <t>b'u\x99[Z!\x15D\x84\xda\x16_.\x13\xed\xbcJr\r\x1b(0\xd0\xb0\x167[\xeeu-E\x0b\x18'</t>
  </si>
  <si>
    <t>b'8\xc41\x18\xb3x6)\xc1\xfc\xdb!\x93\x8c\xed\x9c\x0e\x94\xbe&gt;N\xe1{\x10\x0boiD\xb2\xc9\xb3\xb1'</t>
  </si>
  <si>
    <t>b'\\6\xfeN\xef\xbbC\xb4C\xdd\xa6\r\xb9\xd0\xa6\xe6\xcf\x96\x8b\xea\x7f9\x0b\xc0\xeaS\xc6\x0f\xc8\x17Q\x9a'</t>
  </si>
  <si>
    <t>b'\x08xe\xe7\xe9\xbb\x0c\x19\xeb7x\xd8X\xefR\xa1\x98\xab\xa3\x08\x165\xfe\xb3S\xc2\x0fv\x0c]3\xbf'</t>
  </si>
  <si>
    <t>b'\x11+"\xf6B\xf2\x06\xadT\xe7]~t\xe1\xe2\x91\xc2\xc5-z\x04\x96Ec,\xa95\r\xcd0\xcf\xab'</t>
  </si>
  <si>
    <t>b'\xf1\xf4\xbb\x02\xef\xbd_o\x83\x13\xd3aHo$\xfc\x88&amp;\x0c;\x08\xbb\x99?2\xac\xfd\xfa&amp;?)\xb3'</t>
  </si>
  <si>
    <t>b'\x8aR%\xa1\xc5;m\x05\x13\x91\xd3\x0b\xaab\x03\\a\x9f/^y\x11U\x12*Tc\r\x0e\x06\x02X'</t>
  </si>
  <si>
    <t>b'U\x96V\xd5e\'h"\x1d\x99\xdbxO\x96hd\xfc\x9c\xe3\t\xa1\xf2J\x13\xd3o_\x94dkv\xad'</t>
  </si>
  <si>
    <t>b'\xe0\x84I\xc9\xb4k\n^\xb4\xd9v#G\\R\x1dI\x82\xd72\xd8tF\x11\xa2\xd8\xd4\xc6\xbf$\n&lt;'</t>
  </si>
  <si>
    <t>b'\x96\xdd\x18\xb5\xe2\x96\x9c\xca\xdf)\xf9R\x8f\x8a\xf8\xc6v\x86\xb4\x07\x10y&amp;\xd7\x0c\xe5~Yg/\xa0L'</t>
  </si>
  <si>
    <t>b'\xbc)7AU\xf5\xc9\xb4\x0e\xe5\x9f\x18UT|\x81\x8d0\xfe\xbe\xdfrL\t\x9c\xa0\xa2\x16\x17\x1f\x9e\xe5'</t>
  </si>
  <si>
    <t>b'\x91v\xa3\xa6\xe6\x11\x01\x19W\x0b\xa1\x17\xcc\x93\x8d\x86\xdd\xe8\x00\xf4\xbb\xa7\x16\xd6c\x81o\xaf\xde\x10\x967'</t>
  </si>
  <si>
    <t>b'-P\x9fFs \\\xd8\xf1\xf8\x1f\x9eY(\x0c&gt;\xcc\x1dN\xee\xd7\xb4\xb6\x1e(\t\xa1\xea\xab+\xadE'</t>
  </si>
  <si>
    <t>b'\x9d\xc3\xa5g\x9e\xf8\x9b\xdc\x81z\x9a\xf4\x98r\xa7%\xdbE\x96F\x9a\xe0o\xd3\x8e\x10\x04\xb1\xb7?\xe18'</t>
  </si>
  <si>
    <t>b'\xad\x84\xd6\xd6\x9fZ\xae/\xa1\xe7\xb8\x1d&lt;N\xe2&amp;\xc7\xd58R\xb0\xe5\xa4\xdaY\x80e\x08n\xa6\x8b\xcc'</t>
  </si>
  <si>
    <t>b'\xd3,\x10\x94\xb4cQ\xee\xc8\xf9\x9c5SS\xdb\xf5\xa6\xd4\xda\xab\x07\xf3x\x0f\x95H6\xb4\x1ai\xa6\xb8'</t>
  </si>
  <si>
    <t>b'\x9at\x05\x040\xb6\xbbk\x90\x9fKEC*\x93gZ\xcd\xb9\x1f\xfb_xf\xa6\x81\\\xbdU\xbc\xe1\xdc'</t>
  </si>
  <si>
    <t>b'7SogN\xa2.\xee\xde\xb0\xfb\xf8\xcb\xf0\xfb\xe5\x99\xe1\x90\x11j\xcb\x86\xaa\xf9t+\x15\xa4\x11\x9c\x88'</t>
  </si>
  <si>
    <t>b'.S\x88&amp;\x1b3W2/\x17E\xf3Z\xf4\x08\x98;\xe0]\x03\x87i$brP\xb2\\\x88H\xb5M'</t>
  </si>
  <si>
    <t>b'\x1ckiko\xfc5*\x16\xec\x87\xed\x03]\x81\xf8|p\x9e\xc0n\xe8\xf7\xc1\xc0F`\t\x8b6;\xcf'</t>
  </si>
  <si>
    <t>b"\xa8!w\xf6\xa3\x87\xdfQ\xdd\xa1\x03\xe9\xbe\xeb\xe8VF\xf9\x16\xf9\xca\xfe\xc0\x7f8\x90\xda`'@_\xe7"</t>
  </si>
  <si>
    <t>b'\x1b\xc8j\xa8,fw\xa2\xa8wm\xaf\xd5\xbd\x9da\xf9\xeb\x05\xaeZ\xe0k\x0b\x8f\x1c\xc1\x9d\x83\xff]\x92'</t>
  </si>
  <si>
    <t>b'Bu]\x0fP\x02|}\xa5U(!\x93\xdee\xfe\xe8v\xfe\x12\xc2]Hmc:T\xdf\xad\xa6\r\x9b'</t>
  </si>
  <si>
    <t>b'\xc1\xb7\x84\xf23\xa0\xb5\x82\xa9v\x97|\x83\xb9\xf1&lt;\x00\xf6\xa3z\xda\xb2$YRge\xc9\xb3\x93K\\'</t>
  </si>
  <si>
    <t>b'\x9by\xe7\xce\xb0G\xe3+\x0b\x85\xd3@\x91\x03rZj\x10\xa9&gt;\xaa\x8fV\xe6mR`o\xdf\xba\xf5S'</t>
  </si>
  <si>
    <t>b'\x11\xd1r\xba\xa2\xf5"2K\x86\xd07K\x0e\xe4\xb95\x84o\xea\x84\x02\xb6\x8b\x03\xc4\x19\xf9\\@\x0c\xac'</t>
  </si>
  <si>
    <t>b'x\xb4\xf0\x8c\x9c\x1a\xa4\x01\x00\xbbsWI\xaf\x8a\xfe\x8fn\xa8K\x02!f\xd3\x9e\x1d\x8f\xed\xe1\x0c\x9b\x87'</t>
  </si>
  <si>
    <t>b'\xedZ\xf7\x12\xdf\x97\x97m\x94\xd5\x1b\x1a\xe3I\x16M\xf6\xfe\x84\x87\x7fyl\xa1\xf0\xa3v\x9b\r\xabV{'</t>
  </si>
  <si>
    <t>b"\xc3\x93OP']\xf2r\xc0\x94N\x9d\xdc@@9\xd8q\xda+ \xee\xb6\xa3\x9e\x10\x97I\tI\xd1\xe1"</t>
  </si>
  <si>
    <t>b'F#!\xad\xf3H\x89\xba\xc9\xf2LF=\xee\xcaB\x11V\xd2O\xbb\xf3\x1c\xf8\xfa\xdc\xc5&lt;\x00u\xf0\x15'</t>
  </si>
  <si>
    <t>b'Z&amp;\xa5VO\xce\x1dD\x1b\x7fy0\xa77\xfdI,\xf6\xb4\x99\x9d\xdb\x1a]|\x1f\x01\xa5\x08w\xa5.'</t>
  </si>
  <si>
    <t>b'\x1e\xf5m]P\xdb;\xe7\xa9\xe6\x03\x87b\xf7Y\xc2\x0e\xb6\x88\x87\xe4\xb4l\xae(l`Lt|\x0c('</t>
  </si>
  <si>
    <t>b'\xe9\n\xb0\xda%Nk\x05\x03\xd3\x9fh+\xfd\xee\xb3\xe5\x7f\\\xa9\xf8\xa9\xce\xe2\x84,z\xe0\xa5\xb3m\xa0'</t>
  </si>
  <si>
    <t>b"\x1e\x01\r\xdb\x1f\x01\xfbx'\x97.\xf0\x84e5\xf2\xf1\xa8%\xd0^\xdf\x811fZ\x1ee\x05\x0e\x8b\xe1"</t>
  </si>
  <si>
    <t>b'\xb4\xe7y[0\xa3\xd8\xbfJ\xf9\x9f\xa3\xa6\xf7\x03fd6\xe4\\\xca\xc2\x1eV\x86\xf2\xc4\xa2\x8aH\xb6\xa0'</t>
  </si>
  <si>
    <t>b'\x91\x9e*SY\x87\xf9\xb8\x04\xf1\x9b\x12\xfc\xe2\xde\x15\xe0\xc8\n\xa2L\x16)\xc2\x86\x0e\x11\x9a\xccx\xc5\x95'</t>
  </si>
  <si>
    <t>b'\xa5ie{x\x01\xbd*\xa6\x9f\xf3\xe3\x0b\x17\xc6\xdc\xe2\x01\xdb\xb7\x9e7l!\xd6\x81w\x8eG \xf3\x16'</t>
  </si>
  <si>
    <t>b'v\xe5g\xd5\xb5\xfb\xd47\x0f\xb2\rS\x083\xa4$YU/\x1b\xe4eT\x80\x95\xefA\xd4A\x80\xe6\xbd'</t>
  </si>
  <si>
    <t>b'\xb3`2f9\x1aA\xbfQ\xb7\x90\x88;\x16\x1b\xa3=\x1c\x9c\xc7p\xc9?S&gt;\x0el\xb17\tv\x0c'</t>
  </si>
  <si>
    <t>b'\xdc\xb1\xfa5w\xc232\x8cl\x84\xf2(\x8e\x92\x11\x11h\x12\x9a\xfd\x13A\x80\x99\x14\x112\xac\x95de'</t>
  </si>
  <si>
    <t>b"\x1f\x88=\xf0(8\x8e\x17\xcfp\xb4K5\xeb&gt;\x8e\tk\xdf\xd3\xd9#\x07\x88\x1f\x1f\xb4\x01\xa7'\x195"</t>
  </si>
  <si>
    <t>b'j\x92\xef\x80I\xab\xd6{M\xe9zR\x0c\x85\x00\xe5\xd6\x1d\xc07soF8}\xf6\xaf.I\xbay`'</t>
  </si>
  <si>
    <t>b'\xaeA\x0eJ\xb8&amp;\x91\x7f.\xf2=\xf4h\x9fOy\xb7\n8\xfe"\x07v\xe7\x1c)\xda\x8dxt\xf3\xad'</t>
  </si>
  <si>
    <t>b'\xc0LL\x88\xfe\xdc\x90V\x18\x9b\xfc\xeb\xe4%\xa0\xf7\xbb\x8c\xe1\xbc\xc7\x86\x85\xdf\x1fY{&lt;\x91f\xe0\xcd'</t>
  </si>
  <si>
    <t>b'u\xec\x1b\xecr\xad\xd2\xd2\xb3%\xeczJ\xa11@\xb6\xd3\xca\xbea\xd6(,\xba85n\xa0IU\xb9'</t>
  </si>
  <si>
    <t>b'\xbe~X\xd9\xe9\xdc\xecL\xc7\xac-+e\x1d\xd7u\xd6\xc3\xdd[\xb8\x83K\xe4\x1c`\x04c\xa21%\xd7'</t>
  </si>
  <si>
    <t>b'\xb9\x0b\xfbFS\xd5\x16\x94\xa9\x80\xd7\x84\xdbeb\xcb\x0e\xb3\x9a\x91\x83d,\xd1=\xad\x91o\xde\xcc\xcc\x99'</t>
  </si>
  <si>
    <t>b'~\xed5\xe9\x89\x18\xbb\xe6Y\xc8B\xc1\xac\xb3hs\x8f\x0c\xcd@\xa4!\x0f\xbe\x03r\tb\xf8+\x90\xa0'</t>
  </si>
  <si>
    <t>b'\x8d\xfe\xc9\xcc\xcf\x14\x80\xbb\x9fsX\x08\x03\xbb\xaeG\x16\x94\x87}x\x83\xa1(Vw\xf3+I\xf9\x81\x1f'</t>
  </si>
  <si>
    <t>b'/\xeb\xf7\x86\xd2\x10\x0e\xf5\xb6+\xbe\xc4\x98*\xff$\x8e\xf2U\xf8|!\x02Ss\xd6\xa6!\xc00\x9f\x12'</t>
  </si>
  <si>
    <t>b'\xb4\x15k\xbd~ \xa8\xca,\x8axuz\xe1\xa5\xbd\xc0\xa8SQ\xc5\xde\x9e\xb3f\xe3\xc0\x1b%\x1e\xa9B'</t>
  </si>
  <si>
    <t>b'\xdf\xe5z\xa1\x12\xacl\xd0q!\xd3o\xbb\xf6\x8e=\xa9&gt;(\xf5g\x8eJ\xe1\xa6\x86\xaep)\xc6\xc7\x85'</t>
  </si>
  <si>
    <t>b'\xdao\xbf\xb4k~\xcfi\x85\x95$\x10\xf2\xb8\x97i\xf1\x169[p\xca\x1c3\x0cm&lt;\x1f\x17\xf0\xa3)'</t>
  </si>
  <si>
    <t>b'\xab09|\x9cu\nP?h\xdf\xb1X\xeeB\xb8\x1cnw1\x99\xea\xc5\x1a\xd0\xe6B\xa9\xe1\xc8\x85\x14'</t>
  </si>
  <si>
    <t>b'=D\xb0}\x04\xb5\x86\x02D\xf2&lt;i\x02\xb4G\xb7\\\xd1\xcft"\xf6?\xc2\x03\xe1\x8f\xc3"]b\xcc'</t>
  </si>
  <si>
    <t>b';\x94bA\x982\xd44\xb4?\ni)\xe2\x7f\x82\xf1\xec\xc0=\x13\xaa\xc3\xb5\xdd\xc9\xfc\x97\x99\x96MI'</t>
  </si>
  <si>
    <t>b'\x80\xb7@\xa5\xc58\xe2\xc5\x14\x10\x95\xd8\xb2}C\xeb)\xbb\x15\x0c\xad\xb8\x9b1&lt;\xd5 \xa8\xbd\xf2\x91\xa8'</t>
  </si>
  <si>
    <t>b'\xc6s\x84\rAQ\xa9\xdbg\x8f+PI\xcb\x8aJ\x15\xd7\x8a\xd5\xe4L1\xd9f\xbb\r\xb9\xd1\xe48h'</t>
  </si>
  <si>
    <t>b'e\xcbN\xe7\xceu\xc7\x8a\x9b]H\xa86\x85\xd0v\xad\xf7\xaf\xa0y\x9a\xa0v\x161j\xa9EMR\r'</t>
  </si>
  <si>
    <t>b'\x80\xde`\x9e\x90\x03\x17\xe7\xbd\xb8\x02w\xdd^[\x06\x94\xcbi9\xa3\x03`z\xd1\x8bd\x94Z\xf2\x84\x8b'</t>
  </si>
  <si>
    <t>b'\r\xb3\t\x83\x07GP\xa2\x94\xbcrJx9\xbe\xc8\xf9\x0f\x1d\x97\xc5*\xf6}\xf7.\x89\x94\x11\xe0\xba\xf0'</t>
  </si>
  <si>
    <t>b'\xd7\xb7\xf8\x9d\x8d\xe7\x04\xe3\tX0}\xbd\t&amp;\x98\xf5)\xb2rZ\xf0A`\r~$\xc2*\xe8\x0fN'</t>
  </si>
  <si>
    <t>b"\x04p6D\xdd\xc2E\x92N\xb4\xd8\xbd'%\xa4h3k\xd4(\xd2\x96\x88[\xc5\xc7*)\xfe$\x90`"</t>
  </si>
  <si>
    <t>b'~ \xdd\xa2\x871\xb2\xc3w\x81\xae+\x150\x99\xa8v\xaf\xeb\x05\xf1q\xa1\x10I8\xda[\xf6\xd0\x1f\xe1'</t>
  </si>
  <si>
    <t>b'\xe7\xad|\xdc\xf5\x05\xc1\xb6\xce\xf7\x88=\xbc\xa8mM\xb6q\xbe\x1f\xcf\x9cR\x16\xcfj\xe8\x18q\xed\xb5T'</t>
  </si>
  <si>
    <t>b'\xb5\xa2z\xe5\xd9mkc\xfd\x855\x97\x15T\xc2\x1f\xba&gt;\xf8]\x02\xeb\x15^\xd4R\xab\xf4f\x81\xbcI'</t>
  </si>
  <si>
    <t>b"\xac\xaa\x06l\x9e\x07\xad\x1c\x1fm\xfd\x90\x81\xb0\x9d)\xdcS\xef\x7f\xab\xdd\xbf\x10\xc4\x19\r\xaf\xe41\x1b'"</t>
  </si>
  <si>
    <t>b'l\x14\x88\xc6\x91C\xfa\xff!\xaas\xf1\x1a\x85\x83\xfe\xe5F?bVwh\xe5hU\xfd\xed\xfb*)E'</t>
  </si>
  <si>
    <t>b'A\xf8\xe7\x00\x8e\xce\xa4\xf4]\xe4&amp;\x07\x1b\x83C\x10\x87\xd1uy\xff\x9bet\x81\xf24\xa6\xf1\x95&gt;\x1b'</t>
  </si>
  <si>
    <t>b'\xbd&gt;\xd1\xf6\x99rl25g\xcb\xe3\xaaN\xbe\xf9\x1a\xcf\x0f\x88\xdc\x93\xbd\xa2\xfa\xc8\xb1\xec\xb3\x80\x13('</t>
  </si>
  <si>
    <t>b'x\x8d\xea\xa1\xfb\xe2\x7fL\xd3\xed\xcf\xa4\xb3\x16\x10\x0c\t.\x1c&amp;xx\xf0P\x1f\xd5\xfe\x8b\t\x06\xb1\x18'</t>
  </si>
  <si>
    <t>b'F\xa5\x02e\xd6o\n\x86\x1b"\xd1\xd0k~\xa9\xf0\xb2M\xe9\xe1q\x14\x1aMI\xbb$\x11\xdb\xfa\x89\xb0'</t>
  </si>
  <si>
    <t>b'\x83\x1a\xb0$\x0f.\x85\xe4/ \xbf\x04`\xdc\xbcS\xc6\xc8\x14\xd5\xa5\xbe\x05\xbc}\xf88\xa6\xcbe \xb4'</t>
  </si>
  <si>
    <t>b'\xe9\xb4\xf2[\xb5\xaa\xac\x95x\x0c*q,V\x83\xa6\xaa[\xb59^\xad\xe7&lt;\xc3%k\tY\x053\x96'</t>
  </si>
  <si>
    <t>b'\x04(\xdfZ\xcfJ+\x84r\xb51\xef}\xde\x0ep5\xd7\x1c\xdb\xfe\xf8\xc7\xbe\x8dD1}o/\x18\x9a'</t>
  </si>
  <si>
    <t>b"\x8dV_\x04B\xa1\x9e\xde\xa4\xcd]\x12\x7fQ\x7f\x89\x97\xe1\x8e\x83\xee\xc8\xbf'\xe8:`\xab\xeb\xd5\x95\xcb"</t>
  </si>
  <si>
    <t>b'\x8bJ\xca\xaa6\x89\xbc3\xe7A*\x8f~|n\xdf&amp;J\xa5y\xd2\xc4\x8c\x14U\x06w\xb8\x1f\x0c\xbb/'</t>
  </si>
  <si>
    <t>b'@\xd1qlS\x08U\xe6\x89\x1f\x81\x0c\xe1\xa2\xaa\xef\xf7/;]\xf9\x95\xc2\xb2n\xcb\xb6Q)\xd0f%'</t>
  </si>
  <si>
    <t>b'c\xf5\x9c\x89&lt;\x1eN\x18\xb1=\xed\x10+\xea\xd1\x82\x1e\x8b\x1c\xeb\x9d%\xe6\xc5\xa7\xe0\xb4\xf6a\x1f\xb3\xf9'</t>
  </si>
  <si>
    <t>b'\xd4\x1bf\xe0\x01l\x8cJ)\x03G\x80?\xb9\x0c\xa3\x8d5\xb0\x9000[\xb3\x06\xe7v\x89h\x17\xca\x02'</t>
  </si>
  <si>
    <t>b"lO\x99\x9c\xc5\xb6\x15\xa5\x90 \x8e\x91lI\nA(u\xc6ME\xc1\xa5'~\xf9\xe7\x06\x89\x91\x10\x17"</t>
  </si>
  <si>
    <t>b'Gub\x99D\x0b\xa5MB\xaf\xec)Yu\xef\xb8\x9e7\xffQ\xae3\xf5RY3z\xf2\xa7\xfb\xc8\x83'</t>
  </si>
  <si>
    <t>b'FU\xde\x8fSh\x80M^\x01\x81\x98\xdb\xa989O\xa14\x8e\xdeg\xa2\x1b$\xf2\x18\xfa\xdctd\xb7'</t>
  </si>
  <si>
    <t>b'X\xf4)\xf7\x83M\xcbd\x906z\xfc8"R 1-\t\xcf\x82|$\x11\x830\xf9\x04\x06\xa5Sp'</t>
  </si>
  <si>
    <t>b'\x80\xc5\x9c\xfd\xd4\x9b?\x13\x89&lt;\xc8JS\x9c/@\xc3J\xdcNj\xb1\x1d\xe5\xc9p#\xcc\xf0K\xbb('</t>
  </si>
  <si>
    <t>b'\xfaq\x06\\\xc6Y\xd9!9Ln]qt\xff\xf1\x08\xa1\t\x132\x18q%4\xcd\xa3\x8bK\xca:\xa9'</t>
  </si>
  <si>
    <t>b"=\x0e'\xe8\xedmB\x0fG\x9e\xa6q\xef&lt;\xc3\xc9i\x1c$\xe6\xcd\xde3\xa2\x82\xcd\xbc\xf1Y\x18\xa7\xe0"</t>
  </si>
  <si>
    <t>b']\x1a\xc5;\xa0\xff\x1a\x1b\xe9,P\xd1\xb3I\x04`h x\xaeA\x13\x95\xe6u\xb23\xbdf0I\xeb'</t>
  </si>
  <si>
    <t>b'?}\x00i\xe6I\x1ew\xa5\xe9\xc3\xea\xc7\xdfyd+=\xed\x9a\xc9cS\xa3\xf3\x1bI\xb6\xe6^\xf1\xac'</t>
  </si>
  <si>
    <t>b'\x05\xbd\x0e`G\x87\xc8dN\xa6`\xb3]\x8aS\x02@\xa1\xb6\xdd\xa5\xb3\xbd\xe1z\xf3j\xf150F\xf0'</t>
  </si>
  <si>
    <t>b'k\xc2E\xa1\xa1\x1d\x1f\x9c\x8d\x0f\x8eHCX[\xb1\x90a\xfd\xdd\xd6\x1b\xd5$\x87\xe8w\xd9n+0\xfe'</t>
  </si>
  <si>
    <t>b'\xb3\xd8\x93W\xd9\x81\xaaO\xf8`U\xe1\xb0\x8a\xf4{%\x08\xb2\x97kn\xaa\xf4}\xec\xc6D\xee\x07&amp;\xb1'</t>
  </si>
  <si>
    <t>b'\x06\xe7\x8a\x16@\xe2\x81\xfd*\x11\xc2&lt;\xc1\xb4\x99B"\xaa4B\x07\xc9?\xfe&amp;\xdb=\xe8\xbf\xb8\xa5\t'</t>
  </si>
  <si>
    <t>b'\xc501\x03\xd65/\x8b\x0c\xff!r\x96\xd3S\xe1(\x01\xc5&gt;\xd7\xb1L\xea\xe3Y\xef\xf0$~y\xf4'</t>
  </si>
  <si>
    <t>b'\xff&gt;\xae\xd3\xbfK\x028\xado\xe6c\xb5\xb1\x8e.\xa3!~0\xbdJN\xeae\xf7a\xfd\x87_I4'</t>
  </si>
  <si>
    <t>b'\xcaG\xe2*:l\x0e\xb8\x9f_\xbeO4\xe2\xcf\xf4\xc7\x84\xaa\x19/\x02\x0f\x1e\x99nc\xe0\n\xc3`\x1c'</t>
  </si>
  <si>
    <t>b'\xbb\xf0\x01%\xfd\xff\xe6\x07\xc2\r\xf6\xe7\x9c\x02\xea\xdb\x83\x1c\xc3C\x804y&lt;uz;m\xe2\x1bv\xb2'</t>
  </si>
  <si>
    <t>b"\xaez\xcf\x1a\xe3\x12\xd3\xeb\x05J\x0b\xe99\x91^[\xd7\x8b\x01\xde\xcc\\\xb0\xb1\x7f\x9d'\xe0\xa1\xd6\x82\xc4"</t>
  </si>
  <si>
    <t>b';\xe7\xf7_\xf8\x95S\xe4\nA\x95\x11\x1b\xee\xd9,\x98a\xf7\xe296\xc3\x96+\x96\xbc\x96\xc4\x7f\x84\xa5'</t>
  </si>
  <si>
    <t>b"~\xd8\x85}?4\xc7\x8fU\xc4\x95R{\xf6\xe7\x8b\xc8\xdfV\xc6j\xe3\xf8N\xc3[D'\x06W\xa0p"</t>
  </si>
  <si>
    <t>b"\xf1\xd5\xae'O\x89\x8b\xa6\x9e9\xa7\xb5c\xf0cx\xcb\xee}\x96\xc3?\xb7\x89L\xf7;le\x08\xfbP"</t>
  </si>
  <si>
    <t>b'\x000gD,\x99\x8a\xca\x9av/{3P\xbf\xf8\xce\x1b;\x019\xf1\xec" &gt;\x942qz!2'</t>
  </si>
  <si>
    <t>b"\xe6\xcc\xfa\xd73M&gt;\xa9\xfc@\x97\xa3(&amp;\xd0V\xaac\x8c\xb2\xe9,\xb7x\x83\x08\xd7\x91\xfc\x11\x95'"</t>
  </si>
  <si>
    <t>b'\xd3\x99J\xff\xcf\\\xd78bl\x13\xa1\x01u\xe0\x1fla\xf7\xa4\xf1L\xc2\xfa\xd7\xdc\xa7\xd8{\xf8\x1d\xc1'</t>
  </si>
  <si>
    <t>b'0\xd7\x0f\xa1R\xce\xecn%\r\xfe\x1f-\xd6y\xb4\xe3\xd9\xf7\x04\xc1T\xbc\x99oW\x86\xc0!\x1ct\r'</t>
  </si>
  <si>
    <t>b'\xe1V\x8b\xa2|\x1f\xdc\x92(\x16\xcf\xff\xfa\x9a\xb2\x9d\xd1u\xact\xe5`\x9f\xf3-r\xeb;\xed\x8as='</t>
  </si>
  <si>
    <t>b'\xfe\x95 \xe9\xb0\x8cHJ\x83:\xf5\xb1\xe1\xee\xad\xc3\xb4\x95:V\xd5\xd3\x96\x18\xf81\xa9\t]Z\x1b\xc8'</t>
  </si>
  <si>
    <t>b'\xd5\xe8\\e\x8d\xa9j\x8b~1\x83\x9f\xf4\xbe\x1e!\x17+\xc6\x8bw\xa5\xc4\xc3&gt;\xf7\xf8\x11\xf3\xf5\x8f\xc2'</t>
  </si>
  <si>
    <t>b'\xda\x856\x84\xc3\x1b&amp;\x9dt\xba\xafQ\x97B\x0c"\xfcK\x8cR\xcd[\x1fA\x1b\xbd\xe0\xc6}\xe7\xfc\x96'</t>
  </si>
  <si>
    <t>b',\xebU\x98\xc3\xc6\xac\xfc d\xed\x04?\xfa\xf4\x98\x10\xbd}\n\xa5\xa6!\xe9-&gt;Nc\x83\x06cB'</t>
  </si>
  <si>
    <t>b'\x86I\x14\xb3g\x87\xda\xf3\xff\x140\xd3&amp;\x04\x10\xe1\xb5@\xa7\xd6C@\xa5\xb5\xf6\xaa\xc5&gt;\x84\x97\xf0v'</t>
  </si>
  <si>
    <t>b'\xa0h\x7f\x84\xab\x9fr#-\xa3\x0c2&lt;E&amp;Ue\xce\xb0\xc5\x9e\x84:u\xdd.\xa0\x18\xa3C\xcc\xb7'</t>
  </si>
  <si>
    <t>b"\x1b\xab]'\x9d\xab\xb7\xf4\xad8\xcf\xd2(\x07$\x03\xb3\x17\xbe\xcc\xdb\xafI\x9c\xec}\xe9!)\xe04\x96"</t>
  </si>
  <si>
    <t>b'\xfbC\xb4M!\x9dQ \xd1\x8c\x91*\x16\xbb\xa8\xb9R\x1f\x0cJ0\x8a\xe8\xeb{\x89\x18V\x1e\xd9\xf8\x93'</t>
  </si>
  <si>
    <t>b'\x0e\xc4\xa2\xa1D\xa5\x9c\xc9\x0ecM\xe1\xf3\xf1\xaf\x19\x80\xd5;\xb32\x163K\xa3\xce]@ \xa1\xf6\xeb'</t>
  </si>
  <si>
    <t>b'\x85\xd1\x84~\xdf\xd9\x06z\x8aYZ\xe2e\x00\x8b0\xfb\xc9\x8b-\xcb\x05\x17R\xa1VZ^\xae\xe8\x81D'</t>
  </si>
  <si>
    <t>b'\xea\xe0\x81\xf1\x17rsX6S\x87\x97\x1b\xe0\xf4\xe2\x13\xe5\xa6\xa2\xb0\x0c\xe6\x11\xb7\x93\xaa\xc5\x80%\xf5\xaa'</t>
  </si>
  <si>
    <t>b"\x0eY\x16K\x00v\x1f\xd2CNE\x0e\x80N\x15nO#=a[H'\x1e\x8cy\xdb\x88y;Cy"</t>
  </si>
  <si>
    <t>b'\xcf9\xd1li\x89$\xa9\xe9&gt;\xef\xe4\xcb\x9dhtS\xa8fI\xa2\xfbMA\x8a\x1b{:\x87\x08Kj'</t>
  </si>
  <si>
    <t>b'\xfe\x18\xee\x17!z\xfb\x12\xdc\xcd\xa0\xca\x9d\xd8\xe9\xdf\xa1.\xdcyQ\xffm\x18\x86J\x91\xe6w\x18\xd7i'</t>
  </si>
  <si>
    <t>b'\x1c\xe8\xf0x\xe1\xdb\xdb\x92\xa8\xac\xfdZ\x17\x7f_M\x82B\x9a\xd7\x9f\x93\xe5\xc9\xdboCi\xc2wvH'</t>
  </si>
  <si>
    <t>b"p)\xa0\xd0\xb4\xa3\x99~\n\xe3\xc0L\xa3\x82\x0c\xbf'\xc5\xb7wQ\xf2\x19\x970\xbc\x9f\xcb\xdc^E\xc9"</t>
  </si>
  <si>
    <t>b'\xff9}\xafw\xf1K+&gt;Y/\x18\x8c\xf6d\xd0\xc6\x84\xebh\x9e\xcc\xe7\x12A\x8b\xed\xbf\x0e\x1fk\xd0'</t>
  </si>
  <si>
    <t>b'\xbaT\xdf//\x9aP|\xe1\x18\xf7\x00\x99\n \x9a\x93\xea\x93\xc5\xe2\x15\xe5\x0e\xfd\x9b\xb7\xb0\x13\x93z*'</t>
  </si>
  <si>
    <t>b'\xbc\x8e.oWz\x1c\xdc\xa3e\xd8r^\x9f\xbf\xa0C_\x0f\xfcJG\xe3\xad\x06u\xb0$\x98\x92h\xa2'</t>
  </si>
  <si>
    <t>b'\xe2\xc9\xea\x8d\xa1\x1c\xf9\x18\x80A\xd1s;\xdf\xd24\r0\x8f\x19Cl0\x1c\xd1\xfd\x94\xbeY~\xb7o'</t>
  </si>
  <si>
    <t>b'z\xcd\x0eG\x12\x8d\xc5\x8a\x01\x7f\xb0\xeb\x9fH\xf8(\xc8\x9a\x12d\x0f\xe9[\x03\xc7\xaa\xdd|\x1bQr\x0e'</t>
  </si>
  <si>
    <t>b'fj\x85Fu@\xda\xedn\x18D\xc7\xe3\xf7l\xa2B\xdf\xd6\n\xc3\xdc\xb8u \xcb\xf6{7\xba\xc4\xaa'</t>
  </si>
  <si>
    <t>b'\x7f\xdf\xa0\xd9\xf4\x1a\x99L:{\xf9\x1eqE\x187\xcbg1\xdb\x19\x8c\x1f=s\xe7iN\x1e\x86\x0c\\'</t>
  </si>
  <si>
    <t>b'\xdeV\x80\xac\x11\xda\xeb\x06\x88\x18#S\x1b\x14j*F\xb1\x7fd\xc6\xf3;\xfc\xcc\xfbI\xe5\xec\xaa\x168'</t>
  </si>
  <si>
    <t>b"\xe6\xac\rH_j\xd0&amp;\x1f\x12\xde\xf67\xcb\xbd\xba8\xfd\xdd\x93\xdb\x93Cm'\xa7L\xd7\xc9\xb1\x95v"</t>
  </si>
  <si>
    <t>b'x\xe2\xe7B\x81\x85\xed\x18L\xb9\xdb\xeeh\xc3m\x8dk\xfd/,\xc3\x80v\xb1\x00\x021\xdc\xc1\xd9\x1e/'</t>
  </si>
  <si>
    <t>b'\xbe\x00\x04\xa2}-F&gt;\xe9\x05\x11\x8d!\xf7\xeb\xaf\xe4\x11\r\xb3l\xbf\x06A\x8bk\xba\xb5\xf4I\xf72'</t>
  </si>
  <si>
    <t>b'\xa7\x1c\x9e\xb7X\x8f\xc1\xb8\xf9h\x9c\xec\xb8a\x0c\xb8`\xf8\x1a\xf4\xad\x0b\x9b\x03ab\xd76=E\xb8\xef'</t>
  </si>
  <si>
    <t>b"\x1c\xfddas\xec\x97\xdb#\x80\xcf\xdc\xf4\xf1\xdb\xda\x9f&amp;\x987\xabG\x86%'\xa86\xa7\xb5\xc4\x0f\x12"</t>
  </si>
  <si>
    <t>b'\x11\xfaT\x05\x85C%\xff\xe8\xa0\t"\x14\xe6y\x01bSM\xde3\xdf\xa6\x11\xfc&lt;Y\x0e\xfdDW\x1e'</t>
  </si>
  <si>
    <t>b'\xcb\x96\x18F\x14\x92\x1b\x87\x81\xf8^\xe9\xff\x16\xdeX\xbf\xe33$IV6\x0fWT9\xcb\xe8\x96&amp;H'</t>
  </si>
  <si>
    <t>b'\x19"\xd2%\xa0r\xb4\xe6\xe6\xe9\x13Q`Mb\x9d\x07K\xa96\xaeBt\xe0\xf1\xe4\xcf\x15\x0fwHm'</t>
  </si>
  <si>
    <t>b'\x98\x11tV\x1bv\xcd|9D\xf5N\n\x01\xc6\x1cUn8d\xb8\x1eeXj]Z\xf9\xf5r\xaf\x89'</t>
  </si>
  <si>
    <t>b'mD\xa0\xcf\xf9SGU\xee\xb2qHI\xe3\xc873Y+\xd4}p\x9f\xfb\xc6\xa6\xe0\xa6cC\x10\x15'</t>
  </si>
  <si>
    <t>b'B\xdfi\xd5\xabn\x19\xcc\xcf\xc0l\r\xaau\xab\xa71n\x8a\x8d\xf7\xc5\x92\x10\xc6\x1b\xce5\xc6\xcf\x86,'</t>
  </si>
  <si>
    <t>b'i\xed%AmA\xd0\x95W\x87\xe7_\x1f:\x9f\xc2D\xe2\x8c\xb7@\xed\xa8\xadn~\x1a\xd5\x8d\xec]\x9e'</t>
  </si>
  <si>
    <t>b'\x0eo\x90\xe4\xea\xaa\xcde \xf8T=\xc1q\xec/$\xaf\xe7\xc9f\x99\xfe\x94-\xa5\xd2&amp;\x1f\xa1\xb7\xbe'</t>
  </si>
  <si>
    <t>b'b\xe0\xc8\x957\xd1\xa1#h|\x8f\xf1\x06Y\xf7GO\x17\xf0\xbd\x956\xb5O\x04\x1a\x8b}}L\xb4)'</t>
  </si>
  <si>
    <t>b'\xc7\xcb\x10(p\xa3\xc5\x8b\xab\xad\xc4$ l;\x81\xb6t\xfcp\xd0-\xd9\xd5L\xfd\x03o\x1e\x8f\xae\xe4'</t>
  </si>
  <si>
    <t>b'8\x83A\xe1G\xac\xc2\x17[\xe8\x83\x07$\x93\xef\xbd\x16\r\xd7P\xc2=\xfd\xa4\xab\xa9\xdc5\xde\xca_R'</t>
  </si>
  <si>
    <t>b'ch\xa7@\xe8\xa5M\x9b\x05\x83(\x95hXe\x86\xc2\x81\xe2!d\xbb|`v\x10p\x91\x9bX\xc3v'</t>
  </si>
  <si>
    <t>b'\xb1\xfbT]\xc5X\xf4\xc8\x05\xb4\x1a\xf6\x9f\x1en\xf0\x11\x03\xa4\xd3R\xb5\x80\x1c\xc3\xa5p\xc6\xa3\xf4\xe0\xe2'</t>
  </si>
  <si>
    <t>b'YFa\xbc\x08v\xa6?\x07\xb53\x0ci/\xdb\xf5\xcc\x95\x8d\xa2\xbd\xe7\xa1@\x95\x08\x8b\xc4\x1f\xc2\x1a\x03'</t>
  </si>
  <si>
    <t>b"\tq\x7f\xf6CQ\xbc\xb3\xe6\x83\xe4\xc2\xba\x96\x87'm\x7f\xf7\x7f:\xdbo\xc5\x81\xa0VQ\xd5\x19\xe3\x98"</t>
  </si>
  <si>
    <t>b"c&amp;\xcdz;{\xc9\x83d2\x1eI\x13U6\xbe\x9e\xad\xc9H\xbb\xf3\xf6\x93\xc47'\xac\xc5\x85\x99\t"</t>
  </si>
  <si>
    <t>b'\xdd\xa94\xc3\x88\xc3\xa3\xa1\xeaX7\xc1\x92eD\xed\xa2C\x15fb\x0e"@\x187\x08\xde\xcb\xd2\xb5)'</t>
  </si>
  <si>
    <t>b'\x8dY\xbb\xbe\x95Dt\x99\xb3\x14\n\xba\x97\xe4yy\x82\x01n\n\x04\xde\xc9S\xfd\x88\xbd\xd9M\xf5\xcc\xe6'</t>
  </si>
  <si>
    <t>b'`\xc0z\xaf\xf7*\x1dt\xfa\x0c=\xe7\xf7;\x80\xed\x81\x8f\xf4\xcc\x14\xbcDV0^\xc6\x0f\x8c\x9aF\xf7'</t>
  </si>
  <si>
    <t>b'\xf9\xd1\xf3\xd7\xae\xbc4a\xe3W\xec\xf7\xbb\xec\xed\xfd\xca\xce\xcb\xfc&lt;jP\x16\xa6\xa6b\xff;\x1d)\xce'</t>
  </si>
  <si>
    <t>b'\xe3O?ie_\x80\x8d\xa4\x99\x80\xe1\x9a\x17\x80\xf9^\xfc\x0b^\xa6ycZS\xb9}\x02\xf7gO\x11'</t>
  </si>
  <si>
    <t>b'\xc4\x98G=\xb9\xbc3\xe23\x11\xbf\x08`\xb5G*\\R(\x90r\xb3\xeb\xc5\xe3\xb4\xd6\x94\xde9\xdc\xb6'</t>
  </si>
  <si>
    <t>b"\xa268a\x98\xe24\x8fv''\xc9\x14%\x96-(\xb5#\xa9\xb24O\x85l\x886b\x8eb\xc6\xfd"</t>
  </si>
  <si>
    <t>b'3\xccIfcN\x88\x92j\xbe\r\xc6\x1e[a\xffA\x15\xea\xae\xc3\xd7\x9d%\xcf\xd1\xe5X\x13\xdb\xe8\x06'</t>
  </si>
  <si>
    <t>b';\xeb\xeb`Q\x04&amp;\x02#\x13\x96,\xf6\x0f\xe6\xeeg\x11\xb6`D\xec\xbc{{B\xae+&lt;\xd4\x93\x00'</t>
  </si>
  <si>
    <t>b'0\x12\x90\x17\x03\x18\xb0\xd2\xe4W\x1e\xc64\xe3\x13\xa1\x95pD\x86\xe3\xaf\xa2\xe7Ys\xd5S\xfd\xcb\x9f\x89'</t>
  </si>
  <si>
    <t>b' eEz\x8fS\xcf\xb3\x9a\xf1\xc5\x9f\xe3\xdc\xef\x1b\x8f\x89&gt;=\x94)\xf4\xec\x9dFF\xa7;4\xce\x8d'</t>
  </si>
  <si>
    <t>b'\xaa_\x87v#\x99\x8fi&gt;\xf7\x01\xaauqcq\x96\xf4\xf4&gt;&gt;xU\xfd\x8b\xc8v\xf2\x8fp\xa6\r'</t>
  </si>
  <si>
    <t>b'\x13\x8a\x0c\xcdI&amp;A\xd2P\x15\xfd\xbf\xedHb;M\x83NB\x14Rq\xb0iL\x9b\xf5&lt;\x7f=\xc2'</t>
  </si>
  <si>
    <t>b'\r0\x93,\\vI\xe5\x84\xcf\x1e\xfb"\xb9\xf7}\xa5\xa2\x9f8\x1b\xe4\x00\x84\x9f\xdd,\x11`\x87\xcdm'</t>
  </si>
  <si>
    <t>b'\xa2J\xeb\xa6\x10\xf2{\x7f\x9f\xd7"JX&amp;\x97\xf3\xda\xf3{V\xc5\n\xc4\xda\xbd\x1c@\xd7r\xe2)\x98'</t>
  </si>
  <si>
    <t>b'.~\xc1\x03I9\xd1k~\xa2\xbe\x1a\x03\x13DS\xbd\x81_\x15\xa7\xcc\xeay*FU\x89\xf3\x08\x8b\x9e'</t>
  </si>
  <si>
    <t>b'y|\x83w\x80?\x11uV\xcd\xeb\xff\x90\xa8\xab\xb3\r\x0c\xe3\x1f\x8ao\xea\x87q\x82;\x0f\xbc\xe9\xf1\x9e'</t>
  </si>
  <si>
    <t>b'\xef\xbbg\xf8t\x93=\xef\xed\xa7\xee\x98\xd9\x90\xb1;\x8b\xda\x05\x89]\xf4\xa5\xce\x99\xc3F\x0b\xab\xc06\xf6'</t>
  </si>
  <si>
    <t>b'\x81\xd1\xacjn\xbbm\xea\xc7\xban\xd9\x82-\xf4\x85l\x02\x86\xc5\xcc\x97\xd1S\xa3`\xd3T\xa5$9V'</t>
  </si>
  <si>
    <t>b",\nIL\x93c\x93\xc7_\xee\x83\xa7A\x82\x07nl\x0f\xf6Dh\xc2\xb4&lt;Nb.'\xda7\x99\xf6"</t>
  </si>
  <si>
    <t>b'2\x8b[-$TdE\x84w\xcc\xc9\xdc\xb5"\xdfU\x02d\xb6\xf9\xd4Jc\xad\xe2\xfd}\x11\xb0\xe6 '</t>
  </si>
  <si>
    <t>b'g\xe5\xfc\xf6\xee2\xa0,\xecc\xe7\xe4j\xdc1\xe9HDS\x8f\xd2\xfa\x14\x14\xb5P\x14\xd4\xbf\x11\x1b\x96'</t>
  </si>
  <si>
    <t>b'\x1c\x85\xa0w\xc6\xcbP\xb4\xf0\x1b\x84\x9a\xbb\xb3\xaf\xae\xb9\xc8\xe1\xcaK\xef7\x05i(\x99R\x9f\xf1\xb4\xd4'</t>
  </si>
  <si>
    <t>b'\x8c#h(l,\xc3\x80\xb5tM\x1c\xb1\x118P\xc1K\x87\xd5\x1ey\xff9\xf3\x07\xbaC\xd0\x15\xab\xc7'</t>
  </si>
  <si>
    <t>b'\xc1\x19\xc6\x9ew6\xb3x?\x91\xbc\xe1\xf8\xd7L\x06\x1d\xe0e$\xe8\x9f\xf4\xd8p@\xc6\xe9I\x00B\x1b'</t>
  </si>
  <si>
    <t>b'\xec\xd2S\xf3\x17]\xb6p\xe4\x1a\xb4\xae\xb4\x06\x16\xe2\xd8p\xcd\x9f\xb1\x85\x00u\x8a\xc8\xe2,\x08\xa0\xd2\x9f'</t>
  </si>
  <si>
    <t>b',\x0c0x\x9fd\x93\xb6\xcd(\xea\x85D\xc857\x9a\x8d\x1b\xf1n\xc8\xc9\x8f\x81\x87\x98vb{\x9cW'</t>
  </si>
  <si>
    <t>b'J\xfb\x84xi }Bu\xac\xe6\x12\xca\x95g\xf6`;f\xb5\x0c\x1a\x9a\xd9^\x98\x05\xadW\xec_a'</t>
  </si>
  <si>
    <t>b'L\xbe\x1a\xff0tmqH\xcb\xf4\xe7\xd4\xea\xfc \xa0(\x08\x14u\xa4\x93\\\x03a\xeb\xf7\x0e\xbdC\x85'</t>
  </si>
  <si>
    <t>b'2\xb5|\x19|\rK1\x9a\x1e\xcf\n\xc6\x13\xd0\x00\xeb\xab\x90)\xa6\xeb\xd1\xa1\x01\xd4B\xc4\n\xa4gd'</t>
  </si>
  <si>
    <t>b'\x87\xe8%\x9a[\x7faVHe\x1c\xc3\xf0\x0e]\xd6\x17\xe9\x92X\xf0X\xb5\x9c\x8e\xf7\xc5\x1css\x1c\x7f'</t>
  </si>
  <si>
    <t>b'\xb7\x07\x95?\x9a\xcd\x7f\x1a\xa1r\xff-\x99\x8d\x9c\x8d\xaf\xb4\x7f4T\x80\x8c\x0e.h\x81\x8f\x18X3\xaa'</t>
  </si>
  <si>
    <t>b"c\x87\\\x97R\xf5k(''&gt;@5\t\xaa\xd7&gt;\xa1J\xde\xf0\xdf\xdeH\xa3q\xa00\xe9\x90\xb29"</t>
  </si>
  <si>
    <t>b'\xb4^\xdfM\xc7wQ\xd1mE\xddc7\xed\x11\x9cL\xd7\x12\x83\xcf\xcbj\xe1D\xf3\x94\xed\x9cX{\xe9'</t>
  </si>
  <si>
    <t>b'\x06\xfeh\x88\xa7-\x17\x8d\xc1\xa2\x98\xc5\xb4o\rkw\x9e\xb2\x07N\xddU\xd5\xb6\x9b\xae\xcc;\xe0\xa4V'</t>
  </si>
  <si>
    <t>b'm\xab&lt;Z\xb0\x8d\xa2\xbaR\xf6\xe9q\xd3\xb5\xc0\xf8\xf9\xeb3t\xfd\xf9\xe1]\xc2\x14\x88\xdevb\xe0\x00'</t>
  </si>
  <si>
    <t>b'\xdc\x03\xdaU)z\xba\xb4\xe8\xbc\x86F\x98"mg:\xa0\xa0\x07\xa7X=\x0eb\xf3\x13]\xbd~Q\xd5'</t>
  </si>
  <si>
    <t>b'\x0c\x91\xe2\xa6\xe7\xec\xec\x05g,\xa1lPM\xffI\xb4S\xf1\xd0\xed\x18\xe8\xec\xc3N\xfc\x8b2\xb9,\xb6'</t>
  </si>
  <si>
    <t>b'\xab\x91\x82\xad\xc0.5\xf5\xe1\xc6@\x9a\xe4_\x80jP\xac\n\xd0\xfeff\xd5@T&gt;\xed\xf1\xd7%\xec'</t>
  </si>
  <si>
    <t>b'M/\xf2\xe4\xdbF]G|\xa6\xe6~\xd5\xbf\xb2hb\xe3r&gt;\xe5\xcbw\xff\x8b\xf0W\xe9\x18&lt;\xba\xea'</t>
  </si>
  <si>
    <t>b'e\xd6\xe9\xd6\xfe\x12\xb0\xbe\x97\x82\xc2\xad\xc5\xd4C"\xcb\xd0\xdf\x15\xae\x97\x98%\xa0/+\xc7\xb6\xed(\x10'</t>
  </si>
  <si>
    <t>b'\xb2\xc1\x0fq7t\xb9%\xd1T\x1ab\xed\x1b\xd7\xad\x0552\xdf\xd2\x045\x90\xd5\x96k\x1f\xa2\xcf\x00\x97'</t>
  </si>
  <si>
    <t>b"\x9d'\x1d\\\x89qK\x00\xafr\x15\xb5R\x9b\xa6\xc5v\xdf\xd5\xb1\x94Q\x96Y.\xfa\xf9\xd7*K(\xba"</t>
  </si>
  <si>
    <t>b',&amp;\x8e\x1dc=7\xc9\xf1M\x14yR\x1a\x85?j\xc6\x07Lz\xa2\xb1\xc4\xbe\xa2\xa3\xde"\xb7Ly'</t>
  </si>
  <si>
    <t>b"\xd4LL\x0c\xe7\xa3\xda\xf4\xa7\xd7L\x96\xf1J\xdd\xb3\xd6x\xb5\xd4-2V'\xb2\xff\x83\xae\x1f\xf4\x81v"</t>
  </si>
  <si>
    <t>b'0M\x8d\xc3\xb2q\xa9\xac\x02\xc8r4\xcf\xc9\xf5,\xbe*\xdf{\x98\xd8\xa9\x98A*\xcc\x89\xaa\x1d\xd8\xc8'</t>
  </si>
  <si>
    <t>b'&gt;\xcb5W\x1c\x90\xeb~J\x14\xaa~n\xa9&lt;\xdd\xf2\xfd\xf0F\xda\xe0\x04UZ\x02\xe5\xb0\xf2qL\xc7'</t>
  </si>
  <si>
    <t>b'\x91\xe0\xa4\xca?\x98\xbf\xbd\xec\x1b\xd9\x85$\x04j\x08\xb5:\x03\xc7\x12\x18\x0b\xa04l(@\xd2V\xee\xe1'</t>
  </si>
  <si>
    <t>b'\xcb\x15\xe3-\x9e\xb4z\x169\xc3\xec%\x1b\x91\x9e\x95)\xb2\xa3\xed;]\xd7\x16v\x9e\x8b\x19m\x1d$\xae'</t>
  </si>
  <si>
    <t>b'\xe7r\xa9\x8f\xaf\x9e\x86\xad8\xab\x8cW\\z\x84?\xd5D\x98\x95[o/\xf5|\xd1F\r\x1f\xe8\x0f\xf5'</t>
  </si>
  <si>
    <t>b's\x13)0\x1d*\xa6\xe8\x81\x051\xde\x13\x04C\\\xc4\x84\xacV\xcd\r\xe5\x16\x15\x01T\x9aa\r\x02r'</t>
  </si>
  <si>
    <t>b'\xc3U\x1e0\xd0\x98;\xb4\x0fH\xcf\xbeh\xe6q\xff\xfd(\x9f\xe5\xad\xa7%\xe5\xa6\x96\xde7yL\xc8\x11'</t>
  </si>
  <si>
    <t>b'\xe0\x92]\x01i\x1e\xf6mG0d\x14\xd1W\xabJ\xbbd^\x95\xfd\x8e\xcb\xbc\xd8V\x03\x08\x0e\xb1,\xa7'</t>
  </si>
  <si>
    <t>b'\x85\x86(s{\x9e\x10\x8e\xda~gf\xf7J\xf8&amp;$"\xaf\x00\xcd\xa2Sf\xbd\x98\xe5\xb3\x92fp\x9a'</t>
  </si>
  <si>
    <t>b'\x9d\x8aj\xddH\xe7\xf28%\xfb\xd5\x05\x1f\xcao\x12\xa4\xac\x04L\xb2\x81PL\xe9\xa8O\xb3\xe0\x97\x03\xc5'</t>
  </si>
  <si>
    <t>b'R\xe0\x9c\x87:\xbe\xd8|7\xe3v\x16\x8f2\xb8.?\xda\xbf+\xab\xfa\x00\xa3\x0f\xb1\xc7\xb7\x08\x7f\x0e\x8a'</t>
  </si>
  <si>
    <t>b'fL\xc7\xd6s\x8f\nu}\x8d\x14\xde-\xa0\xdf\xe7&gt;\xec\x05\xf9\x05\xd8`\x80\x92\x18\xc9\xff)l\x03T'</t>
  </si>
  <si>
    <t>b'\xd1\xbb\x81{\xb7=\xbc]\xa8\xdb/-?oe\xaa\x17hG\xb2c\x05n\xd2\xf4k\xc8\x01\xc3\xc2\x81L'</t>
  </si>
  <si>
    <t>b'\tA\xa3Y\xa1r\x107y\xb0\xd9\x0c\xeb\x95\xc9\x0e$\xc9A\xa5\x841"\xeb\xd1\x8a\x0e.\x91\xc5\x86\x8a'</t>
  </si>
  <si>
    <t>b'\x1ea\xddh\x05XP[\xa6\x99\xd8\x13\xb8qj&lt;\xa9\xe8\x1bZ\xc7QO\xf7t+A\xe2E\xd4{\x89'</t>
  </si>
  <si>
    <t>b"\r[\xf8N\x8e\xf4\x0fc\x02'\x17\xddO\xb0\x9a5\xef\xf3\xab\\\xf3\xf3\x98\xc8\xf8_\x99o\x01!\xd9\x89"</t>
  </si>
  <si>
    <t>b"\xd7\xdd?T$\xcc\xe7#\xd9s\x12\xaf\x80v1;\xb9\xec9\xb1=\xa36'G\xcf\xc1\x0b\x1a\xd2?\x90"</t>
  </si>
  <si>
    <t>b'\x04\x0bc\x98\xec.\t^z4\x99k&gt;[\xe25j\x05~u\xd6&amp;w&gt;\n\xd0y\x1e\tY\xfbC'</t>
  </si>
  <si>
    <t>b'\xf0\x1b\xd41\xa9W\x97\x7f\x8fXjhBi\xca3\x81\xbb\x80\x7f\xf5;\x96J\x9c\xffPUG\xc8\x9cg'</t>
  </si>
  <si>
    <t>b'Rm*\xb6IF\xf7;\xd15b\xda\x12&amp;5\xc9\x91\x8d\x17\x96\rH|\xd4\x9a\x1bTe\x9cg}\x89'</t>
  </si>
  <si>
    <t>b'f\x86\x1d\x14\x9fp\xca\xeb\x05\xea\xee\x86\xb9\xbc\x9c\xceN\xd4\xbfA:\xd7fsmvj\xeb; 6T'</t>
  </si>
  <si>
    <t>b'`TA\x99\x1f\xbc\xed\x8b-4\x8b\xf2a]GR\xees\x87\x0b4\xbbT\xe4\xd4\xc9O\xdcl\xe9Z9'</t>
  </si>
  <si>
    <t>b'O\xe3|\xff\x1d\xa0\xde\xd1\xb2M\xd9\xfe\xb5\x85ZQ+\x99\x90\x9a\xceX\xbfm3\xc5{\x80M\xf5\xe0\x1b'</t>
  </si>
  <si>
    <t>b'\x07\xbf\x1c\xc1\xa6e\xb3\x15L\x13\xa7-\x18:\xbdx\xf2\xb1\xd0b\xab\x08\xb9\x06\xbdf@\x03\xbf\xbc\xeac'</t>
  </si>
  <si>
    <t>b'\x0f%\xcf\xbd\x8a\x84%\x01\xf1#\xd6]\xcc00\x81U\xe6\xe2l\xfe\r]\xcc\xf6\xaa\xcb\x05\x90\xd9T\xd1'</t>
  </si>
  <si>
    <t>b'\xce&lt;\xe0\x14\rKa\xf4D]\x9f\xc75\xa1\xb95\x05#\x92\x89\t\xe60\xa2\xd0#\xdf\x91\x9b\xea\xfe\xd7'</t>
  </si>
  <si>
    <t>b'\x1cJ\xd2\xd3\x0f\x19\xb5`m\xbb;\\e\xb9\xf0\x02z\xf8@zAg\xf0\x10%\x99\xb5\xd4\x0c;J\xd7'</t>
  </si>
  <si>
    <t>b'\xf4\xe8\x9dlro\xb1"\xf6!\xe0\xf2\xdfG\x97\xa3\x0b;\xee\xd0\xe0\xc59\xcd:x\x9d%+\xe6\xbe\''</t>
  </si>
  <si>
    <t>b"k\x96\xe4y\xbdD\xe4\xb8V?[t4.pTq\xff\x98'\xd5#\xe2b(\x93V\xc5}a$\xc8"</t>
  </si>
  <si>
    <t>b'\xa7\xf8bP\xc9\xf8\x9b\x18\xa3\xb1\x8e\x97E\xde\x9b)m\x996wS3\xbf\xd4\xa3\x0b\xcf\xfe\xc4\xb2\xc7\t'</t>
  </si>
  <si>
    <t>b'\xfa\x1b\x99\xbe\x80\x8dC\xe2pi\x85\xf0M\xc4\x94\x9a\xbf\xc91A\x11\xac\x8b\x00\x07|\x90\x82L`]R'</t>
  </si>
  <si>
    <t>b'\x16]\xd6"\xe0g\xe8\xc1\xca\n\x9a\xc5Y\x15\x84#wb[a\xa6"\x8c\x1c\x95\xfc\xe3\xb1\xe6\xff;\xcf'</t>
  </si>
  <si>
    <t>b'\xd8\x98\xd2\x9f(d\xbf\xff\xa2\xdb\x93A\xca\x01$\x81\xf6\xb30\xd4\xe5\x9ch\n\xc1\xb1w"(Q\x8d\''</t>
  </si>
  <si>
    <t>b'E\x14;\x11\x16\xa3\xee\xd2\x84&amp;\xda\x9b\x06@\xd2\xd6\xe3\x0b\x0f\r\x95\x13^\xf6\xbbPW\xeb\xba\xec\x0f\xa4'</t>
  </si>
  <si>
    <t>b'\x91\x1dM\x14\r\x9e{\xa94\x87{\xd6,\xc7\xe3D,\x15\x03\xe5\xcb\xe4\x8fk-\xf2\xd2\xeb\xa0\xa3\xa2\xfc'</t>
  </si>
  <si>
    <t>b'M@\xc0\xb2\x8f\xab ]\xeb\xd1h\xbe`^\x10M\x9f\xff\x8bq\xd6 \xee*T\xbd{.k6\xb4^'</t>
  </si>
  <si>
    <t>b"\x1a\xeepIM@\xe9F\x8f\xe3\x9d2\xcb\xe1l'\x03\x9d\xdaT\x9e\x81\xc7\xe4\xb4\x8b\xac\xfe\xbb\x1e\x14O"</t>
  </si>
  <si>
    <t>b"\xac{\xf4\xc8)L\xfa\x87\xb6ep\xed'B@V\x12\x18\xcf\xc7\xea\x7fYQ\xc0\xad\x00\x0b\xe7\x81\xbc%"</t>
  </si>
  <si>
    <t>b'i\xb09\x04\x1eQ\xe6\xf1\xffc\xc7f\xefC\xfe\x1e\xb8\xf3xC\xd5\xba\xf2\x0c\xb8 \x0f\n\x01\xe9~\x88'</t>
  </si>
  <si>
    <t>b'\x91\xc2\x84\x90Z\x0e\xa0k\x8eR\xc22\x066\x85\x05\x01\xf5\xf5\xffOR\x17W\x86\x14#\xfb\xdf\x8a\x8a\x1e'</t>
  </si>
  <si>
    <t>b"\xcf\xbbX\xed\x0f\xee\r\xac\x05;'q\xf6I\xdeH$\xa5N\x99W9\x0b\xf1\x81\x14\xb0\xd0\xf94te"</t>
  </si>
  <si>
    <t>b'\x91\x0c\xf6m\xd3\x1e\xa6&amp;\xbd\x84\xcbq\xed"\x9d\xc3s\xcb\x80\x1a\xc3X\x99\x0f\xe9\xac\x96\x93\x08~\x0f\xd8'</t>
  </si>
  <si>
    <t>b'\xce\xf3\x96.\xfe\xad6\xb3R8\xf8\x92\xb4J\x8c\x17\xb7\xa4\xad\xf8\x81h8oq\x19\xa0\x93D\x7f\x08\xb0'</t>
  </si>
  <si>
    <t>b'\x80\x0fiGrZ`\x1c\x7fi\xab\xae|\xc2\xd5\x177\xd0\x18\xc2\xf30ISY\xc1\xd0\xda\x10\x07\xa0+'</t>
  </si>
  <si>
    <t>b'\x9a\xbe\xfek\xaa`\xc4C\xdc"\xee\xed\xfdBw\x7f\xbb\x81L)f\x12\x06\xee\xe4\\t\x92`\xba)\xeb'</t>
  </si>
  <si>
    <t>b'\x13\xf81\xbb\xc0\xfb\x83\xb5\xdb\x81\x855S\xa4\xe7D\xcf\xf0\x0c\x8f/\xc7N0\\j\x93s \xeaN\xc3'</t>
  </si>
  <si>
    <t>b'uM\xa3\xbc&amp;\n\x10|&lt;\x94\x83\xb4\xf3\x1a\x07\xec[V\xabb(\xe4e\xc7M#\x92\x8a\xd5\x11\xe3\xf6'</t>
  </si>
  <si>
    <t>b'\xecE\xee\x93\xb1z\xf1{\xc2::@\x89\xe8\xc8\xf9\xa6b\x98ZiB\xd8/J4\xf3\x8f\x84&amp;q\xf8'</t>
  </si>
  <si>
    <t>b'\x85lle\xd6\xadA\x91\x8fR\xb0\xed\xb5\x80\x1dm\xa0@V\xbe7\xab@\x07\xe0\x1a\xed\xb7M\x94\xe6E'</t>
  </si>
  <si>
    <t>b'u\x01\x15\xeb\xb8\xcas\xef\xa5\x8e}\x1f+\xf1)\xae\x07\xf1\xbfz\xbe&gt;\xe0^:\x88\xcc\xea\xe6\x91y\x89'</t>
  </si>
  <si>
    <t>b'\xa0;\x89\xf4\x7f\x1f\xa7\xe9\t\xd4\xc3\xee\x1c\xd9\xdf\xfb[\r)H.L6t\x87\xc0\xb0\x07\x97i\xb3\xd7'</t>
  </si>
  <si>
    <t>b'\xf1?e\x1a\r\x82q\x8a]\xde\x1b\xe2\r{\xb8;\x9f\x83\xfacMtJ\xb9\xbfsy\x15\xfd\xf4\x1e&gt;'</t>
  </si>
  <si>
    <t>b'\xe2\xa2\xa6o\xfeY\xcfW#!k\xff: \x02\xc5a\xccQ\x02\xb3\x83d%\x9a\x85mE,o8\xa2'</t>
  </si>
  <si>
    <t>b'j\x8c\xabr\xbczyQ\x97\xb0\x1a\xf5\x7fS\xe5\xb3]\xb2\xda\xcbJ\xad)Z\xb2\x8b\xecj\xb1\xe0\xb1B'</t>
  </si>
  <si>
    <t>b'\x84\x83K\xd8\xd9\n(\xae\xaa\x12\\ze\x87rc\xb0\xdf\xa8\xc8 \x85)~e\x91HbG\x11\x96\r'</t>
  </si>
  <si>
    <t>b'8Q2\xdax\xbd\xe5\x87\x8c\x17;t+\x9fA;\xe3_r\xf8\xbd\x7f\x98X\x92V.\x8bQ\xcc\x1e\x97'</t>
  </si>
  <si>
    <t>b'\xd0\xa6,\xfd\xfe\xdbC\xa1#\xefP\xab\x16\x8205\xe0\r\xa0@\xaeD\xde\xc2h\x11\xc5\xcfp\xe2;\xd7'</t>
  </si>
  <si>
    <t>b'\xda\x12\x8f\x07\x0b\xd3\xcc2\x8c\xdev\x14\x87\x9c\xbb\x92\xeb\xbc\xd8A\xd1\xca\xf0\x1eN\tJ\xc6\x08x\xb6\x8f'</t>
  </si>
  <si>
    <t>b'\x13\x00j\x82cn7qA+\xbf\xa8\x95N\x02\xad\xf9!Z\x15q\n\xdd\xe3\xafs\xc8U\x1d\x06Mr'</t>
  </si>
  <si>
    <t>b't\x1dy\xe1W\x0c\xba\x89\x85H\x8c\xcd\x80\xb4K\xad\x82\xbc\xae8&amp;\x02\xcf\xf1v\xd3V:\xc5M\xc8\xdd'</t>
  </si>
  <si>
    <t>b'&gt;\xa0\x86\x97\xd2\xfc\xfbZO\xec\xe94eG\x06\xf5\xd7D\x98\x84\xafq\x9a\xa6\xe2BFrug\x1c\xb1'</t>
  </si>
  <si>
    <t>b"'\x94\x9a\x84\x1c\xffUa\xc8*\xb5\xd8\xa94\x1fP\x15}-\tq{Bf\xc7\x89\x14\x0f2\x984\xe5"</t>
  </si>
  <si>
    <t>b'T\x03\x14\xf7\xf9\xaa\xd1\xbf8\xee\xfb\xe5_f\xdc\xf2\xdcA\x8e\x86\xae\xf9\x9e\xd3\xa9\xd7\x96\x8b\x801!\x99'</t>
  </si>
  <si>
    <t>b'45\xa5\xb1~\xe5\xeb\x83\xc6\x88\xd6\xd74\xc8\x15G\xc8\xadw\x83\x16P\xe0\x8d\x08\xcb\x16+d\xc7\xe6\xf0'</t>
  </si>
  <si>
    <t>b"\x1b=\xaf1\xec/\xf8q+\xb2Z\x87\x90\xf8\x93\xca;\xce(\xf2W\xcb'\xf3E\xe1\x9b\xddm\xcb\x98\x02"</t>
  </si>
  <si>
    <t>b"\xfb\xd0I\x18h\x80\x99\xb7a\x14S\xcb\x95\x0f'\xd5x\x1a\x9fL3}\xa1\xe9\x80\xe2\xc7Ww\xca\xd1S"</t>
  </si>
  <si>
    <t>b'%&amp;3\xca\xc15\x8a\x15\xfa\x06\x92\nJ\\\xe0\x03%\x86r\xc9\xd8\xe0A=\x0ew\xaew\xc2\x96\xd1\x10'</t>
  </si>
  <si>
    <t>b'Ls\xf7\xe7re\xa1\xcb\x05\x94K\tOpD\xca\xb1o\xda\xff\xa9\xb3\x0e\xa2G\xff\x1e\xdaJX\x81\xb7'</t>
  </si>
  <si>
    <t>b'\xbd\xd8\xf9\xa1\x10)\xefS\x86\xea\xa1]\x98\x1b\xc2\xe2\xa4\x13$\x1dv\xe7\x19K\xc8\xbe`\xeblK\xcaK'</t>
  </si>
  <si>
    <t>b'\xf5C\xd8\x19\x81\x86\x83\xfd+\xbc\x1e\x9e\xd1yb\xa9\xe9j\x80\xf6\x9bS$\xd3C\xf4:{\xa8\x14,G'</t>
  </si>
  <si>
    <t>b'\xbd\x15(8@\x08\x9d\xd5\xfa\xdd\xda\xf7\xee\x01\xe5\x8f)\x8c\xec\xf5!*O5)p\xdd\x8f\x8b`\xcbv'</t>
  </si>
  <si>
    <t>b'~\xf1\x0ed\xf2\x9a?H\xf0\xccJ\x0cg\xc2\xf7\n\xaeT\xf2\x91\xc2\xd05\xdbK\xa9]:\t\xbb\xa8\t'</t>
  </si>
  <si>
    <t>b'\x03\x9d\xbf#\xc2\x8c\xcc^\xc0\xa5N\x0b\xf6h\x17i|\xc5\xde-SR04\xc6\xd0\xbe9{\x1b\xd7.'</t>
  </si>
  <si>
    <t>b'?h8\xcc/\x98O\xbf\x19U&amp;\xbd\xc5~\xa9\xde\x14\xd0\x14\xfc\n\x93\xb1l1\x97[\xaf\xb37\xde\xf0'</t>
  </si>
  <si>
    <t>b'r\x8ek\xce\xdc\xbb\x90*\xf5x"\xc4\xb8\x8a\x01\r\xf5\x08\xec\xb7\xca\xb3\xfd5\xcae\x86\xb2\xacs\x8f\xb3'</t>
  </si>
  <si>
    <t>b'\x0eT\xa1&gt;\x9c=\xf5\xc0O\xae\xb1\xb3\xeb\xa7l\r\x12\x96\xf5\xe4K`_\x8b\x83\x1d}\x96r\xd1)$'</t>
  </si>
  <si>
    <t>b'\x919\xfd\xfc%\xac\xac\x08\xb9%\xf9L\xe9\xac\xf3&amp;\xca\xae\x13\xd8\x9exK\xb2]q\x05\x11\xc4\xfa4\x17'</t>
  </si>
  <si>
    <t>b'N/m\xc6l\x11\xef\xb2+\x03\x93 `\xc9\xd6\x0bD\xc0\xda\xd0\xf1mu\x16\x15\xad5M2i\xd7\xee'</t>
  </si>
  <si>
    <t>b'\x18 \xe4A^\xe5JP9l\x8a\xe3\x0c&lt;\xc0\xbef/s\x7f\xaf\xedQf&gt;}&amp;\xb2\r\xde\x96+'</t>
  </si>
  <si>
    <t>b'\xd8 \xea\x06K\x1d\xac\x9a\x1a\x1c\x99\xdc\xac\xc7\x80G$\xa2\xed\x9a1\x1e\x87\xaf\xe6\xd0\x87\xf5\x90e\xae\xf7'</t>
  </si>
  <si>
    <t>b'#\xa38\xbb-\xd2E\xe3\xcbwn\x86\x84\xbf/\x11?(\x1b\xaa0,d*+\x85BB\x84d6b'</t>
  </si>
  <si>
    <t>b'"\xb26\xf5\r\xd2\x8c\x12\xb1r\x7f\xeel\x06R\xc6\r!\xf83.\x1d\x80\xfe\xa7\xacS^\x1dR\xf8\xfe'</t>
  </si>
  <si>
    <t>b'\x99y\x9dz\x8fq\x00\x8a\x99#\xd6\xef$\x9f\xf9d$\xf9UL\xc9\xbb\x19\xeaz\xd1\x18\x9f\x1e-\xb7/'</t>
  </si>
  <si>
    <t>b'\xe99m%\x96\xc3\xd8\xdf8\xf5t]\xc6QM\xca\xfc\xda\n\xaa\x1d\xeah(\xb4\xa4\xfb\x85Jtw]'</t>
  </si>
  <si>
    <t>b';\xfd\xbd\xd5\xb0n\xbcCs\xb2@zm\xcc@4\xe0.\x80\xd1`o\x99=\x81\x05\xe3\xbeV~\x9dG'</t>
  </si>
  <si>
    <t>b'\r\xeb\xcfW\xa9\xa7\xca\xcc\x0b\x0f\xf9\xed\xb2\x11\x1ffJ!\x08&lt;\xc7\xa55\x00\xc4\xdd\x85&amp;\x82\x0b\x17\xb4'</t>
  </si>
  <si>
    <t>b'\x7f%\xff\x15\xa0}\x170\x80\xa6\xe0\xa7y\xb5\x0c\xb6W\x8c\xc4t\xf8\x16\xaf5\x01\xd5\x1f\xa7\\\xf7\x1f\xb5'</t>
  </si>
  <si>
    <t>b'\xfb\xa9\xf7\x97\xacG\x13\x9b\x11\x90\xdf\xbb\xf5\x81\xd8\xf1g\x02\xee\xd4g\n\x89.m\x89\xb0\xa1\xb3o\xcd7'</t>
  </si>
  <si>
    <t>b'\xc8\xf3}\xb0\xd0\x1f?1\xec\xa7\xb7\x00ct\xc8\xed\xf9F\x17,\xa6\xd3J\n.\xc0I\xcfJ\xdf\x07\xdc'</t>
  </si>
  <si>
    <t>b'SY\xcbr]3@-\x0c\xd0\x94\x91\xb4*\x0e\xa8|\xe0\x1e:7\xbc`\xa0\xb6\xcaa\x18\x08\xdf\xde#'</t>
  </si>
  <si>
    <t>b'w5-\xd3\x125\xf9\xac\xdd\x7f\x04\xcal\xce\xd2+\xc1\x04\r\xc2py\x88\xc5+\x154iL\xe7\x0b_'</t>
  </si>
  <si>
    <t>b'\x9f\xf6\x83\xea\xd7;\rt\xe9\xbc\x0bHe\xe99\xf8/-\x98\xfe\x8clH\xf1s\xa1\x1e\xba\xe6@Q{'</t>
  </si>
  <si>
    <t>b'\x8a\xa8l\xd5\x9c\xa1\x1f\x80\xfew\xf6\xa3\xb7Y\xa0\x8d\xf9Kc\x97\xce8\xe5\x18 \x0f\xab\xb9\x9f1\x15\x04'</t>
  </si>
  <si>
    <t>b'6Qh;\x01\xcb\xfc!h\x93\xb2\xdf\\\xbcA\xd7\x95\xba\xafm1F{\n\xf4\xf2t\x8e\xee\xf7\xda\x84'</t>
  </si>
  <si>
    <t>b'\n#\xb5\x8c\xee\xff\xce\xd4\x86\x14\xe0~\x11\x93\x96\xe2N\xb1\xbf\xe7\xa3;N\xfc=K\x9b\xeb\xe4\xa1Y4'</t>
  </si>
  <si>
    <t>b'\x0e4\n\rK\x8e\x84\xe6\x97\xf1\x84j,\x9d?\x80\xdc\x88\xa0\xb0\xbb\x14\x0fo\xa6\xde\xcf\x9c\r.)!'</t>
  </si>
  <si>
    <t>b'\xb0A\x13\xbe\xfex\x98o\x04\xd8\xb5\x90.?!\xac\x89\x88\xc2\xa9\x9f\x0f\x8b\xb5@K\x19\x84\x95=ac'</t>
  </si>
  <si>
    <t>b'\xd2\x15\x8c\xbd\x8e\x80/\nR{\xdb\x95\xe4:\xc4O4&lt;\x0bW\xcbS\x11(\xa19\x9c\xa25Y\xfaN'</t>
  </si>
  <si>
    <t>b'v&gt;S\xb3\x94\xa5\xdd\xbf\x9c\xe5\xba\xacM\xc0vjq\x08\xbb\xb1G\xa5\xa6\x1bJ8\x9b\x9f\x8ab\x10X'</t>
  </si>
  <si>
    <t>b'\x8bJ3\xb7\xf3\xd3f\x15\xdd\xe1\xe1\x99\r@\xff\xb0,l\x14v6x+\x1b1\x17o\n\x90|\x92?'</t>
  </si>
  <si>
    <t>b'A5\xa1\x171q\xaf\x8d\x9di\xbc\x81C\x90\x9f\xda\xb2Q&amp;\x95\xc1,\xfc\xdf\xb3\x91\xc0Oi\x08\x95\xfb'</t>
  </si>
  <si>
    <t>b'\x11\x05/N\xbe\x83Ze\tu\x81\xe4+\x9d\xd9`\xcf,&gt;J\xad\x81\xad\xa0\x7fIq\x8b\xc1\xffW`'</t>
  </si>
  <si>
    <t>b'\xfe\xa3\xe2\xdce\x9e\xb8\xd9\x9d%u\x12\xe5\xf2\x9f:\xf8\x8e\x97\x0c\xc5\xdb\xe2w\xbbq\xa8C\xef\xacU '</t>
  </si>
  <si>
    <t>b'\xdd|\x0f\xa1\xd3\xff\xfa\x04\xb6or\x7f]\xb4\x8b\xffI~a\xd2g\xe9\xa9o\xdc\x9b\x16\x16\x0c\rq\xd3'</t>
  </si>
  <si>
    <t>b'\x81~\x0e\x88\x87\x81:\x10\x05\x17@R\nr\x8b\xca\t\x01\xc7o\x95\x1a["J\xd85\xf2\xf2\xdd\xf7I'</t>
  </si>
  <si>
    <t>b'\xb9%\x90y\xab\xf1v\x1dz_6\xbb\xe1L\x18p\xaas\x10J\x03\x86\xc5[\xe3\x15\x04\xa7\x9f\xd6\xdaF'</t>
  </si>
  <si>
    <t>b'\xd6N\xbd\x88\x90\x05#\xed\xbb\xba\x963\xbb\x81\x12\x08\xa4wH\x9b\xd2\xf7\xa7\xfb\xa9\x01\x86\x97c\x15\x0fe'</t>
  </si>
  <si>
    <t>b'\x14\xd7\xa5\x0b\xa6\x0f\x7f\xa35\xb0\xd6\xa4@\xd7\xb1m\x18q.\xf5-\xd29Y\x00N\x1ad\xf0\xda\x01\xa7'</t>
  </si>
  <si>
    <t>b'\xd1\x97s\x08\x87[\xb9\xb7\xe8\xf7\x88\xcc&lt;\x14V\xe5\t\xd4n\x08a\x84\xc8]U\x1c\xc3\xe2+\x14&amp;W'</t>
  </si>
  <si>
    <t>b'1\x84HP\xcd\xc2\xe6\xeduh\x93\x1cgm\xa4\xf0\xe7\xfbf\xd5\xaa\xe55I0X?\n\x02\\\xbd\xe4'</t>
  </si>
  <si>
    <t>b'3\xd9\xf2\x0c\xd0;\xc0\xa1\x13q\xb7u-\xa9\xd1\x08\xf0\xd9W\x13^:\xf8\xc3\xcd\xebLv\xe18\xfb\x0f'</t>
  </si>
  <si>
    <t>b'Q8H\xd2\t\xa9\x83{\xd7E\x1eT&gt;!\xab\xae\xceaq\xbc)\xc5\xed\xdc\xe4\xbb9\xda4\x97f\xaa'</t>
  </si>
  <si>
    <t>b'\x84f\x99K? \xc0\xaf\xa4\x1d\xc4\x06\xf8\xed\xeb\xbd\xd4\x1d^\xb1l\x84)/\x1e\xf7\xbb\xff\xd0\xcc\xc0\xde'</t>
  </si>
  <si>
    <t>b'v\x1b\xa2w\xab~\\:2\xb9\xd0 \x9e`\x96\xcez\xa2A\x0e\xd1\x16\xc55\xb2\xb8\xe6\xaa\xbd\xa5\x877'</t>
  </si>
  <si>
    <t>b'\xc7#\xce`\xd8\xae"I\x08\x19{\xa5\xe3U\xbah\xcd\xbd\x19e*\xb7\xa8\xe1\x01\x8c\xe5\xabvq1\x8a'</t>
  </si>
  <si>
    <t>b'\xf6\xaf N\xber\x0b\xbe\xda\x8c\xc0_\xff\x15?\xf7\xed\xb0\x07\x85^j\xe9=\xc1z\xd2\xae\x19\x07\x9a\xf6'</t>
  </si>
  <si>
    <t>b'\x0e\xfd13\xd7\x8f\xcb#x\x92\xfe\xff\xbcY\xd3&gt;\xde\x18\xeaMY\x85\xf1\xa0\xff\xda\xf9\x1e\xbf\x0e=B'</t>
  </si>
  <si>
    <t>b'\x0f\xc9\xf1\x89\x95\xf2\x7fg\xabO\xd2\xe8Xf&gt;\xef\xb2*\xf0"\xde\xf8$\x83mY\xf7g$\xbd\xa6\xb8'</t>
  </si>
  <si>
    <t>b" \xa5\xc7\xc5\xb1V\xbdiu\xac \xab&amp;2q\x1f\n\x19\xb2\x1a\xca\xac\xa7t\xc1z\xd7\xf8\xb6\x9d]'"</t>
  </si>
  <si>
    <t>b's:\x92\xc0,\xae\x14\x0eD\x82\xa8bo\xf3\xf5\x19}\xf4\xa8[p\xe2O5\x1d\xde\xf9\x880\x0e\xd9`'</t>
  </si>
  <si>
    <t>b'"\x9b\x05\xb8\xf9\x86\xc6\x0c\xd07\xc1^\x11\xd6\xff\x08 `V\x87\x14\xd9\x1c\xe5e\x9e*{U\xbe\xc5e'</t>
  </si>
  <si>
    <t>b'\xee\x1a\xb0\xaa\xfc\xf2\x88L\x87\x81\xadP\xa2D\x87e\x8e\x1e \xf4\xaeN\xce\\\n\xfdU\x85\x9e\x8a\xe7j'</t>
  </si>
  <si>
    <t>b'\n`|\xcd\xcd=\x90Rn3``\x81\x13X\xa1\x0b\xc0\xe3\xadb\xc4\xa8ky\xbee\xce\xf6\t\xc9\xfc'</t>
  </si>
  <si>
    <t>b'\xb9\xc2\x12EBm\x84\x0ex.\xe4S0\xcc\x94\x91JE\xe2\rn\xf9c5\xdc\xe4 \x13\xdb\x8f\x99\x92'</t>
  </si>
  <si>
    <t>b'\xe6bYM\xf2\xf3\xe5\xa8\x04t\xd3\xc5\xde\\\x9b\x12\xa9\x8f\xeb\x13\xa2\xce_RH\xa1\x8d\xc5\xfb\xd5\xb5U'</t>
  </si>
  <si>
    <t>b']\xdc\x94"x\xa0\x0b\xdd\xb9g\xd9\x19T\xe0%\x02XD\x80K\xab(\tPt\xb0\xe2\xbe?\x7f\xda\x18'</t>
  </si>
  <si>
    <t>b'm\xd7s\x8f\xcc\x80\x0c\xbc \x89\xca\x05\x9b_U\xc1(\xd0\x8d\x9e\xc32\xe3\xed\xab\xcc\xa5\xb2\x8a\xcb{u'</t>
  </si>
  <si>
    <t>b'$\xad\xc8\xcd\xddD\xaeA\xf5I\x8dq\xb1\xbd\xefU(\xd7\x06q\xea\xd2\xc8\xd1\xa4\x1e\x88\xc8s\xfd\x8e\x10'</t>
  </si>
  <si>
    <t>b'\xee\xe1|\xba\xb8\x1dC!+\x97\xe2\xe1\x04s|n\xfa\x99o)/\xbbm\xddA\xd5\xf2\xe9\xa1\x9a\xdb\xdb'</t>
  </si>
  <si>
    <t>b'\xa60\xd8\x8d\x81\xe6\x81|ZC5]\x15g\x9f9\xde@\xe8\xb6}\xa8\x85\x11\xd3Z\xdf2_)\xfds'</t>
  </si>
  <si>
    <t>b'[D,\r\xa7\xc7\xcd\xa5`x\x8d\x80E\xear\xc4,\xf1~\xaa\x85\xe5i\xa0\xc2\x1c\xe3\xc4S\xa5]\xc2'</t>
  </si>
  <si>
    <t>b'\xf7\x01.\xad\xc6\x92\x8d\x97\x0em\x8d\xa0M\x91\x92hM\xf9\xf2\xe4\xe4^&lt;\xd1\x928\xc0\xe3\xda?\xd1\xf8'</t>
  </si>
  <si>
    <t>b'\xc5\x08\xcf\xd5^,\xe5\xc0\xf9\x083\xca\xb0\x10o\x0c\xc3i\x1c\xba&gt;\xf2\x0f\x9d\x86\xce\xfd\xe3\xbc\x94Ox'</t>
  </si>
  <si>
    <t>b"\x87\x17'\x90\xdcf\xf2&amp;\xb7\x89\xde\xc9.\xd9\r\x8eNG\xd8\x01\xde\x87\x81o\x10:\xd0\xa4\xe5\x92d\x9b"</t>
  </si>
  <si>
    <t>b'\x18\\\xc2C\xb9\xddd\t\x87\xc7\xc4\xc9~\xefy\xac\xdeq\x16\xae\x91\xc9\x7f\x1f\x1bLn\xe36\x85\x15\xe3'</t>
  </si>
  <si>
    <t>b'\xeb\x07\x10\xfe\xda\xde\xd5|)\xf5oL\t"\x08\x15s\r\x9b\xbd\xe8\x01\x9e\x82`!\xcb\xc3\xe8\x19\xf5\xe8'</t>
  </si>
  <si>
    <t>b'\x0c\x8cp[\x04Y\xe0U\xcd8u\xfdq\x0f\xe7\x1a?\x83?\xaa\x99\x1f{#\xd3G\xe8\x92}\xf7*3'</t>
  </si>
  <si>
    <t>b'\xa9z!\xb0\xb6(\x1a\xef\xf5\xf9\xed\xddJV2\x16\x1f\xfa\xdc\x940\xebI\xf5\xf1\x0f3\xde\xac2y\x8b'</t>
  </si>
  <si>
    <t>b'\x98\xd3hIL\x8f\x03!t\x89\xceq\x1e\xe0J\x05\x9aiYCD\x84\xc2\x94\xdf)\xec\xddzY\xe0\xb2'</t>
  </si>
  <si>
    <t>b"\xc7\xdd\x9a\x19\xd6\x8d\xf7\xfb\xb0'\x8f\x92\x01&amp;*\xc2\xe2\xf4\x8f\xb6\x0f\x97U\x90\x9eX\x0cM\xca\xc7\xac."</t>
  </si>
  <si>
    <t>b"\xe5\xdd\xbe/G\xe4\xca\xfb6::\x13\xe3\xf9\x90\x9d\x1c+\xbf\x1bF\x13\xab'\x0b\xdd\xf8\x17\xdd\x07\x1b\xfb"</t>
  </si>
  <si>
    <t>b'\xef\xe7\x01\xf1\xa5\xcd\x96\x14\xd1s\xc7,\xfe\x9c\x1d\xe8\xb2\x14\x98A\x96\xa1ht\xf5,ar\x9d\x1b\xb4C'</t>
  </si>
  <si>
    <t>b"\xc8\x80\xfa\xd8\n\xd3\x1e\xb6\xa8xffO-_\x16\xf7\xd2'\xab\x94\xa7@{\x1a/\xc0s\xb5\x90\x85U"</t>
  </si>
  <si>
    <t>b'm\x84\xb1)\xf0\xa4\xc9\x04{w\xc9\xcePt\xa3\x8e|Z\xc8\xa07"\x01\xe5\x89$\xe1\x17j\xea\xa8\x95'</t>
  </si>
  <si>
    <t>b'\x1e\xb6JvHt\xf3\x8c\xd6\x96\x16\xf7\x1b\xd4e\x1f\xfd\x95\xe6\xf6\xbd\xb9\xba\xa7\xf6\x878D&lt;\xdc\xa2\xd0'</t>
  </si>
  <si>
    <t>b"J\x88G\x892\xbb\x01~k\xc5\x9f\xa8)\x01'\xc4\x10\xff\x8f\xcd*\xd2\xca\xd4!e\x81\x91M\xc3`h"</t>
  </si>
  <si>
    <t>b'W\x9d\xa0\xc5\xdd\x8c@\xa0`j\xdf\x10\xb5\xad\x95\xd0\xba\xa4\xfb1\x93\xea`\xda\x91\xdd\xc4\xd0S\xb8\xc9,'</t>
  </si>
  <si>
    <t>b' \x11\xeag\xf9+g\x8f\xa5v_\xe2\xa3`HD\xd9ngZw\xca4\xf0\xe4\x87v\xc0\xe40\x97\xf9'</t>
  </si>
  <si>
    <t>b"\x91\xf8c\xc2\xe0\xceYu\xf4}\x08\xec\x92\xde\xf9\xcdA:'B\x0e\xca\xb0\x8afAV\xcb}\x91!\xa1"</t>
  </si>
  <si>
    <t>b'F\xd6B{\x83\xb8)W\xdd\xee\xa7\x9f{\xbb\xa1\xb1\xc1\xa9T\xfd;\x9f3\x19}\x14\xf0P(5_\xa5'</t>
  </si>
  <si>
    <t>b"[A_\xe3\x9a\xbd\xaf\r\x84'^}\xe4b\x93\xa2j\x0c#e?W\x91\x0c\xe5\xb3\x19\xbbTj&amp;\x1c"</t>
  </si>
  <si>
    <t>b'K(\xcb\x17\xf2\xee_\x13\xc5r\x10\x0f#+\xf4\xf5\xd5\x02F\xf5w%\x16\xe4\x95\xa6\xd5\x8a\xeco\x9e-'</t>
  </si>
  <si>
    <t>b'}\xda\xafM\x81\x13\x97\xed\x8f\xff\xc6\x97Y\x1aD\xa0\xec\x10k&lt;\xc2`\xc2f\x98\x92{\xcd\x04\x9e\xc42'</t>
  </si>
  <si>
    <t>b"\xb1g\xb7$\xd4I\xaa\xac'+i\xc96\x9aN\xa0\xad\x0b\xbd\xf2\x7f8P\xee\xe5\xda\xcf[\xee\xe3F*"</t>
  </si>
  <si>
    <t>b'\xd5&gt;\xa7\x8fZkr\x1c\x9b\xcf\x99:o0On\xdf\xa6W\xb2\x13:\x04\x08\xacn\x9e\xc30\xc6p\x10'</t>
  </si>
  <si>
    <t>b'\x04\x8b\xc6\xea.g\xf0\x99\xf8\x8e%\xd2\x94\x89\xd7\xe0\xb9\xff0\x92E\x07\xb2\xb2\xbb_\x13\xa7I\x82\xf0F'</t>
  </si>
  <si>
    <t>b'T \xe54A\x83z\x80\x04lq\xe1\x81\x18d\xb22U\xaf\xa5\xb10/\xec#9\x8b\xcd\x1c8i\xa0'</t>
  </si>
  <si>
    <t>b'\xb1nCl\x18B\xff\xbc(.z\xec\x07A\x12\xd4\xe6\xe3Y\xe4\xca\x0b\x06R8\xbd\xaas\x83fi\xba'</t>
  </si>
  <si>
    <t>b'l\x9d\xab~\x15\xebT\x99\\\x83\xdd&gt;\x0cw\xce\x8aFT`M\xcd\x9d\x88\xbc\xeag2\x8e=z;\xdf'</t>
  </si>
  <si>
    <t>b'\x92\x85k\xda\x03B\xe6\xbb\x1d%\x84\xa3j\x1cb\x875\x7f\x97,\x8ew&amp;\xc8\xf2\xb2Q\xf85\xed\xcf1'</t>
  </si>
  <si>
    <t>b"\xf9\x99\xb2\x07Y\x05`\x9f\x92\xe8\xef\x07\xc1\x11ayJq'g\xe8Q\x16/\xc4\x9e\xa9\xacf\xfd&amp;T"</t>
  </si>
  <si>
    <t>b'\xcf(\x99\x1d\xe6c\xf0\x19\xc0\x84\x9e\x15\xc0&gt;\x9b*\xf0\xd9y\xbe\xf3\xb0\xa70\xe4\n\xab\xcc\x02\xc4\xeb\xa6'</t>
  </si>
  <si>
    <t>b'\xbd\xd0\xc22\x18H4\xf5\x93\x1c\xc2a.t\x1d\x06&amp;\xa8\x14\xce1h\x80zg\xf3\xbd[\xaeTnF'</t>
  </si>
  <si>
    <t>b"\xd7R\x92\x88\x98\xf4\x9a\x95\xb2y\xadK\xaa\t?'J\x1b\xa4Z\xde\xdd\x87\x93\x08p\xa8\xf91\xf1\xebW"</t>
  </si>
  <si>
    <t>b'\xee\xeb\x85\xc4h\xe53\xb9\x07\x85uT\x9dP\x9d\xf3\xff\xce\xad$\xcf.\x91dfy,\xaa\xb9\xba\xd0q'</t>
  </si>
  <si>
    <t>b'\xdd\xb8]\r\x92\xda\x82\xa6&lt;\xec\x04\xbf\xd5Q\x95\xf6ch\xad\x8b\xa7\xba\x06\x00\x8d`\xeax\xf5\xd2\x1c\xe0'</t>
  </si>
  <si>
    <t>b"\xb1\x0f'\xac\x14g\x0f\x8d\xa1\x05\xeb\xc6\xd5\x80\xef\x15\x9d\xdaj\x06\x87?\xd1\xd1#\xff\xb4\xea\x95\xc7G\t"</t>
  </si>
  <si>
    <t>b'\x08?\x85SUw\xee\xa8\xfd7\xe6\xec\x12\xf9\xd4\x0b\xcbHt\x96\x1d\x9c]\xe7\xee1i\x9b^\x82Y$'</t>
  </si>
  <si>
    <t>b'\n\xc1\xcf\xd7j&amp;\xc4G\xd6\x00\x03m\x89\x80\x88\xf7\xb8\r \xfc\xda\xb6\xb4yN\xb3D\xb9=\x05%\xe4'</t>
  </si>
  <si>
    <t>b'\x171\xac?z\xd8\xbc&amp;&amp;:\xad\x96\x1a\xfd\x13\x12\x1e\x06V\xa3`0\rw\xfb\xdb\xf5\xd4\xb1\xaer\xae'</t>
  </si>
  <si>
    <t>b'\xb9\xe8\r\xe6\x05]\xaf\x85\x807~?Z!/y8\x1aX\xf4\xa5\xe6\xe10\x96(\xe7\x05\xb1\xd2\x92\xdb'</t>
  </si>
  <si>
    <t>b'\x86\xa9\xbb\xc1_\xec\xbc6\xe8Fox6\xeap\x8dv\x1c\xc1u\xf3\xc0qZr\xb9\x8dT\xfdJ\x07\x82'</t>
  </si>
  <si>
    <t>b'_\xe7\xe99A:jW\xd2o\x7f\x16 \xf7\xef\xcf@\x03\x87\xc43\x99o\xcd\x98\xfa\xaf\xf7\xa8\xfdx\xac'</t>
  </si>
  <si>
    <t>b'RIst&lt;\x87\x99\xf1\xb7&amp;\x9d24\x116\xfd]V\x88nf.Xt\xd2\x12\\\xf6\xcb\xed\x7f\xf3'</t>
  </si>
  <si>
    <t>b"F\x96\xf2\xb4\x1c['\xbb\xf5\xd2\t\xf8@\x0f\xf5\xf6\xf9\x80\xdb9\x87\x06\x1e\x8a\xc7\x15\xbd\xcc\x9f\xabz\xa8"</t>
  </si>
  <si>
    <t>b'&gt;\xfb\x8c\x0e\x7f\xcf\xc1\xfb\xed$I\x05\xe0W%\x112\x00CBp\xc8:W\xef-|\xe9w\xc7\xcfs'</t>
  </si>
  <si>
    <t>b"\x93\x90\x9f\x12=\x1btN\xf2'[\xd9\x9aC\x8d@W\\\x1b\xbawK\x05\x1eg\x91h&lt;)\x1d\xe2\xdc"</t>
  </si>
  <si>
    <t>b'"a&amp;&lt;~\x03\x93\xf6\xf4&gt;\xd8vj\xb3Z\xba\x14^\x07\xb5\xd8\xd7Pa\x8dn\xdb\x04\x07k\xb6\x83'</t>
  </si>
  <si>
    <t>b'\xcd\x81V\x99\xdb\x18\x9bLh&gt;\xbc\x8d\xe43w\xdc\xf17\xb3i\xbe\x84\xf7&gt;m1\xa2By4%\xdd'</t>
  </si>
  <si>
    <t>b'\x1d\x0f@\x93\xd9\\\xa9ML\xdc\x81\x96E&lt;\xdd\x038\xa7\x91\xe1\xb0oCA\x11/\xce]\xec\xec\xa6\x9c'</t>
  </si>
  <si>
    <t>b'\xe8\xedn\xae*j\xf3f\xd2\x8b\x8c\x86}*v\xfe;\x91\xaa\xa7\xac\x040\x88\xa8\x07*IA\x91\x08]'</t>
  </si>
  <si>
    <t>b'\xbb\xe9\x155\x9c\x95\x80\x8csh\x80\xc0|H\xdak\xbd\xb9\xe4\x10\xb4\xf1\xeb\xf1K/\x85\xcaA\xc9\xcc\xb1'</t>
  </si>
  <si>
    <t>b'\x17\x1e\xc9\xd2;C\xb5\x19\x88\xca\x03l\xc5\x86\x86\x9e\x92\xa4\xc4B\xa0\xe4\xc4\x9a\xdb\x96\xb7\xb1\x98\xaa\xffz'</t>
  </si>
  <si>
    <t>b'\xb6\x03\xa2\xc9h86\xa8\x10\xf3\xee\xf9\xf6s\xa3\x1d\x1eF%_/+Iz\x8f^\xd6|\xd0\xf7\x91\x1f'</t>
  </si>
  <si>
    <t>b'\xcf0\x82\x8a\xaf.\xa4\xb9\xf8\xfeq\x8b\x06U\x9a\xf0\x8dc\\-\xa7_\xe8v\xcf\xfe&lt;\xab@\x17\xe9\xc0'</t>
  </si>
  <si>
    <t>b'i\x9dE\x8e2P\xb4\xb9\xd3d\xd8+\xa0\xd7\xd9\xf7\xb8\x02\x17y\x7f`\x1a\xa5\xc8\xbf\xa4\xc9\x92\x045\xfd'</t>
  </si>
  <si>
    <t>b'\xfb\xbd%\x07\x85\x9c\xc24\xd61+\xef\x9a\x87t\x0e\x02h\xde\xbd\xa9\xa2\x88h$\xd5u\xee\xfe\x13\x991'</t>
  </si>
  <si>
    <t>b'\xe5\xa8c\x0f\xf8\xc9\xed\x10w\xc4\xef,\xe2\x87\x9f7.\xfbx\x97\xd2\xe9\xf1\x0f\xcb&amp;\x0e\xddb\xd3\xbf8'</t>
  </si>
  <si>
    <t>b'\xf8\xa0G\xf2^\xa3\t&gt;\xac;0\x15P@\x9e\xb1Q1L\xde\x8cx\xa5\xe6\xae`M\x1df\x8a`&lt;'</t>
  </si>
  <si>
    <t>b'd\xac\xe4+\xe8\x9f\xf2?\x83\x00\x8c\xf1\xc9\x91\x95\xd9\xcc8\xd0\xc5\xe8\x82\x126\x1d \x1b-M9\x0e\xf2'</t>
  </si>
  <si>
    <t>b'\xd7\xd4\xc8Ax3uz\xfca\xc0\xbb,c\xc5&amp;0#\xa7\xf4=A\x83/\xf0\x9d\xa6ej\x97:\xa7'</t>
  </si>
  <si>
    <t>b'\xdc\x98\xae\xd7d\xb6\x14o\xe0\x9d,6f\xe3\x17\xb2\xa8\xd1\xd6G\xaeX\xad\xba=\x9cf\x95\xea\xa1U4'</t>
  </si>
  <si>
    <t>b'\x18&lt;\xadpy}-\xafYH\x9b(*G\xbb\x1e\xd7I\x82\x9dD\xc4\x15\x1b\xe7\xe8\x0b(\x0b\x01\xde\xc4'</t>
  </si>
  <si>
    <t>b'\xf7\xedU\xea\xa9\x01\xce-G\xedP\xf4\xe9\x1bw\x071i\x8c\x8f\x1c\xc2YT~\xf6\xcb#\xe3\x7f\xbb@'</t>
  </si>
  <si>
    <t>b'\xd2\xcc\xee\x01\xe47*\x07\xe4,W\x9c\xd6\xf0\xda\x89\xb2\xc9\xcbuv-\x92j\xe9\xab\xe4\xacH*\x9bS'</t>
  </si>
  <si>
    <t>b'\r\xe2\xa8),\xa4\x1d\xb9L\x8f\xdb\xb6\xd0\xd8`1\xd8\x07\xc4\x9f\xe6\x14\xbc7\xfeZN@\x83\xf9\xbeo'</t>
  </si>
  <si>
    <t>b'\xa6\x16\xde\x9eo%\xee\x1fh\n\x0b\xb9N\x85Z\x15\x0f\xf0\x9fG\xf6\xe2,\xa0\xa4R\xfa\xbf\xd4\x99\x91\x93'</t>
  </si>
  <si>
    <t>b'Xm\x16\xa1\xa8v\xa7\x81\x08\xa8\xa5q\xfbE\xf1\x807\xb9\xe4\xbc\x07\xb98Wo\xcf\x02`w\xa0\xd4\xe5'</t>
  </si>
  <si>
    <t>b'\xc0\xd01\xc6\xe0fj\x9f\x1e\x9a&gt;\x8e\x1c\xce\x93\xb0GD\xef\xeaz\xc0\x15\xd9\xff\xcaV\xc2\xf5\x1fDo'</t>
  </si>
  <si>
    <t>b"\xf8\x13%\xdb5I}\xbdp\xe1d\xf4\xc8\xd3\x08\xb0\x9b\xf4\xcf'\n\xd8)\xa9_D\x12y,e9\x93"</t>
  </si>
  <si>
    <t>b";\xbb\x12X\x92-\xdf\x0b\x88\x00\xcc\xa7\x04\xc7\x97\xc1\xa4\x82\x94\xc3\x9b'\x9f\x00\x91\xb1e\xa6=!D/"</t>
  </si>
  <si>
    <t>b'\xac\xc0\x9ef\x12O\xee\xdc\xe7s0\xe0W\x08\xac\x98R\xb1\xe2\xcb\x80\xd5q*.\xae\xde\xd8\xf3o\x9c\x1c'</t>
  </si>
  <si>
    <t>b'r\xb3\xc7\xa8\xac\x0b\xf4[\r\x95\xb2h\xf0\xd8h\xf3\xba\x97\xe6\xb9\x0f\xc8\xf0\xd0O\x8c5C\t\x99\xfd\xcb'</t>
  </si>
  <si>
    <t>b'\xcb\x9d\x93\x9e\xbe\xf2\x15\xa6\x8c\xf0\xd0\x005u\xa7\xe7\xd9Ch\xc9B\xaf&amp;L\xd7(*8\xae\xad4\xbb'</t>
  </si>
  <si>
    <t>b'\xb8l\xf4x\x03\xf9^\xad\xa4\x8f\x03\x100[\xe7\x1e\x13\xa5\x81\tD\xa0\x10\x05\x07\x0c\x81\xa5fn\xbah'</t>
  </si>
  <si>
    <t>b'*ml#\xf1\xf8\xc8\x98\xe1\xf0P\\\xbaI#\xc7\xb1\xb5\x86\x8e]\x8c\xc7\x17\xb1\xdf`k&amp;~MQ'</t>
  </si>
  <si>
    <t>b'\xd2B\x9f#\xc2\xf5\x0b|\xfd\xe6\x1c\xf9n\x85\xe6\xef\xce\x10\x07\xe21\xe4\x08\xd1\x83X6\x16\xe9\x9dK^'</t>
  </si>
  <si>
    <t>b'\xd4*\x13\xcew\x0b\x16\xf2\xd5\n\xc7\xc6K\x11\x1br\xc6\xaa\xff\xcc\xb5B\xdd~\xa77Rz\x00K\xcb\xf5'</t>
  </si>
  <si>
    <t>b'\x95\x7fUwO\xa4\xfb\xc4\x8c\xa7}\xed=\xbb\xb2\xaf\xa0\xc3\x1a\xf8\xf4\xf5\xdd\x9b\x9eL{x\x9d\x91\xb12'</t>
  </si>
  <si>
    <t>b'\x87+\x182BD\xb9\xa2[\x19$\xf5\x16\xb0n\xc8x\x9e.=\xa7\x9b\xfc\xcb)*;\x01\xed\xdft\x96'</t>
  </si>
  <si>
    <t>b'\xdf\xa8k\x1al@0\xd5x\xe8\xc5+\xf5\xaf\xfa\x8f\x18\xebf\x16\xe8\x1a2\x14\x86\x06a&lt;\xfd\xf7\xb1"'</t>
  </si>
  <si>
    <t>b'U\xea\xc2\x1c\xe4:\x99q\x17\x1a\x82\x81\xb7\x99{\xd3D!D\xf6\xfb`\x1aH\xb7\xa2\x99\xba\x8a\x9b y'</t>
  </si>
  <si>
    <t>b'\x93\xd0\x83\xbco\xd6d\xd05V\xa9C\xc2CJG\xbb\xaf\x85\xd8\xadh\xd8\xb2\x19"}\xf47AM\xf3'</t>
  </si>
  <si>
    <t>b'\x03t\xd4\x8ez\xe0\xfa\xe8\xb6v\x00\x1a\xd7vf\xc2\x10;yH\xb2\xa2v\x8d\xd5\xb4\xfep\xe2N\x1d\x13'</t>
  </si>
  <si>
    <t>b'\xe4\xeb\xcf\x01w \x004\xf5\x9e\xebdLN,K6C\t\x15\xd0\xf5y\x14]\xbb\xedW\x85\xd1z\xb1'</t>
  </si>
  <si>
    <t>b'\x12H\xa121\x0e\xa3v-\x89X=Q\x9c\xc2\xb1 \xbc\xa4\x1d\xa2\xfb~\x85\xd1\xb6\xc8\xf6U\xa2~\x15'</t>
  </si>
  <si>
    <t>b':S\x04a\xf4\xed\xaf\x00\xe01B\x89\x1a\xc7\xeaM\x13G\x17\x19\xa1\x91\xf9\xef\xbf\xf6\x8e\x13\xc7\xa3\x96\xa8'</t>
  </si>
  <si>
    <t>b'\x80\x15\xad\xe2s\xe3\xd4\xa4&amp;\x82\x95\x92\xed6O\xfd\x11.\x0e\xe6j\x06SW\x05\xa0\xecE\xb1\x0f H'</t>
  </si>
  <si>
    <t>b'\xd3\xe8[g\xe8\x826h~\x07T\x81:\xb0\xaa1\x9fQ\xe1\xc6\xac\xf0\xf6\x91\xa7H\xe3\x136\x04\xaf\xdf'</t>
  </si>
  <si>
    <t>b'K$\xd3\x8e\x05\xe6\xfb{\xf8]\xc6\x1b\x00\x04:\xd4\x81\xa4\t\xad\x1e\xc8\xc9L\x15\xf6]:\xc8!\xa3\xdf'</t>
  </si>
  <si>
    <t>b'\xd2%\xc0S9\xb7]\x98\x86\xa6\x80\xfc\xe8\x17T\x0b\xddtA\xe36\xce/\x97\xfe(\xd3"\xf4n\xf5\xb7'</t>
  </si>
  <si>
    <t>b"\x96\xb8\xbc\xd1/\x8ff\xde\xb5f'~6$\xd5kn\x1c:G\x072\xa9W5\xd7\x84)\x16\x15\xc7\xe2"</t>
  </si>
  <si>
    <t>b'\xb1\x8d\x99\xfc\xac\x00\n~]\x85\x8d\t\xf6\xc8\xdb:o\xb91\xe2"\x1ep\xe5\x00\xe5\x8dH\x95\x13\xee\x10'</t>
  </si>
  <si>
    <t>b'\x14\x9d\x00!\xcf\xd4oREO\xb8\xa0(+\xa6\x16*\xe7\xd0\xf7\x8a?L0[\x04^\x98.\x97\xd7F'</t>
  </si>
  <si>
    <t>b"s\x83O{\xdd\xac\xab20\x8c^\x82\x8a\xf5\xe8\xd5\xb5\xc2\xc5\xf1\x1a\x820\xb6\xb6r\x94'\xe7k\x18{"</t>
  </si>
  <si>
    <t>b'j\x0e\x13\xa3 \x05\xd1"\x10L\xd1\x8ae\xfb\x06w&amp;\xaf\x15\xf9\x1a*S)\xaa\xad?\xf5j\xf2\x07/'</t>
  </si>
  <si>
    <t>b'\xbbh\x0e\xb9\xa3j\xd4\xb2\x1f\xfb\xce_-\x85c\xaa0\x18\xd6\x1b\x0c@\x0b.\x01\xdf\x8ba\xf8\xcfXP'</t>
  </si>
  <si>
    <t>b'3\xc8g\xcb\x85U\xe10J[En\xb5\xfb\x183\xc1\xe84\xd8\xf2\x1c(f\x8c\x91|b\x03\x97l\xe7'</t>
  </si>
  <si>
    <t>b'\x87\xcc\xa0\x1d\xb05\xdfj#\x15\xf9\x07\xec\xf3\xfb\x91\xe5\xcc\xd2q\x8b\x91\xfe\r\xd6U\xf7\x9bZ\xe2\xbc\xe7'</t>
  </si>
  <si>
    <t>b't\xb3^UK_\xa0S\xdd\x98\xe5\xb6\xbc\xe0\xcc\x99g\xe2d\xef|\xec\\_O\xaf\x19\xc3\xcf\x07Hh'</t>
  </si>
  <si>
    <t>b'X%A@!p\xa9\xedy\xa8\xbb{\xd7(\x17Q\x05\x13\x8e\xde\xaf\xf5\xfa\xb6HY\xdbS\xe9\xd4\xc8\xf3'</t>
  </si>
  <si>
    <t>b'&amp;v\xca`\x95I\xe7\x8cj\xfd\x13c\xa7\xf6\xea\xb7-\x05\xcb&amp;\x8f\x9eJ+U}N\xbb\x04\xd0\xdb}'</t>
  </si>
  <si>
    <t>b'2\xf3\xba\x92j\xf4\xb0\x83\xdc\x0c11M\x7f\x1b\x01oIP\xfay\x9fb90\xe4\x96\x82K\xe9\xe4W'</t>
  </si>
  <si>
    <t>b'9\xf7\xd0\x9e\xbd\x16\xa8\xc7\xd1\xdf\x91\x97\xadL\x05\xcf\xd8\x13\xc5\x1b0\x8e\x00&amp;,@\xc1\x1b\xfc$\xb9\xb0'</t>
  </si>
  <si>
    <t>b'+\x17\x0e\xef\xa1\x94u]\xaet"\xc0;t\xdf\xa4\xf3\xc4{\x1e1mUll\xd6\xad-]e\xc4\x07'</t>
  </si>
  <si>
    <t>b'\xe6\x9f\x90\xe01\x82\x145\xd6t\xf8\xb3\x9b\xea\x96=\x9f"K\x0e\x12\x82\xaccg\xd6o\xb7\xb5\x03M\xab'</t>
  </si>
  <si>
    <t>b'gU\x1c\xb0\xce\x06\xd3M\x87\x14\xd5_\x8a/D\xc9A\xb9\xa6\xdc\xc3)\xc0\x8b\xf1\xab\x16!\x19\x87O\xa3'</t>
  </si>
  <si>
    <t>b"\nl\xbd=b\xa4\x00\x13\x1e\xbc\x87\x7fM\x90\x12#\x96x&lt;'\xf1\xec~q\x99\x07\xbbp\xd8-;*"</t>
  </si>
  <si>
    <t>b'\x91,\xbe\xce\xd2\x9dr\x98\x97"\x0e\x99\x17\xa3\xd5\xe8\xfb\xdfrH\xbd\x9a\xefu\x8c\x94\x11\xed0\xea\x9fA'</t>
  </si>
  <si>
    <t>b'8\xe9\x14\x0b\x8d\xb1\x99\xf4Z\xd4\xfe\xa1\xf8\x97\x99d\xbfn\xef\xc9\xb2ke\x9aU\x02\xc7\x9b-\x1d\x9a\xb1'</t>
  </si>
  <si>
    <t>b'\xf0J\x811L\x97\xbb\x84+@\xa9\xa8"C\xcd\xe2\xee\x1f3\xd8\xffM\x91\x13\xbb\x16\x1e\xb1\x1b\xd0\xae\xb3'</t>
  </si>
  <si>
    <t>b'{\xeb_p\xdbn\xb0L\x11\x07[\x1c\xd0\x15&amp;6`sqC\x7f"\x88\xdc\xd0YzE\xc6\'7_'</t>
  </si>
  <si>
    <t>b'\xe2\xf0\x82\xc3\xb1C\xd4j@\x1a\x15\x91{\xe8Y$\x96t\xfd\x8dH\xf3}\xd8a\xb93\x0e[\x89\xd1\x1e'</t>
  </si>
  <si>
    <t>b'\xaa\xbd\xb8\xd8Fx\xa7\x1ec\x19\xbai\x017|G\x89V\xbf\x84"\xdcV\x1e\x83O\x92\xa0\x81\xde1\xed'</t>
  </si>
  <si>
    <t>b'\xdd^\x91\xc4\xa8\xa8\xe5m\x0f\x91\xe7=Z\xcer(\x04L\x9ay\x83\xdd.Tg?\xa3c\xb5,\xd8n'</t>
  </si>
  <si>
    <t>b'C\xc7\x00|\xa0\xf1\xc7\x07b8\xb6\xd6\xca#\xd3^\xdb\x89?$\x17\x88z\xcc\xfdn\xb5\x0c;2\xc3\x0c'</t>
  </si>
  <si>
    <t>b'\x8d\xc0#\x08\xd5\xa1\x05\x14u# \xaf\xbe}\x00`D~A\xe4\xbb;\xf9s\xebZ\xdb\xf6\x82v\xe1\xd7'</t>
  </si>
  <si>
    <t>b'\xcby\xc7\x9f\xe0\x0c\xa9\xb5+;UYo\x9b\x8e5\xf2\x7fs"j\x98\xf5\xe6\x17\xc1TY\xeb\x9e\xd7\xa7'</t>
  </si>
  <si>
    <t>b'q\xad\xe8E \x1bh&lt;\xc3\xdf?\t\x9e\xa8\x1fmt\xb6\xb7\xacz\xd2\xa0KC\x1b\xf6\x8d\xc0\xe0\xb4;'</t>
  </si>
  <si>
    <t>b"\x8a\t\xe1:\x1d[c\x9d\x1f\xd5t\xc4\xeaU\xb7\xeb'G\xf1\xd2t\xbc\x95\xe7B\x9b\xa8\x96jN\x92\xbd"</t>
  </si>
  <si>
    <t>b"\xbe\x921\x8f\x981\xd2u\xcb\xa2\xc1\x0e\xb0&lt;D\xb2/'\x1a\xe4;\x9c\x0c\x86\x91\x17 \xecfF$\x00"</t>
  </si>
  <si>
    <t>b'q\x91uR@\x96\xff(\x07\x97\x03\xa0\x15\xfffs\x8cs\x92\xe5\\+^V\xfc;+\xb8\xb4\x81\xafV'</t>
  </si>
  <si>
    <t>b"\xac[\xe5\xbd\xc1I\xf9\x1b'l*\xac/J|%\x194\n*\xe9\x87o\xb6\x9f\x84\xf9K\xe3\x98F\xd8"</t>
  </si>
  <si>
    <t>b'\x90\x02\x1e`wK\x810x\xb67\xb3\x9b\x86b\xba\xf5&amp;\x06T}\xdc\ng\xc4\xe0\xd3\xf6\x1b\xccl\xd0'</t>
  </si>
  <si>
    <t>b'j/\xc9\xaa\x89ay\xe3\xc4\xbe*\xc18\x04BX~\x8f\x10V\xef\x03\x06(-\xd2\x07\xb9\xc4&amp;\xeb\xba'</t>
  </si>
  <si>
    <t>b"\xe65M`\xc9\xc8\x98\xa8\xaf\xcc\x0f'x\xe2\xb8\xbc\x98&amp;-9\x85\xfe\xfe0\xf9\xee\x94\xfa,}\x80\xec"</t>
  </si>
  <si>
    <t>b'\xf6\xe4\xa27;\x05Y\x13\x17\xf2\xc4\x8a\x80\xe1x8qy\x8f3m\xdb,{\xbf\xda\x0ch\xd0\x89\xbb"'</t>
  </si>
  <si>
    <t>b'\\\xbe\xa6\xa2S\xd4Kb\xafU\x0c\xb6f\xad\x91\x97"3\x12\x1fJ1\x0f:o\xad~\xe8wa\xddi'</t>
  </si>
  <si>
    <t>b']\xe1_\xee\x1c\xa4_\xb1\\T^\xc2\xd5YH\x0e\xfc\xed}\x1a\xbe\n\x85\xddz7A\xbf\xc9;\r\xe2'</t>
  </si>
  <si>
    <t>b'\xa9\xf3\x11\xaa\x9f\xbbqk\xafeR)D\x03\xce#\x88\xee\xf5\x84\x1d!\x10\xe5\xa0/(\xa5\x96\xbdBH'</t>
  </si>
  <si>
    <t>b'\xa03%h2\x12\x07r\xed\xb3\xa6\xbc\x91x\xceQ\xa7(\xd2\xcd\xe1\xe9\xfd|\x03\xd2\x01u\rk\xf5\xf9'</t>
  </si>
  <si>
    <t>b'\xc3\x1e\x7f/U\x8d\xff\xa7\x03x\xf2\x13i\x9a\xfa;\xb0\xee\xf1m\xff\xfe_\xfc\xdc\x04Jny\x04lU'</t>
  </si>
  <si>
    <t>b'\xbc\x1d\x0es\\\xac\xfc\x9d\x1b\x0b\xb2\x88\xb4/^\x15\x90%k\x8au\x1e\xfa\xbd\xe9+\x04\x97\x0b\x05\x94\xd4'</t>
  </si>
  <si>
    <t>b'k\x9b\x8a\xcf\xf8\xd1\xed\x84\x1f\xb3\x95g\x97\xb4\xd7\x0fb\xb0\x89\xdc\x8c[!\xfa\x19"\xf4\xfa\x05\x99\xd4\x9a'</t>
  </si>
  <si>
    <t>b'R\xe0\x00\n\xa6\xb3\x12\xae6\xd6b\x8f%7u\xb02\x9938k3\xda\xbf \tdh}\xcd\xbbQ'</t>
  </si>
  <si>
    <t>b'[4cC\x81\xb2\x07\xad\x92\xa39\x9b\x8c\xa9b\x89\x80\xb3A\xa1m\xea\xf0\xc6\x9b\xcb\x81\xbf\x9b\x91\x05\r'</t>
  </si>
  <si>
    <t>b"Z\xf1G\x8df\x13'l\xf8\xac\xe5#\xfa\x15~\xb6\xf6\x90$\x01V\x8ar\xdf\xdbk6\xaf\x1b\xb4\xdf}"</t>
  </si>
  <si>
    <t>b'*y:\xafmR\xf1\xf1\xd4;\xb21\x87\x15\\YS\xa8m\x9d\xcb\xcf\x84{\xf9\xa1YEM\xa1\xb4\x1f'</t>
  </si>
  <si>
    <t>b'\xac\xb3\xb3O\xb3\x1a\xaa\xd7\xe2\xc9pp\xf4\xe1\xa9\x9b\x1fdG\t\xd0b\x198\xb0r\xd39;\xd2\x12c'</t>
  </si>
  <si>
    <t>b'\xf9\xbePy\x99\xb3\x99\xa2\xad\xe6\x91\xeb\xfd\x92\xe4\xb7\x85y\xc5S\xe0|.9\x04tP\xef\x93\xaa\xa6\x0b'</t>
  </si>
  <si>
    <t>b'\x80f\x15\x18dw\xb3\x10\xccf\xecm\x88X]\xcc\x04\xb0\x80\x9e\xac\x81V\\\x128\xedi\x10\xc9c\xbe'</t>
  </si>
  <si>
    <t>b'/\xaf\x1d\xc0\x0e\xad9\x8a\xaa\xccS9S\xaaV\x11-\tHG\x1a\x1fg\x1d&lt;v\x86\xa4=\x13\xc0\x88'</t>
  </si>
  <si>
    <t>b'\xfe\xb95\xd8{y\xd7\xcb\x81\x1f\xae\x0cc\xe3y\x9d\x8d@\x19|\xee\xf7I\xefI\x8c\xc9\xea@\x06{\xe3'</t>
  </si>
  <si>
    <t>b'\xf9\xa4\x82p.l\x0c\xed\n\xca\xbb\xfb\xbdVQ\xc6~\xa7rl\x9c\xd4\x1b9\xb2|\x86c\x0b.6\xf8'</t>
  </si>
  <si>
    <t>b'\xa5u\x03\x1b\x1aV\x846k)Ib\xf3\xa6\xa9\xf6|\x9a\x86\xf7\x03\x82\xb1[\xad\xb1\x9c\xc7^^=\xe6'</t>
  </si>
  <si>
    <t>b'\xf2`\x9a\xfa\x99\n\xb8&amp;3i\x1dB\x9e\xd1aR\x81\xe2\x1e8\xff\xbd\xa9\xc4\xa9\xdcga\xb5*\xf0\xf1'</t>
  </si>
  <si>
    <t>b"A-\xa4\xcf\xc4p\xc5r)\xf7\xec0\xce]\xc9\xe4\x00\xef\x8e\x1al\xa6&amp;\x96r\x16\xed\xc8\r'\x97`"</t>
  </si>
  <si>
    <t>b"\xa1\xae\xa4M\xed\xb2\xbf2\xc08\xe3\xd7\x16\xac,H\xd5\xaa'&gt;'\x8b\xe2V\xde\xe9t\xbb\xe7\x13\x1eS"</t>
  </si>
  <si>
    <t>b'\xcf2[$\x10\x95\n\xbd9\x00\xfb3\x90\xc1\x9e\xc5\x8c7\xd0\x86t\x91\x1a\xbd\x1b\xe9\xcd\xe2R\xf2\x02\\'</t>
  </si>
  <si>
    <t>b'\x01\xfd@\xb0\x9fiu\x0c8\x82:\xe1\x9fW\x9b\xeag\xca\xc1br\x009d\x82\xfe\x14aP\xc4Z\x99'</t>
  </si>
  <si>
    <t>b'm\xda\x89\x0c\x9d\xa1\xa4K\x13\x98#\xbe^\x82\x82o\xeeh\xae\xd8umQX\x89\xa8\xbf@\xc8\x10\xdce'</t>
  </si>
  <si>
    <t>b'"K\xb9\xaem\xe2\xa7\xc0\xfb\xf5\x07\x97\x95\xfcO\x93\x06Zohn\x90\x93\x85y\x12\xaf|\xb0\x0f\xee`'</t>
  </si>
  <si>
    <t>b'\xf8\xce\x99\xac\xb2\xba\x88\x02\xdd\xe0u\x16\x02\xeet\xc6\x93\xc62R4\x11/H3\xa8\xbb^\x9d\xa9A\x14'</t>
  </si>
  <si>
    <t>b'\xfe}\xc3\xce:\x11A\x85\xd7#\xee\x85\x0cN\xa9\x7f0\x89\x1f\\\x1c\x10RB\xe7\xeb&lt;\xf5\xba\xc6\xf3\xcb'</t>
  </si>
  <si>
    <t>b'")\xb3\xb7"}\xad\x0f6\x01\xfb\xae\xf0\xfeb\x89\xfai^\x80\x91j\xbcG\xca\x88\xc4T\xfeE\x1f+'</t>
  </si>
  <si>
    <t>b'\xbfn\xc5\xd7*\xeeD\xe7s\xc6\x97=\x85\x17kD\x16\x99,\xcc\xe4\xe4\x8d\xe1\xfe\xab\xad\xc3PM\x87&gt;'</t>
  </si>
  <si>
    <t>b'\x9c\xa0\xc2T|!H\x17\x9a\x10\\V+bD\xf9\xd8`W\xae2\xbb\xd5=\xa9]\xbe\x82X\xfb\xd8J'</t>
  </si>
  <si>
    <t>b'\x08\xac\xcc\xdfr#}\xb2\x82j\xcdZ2y{\xd4\xb4M\xc2\rR8j\xbeV\x04\x08\xf0\x8d*V\xa4'</t>
  </si>
  <si>
    <t>b'\x0e\x89o\x19y\x1d\t\xfdO\xbd\x9b\x96\x8b\xc4\x1cH\x84\x90\xb0\x0c\xc0\xcd\xf9\x82\x0f\xdb\x82q\xf3\xdb\x10\x8d'</t>
  </si>
  <si>
    <t>b'w9\xc0$0\xa0\xd29NB\xa2\xd6\xcb\xf9\xbc\x8f\x85_]&gt;\x13\xa4\xe4\x94U\xd4o2\xb0&amp;\xc3\xa0'</t>
  </si>
  <si>
    <t>b'\x93f\xdf\x9a\xd8\xdcC\xc0xh\x07\x04\xb4\xedn\xcf\xe5\x01U\x80\xca\x89\xfc\xe61_\xe7\xeaC\x0c\x18$'</t>
  </si>
  <si>
    <t>b'\xf4\xdfg(\xabJE\x8e\x07\xe2`&lt;\xf3\xb8\xda\x1b9\xfe\x99\xaf\x85:y7\xea\xeb\xb7j\x92V\x8a\x8a'</t>
  </si>
  <si>
    <t>b'ZDy\xdcI\x93\xdcv\xac\x81\xa2\x90\xfcJ\xc0\xcc\x7f\x9d*Sj\xbd\xce\xc9\xceFF\xa6M\x91r\xa8'</t>
  </si>
  <si>
    <t>b'\xf2v\xd6\xc9\r\x11\xfd!\xab\x8aJ#\xc6\x8f_\xbd\xbf\xbdG$h\x8e/es3p\xa3\x11 \x9b\xed'</t>
  </si>
  <si>
    <t>b'&lt;\x7f}/\x07\x94\x17? \xf8c\xc7\x84\x992\x93b\xa5\xf6\xbc\x97\x02W\xa7\x94\xc1w\xdf\x9b\x02\xa0\xcb'</t>
  </si>
  <si>
    <t>b'\xe5\xf0xpe\x17\x85\xfa\xd6V\xa0\x89h\xda~G\x13o\x8d\xbf\x84\xd9@&lt;eFK\x060\xabd\xd3'</t>
  </si>
  <si>
    <t>b"\x91E&lt;$\xfbho\xe9v\xf9O\xc9\xa2l\x9c\xbb\x89\xff\x1c9\x81'z\x0f\xd0\x9f+B\xf1\xcb.\xb5"</t>
  </si>
  <si>
    <t>b'\x08*Nd\x8e\xc4#Tv\x8a\xc7\xef\x94##\xf3@\xb0 \x98\xbb\xcd&lt;R\x17gU\xc5B\xf0`\x05'</t>
  </si>
  <si>
    <t>b'\xae\x1d\x90&amp;\x18reKC\xb4\xfe\xe1\xf4%\xd8\xc0\xce6\x97\xc8\x16I\xef\x918\x80\x81@\x87zy\x81'</t>
  </si>
  <si>
    <t>b"\x93\x80:\xcc\xa3\xa10/\xc0\x1f\x814A\xf5'\xb4|\xf2\xed\xfe\xed1\x8c95\xe1\xa7{\xa2\xb3\xe7\x9c"</t>
  </si>
  <si>
    <t>b'\x08\x0fM\x01#\xecK\x0f6\x99z&gt;L0%\x10\x12\x96\x88\xb7\xd0\xed\x02\x98\x84E\xda\x18\xd0\xe5\x0b\xba'</t>
  </si>
  <si>
    <t>b'\x1d\xb4Q\x90\xa1\xbb\x16\xcbTu1|[\xba\xb4\xc3\x971#`:\x89\xc5\xab\xf28\xd0\xd92\xe3\x82\xf1'</t>
  </si>
  <si>
    <t>b"JN\x12\xfa\x87\x04\xb25\x84d\xc9\x91\x1b\x9a2!\x00k\xae\xc9\n&gt;\xccD\x1eGb\xf1P'=\xb5"</t>
  </si>
  <si>
    <t>b'\xa6V\xda\xef\x94\x1f\xf0\x10\xb2\x8e\xfc\xfc\x05\r;UHK\xaf\xfeX\xed\xb1\x14a\x8a\xe5\x96\xd4\xa1\x87a'</t>
  </si>
  <si>
    <t>b"&lt;\xf9nq\xc4&gt;\xc5\xc9\x8c\x10o\xbb\xbdU\xb0~Xqs'\xec+\xefI\xd2J\xf4d\xfc\x19\x08\xdc"</t>
  </si>
  <si>
    <t>b'\xfb"~\x87\xbf\x7f\xa7\xdd5G2\x17\xac\x89\xfd\xa5\xc4\xe2\x96\xd3\xec\x8c7C\xfd\xde\xd5c\xe8\xa4\tH'</t>
  </si>
  <si>
    <t>b'\xc2\x91\xeee\xfa~\x9eG\xf3&gt;\xd4\xe0\xaeL\xa6\xa7dF,\xcfM\x8e\xbd\xa2\xe8\x99\xbf\xa7\x85\xaf\xf2\xf5'</t>
  </si>
  <si>
    <t>b'\xaf\xd4\xbdL\xab\x04\xc0\x18\xf7H\x0c\x97\xd7\xf1(\xe5\xae\xb9\x8aXJ\xda\xca\xea\xad\nZ\x88\xe2\xd0`\xb2'</t>
  </si>
  <si>
    <t>b'\xbc\x10.G\xa7\xcc\x13w&lt;}\xb7\xaa\xe8\x86pav\xf0\xf2\xabG\xfagBfn\x80\x02\x9a\x1bV\x96'</t>
  </si>
  <si>
    <t>b'*\xef\xe7\x81\x00\x0f\xa9p\x83\x87@I\x15\x05\x8f\x0e\\C{@\xdbY5f\x84\xd2Z\x90\x8d,\x11\xf2'</t>
  </si>
  <si>
    <t>b'M\xd9\xc2\xbf\x13\xe8\x10\xab\xed]\xae\xf1\xa3\x11\xdf\x88\xa2\xe3\xabB\xf2\x03m\x16\xdc:\xb4\xc2-\x97md'</t>
  </si>
  <si>
    <t>b'0\xd7&amp;\xe6\xa8\x08\x81I{\x94z\xd9e\xa3\x9cE\xd93\n\xc0\xa2\xd1dUr\xbc\xf8+\xca\xb5\xb6\x9b'</t>
  </si>
  <si>
    <t>b"\x95\xadn}#\xa1R\xb7\xd9\xdfX\xf8\x127\x85'b\x1a\x15\xae\xa2J\x0f\xeb\xb1dK\x16\xd9/\xb2\x94"</t>
  </si>
  <si>
    <t>b'&amp;\x8cG\xb6C\xaa\xba\xe3\x9e\xe2\xf88QD\xb2n\x13\x10\xa6_\xa7^0\xa6\xa7\x93\xd4\x87\xed\x86p\xd3'</t>
  </si>
  <si>
    <t>b'\xb2&gt;}\x17\xb4$\x9b\x90\x03\xffF&gt;\xb08\x1b\xe5\xf0X\xbe\x86\xccF@\xbdj\x1d\xb7\xe8\xa0\xd3\x13\xf3'</t>
  </si>
  <si>
    <t>b')\xeb\x18\x81\x0f\xf8y\xb74\xc4\x06\xad\xab@\xf5:s\xb9T\x14Z\xaf\xe8\x9a\xa7\xb3\x8c\xca\x019\xc0\x0b'</t>
  </si>
  <si>
    <t>b'\xd5`+\nP \xcf\xff\xd3\xea\t\xa8^\x03\xe4\x88\x93\xafP\xaa\x9e\x12\xb4\xe9\xb3f\xfa(\x08D\x8d\xcd'</t>
  </si>
  <si>
    <t>b'\xed\x06\xe3\x90\xbb0\xcf\x16\xb1\x93\n\x13n\xfa\xf4\xe2\xf9\xf4x\xd0\x97\xa5e&gt;\x8e\xb8\xe8\xe3DU\xc4\xff'</t>
  </si>
  <si>
    <t>b"\xab\x8e'\xa8n/}\x93\xe7\x06\xce\x96\x02\xd12\x03\xbbY\xda^ir\xf6?\xdb13#I\x9a\x1au"</t>
  </si>
  <si>
    <t>b'\x8e\x06\x9b\x92L\x0e\x8b\x82\x9eCx)C\xd4\x1ck\x08\x82\x0c}\xa2\xc7bmc\x84T6\x85\xdd\xcbb'</t>
  </si>
  <si>
    <t>b'\x98\x84\xb0\xb8z\xdb\x81j\xb8\xfd\x9b\x8d\xca\x11Rd\x0c\xed\x06w\x06$\xf1\x87\xf6\xb1I\xa4\xa8f\xcc\xf1'</t>
  </si>
  <si>
    <t>b'@\x1e\xcf\xadM\x89eg\xb2\x13\xf0\xf8\x96/\xbe\x9f#\x11\x7f\x8f\xb594h\xbc\x1f\x9fy\xa7\x9e\x8c\xab'</t>
  </si>
  <si>
    <t>b'y"U\x98\xf5\xd8\x8a@)\xc1y\xf0\xda\xd5\x06\x92\xb1\xcf:\xdc\xf1\xe2\xef{\xf15\x10\x8fKe\x84\xa6'</t>
  </si>
  <si>
    <t>b'\x06\x93\xb4\xa7\xb3,\xe1\xe5\xf6\xb2\xda\xd8\xad\x98\x12\x88&lt;\xea\xfd\xcf+\xba/\x90\xe3\xc9\x9b\xb5\x9d\xe6\xbd|'</t>
  </si>
  <si>
    <t>b'\xaf\x1fV\xf2\xcd\xbf\xdewC\xed\x95\xb7\xee\x9d7r\\\xd2\xb4\xe7^H\x8av\xca\xd2\x1e\x84\xb5[\xc0;'</t>
  </si>
  <si>
    <t>b'i\x17\xb0\xed\xc6\xcf\x1fS|RX\xcb\xbb\xb0\x86&gt;\xafPA \x9d\xc00\x83\x16\xde\xf4s\x8f\xb0\xc8\xe7'</t>
  </si>
  <si>
    <t>b'\xa83p\x9f\xbeP\xbeP-\xba\xf1A`\x80\x80\xfc\xa2\xb0^\xfc\x92\xeb([\x01\x7f\xc5\xd0e"\xa9\xb9'</t>
  </si>
  <si>
    <t>b'\xe2\xf3\xed\x96D.o\xee8\x01\xc68\xda XS\xd4\xe2\xc6\xe8\t\xc0\x9b\x96\xc5]\xcc\x11\x86\xcdC\xbe'</t>
  </si>
  <si>
    <t>b'\xea\x83\xc3q\xa2\xaax\x9e,\x83\xa8\x17\xdc\xf4\xd0%%_\x81\xd2\xc1\xe3$)\x02\xbf\xcf\x97\xac\x93\xe38'</t>
  </si>
  <si>
    <t>b"\xde\x00\xbdp\xbb\x7f\xebe\x06?&lt;\x9c\xe3j\xed\xccz\x8fb]\xbc|\x99@\xd1j\x83\xf5',4\x9d"</t>
  </si>
  <si>
    <t>b'H P\xd3\x99\xaa%\xd4\xef\x9c\rE\x0cY\xcef_\xe8\x9f\x86d\xa0\xd0h\xdd\x9d\xa5\x84\xc92\xf5\xf0'</t>
  </si>
  <si>
    <t>b's\xae\xc0\xb8{\xe4[\x93t\x0b\x9b\xea\x1d\xa18I\nb5\xfb\xac\xda\xe3u{\xd4\xd8\xc4\x87\xb7"\x1d'</t>
  </si>
  <si>
    <t>b'\xd0\xcb=b\xd2\xae8A\x1d\x0f\xfa&gt;\xb5\xa7^\xcd5\x00\\\xbf\xef\xe7\x11\xbf\x91\x17\x0c\n\x1f\x0f\xb7~'</t>
  </si>
  <si>
    <t>b'm\x9cq\xcf\x0bLN1\xc8\xbe\xf4\x8b\xa9\xdb\xc2Q\xe3\x97\xa1\xab\x110\xa1u\xc2\xce\x05\\\xf8\x8a\x18C'</t>
  </si>
  <si>
    <t>b'\xd6\xac*\x98\xcc\x04\x84:\xc5\xcf\xff:\x96\xd2\xbc\xd9\xdet\xbf\xc1\xefC\xac\xef\r\xd3.\x16d\x83\xd5\x19'</t>
  </si>
  <si>
    <t>b'v\xc1R\xf8\x14\x97\xb1\x9bA1\x92\xa4\x98\xf9.\x92\xa1[&lt;\x08*=N\\`\xd1wj\xe7\xff)\x83'</t>
  </si>
  <si>
    <t>b'\xbe\xb5\x8f\xd8\x8c_]Lr\xa3\x84\xb3\xe8\x9b\x00\xea\xaf$\xbfA\xacQ/\xc4Q:\xa0H\xc9\x99\xd3\x8e'</t>
  </si>
  <si>
    <t>b'\xa0a\xedg\x1d\xa5\x9d\x00\xb2]\xa5\x9a\x87\x0c\xd2\xd1\x0f\x95R\t\x92Q\xbd\xb0jp\x90b\xc4/\xf24'</t>
  </si>
  <si>
    <t>b'\xdb\t88\xb6n\x9e\x81\xa4&lt;__\x98\xc6\xd6\xde\x87p\xd2\x87\xbb8\xd1W\xaaw\x94\\\xd5\xfc\x06\xc8'</t>
  </si>
  <si>
    <t>b'`\xb1\x86\xd1\xab\xdd\x8b\x15\x92\x91l\x94B)~\xfc\x94\xef\x90\xa9\xa1hd2L\\kZ\x12Tr\x0b'</t>
  </si>
  <si>
    <t>b'\xbf\xa9T\n\xf0j)b\xad\xae;nF\xec\x89v\x03\x98\x14\xbcB\xcf\xb5S1\x14\xae&lt;N\x02C\xb3'</t>
  </si>
  <si>
    <t>b'\n\x85&lt;\xcd\x8eB\xb1\xea\xd7`O\x9c\xb1J?&gt;Sb&amp;O\xddd\x89v\x05bk%Qrw\x8e'</t>
  </si>
  <si>
    <t>b'\x1ft\x08\xb59v\xde#\xc1\xa0\x18\x8d\x1d\xd4E\x11G7\xf6 \xca\x9b\x85\x90\x11\x91\x01\x82P\xcf\xebT'</t>
  </si>
  <si>
    <t>b'\xff\xf5\x8e\x9f0vh\xc6\xbd\xc5\xa1;\xfc\x13\xa7R\xf1\xd1\x89#\xca\x88\x0f\xb6a\x97.\xfe#\x83)\x8d'</t>
  </si>
  <si>
    <t>b'$X\x81\xd7\x9a\x08\x1d\xa4\x82\x81\x89\xc5tJ\x0eu!\xb8/Tg\xe8\x05.\xd1\x14F\xcbj2au'</t>
  </si>
  <si>
    <t>b'l=\xe9\x00*\xf4J\x9e\x8fm\xc4\xf1\x9a\xcb\x02\r\xfb\x93\xafs\xdc\x01\x8a\xc2#\x96\xbe3\xaaS\xd1g'</t>
  </si>
  <si>
    <t>b'tKb%$\xb2Hz\xe0\xb2 e\x00?K\xad\x16\x07\x93q\x00v\x910\xc4\xac7\x0e\xf0zH\x97'</t>
  </si>
  <si>
    <t>b'[\xbe\x02I&gt;\xe49C\xac\x88\xc5\xd1\xce\xe0Ky\xc0\x16\x87\xe5\xd4e\x8e\x15/\x15f\xbb\x9e\xe5\x8f\xa3'</t>
  </si>
  <si>
    <t>b'\xaf\xcc)a;\x00\xf1{\xd2\x803kkyt\x14\xf9\xea7\x87\xdeh\x1f\x9d^\x0bs\xdc\xd0\x9591'</t>
  </si>
  <si>
    <t>b'}Qc\xbd^\xa4\xee\x99(X\xb7E\xab\xbb\xc6O\xd9\x9b\xd0\xcd\x8c\x1d\x19\xba\x10+\xb0\xa1/\xe8&lt;\x8d'</t>
  </si>
  <si>
    <t>b'\x13\r\xa7\x92bw\xef*\xe5\xfe\x99\xbb\x91\x9f\x8e\x12\xf4rR\r\x06\xef\x85\xf3\xf7R\xa9-\xf3\x8c\xf1U'</t>
  </si>
  <si>
    <t>b'\xfe.\xe4k\xadf\xe4&gt;\xb1\x131\xbc\xda\xe5\xb3\x8d\x7f\x84\x15\x93\x9da\xc7\x98`&amp;?\xe7\xd5.\xba\xb5'</t>
  </si>
  <si>
    <t>b'l\xd3T\xb2\x1f\x17\xde3\xd0\x85t\x062:.&amp;\x9a\x03\x8d\xcb?\x96\xf7\xf8\x0b\x91-\x0e\xacc\x14\xdc'</t>
  </si>
  <si>
    <t>b"\xff6\x18\xe8-\x81\x11\x84{@\x87\xb4\xcb\x9f\xa1\x11co\x1a\xc4\xcb0\x0f\xc05'\\\x17\x90\x03\xac\x1f"</t>
  </si>
  <si>
    <t>b'(\r\xfe\x06\x8e\xfa\xdd\xf2\x8a\xf0F|\x8cu\xb5?\x04\xfa\xde7\\\xe8\xe3&amp;/\xe2\xcd\xf8_\x05\xdd\xc2'</t>
  </si>
  <si>
    <t>b'\x17&gt;sO@\x98\xb4\x81\x12\x99X\x10\xbe\x88"5\'\xfc9\x97\xb2\x88\xb9\x8b\xbf\xb3=\xd4ye\xad\xa9'</t>
  </si>
  <si>
    <t>b"\x9c\xe3\x7f]'\xd4\xc1\xef\xad\x7f\xe2\x8b\xc8\x9054!\x97\xf0\xb6\xa0\xd8\xb9E\x10\xb1&amp;\x87\x93}\x1b\x1c"</t>
  </si>
  <si>
    <t>b'\x11\x85p9\xd5\xfd\x85qu_\xc2\xd5\x0c\xdbb6\xcc\xda\x98Ga2c&gt;\xd5\x94\x0f\xe6\x87\x8bR\x1e'</t>
  </si>
  <si>
    <t>b'\xcdR^`\x9e\x16z\xb9{\xc3\xa9sC\x04\xacaOY\xfa+\x07\x90\xa8\x12\xfd\xf1\x82J\x86\xe3\xeb\xcb'</t>
  </si>
  <si>
    <t>b'\xc8h\x99H\xcbV\xd3\xe8\xda8L\x88\xb1\x86\x1f\x9e\xf7\x8b\x0e\xd7mL\xf8\xd9\xa7\xf8#j\x8d\x11\xc8\x12'</t>
  </si>
  <si>
    <t>b"\xcc\xe8\x8b2Nhv\xc3\xcat\x91\xdc\xa7\xd9R\x98w\xed\xdaH\x84['\xc92\x8b]\x1d\xb3\x9b\xbc\x03"</t>
  </si>
  <si>
    <t>b'O\x90\xc8\xe7\x9e\x04\xa3NJf*\xea~\xa3\xdc\xc7\x12\xedhl\xc1\xf5\x8e\x95\x96\x89\xe0\x1d\x9b\x8d\xc3\x81'</t>
  </si>
  <si>
    <t>b':v\x08M\x1a\xdcWe3\x1e{\xd5^"\x10\xe4\xa5\x9a\xa4\xf5L\xf2\xffRoP\x8fmgLl!'</t>
  </si>
  <si>
    <t>b"\x8a\x98'i\x16\xd4I/\xe3nR\xcb-3\xc4\x94\xb5\x85\xdc|P\x7f\x04\x84\x950\x1e\xecK&amp;\\B"</t>
  </si>
  <si>
    <t>b'\x0b\xccs\x04\x1d\xcf\x00ks\x8b\x7f\xe5\xfcT\xc4mV\x8f\xc8\x1eL\xecz\x97\xc3\xc2\x04\x1c\xcf\xfds?'</t>
  </si>
  <si>
    <t>b'\x1a\xabe_@\xebA\x14\x06\x9dE\xb4\x9e\xf2\x7fiSWr#\x85z\x0b\x9c\x81oy\xee\xa2\xb1\x88]'</t>
  </si>
  <si>
    <t>b'\x12\xd0\x03P\x0e\xbe- \xa8X\x97\xb4\xfa"\xde\x0eR%\xb60\xf3j\x8erw\xb8\xc6?\xddv\xc1\xde'</t>
  </si>
  <si>
    <t>b"C\x8a\x81\xf4f|&amp;\xb1\x9d%\xeb\xb9\xec\x88uJd4\x9f\xf5\xa3\x98'\x98\xf8\xb5\x9f\xe1r\xc7\xbd\x06"</t>
  </si>
  <si>
    <t>b"C\xf2^T'$\xf6&lt;\x07N\x81\xa4\x15;\xd6]\x07\x9d1\x9c\x8c*\x80O\x10d\x19\xc5\xc2\x1d\xae\x8e"</t>
  </si>
  <si>
    <t>b'\xc5Z\xc9\xd8h\x04\xb4\x961\x8e\x99W*@*\x184\x82\x8e\xbd\xf9\xca\x99\x9c\x12\x91s\x9cP\xb2\x0ea'</t>
  </si>
  <si>
    <t>b'V+PLAJi\x89%\xe0$\xf2\xea\xdc\xb9\xed\t\xbf\xc1\xb1\xb2-1\xee\x18\x9d0\xd9G\xbcs\xc2'</t>
  </si>
  <si>
    <t>b'\xaeN\xe0B\xc5\x87*\x0f\x81\xa8\xd6\x1b\xa2y\x1f~@\xec\xfc\xc3\x14\xd3\xf3\xca&lt;\x16\xaf\x17j`M('</t>
  </si>
  <si>
    <t>b'1\xe8q\xab\xfc\xcb\x92fn\\\x17\xa8\x81\xbf*\xb1\xd8#\xd8yQ\xf0\xaf\xc9%\x99\xf9\xae\xa1\xf2\x96b'</t>
  </si>
  <si>
    <t>b'g1\x07\xd5(\xacmw x\x9f7l\xaf\x13Y\xf4\xd0\x88E@\xe90P\xf5\x13\x12\xdbv\x8a\x85\xe6'</t>
  </si>
  <si>
    <t>b'\xa0\\@r\xdfpu\x91\x9a[\xc7|\xcf\x92\xd1z\x0c\xc9\xe3\x9aF\xbd\x9a\x9cZ\x1d\x82\xe8B\xed\x02\xc3'</t>
  </si>
  <si>
    <t>b'L\xe5\x8a\x90O8P\xbbN\x98\xd4\x9b]ZT\xaf\x97\x05\x9b;\xe5\x81\x89\xc5\xb0&gt;r!\x19K\xd2Q'</t>
  </si>
  <si>
    <t>b'9=h\xf6\xc1;\xf0m\x06\x16"&gt;\xb6Q[^\xea\x95.\xd8\x87\x8a=\x85\x9e\x1e\xae\xd7\xb0\xc5\x19\xc9'</t>
  </si>
  <si>
    <t>b'\x1d=\xcd\xe00\xc6\xce\xeb\xb4O\xa9&lt;5\x1c\xe9\x84\x00^\xc9.3\xb3\xf58\xbd\x0b\xdaC\x8f5\xbc8'</t>
  </si>
  <si>
    <t>b'\xb9\xef1\x07~\x14fP\x169\x93e\x18W\xe6,B\x06\xcb\xf1l\x14\xa5&amp;\x13\xa9"#\xb2\x84N\xcc'</t>
  </si>
  <si>
    <t>b'Ag\x1af\xb2\xc2\x9d]\x12&lt;h\xb7\x10\x86\x8b\t\x18\xe4r\xdafb\xd4z_v}\xd1\x9e3\x94-'</t>
  </si>
  <si>
    <t>b'?\x87\xe6\xf81*\xeb\xe7\xf2\x9e\xf2*\xe2\xdb@\x08\xa0\x98\x87\x7fm\x07|\x89w\xb64)\x04\xc82\xe7'</t>
  </si>
  <si>
    <t>b'3y\xd5\x9fG\xf3\x1b\xe7\x7fX\xc7\x1e\x1c%\xbdb\xa0\xac\x1f\x1e\xc5\xf8;H:\xcb\x15\xee\x0e\xea\xe4\x9d'</t>
  </si>
  <si>
    <t>b'p\xb8#F\x01d;\x11\xd5\xa4\xa2\x10\xa2\x9e\xb5+\xc7$\x0c\xe5\xd4\xf0\xe1k\xdf4\xd9\x04G\xf9.2'</t>
  </si>
  <si>
    <t>b'\xd78U\x1e\x97\xef\x8b\xef\xc57\x8b\x19v\x97\xbdW\xc6#M\x94\xe3eU\x91\xf3|\x9c\x1b\xa1\xcc\xect'</t>
  </si>
  <si>
    <t>b'\x03\x1a\xed"\xb8\xd9\xf8\x19H\x02\x9c:N\xc8\xab\x8fJ\xfe\x1c?~\x80\xd4\x19O\xd7\x1br\xedc\n@'</t>
  </si>
  <si>
    <t>b'\xe2s\xb0\xa4\xc9)"\xdb\xc3\xc26\xf9\xdd\xfab\x8a7\xc2\xf5*S\x98\x12\xbe\xfa\x87\x04!\xb1\xb4*\xc5'</t>
  </si>
  <si>
    <t>b'\x15}\xe5\x06\x8e\x82\xbd\xc4\x05\x91\xcb\xb0i\x8b\x88\xcb\xff^\x1e\x1fPa\xdc\x1b\xd2\xde,\xfe&gt;\x86Sg'</t>
  </si>
  <si>
    <t>b'\xf6\x16\xc5;\x87\xaf\xae\x04\x86\xe8\xa3G\xd2\xe8\xe7\xaf\xe4{\x10\xde\xab=\xc0\xfaFRR\xdf\xff-\xef\x05'</t>
  </si>
  <si>
    <t>b'5\x96\xc9z\x8f7\x0fQ\xe2%&amp;a4\xe3\xdc\xc12n\xfb\xc1\xd0b\x85\xb4\xa3aT%\x95\xcb%\xd1'</t>
  </si>
  <si>
    <t>b'i\x91{ZW\xb0\x02n\xaeY\x16\xe8\xac\xea(\x99\x8c\x18\xe6\x16\xcccGU6\xe9,\x9a\x94YI\x86'</t>
  </si>
  <si>
    <t>b'\x1c /2\xf4}\xa0\xac\x07=j\xb1\x88X%\xd08\xd6\xd5\x96\xb22\x14\xbc\xb5\xdc\xd9\x96\x14t+o'</t>
  </si>
  <si>
    <t>b'%\xc6K4\tL\xdbP\xfe\x89\x00k@\xda$Y\xee=o\x98\xcf\xae\xc3X\x00\xa7\x8a\xca\x81g\xac!'</t>
  </si>
  <si>
    <t>b'\x7fG\xc7\xcb\xdc\xd7MWG\x1d\n\xc4\xear\xe3!,pJ\xd2&amp;\xd2\x1fqQN\xdb!\x05m\xb3B'</t>
  </si>
  <si>
    <t>b'\x1a\x89\xd58\xb4n\x0e\x96d\x87\xd7\xa7\xb0\xd8K\x90vUm\xff\x85\xdb.\xfeQ\xf4Z\xd5\xa1k\xedP'</t>
  </si>
  <si>
    <t>b'\xb5\xc8\xd9\x8c?\x98E\x99\x00%\x86\x92)RlZ\xf2\x9e\x0cV\xdc\xc9\xcfHS\xf9\x9c,I\xa2\xca\x82'</t>
  </si>
  <si>
    <t>b"\xfd6\xa8+\xfc\xbe\xaa\x9f_\xdaW\xa2*\x8e\x93l\xceU#\xfa\xa6\xc0/6\x8b\x08\x8a_\x1a'\x03\xe1"</t>
  </si>
  <si>
    <t>b'xX\x93\xbapg\x19\x0f\x94\xcb\x9e\xa0\xd6\xaa\xd1p\xcdf\xd5\xf1\x95\xb3\x89h\xfe&lt;\xfdJ\xe4\x04*\x87'</t>
  </si>
  <si>
    <t>b'\x9e\xe9\xa6\nKW\x9b\xd7\x93x\xab!\xee\xc6J\xe4d\xc3-#\x8f\x8a~a\x96F*%a\rQ\xb9'</t>
  </si>
  <si>
    <t>b'\xd3?xD\xcc\xf4\xa1^\xd5\x9ci!\xa1\x00iSPt\xed:\x88f\xeb^S\x18\xb3ik9\xa8\xad'</t>
  </si>
  <si>
    <t>b'\xa3\x1b\xd2\xa4\x83\xf3\xe1\x97`"\xda\x87\x0c\x07d\x07O\xca\x85\xf3\x80\xd9O\xae\x8f\xa5\x04B\xb21.*'</t>
  </si>
  <si>
    <t>b'Lu\xe7Tinv\xcd&gt;1X\xb5\xef\xd0\x01$Gy\xe7$\x81\x9e\xc45\x84\xba\xb0\xbd\x94\ri\xb4'</t>
  </si>
  <si>
    <t>b'\xfc\xa2V\x19D\x96.\xe9d\x9e\xd4%\xed\x99\xd5w&lt;f\xb2\xc5\xe1C9\xdd\xa6k\xf7\xdc\xc7\xa8\xd4\x85'</t>
  </si>
  <si>
    <t>b'D-\xffU\xba\x9a\xcd\x85\xb5\x93g\xd2gd\x18\xb1L\xfca\xf2\xb3\xfe[\x00G:38\x15\x1b$\x08'</t>
  </si>
  <si>
    <t>b"V\xf3\x06p\x14\x89R\xc4\xe4|\x9d\xce,\xa1'w\xfd,\xad\xce\x046hKW;\xa0]\xcd?\xde,"</t>
  </si>
  <si>
    <t>b'\xa6\xfc\xd8\xcd\xa7\xe3C\xd2\x18\x06B\xb8v\x7f\x19\xd6\x08\x86\xf1Xcf\x8c\x81"\xa4Rb\x86P\x1f\xd0'</t>
  </si>
  <si>
    <t>b'\xec9\xc8_\xd9F\xe09\n\xbd\xf7kCM\xf7\xda\x1d\x96\xb5\x9b\x0b\xfc\x176\x14h*\x12\x86\xad-\xb6'</t>
  </si>
  <si>
    <t>b'\x95\xca\xc7\r\xf1~V"\x05\x96\xb5\xf4n\xfc\xbb\xca(\x183;"+\xcb\xa3\x14\xc4\xf6\xe80zG\''</t>
  </si>
  <si>
    <t>b'j\x1c,\xa4\xf4|@\x94\xb3Y\xccgx\x87\n\x01\xeb+Ce\xef]\xee\xb2\xc0A\xd2\xb9\xd3\x8c\tp'</t>
  </si>
  <si>
    <t>b'\x80\xa8Y\xd4\xac;*\xff\x9b\x9a\xa6\x85\xd9\xd0\x90KFV+\x86\xf4\x1d\\U \xb1#\x02\x1a\x92\xa5j'</t>
  </si>
  <si>
    <t>b'\x82\xeb\x15\xac\xde\x00v\xdbA0\xe2p\xa4\xcb\xfa=\x94\xf8\x14\x1a\x86Nwe\xad\xf2LD\x94\x0e,\x04'</t>
  </si>
  <si>
    <t>b'T\x89\x01\xf8\x8b\x1e|\xbeH\x14\xf3l\xaf\x92\xc06g\xcc\xdc\xda\t2\xb1\xcfo\xc6e\xbc\x1eXX\x03'</t>
  </si>
  <si>
    <t>b'\xb6\xf2O0XQ\x13\xe6h\x82W\xa1\xc8\x98\x9a\xbe\x81"\xc5i\x95\xf9U\x16\x9c\xc6\x01\xfa\xf8\xa8\x07I'</t>
  </si>
  <si>
    <t>b'\xfb\xd6\x97d\x1ac\xff\x97\xe1\x1f\x12Y"\xda\xef\x87}#Z\xbc\xe8\xe6\x1a4\xa6\xb8e\x15-\\\x02\xbb'</t>
  </si>
  <si>
    <t>b'\x0f1\x84\n\xf7\xf6A\xa1&amp;\xa4Q\x8e\xdc\x94\xeb\x9c{\x8f\xd9H\x05^\xb8\xfd\x98\x85\x83\x19\x14\xfb\x9a?'</t>
  </si>
  <si>
    <t>b'Q\xbd\xa4\x89\x16?\x87\x83\x05mq\x7fg\x00\xc8\x99\x97\xb5\xe0O_\x00hoJ|"\x01SJw\x85'</t>
  </si>
  <si>
    <t>b's\xc2\x0e\xfb-\xefuw+\x15B:9mv\x16LP\xbc\x93t\xb12\x83B\x9c\x89Y\xfd\x9e\xbe\xec'</t>
  </si>
  <si>
    <t>b'\xc7\xe3\xe3\x1aQX&gt;9\xc8\xd6\xfa\xd7\xe1IR\xdd\xa7\x1db2\xc1\x8c\xb4\xf0&gt;c\xc0\xe4Z\xfa{\xdd'</t>
  </si>
  <si>
    <t>b'\xcf\xb6j\x1b\x8e3\x9c\x18yQ\rWM\x95\x897\x12\x0eu\xd9\xb9_\xef\xc1C\xd4@\xe2)\x8d\x93\x19'</t>
  </si>
  <si>
    <t>b'R2\x85Az\r*\xb3\xf43\xd9\xfb\xd9\tL\xfb\x8b\x923\x0c\xce\xcbS\x97\xe5\x9d\\\x1a\x90ns\xd3'</t>
  </si>
  <si>
    <t>b'\xe7\x0eI8\xe9\x98\x18w\xf7(\xe4Z\xdc\xfe\xaa\x0e\x08\xb7k\xe7,\xaf\xcdW\xe7\xcc\x0bQ\x129\x91\xf9'</t>
  </si>
  <si>
    <t>b"\x16'z\xfb'\x18\x8ft]\xdd\xd5\xe4\xc92\xf9\xab\x88 \x87NJh1F\xa8\x01+\xed\xf5\x1fe\xe5"</t>
  </si>
  <si>
    <t>b'\xc5\xec\x9b!\xc8\x92\xf9\xc8Iy\xef\xbe\xf2\xa3a.\x1c VxQ\x80l\xaf\x18\x8b\xf5\xb9h-\xb5N'</t>
  </si>
  <si>
    <t>b'\xb4\x81\xfc\xfa:~m\xb86\x9f\x17)\xcc\xefY\xeb\x04\xb6\xfd\x9b\xf5\\\rU\xa3\xb1\xe0I\n\x11\xea\xdb'</t>
  </si>
  <si>
    <t>b'\xad\xf8\x01\x7fv\x7f\xc8X\x97@\xacS\xdd\xf8\xa7P\xcf\xf4\x97\xc0v\r\x9cf\x8d\x8f\xa9\xb1^\xd1\x1d)'</t>
  </si>
  <si>
    <t>b'\x01\x80\xe6\xa4\x9d\x97\xafO\x94\x06\xf1Yj\xccFq\x85\xb4\xa9\x82~\xbb\x8e\x04bgC=}\xb0\x8a\x1e'</t>
  </si>
  <si>
    <t>b'5[\xfbU\xaf\xe4\x80\xd1\xc5-\xcb\x8a\xa1\xad\xa4\xf1\xfd5\xa2\x95\xd9\x91\xd8N\xde\xbeZ|I&gt;\xca7'</t>
  </si>
  <si>
    <t>b'\xa7/\xde)\tS\xe9t\x80\xd56\xe3\xec8\x92k\xf3\xa0\xbe\xf5\x13\x02\x00\t\xea\x8d\xf6\x9ek\xfc\xf2\xef'</t>
  </si>
  <si>
    <t>b'N\xd3\xa25\x85$\xffD\xdb8s\x19\xe8\r\xc7\xe9&lt;\x9f\x90B\xb6\xb8\xea\xe4\xe4\x82g\xa1~\xb4\xf4\xa5'</t>
  </si>
  <si>
    <t>b'\xb8\xd1\xd8\xfez\xeeg\xfd,!d(\xc4\xb7\xa0t\xba\xa9\r&lt;}\xf3(\xbf3\x03q\xb5\x0b\xe2x\xdf'</t>
  </si>
  <si>
    <t>b'\x0e\xdb\xef\xb7\xdd\xe7\xf9\xdaH\xaa\xa6\xd0\xaeX\xd5m\x07M\xfc\x93\xfb\xb9\xe0\xc8\x89S\xaf\xc9\xec\xbb\x1a\xce'</t>
  </si>
  <si>
    <t>b'+c\x1d\x9b\xe1\xc9\xd1\xc7dA\xe0\x82\xfds\xd8\xb4\xe1Z(\x07\xec\xbbe|\xb09\xf9\x13&gt;^\xc5\xd2'</t>
  </si>
  <si>
    <t>b'\x1agW^\xdd\xe0\x1c\x89\xc8}\x85s\xee\xab\xec\xfad\xfd\xfe\xb2x\xda\xf4\x10\x17\x0e\xdb\x91\xd7\xb3\x00\x86'</t>
  </si>
  <si>
    <t>b'\x7f$\x93\xcbGsY\x02\x0c2\x17\xab\xfc\xfc[\tQ\x8d\xfdZ*\x87\xec\xac\xbb Z\x98\x05\x95{\xf1'</t>
  </si>
  <si>
    <t>b'fC\x01}\xae\xbe\x83O\xc0\xc0#ee\x03\xd0h\xbe\xe4\xea]\xa0"\xc0\xa9FL\x95\xec\x16\x99W\xdf'</t>
  </si>
  <si>
    <t>b"\xc4\x1e7/\x1d\xaa\xb4'\xac\x02I\xea\xda^\xe0bVGs\xad}\x14~n\xb9MD\x99\xc3\xc5i\x14"</t>
  </si>
  <si>
    <t>b'\xb3\x00A\xe9m\xd8\xf8O\xc4V\xdd\xa8\x8e\x8e\xbf\tP\xaf2\x17\xe0\xdb8J\x004\x8eu\xb0\xa1\xfbH'</t>
  </si>
  <si>
    <t>b'\xefV\xb7M\x91\xf0\xb5\xb7\xfc+\x9eL\x81\xcc\x16\xe5B6\xaf\xcb\xeb\xb5\xe50\x08\xf7F \xf1\xf0v\xe6'</t>
  </si>
  <si>
    <t>b'\xb8\xb6\xf3mw\x10\x8e\x0c\x8bu\x89\xc7\x83p\xe5j]\xee\x0b\xe0\xf5\xf5\x9f\xf7\x9f\x12\xaf\x96Nj\xe1\x9c'</t>
  </si>
  <si>
    <t>b'\x1fI\xb8\x19\x10oiz\r\x8fzG\x83933\xd95N\xe0\x1b\xd2\x96"4\xf3FV\xac\xf7\xdb\x8a'</t>
  </si>
  <si>
    <t>b'\x1e\xfbJv\x90\xbcC\xa5\xc4\xf8\xb4\xe9\xf7\x9c5\xb1v\xc1\xbcz\xe4\x1b,@[(\x97\xb0\xd9\x05\xeb\x17'</t>
  </si>
  <si>
    <t>b'\x88~\xf9\xe6\x08\xff\x08\x937&lt;s9\x06\xbb#y\xc7\n\\\x8e\xc2p\xae\xc3S\xb7\xeaJ\xd6!\xeb&gt;'</t>
  </si>
  <si>
    <t>b'\xd6N\x07\xe6-\xb9\xdcc4%l;U\x16\n\xac\xf9\xd2\xcf\xe7P\xbe\xda?\x93\x10\x1ft\x9c/\x1e\x1b'</t>
  </si>
  <si>
    <t>b'\xd3zQ\xdf\x8d2[\xa9\xcd=\xc4\xae\x13\x98.mJ4\x99u\x16\xfewa]\xf65\x8bB\xfe\xda\xac'</t>
  </si>
  <si>
    <t>b'%I\xa6\xca\xfbI\xe6e\x87\x00\x86\xa12\x996h\xa7\xdf\xaf\x0e\xd1kV\x17L\xeek\n\xd1\x91b\xd9'</t>
  </si>
  <si>
    <t>b'\x0b\xf6&gt;D\xc0\xa8\xaf\xe7nF\xa8\xb7\x9b\x87\x83\x12 \x80d\xcc\x94X\x9ew o~{\xff\xba\x93\xc3'</t>
  </si>
  <si>
    <t>b'\xdf\x7f:P\xd5N3\x96\x02\xbaF\xf2\x1d\xe4\xa8z\xa4\xa9\xc2\xbd\xf5\x1d\x81\t\x835\x99%\xd0\xaeC\x8e'</t>
  </si>
  <si>
    <t>b'^\x8f\x88\xb9@J\xee\xb8\x16\xc5\xdf\xe7\x9b\xd9\xcf\xa5WEpCP\x0ea\xf1\xbca\xa3\x05\xf6\xbc\x17]'</t>
  </si>
  <si>
    <t>b'\xfa\x80\x8c\xaf\xba\xde\x92U\x0c\x86/d{\xd8\x16\xd5)\x1a\x9e-sL\xf4.1xB\x06K\xafF\x01'</t>
  </si>
  <si>
    <t>b'\xcb\xf1/fF\x87\x8a=c\xa2\x9a\x15\xd0\x16g\xdfOs\x99\xa3\x97\xb3\xa6\x8d\xb01\xf4\x0f\xba\x95\xdf\xab'</t>
  </si>
  <si>
    <t>b'\xccGw\x90K\xb4\xb1\x0f\xb3C\xe77\xc8\xaf\x95p\xcc\xef\x1a\x04\xe1\xee\xc84w\x8c\x0cd\xbd\xb3\xfc['</t>
  </si>
  <si>
    <t>b'\x99=\xb4\x96\xd3t\xe6\xa9;\x03\x1b\x07\xff\t\xf1\xde2k\xc6\xec.2"\xef\'\x0e\x9c\x9b\xb6\t\xc3\xb6'</t>
  </si>
  <si>
    <t>b'\x84\x0c_\x16\xa9\x94\xe2\xb2\x8bi=vR\xb5\x9b2E\x8f\xa1\x9e\x9c\xda\x97Y\xa1\xf3c\x97{\xa4\xd2\x8f'</t>
  </si>
  <si>
    <t>b'O3\xf5\xa9!k\xd1E\xbe&lt;\xcd\xba\xabm}\xa4\xd6\xcdR\xb0\xa7\xf1XC,\x8eq\xa4\xbes\x8c\xa9'</t>
  </si>
  <si>
    <t>b'u\xf0\xb8\xd7\x15c\x8b\x90\x07\xcc\r\x1f\xba\xc0\xf7\xc1@G\xac\x0f+\xdb\x96\xb2\xce\xee\xe8\xdd\x96\xe2\xa7n'</t>
  </si>
  <si>
    <t>b'kg\xa2(\xda\x1cC\xf1em\x07\xb7\xf0\xd3i\x88Ik\xca\xc6\xa9\x10s\xb5\xa3\xdeX\xd2;\x0c\x9a\xf9'</t>
  </si>
  <si>
    <t>b"O\x14d\xe2\xce\x82`\xf9\x1f\xbb\x8c\xe4\xe3\xf6\xd2\x9e\xdc=\x10\xa6\x88\xac\xc3\xc9\x18m\x85g'\x14\n "</t>
  </si>
  <si>
    <t>b'mU]O\x8a\xfd\xd0\xb2\xa2S\xebl+\xba.I3\xeb\x93*&amp; y\xbe_.\xf4N\x9a]o\x97'</t>
  </si>
  <si>
    <t>b"-\n\xca\x16\xed\xea\x93}\xdaNY\xa7\xd9\xe1\xb6\xb6\xder\x87\xa4+\x98\xc2Hz\xb7\xd7'\x7f\xc1z\n"</t>
  </si>
  <si>
    <t>b'_\xe1\x10\x07\x13\xb5\x83G\x9f\xf9\xd0k\x88\xc7{NrlU:\x884\\\x90;\xe4\xab\xf3\x94&amp;T\x1c'</t>
  </si>
  <si>
    <t>b'\xe7\xcd#\xa3\xa8\x19X3~\xb7n\x93fnN\xdb\xfe%\xc7IT\x04\x15\xb3\xd6Y\x17\x00\xfa\xabK\xb1'</t>
  </si>
  <si>
    <t>b'\xd8\xa3\x9e\xf9\x93\xf1\x86bT!\xdcO\xe5\xb3\x85\x06,A\xb4\x80h\xb2\xf5\x10\x0f;\xd3*\x03?\xa9\xc1'</t>
  </si>
  <si>
    <t>b'ImO\xa0v\xb1Q|\x7fh\x98\xb7\xc2V\x08\x07\xf0\xfe\xec&lt;N\x9f\x048\xd1\xad\x90\xc1\xd1\x932\n'</t>
  </si>
  <si>
    <t>b'\xbe\xc0A:b~\xfb\xf7\xbf\xe2\x84\x0e\xb1\x08\\O\x99$\xdd\xa4-\xf0vcvR\x10pZC\xd2\xea'</t>
  </si>
  <si>
    <t>b'/\xff\xee\xdfA\nU\xc1\x11\xcc:\xf4\xd0\x1c\xe5,\xf9\x8ec\xee\xf7 \xf6\x17\xe2\x15B\xf4\xd0\x85#\xdd'</t>
  </si>
  <si>
    <t>b'\xb1\xa0+?\xa49\x17\x1b\xaa\x97\xee\xd5\x8d\xce\xc7\x9e7\xe5-\xef/\x9aG9\xb2@\x10\xab\xf6\x10V^'</t>
  </si>
  <si>
    <t>b'\xce\x87X\xcc\xb06x\x1cz\x17E[\x98\xfa\x9e\xcc\xb8\xbe\x1b\xc7\xd8\x14\x9acOYG&gt;\xeb\xc6\xde\xa2'</t>
  </si>
  <si>
    <t>b'\xc0\xcd\xe8\xd3\xbb\xc9\x15\xb2\x97N)\xcd\x8cR6\x8e\xd4Z\x90\x91\x1c\xf2/\x9d\xe1\x90\x85\xc3\x86lP\xff'</t>
  </si>
  <si>
    <t>b'G\xf8\xd1a8K\xa8_0\x1c\x84\xfc\x15bC\xe6H\x90\x89z\x93\xa4\x9aV\xd7\x97\x87\x8b\xd3(\x11I'</t>
  </si>
  <si>
    <t>b'\xdd\xf8~G\xee\x9a\xb6\xe2\x0f\x10z\xbd\x9c\x99_\x1e\xaa[&gt;\xca|\xe8\x1ff\x9c\xeaG\x93\x02\xfe\x9b#'</t>
  </si>
  <si>
    <t>b'\x8b\xd4\x9b\xad\xa2\xbd6.\x99\xa1Y\xc61l\x0fw\x94vF\x8c\x8d\xba\xf9\xf7\xa2\x06M\xe1G8\xec\xbc'</t>
  </si>
  <si>
    <t>b'\x8bft\x03\x85\xe3\xa5\xc8\xdfLw\xfcz\xbe`\x01\x17p\xd01\x02oY\xb2\xd5\x1f\xf9\xdb\xf5*V\xfb'</t>
  </si>
  <si>
    <t>b"*r\r\xd3\x01}\x9c\x05\xa4\xbb\xd8j\x8eD\xa9n\x92\x8esy\\\xc8\x8a\xa04\xc5'\x99\x95\n&amp;\xe1"</t>
  </si>
  <si>
    <t>b'4x\xc3\x8b\x1c\xbdJ\x90u\x8f\xbc\xdd|\x96pz\xe4\x8czT\xb2\xc4\xfc\xf4\x7fK\xcc\xf5)n_I'</t>
  </si>
  <si>
    <t>b'\xbfAxb\x11\xfe\xd1\x8d\x17\xd4\xba\x19\x88i\xed\x8d\xea\xee\xe1\x9e\xc2;\xafw\xfe\\\xdal\x06\x900@'</t>
  </si>
  <si>
    <t>b'\x88\x03\xa8\xbb\x8f\xad]\xbd\x06\xed\xe7\xdc_\xea\xcb\xb9/\xeco\x8aQq_r\xc1K}\xac\x16\x91\xec\x00'</t>
  </si>
  <si>
    <t>b'\xfa\x05\x14\xfe\xe7+p\x91\xd7\xf6O\xb6\xf6l0\xc3F0S:\xb5\xaa\xef\xe8\xf0\xd0\xff2#}1\xb4'</t>
  </si>
  <si>
    <t>b'h}\xdcP\x9c\x86\x0c\xfds\xe5\xe2\x80\xdd^\xbeE/\xb7\x98\x93_\x0bj\xd4\xc0\xae-d\xf4\x13=\xf7'</t>
  </si>
  <si>
    <t>b'\xaa\x06k\xb4#\x05\x0c\xdde\xf4\xda\xde\xe1x\xd9\x16\xcc\x089\x9dF\xdc\xc7\xb0n`e\xa1\xf4\xe0\xc4\x83'</t>
  </si>
  <si>
    <t>b'^\x05X\xd7\xfe\x8f[\x02\x90#Ah\n\x0e\xbeA:i\xce\xe2\xc4\xd6So))\x08\x81=\xba?\xe6'</t>
  </si>
  <si>
    <t>b'\t\x11t\xeeE\xa8D\x1e\xe3(\x1dN4\xdaJ\x83\xf4\x05\xca\x87\x95\xef8RP\xbb\xf25\xa9h\x808'</t>
  </si>
  <si>
    <t>b'\xb4\x82\xcf\xacXQl\xa5}S/\xe1&amp;\x9f9{&gt;\xb1!\x17\x08\xa0qND\x03\x86B\xf8P\xb6\xd2'</t>
  </si>
  <si>
    <t>b"m6n\xb7\x13k\xa6\xdfS3\xfe\xd1\x14\x1e\x85ja9\xbe]4\xfc\xba\xaf';p\x1b\xfc\x9d(\xdf"</t>
  </si>
  <si>
    <t>b'\x1b\x1cF\xd6\x8e\xc8\xb5\\n\x10\xba\x92\x98\x8a\x8co,\xf5\xf2\xd6{\xbct\xde\xb0~.T\xe0\x95D\x83'</t>
  </si>
  <si>
    <t>b'v^3.,\xe9\xf3z\xa1\x13\t\x99S\xc1\x17\xa7\xed\xd5\xa6\x02?\xd0\x1e\x8c\xcf2\xb3\xdd\xfe4\x987'</t>
  </si>
  <si>
    <t>b'\xc9rY\x91\xe3\xef\xfa\xc9%\xad\x9c\xa2\xdcdTs\xcb\xb3\xca8\xf8w`\xc9PV;\xf6\xbc\xe3A\x94'</t>
  </si>
  <si>
    <t>b'\x88\x1be\x9b\x9b7&amp;w\x1f|\xae\xdb\xfa;\xca\x96\xddU%\x84\xe6\r\xd7\xe0\x98\x9cM6`v\x99\xfd'</t>
  </si>
  <si>
    <t>b"G\xc1\xd3'E\x82\x1a7\x8d3\x17\xf4`#\x17\x87\xf6\r\xd9\xe9$\xe5U\x8fOu\xc6\xb9\xac\x1a\xa4A"</t>
  </si>
  <si>
    <t>b'V\xc6\xd0\xf9\xbaN\xa4k\xc09=\x9e\xb4z\xac\xc2\x12\xc8\xdd#\xe8 \x93\x1e\xbb\x80b\x8b\xb7 \xaf\xdd'</t>
  </si>
  <si>
    <t>b"pj\xa8k\xb6\xe2\x84h\xa4\xcf9v\xca]\x00\n\x97\xad\x10\xe1\xf09\xcf\r\x9e\x99'\xc9\x10\xd6o\xde"</t>
  </si>
  <si>
    <t>b'\xc8\xef?\xf8W!\xe1\xd6_@N\x98u\x8b\xb1\x8d\xbe\xe7\x1b\xf8V\xe4\x85N\x9e\xdb\x17V\xd15\x0c4'</t>
  </si>
  <si>
    <t>b'\x90\xa7\xacj\x91U\xd7\xd4\xban#\xd6\x80\xe3L\xe6\xc0\xa4\xf9f\xeeb\xd0{\x8f\xb9\xedk)q\x0f\xa3'</t>
  </si>
  <si>
    <t>b'\x96,@,#\xa4\x7f\xda:?\xf9\xdf\x16\x18x\x89a\xfd}\xc4\xa3h\xd3,J\xfb\xd1\x01/\xb2\x17\xe1'</t>
  </si>
  <si>
    <t>b'\xa5;\x9dgo\xfaA`R\x87\xbd\\\x1c\x89\xb0\xac\xbb3Ii\xb4\xbe\x0e\xf8\x9dI\x11\xc2Y2\xd1&lt;'</t>
  </si>
  <si>
    <t>b'\x85\xc6,\xc3\xc6\xd7\xf9Qu7K\x99\xefQF\xe9,b\x90\xd5u\xbe\x99\xff8\xaf\xad\xb2\x14\xc1Z\xc4'</t>
  </si>
  <si>
    <t>b'|+\xde\xf9\x97\xabL\x92\x00rz:\x96\x8f;\xa01=C$:IQ$c!\x16&lt;R\xc3\xb6\xf7'</t>
  </si>
  <si>
    <t>b'\x81G_\xde\xe2O]%u\xd66\xa1\x1fL\x99&gt;\xd9v\xaf\xfc\xde\xd3\x8c\xd9J"\xd4\x8fq\x86\xc0s'</t>
  </si>
  <si>
    <t>b'\xbc\xdd\xa5Z\xd3\xd6\x82\xe4\xebf\x0f~\xcfC\x93&amp;\x9a\xf6#\x85z\xf4\xf8#\\\xce\xbaE\x95dl\x11'</t>
  </si>
  <si>
    <t>b'\xcf&gt;ZP}\x0c\xb6&amp;\xeb\xaaJ\xe9\xc4]\xdd\x85\x96\xc5CW%sS7.:\x94\x1a\x18\x02\xfck'</t>
  </si>
  <si>
    <t>b'\x01\xacuW\xf7A&amp;\xb8\xdc\x9e\x98\xd6\x98~\xe3\x91yJ\xf5\xbe\xf8\x10\x93\xc3\x954\x0b/\x80S\xc9V'</t>
  </si>
  <si>
    <t>b'\xffI\x03\xf3\xaf\xbdA\xe7\x87\x87y\xad\xa5\xd5\xd6?\xe6\xf6\xb6\x965\xa9i\x08\xc2xg\xe8\xf6E\xd2r'</t>
  </si>
  <si>
    <t>b'7\x0e`F%(\xe9D+);\xbe\x01\x80\xd2\x1e/\x99\x01\x99\x89\xb7\xbd\xcc\xb7n)\xa0&amp;\xaf\x9b\x97'</t>
  </si>
  <si>
    <t>b'\xcb\x98\tn\xc7*\xc9)\x05O\x18^\x9e~\xfb[\x18\xdbI\xb4\x82=\xbdF\x91\x0f\x0b\xa8\x8a\xe3\xc3\x02'</t>
  </si>
  <si>
    <t>b')$\xfa\xc1\xa3i\xe9-\xc7*+\x1e\x10a.n_+v\x7f\x14\x8bzO&gt;#\x90N\xd2\xec\x97\x96'</t>
  </si>
  <si>
    <t>b'\nL\x0eys\xfcv\xa4\xe9\xf1\xfb\x91BLq\x8c\xad\x83F\xb9\xc6)\xe1\xe2\xa6\xc0\x86\xc88\x9f\x0b\x80'</t>
  </si>
  <si>
    <t>b':\x11c\x10\x80\x9e\r\xef\x94\xf3\xb2\x98W1O,$\xa8tp\xb0\xf81!!\xd9\x17eF7\xe1\x00'</t>
  </si>
  <si>
    <t>b"\x9d-\x9cPd&lt;'\xae\x80z\x90M\xb1\xa5\x95b`D\xf2\xb3\xf9\xb7%[\xb1\xdd\x8c\x90\x99\x02=\x99"</t>
  </si>
  <si>
    <t>b'\x04\x94/\x08hi\xe3$\xc6"D\xbc\x14mTS\xef\r\xea\x15T\xe1&lt;\xc5\x07\xca\xb3\xa5\x99W\x1dI'</t>
  </si>
  <si>
    <t>b'\xbc\x97C\xd9\xbft#@O8\xc7\xbe\x7fU^\x7f\x80\xcc\x1e\xd7\xb8\xdcf*\xc0)\x8fH\xc3\xac\x01g'</t>
  </si>
  <si>
    <t>b'\xd4\x9f\x8b\xf4\xe4\xbfZ{\xc8\x02\x8b2\x9eu\xf7\x8d-\x1d\xaa&gt;\x03\xe99\xff\xcdR4\rXzcM'</t>
  </si>
  <si>
    <t>b'\x7f4i\xadG\x95|\x03\xc1mQ\x1a\x857\x0b\xfb6\xa8?,\xa0\x07&lt;/&gt;H\n\xe3\rM{\x1b'</t>
  </si>
  <si>
    <t>b'r\x1e,\xda\x85\x917\x9e\x848\xa8d\xc51\xd5\xf4\xeb.\x1a\xb8\x92A\x1b\xe1\x91\xbfV\x8d\xb3\xfa\xd9{'</t>
  </si>
  <si>
    <t>b'\x95\xc0\xb1\x85\x10\xa4\t\xeehU3\x14\xcaA\xa4\xa7]\xda1;\x81n\x900\xaaZDn\x10\xdf\x11S'</t>
  </si>
  <si>
    <t>b'\xbe(\x82\xcep\xf3\xdd\xcf\xbc\xd8X\x0eT\xe5\xbe_\xd5\\\xf8\xfb\xed?\xd8\x11g\x1av\xc6\x93\xf2\xebV'</t>
  </si>
  <si>
    <t>b'\xa9&lt;F\x96/\x8f\xc3\xccv\x1f\xb10_\x15\x83\x8c?\xfe\x1a\\\xa7\x81\xe6\x17\xb2\x01\xac\xf6\x81\xfdXt'</t>
  </si>
  <si>
    <t>b'U\xc3\\N\xcb\x9a\xb7"\xc2\xab`\xddb\x96M\xfb\xde\x9d\xc7G\x90\xdd\x83\xc9\x13\x13\x07\x1b\x08k\x11\x11'</t>
  </si>
  <si>
    <t>b'\x99\xc5l\xa3\x05t\xc2\xc8]\xdd\x86\xd4\x84XX\xd4-\x12\xe0\xe7\xf2\x9fe\xe5\x97\xd4\x0cyQ(\xb4G'</t>
  </si>
  <si>
    <t>b')l\x05\x97\x9b\xa9A\xb7\xff\x14_1\xe47\x00\x84\x1d\x82N\xb1\x16\xc4\xfa\xd9\xb8EO\x0b:;\xfcD'</t>
  </si>
  <si>
    <t>b'\xca\xc9\xeaT6\xb5p)\xd0\x92#\xf7\xf1\xaeC\x92\x86(\xd1\xacsF\x1e\xb8h\x9e\xfa\xa9\x8e\x9eHr'</t>
  </si>
  <si>
    <t>b'\xea\x84\xec\xc1\xd6\xc7\xb5LAN\x95q\xfa~\xebX\x9c\xfa0ez\xd2\xf2\xe1\xa6r\xd1\x976\xac\x82\xb0'</t>
  </si>
  <si>
    <t>b'\xc8T\xda\x100\xcf\xfd\xef\x8e\x97\x18T\xa7\xe0\xff?!\xbf-Wg\xaf\x19\x90\x8b\xf2c\x11@\xa8\x12\xde'</t>
  </si>
  <si>
    <t>b'\x80\xafD\xd1\xd5s\xde\xb0\x84\x1c\x08D\x96\xa2b\xbd\x0f\x13\xbc\x05\x9a\\\x0fy\xec\x00\xa7?\xa92\x00\xd4'</t>
  </si>
  <si>
    <t>b'\x92\xb1\xd2-R\r#\xcbE\xc3\x1f\xc7L\xab\xa4\xaa\xb8:M\xb5\x9ftH\x19K\xe9X\x08n\xac\xef\xe8'</t>
  </si>
  <si>
    <t>b'\x8f\xb5\xb7\xb7C\xa0w8\xb7\xe0:[\x81\xf0V\xf3\xde\x13&gt;\x8fb\x8f\x83L\xe1C\xd6\x83M|:\xb5'</t>
  </si>
  <si>
    <t>b'\xe9\xa5J\xb2\xe1\xbaP\xd2\xae\xd4\x0c\x96(\nG\x84\x8cw#m#i\xc7.\x0b\xa3D\xb86\x81\xabL'</t>
  </si>
  <si>
    <t>b'i\xd6\x03\xfbU\xa9e\xcb_1\xee\n~\'\x16q1\x13\x9b1\xa7\x0fw3\x88(\xfd"yV\xd9a'</t>
  </si>
  <si>
    <t>b'Z\xd2*\x0c\x0f\x9a\xc1\xb1\x95\xcd\x01\x99B\xc5\x96O\xe5\x01#`u \xbbv.\x8da\x91{o\xc8\xa1'</t>
  </si>
  <si>
    <t>b'\xf6,N\x1a\x97j\x9b\x9c\xbc@\xb2\x12\xe7\xb4\xd7:\x08\x87\xbd\xdc\xb5\xc7\x1a\xf2\xd3/\x9b\xf3\xfb\x9dgy'</t>
  </si>
  <si>
    <t>b'\x1a\x0b\xa2\xa0\xc8\x82\xd0\xb1\xe0\xea\x84\xa2\xc5P\x11\xa7\xc6iJ\xcbF6EP\xa5\xeb\xe4\xf63\xdc\x86\xa2'</t>
  </si>
  <si>
    <t>b'\x86\xbb\x8f\xb8\x06\xfdCN\x82_-\xf4-\x08\xbb=\xeb\xb40\x0bC\xd0f\xff\xff\xa7\xaf\xeb\x8fX\xe8\x8a'</t>
  </si>
  <si>
    <t>b'\x92P\xe5\xb8\x87\xaa\xb0\xe11\xc4\x16\xc0\x19\xebw\x83T\x1a\xd9-\xa9e%*\xd5mu\xbf\x14\xc1\xdfs'</t>
  </si>
  <si>
    <t>b'\x7f\xf3\xfa\x1cZ\xb3c\xa6#0\xc7C-\xe3\xf7\xd9\xeb\xef\xb2\xa6\xb9\xf3AF\xea\xd1\xf1RH$\x05\xfe'</t>
  </si>
  <si>
    <t>b'9\x01\x15\xe3\xa8\x8c\xf9G\x9exo\xc4n\xeddM0\xb7\xac&amp;\xe6\xb1w\xdfl\xacph\x18ER\xfd'</t>
  </si>
  <si>
    <t>b'Dl4\xf4K_\x12\x82(\x86\x1c\xd0\xf0\xdc.\xa2\xbf\t\x95]\xa3\x85\xea\x07\xae\x0c\xe40\xacI\x83\xec'</t>
  </si>
  <si>
    <t>b'7\x183\xae!-\xd8\xd9\x89;\xc2@\xcd\xa6\xe3wST\x1b\xabK\x82\x8f\xfc\xfd\xf5\x1d1\xc7\xe4\xcb\x82'</t>
  </si>
  <si>
    <t>b',~\xeeB\x97\x10\x92+\xdc&lt;E\xf5\xf0\xd5\xadY&amp;I\xd2%\xf4Wu-?\x15%01\xc0\xf7\x1b'</t>
  </si>
  <si>
    <t>b'.\xab\x1d\x000q\xae\xe9\xff\xc9\xd05XqZ)R\xc2\xdc\xb6E\x15u\x9e(\n\xb0\xa3\r\xb0\xcb\xc5'</t>
  </si>
  <si>
    <t>b"\xd2'\x95k\x9f!\xac\x90\x8c\x05\x82\x89\x1e\xee\x97\xf0\xfb.\xe8&lt;\xb6d#\xaaM\x01gK~ \x14\xce"</t>
  </si>
  <si>
    <t>b'\x93\x16\xe6w\xffj\x9a\xcdI\x8fx0\x8f\n~l\xdeD\xc3\xe79$\x08\xf6\xe6\xe4\xf67\xce)5K'</t>
  </si>
  <si>
    <t>b'1uY\xb8\xeas\x81\xaa_\xd1zZ \x12N\xe6\xac\x8ao\xaay\xa9\x8d\xf2`\x95\x01\xce{\x18\x17g'</t>
  </si>
  <si>
    <t>b'\xd4\x178\x9a\xdc\x03O\xbf$#\x86\xa7\x1c\x9c3\x12C\xf4\xa4\xc8k\xaf~\xeb\xbe\xc0\xb5B\xb8&lt;,\xab'</t>
  </si>
  <si>
    <t>b'D\xa5M\xc5\xc4H\x19L\xaf\xbd|\x1d\xd6\x83\xb4+4\t!\xb6\xf1NQ`\x9c\x98]\xcc3\x1fBa'</t>
  </si>
  <si>
    <t>b'B\xb3?Cq8-\xe1@"JC\nM\x1b\xb2\xbe\xa6\x9e\xc6\x13Q\x91\x91\xf3\x18\xe9\x8f&lt;\x1bE\xd8'</t>
  </si>
  <si>
    <t>b'\xc4Q\x96\x9cPh\x0b\xbbP&gt;\xd4\x8d\x97Ck;\xc7\x1c\xffi@\xbf*\x04\xc9\xf1\xb2\xb1\xe4}\xddf'</t>
  </si>
  <si>
    <t>b'\xbc\x83\x9b\x06x\xbcJR\t\xcd\xferiC"\xa2!\xba\xb31\x97;D\xc1\xe2\xe9\x17\xa9\xe0\x0f\x94\xbf'</t>
  </si>
  <si>
    <t>b'\x05\x1e\xd3\\\xfc\x9f\xe7V/\xa0E\xef\xb2\xf9E\x19\xe7\xb2\x97X2\x18#n-\xd2\x9d\xfa3\x12P\xeb'</t>
  </si>
  <si>
    <t>b'\xf3\xf8LY\r6\x1d\xcbr\xfaI0o\xe3\x03[\xe1@\xb8\xb4\x834\xcbm\x8a;\x8e8\xb4\x03\xaa\xf8'</t>
  </si>
  <si>
    <t>b'\x81\x97\x1c-\x9f\x02Y\x03\xddx\n\xce\x0b\x81\x9c\xdd\xad\x84\xf1\x8d\nt\xbeW\xfc\xcdgL\xbeG\xaf\xab'</t>
  </si>
  <si>
    <t>b'QT\xcbj\x1a\xb6\xf5w\x8c\x1d\xdd\x9a\xd6\xec\xd4\x92\xf0\xef\xd1\xbd\xb0\xd2\x84A\x0f\xa6X\xf1\r\xaf\xeb*'</t>
  </si>
  <si>
    <t>b'\x99\xe0\xc3i3w1H\xe1\xaa\xcb\xef\xbb\xf4&amp;\x94\x80\x9f\x00\xa4\x10\xa7\xd7\xda&lt;\x89]z\x1d\xfe3B'</t>
  </si>
  <si>
    <t>b'\x83\xf7\xa4m|=\x80\xe1T\xc12\xf3cG9\x85\xc9!&amp;L\x92\xc5 7\xeb\xdd_P\xfc\x857\xa9'</t>
  </si>
  <si>
    <t>b'7\t\x12*3%\x935\xc9&gt;h\xc5\xda!N\x8b\xddKj\xc2\x05\xa3Ce;\xf2\xaf\x0b\xcdtA\xec'</t>
  </si>
  <si>
    <t>b")[\x18\xacO\xd3\x96\x82%\xcb\x8a\x917k\x18\xc3Z\t\xc6ks\xe2z\xf4\x03\r'\x1a\x1c\xa9\xfe5"</t>
  </si>
  <si>
    <t>b'\xaa\x1f\x1a\xdc\xbc?\xd0\xde\xda\xabNc\x8c\xdf+\xe8\xd6ct\xbd\xa2\x04\x97\x0e#\xc5\xd8\xcaZ\x9a%\xb4'</t>
  </si>
  <si>
    <t>b"'\x8a\xda\xa8\xa1&lt;\x1d\xf8\xa0\x07B1\xf1\xd6j\xcd\xd8\x0b\x7f\x8c\xfa\x9cS\x99Bff!p\xd1\x056"</t>
  </si>
  <si>
    <t>b'\xfc\xd5ju(\x1cQ\x19#\x0fyh\x08\x1c(P\xdb\xb7\xd1D.\x01@4\xf8\x7f\xa2:\x10\x84\x14}'</t>
  </si>
  <si>
    <t>b'k\x06\xcaz^\xd9-q\xdeL\xab\xd9`%@\x12/\xf3\xbb\xa6\xfa\x1aJ\xa7By\xcf1\xcd\xc7ce'</t>
  </si>
  <si>
    <t>b'\x89\x17q\xfe\xfe\x945Os\xf5\xd6{D\xfc\x13NP\xff\xfc\xc2q\xdaz\x05iF/\xdb\x056eW'</t>
  </si>
  <si>
    <t>b'I8\x8eQqZ\x97\xee\xb0i\x975[\xdc\x0b|\xb8\xf6\xb5\xe7\x8cU\n\x02\xe0\xea\xe9@\xd5\xe8\x9d\x81'</t>
  </si>
  <si>
    <t>b'3[\x8c6\x92\xf1p\x87K\x92WsZ\xdf\x08\xf9\x8c\t\xeac\x17\xa6C\xf1p\xab&gt;\xca\xe0\xd6U\xb3'</t>
  </si>
  <si>
    <t>b'EZ\x88\xa9n\x98\xa9Q\xf0\x8dD\xea\xa7\xd3y\xb9\xad\xb76\x8a\xf9\xb5=\x01\x91\x90\xc5`G\xe8\x9et'</t>
  </si>
  <si>
    <t>b'\xd0@\x83\x13l\xd3\xd7N\xe2\x877l&gt;\x18\xa6\xb3\xb4\x8c\x85G\x06\xc05\xba\xe8\xf3\xf9\xa1\xcb\x86\xd1\x06'</t>
  </si>
  <si>
    <t>b'\x94\x9c\xa0\xf3O\xcc\x99\x19\xa0F\xd3\xaawY(\x11\x86\xa4\xf8r\xb3?J\xc4rP2\xd7\xcc\x03\x19^'</t>
  </si>
  <si>
    <t>b'T\xef\xac\xac:D\xd57\n\xf9s\x94L\xd4\xdb\x95\x9b\x02\x84$\xf3\x13\xfec\xd9\xc0u\xe2\t\xe2&lt;\xf4'</t>
  </si>
  <si>
    <t>b'\xc8B\xa8\xf9s\x1d)E\x824@\xab6\xc0YY\xb2|[\xbc\x8c&lt;\xac\x94\xa4G\xe1\x1f\xcd.&lt;T'</t>
  </si>
  <si>
    <t>b'\xb2\x9b\x07\xd7\xcbC\x7f\xf1\x01\xe0d\x90\xc5\xb2k\xa0&lt;\xbf I*44\x96\xa7j2\xe0\xc9\xf7\xf0\x00'</t>
  </si>
  <si>
    <t>b's\xe1ws}\x9f\x0bJ\xa4\x92=m\\\xfe\xda\x0e\xc0$\xa2\x16G\xa8\x97\xf3\xd5(\xeb[\xc6\xbc(\xe4'</t>
  </si>
  <si>
    <t>b'm^\x08\x81ie\x14.\xb7\x820\xbaS\x87"\xfb\xaf\xeb\xd5=P\x9d\xf0\xb7\x7f"\xb4\x95rTw\x81'</t>
  </si>
  <si>
    <t>b'|@\xe3W\xd7\x97\xe3\xa9\x07\x0f\xff\xe7\rjTX\xe7-\xf5\x99t\xc3\x13,\xd1TR\xb9\xccg\t&amp;'</t>
  </si>
  <si>
    <t>b'\xf3\x86\xf2\xb5A\xa2p\xf6\x03\x1a\x05"\x88\x1e\x1c\x813\x9f\x7f\x8aN\x1b\xc6\x14\x96\xa0W\xd3==\xd3\xa7'</t>
  </si>
  <si>
    <t>b'z\x13\xa8E\xc6v\xc5\xd3tG\xc4A\xda\xa0\xc5\xbf\xd2X\xe6\xf2\x9b\xab\x97\xech\x12%\x16\x89&amp;D:'</t>
  </si>
  <si>
    <t>b'T \xd0\r\x7f\xb3FJ\xcb\xd7V\xce1\xf4\x7f\x9e\x96\xeb\x94\xe6\xddL\xb38k\x8c6\xd4\xea\xb2N\xa1'</t>
  </si>
  <si>
    <t>b'y\xfe\xcd\xbb\xcaL+\x17DH\xce\x8f`\\R\xc0(L@#\x90\xfa\xa2\xcecP-\xaa\xec\xb9A\x15'</t>
  </si>
  <si>
    <t>b'1m\x7f\xa2=\x95\x19\x14\xe4b\x17\x0b\x8c\xb8\x1a\x9e\x1a\xf8V\xc1l\xf8\xc5M\xa6\x03\xfd\x11\xd7\xcd\xd8\xb9'</t>
  </si>
  <si>
    <t>b"\xaf\xc6\xd1\x8c\x1cc\xb6.b'\xc6-\xa8\xe2\x02f?\x7f\x03s\x17\n\xa3z|\x8e\x83tNt\xa5\x00"</t>
  </si>
  <si>
    <t>b"\xc1\x1b\x91c\x11A\xabn&gt;I'\xecz&lt;\xe6\x11\x99\t\xca\xf8\x1dC6@3\xb6\x12e\x162\xb5\xae"</t>
  </si>
  <si>
    <t>b'\x04\x86\x1f\xb9I\xbc\xeb\x8e\x1e\x1d\xd2\x8aP|X \x83\xc0RBq\x0c;\x1b\xc5\xa4\xa2\xc2\xdf\xd9\xcc\xa2'</t>
  </si>
  <si>
    <t>b'*\xa8.XiM\x89`e\xc1\x8d\xf8\xfbk\xe3F\xde\x8a\xa5\x99\xbd\xc2\x9aF\xb1\xd7\x05f\xe7\xbe\x90U'</t>
  </si>
  <si>
    <t>b'&gt;P\xa8\x9c\x8db*\xde&amp;@\tX\xc4\x9f\x181\xa6\x15\xb2^\xf7\xa5F\x1e\xe9dcK\xed\x1b\xbfX'</t>
  </si>
  <si>
    <t>b'\x00\x82\xf7\xab\x86\xb1W+\x08\xcb\xbc`8\x80\xdf\xe0O\xcdc\xdc\x1b\xa2\x90\xb3\x84\x9d\x98\x8f\xc3\x17\x06\xc8'</t>
  </si>
  <si>
    <t>b'\xda(\x02\xcfl\xf5\xe5\xffQ\xb6\x93\xf2\xe4\x81\x9ap\x9f\x9eO\xb8\r\xa1\xcfc\xf0\x82\xdd\xf7n!\xfc\xdb'</t>
  </si>
  <si>
    <t>b"d\xa6(\x8b\xc6+\x88L\xc2I\x95\x80\x15\x13\xc9B\xf1s\x97\x91\x8c'\x91\xb4(\x92\x1d\x9e\x88,\\\xd8"</t>
  </si>
  <si>
    <t>b'\x83\x87:Z\xef\x8a\x8f\xeb\xbf\xb0\xec!y}\x80\xa3\x81\xca\xa5\x87\xb8ze\x82\n\xd4=\xd8!\x12\x02\xc1'</t>
  </si>
  <si>
    <t>b"\xfa\x198Y\xc6f&lt;\xe8\xe3\x1b\x1b\x1d&lt;#\x90A\xd7\xa8\x0e\xa5m\ta8\xff'\xdb_ ]\xb4E"</t>
  </si>
  <si>
    <t>b'\xef\xf6\x1b\x9c\xaa\xe8\x8a\xd2\xce\xcb/_\xeb\x9f\x92\x89\xa4\r,4\xdezS\xc1\x9e&gt;\x1e0\t\xa5\\&lt;'</t>
  </si>
  <si>
    <t>b'A\n=\xfd\xd7\xdf\xc3]\xa0\xc8\x06\x96\xdf-\xfb\x89\xbc\xd3\xf1tF\xf0F\xea\x1ch\xe9\x8a/a\xd1\xdd'</t>
  </si>
  <si>
    <t>b'\x18\xaa$\x03\x15kg!t\xc4$\xe2a\xf4\xc9\x906\xd5I\x8eg\xabi*\xeb\xf9\xfew\x13\x1f\xb5C'</t>
  </si>
  <si>
    <t>b"\xc4\xfd7_\x9b%\xf6\x11\xd9I#\x9e'\x96\xef\xb4\x86X\xac\xd7\xf11.M\xbe\xaf\xea\xf9]\xb9Q\xf8"</t>
  </si>
  <si>
    <t>b'\xa1,\xd6\xd2S\xdeI\xdf\x9fW\x1d\x83\xf3c\x00*\xf4i\x11\xc7\x12\x8c6\xfb\x96j\xd8\xb4\x19\xea\x86\xea'</t>
  </si>
  <si>
    <t>b'\xd2\xf0F\xbc\xe4=T\xb4\xb3r \x189\xc6\x17\x11\xc9\xdb\x01\x06\x98\xc5\xf1m\xd9\x9dw\xc0\x98A\xc1\x03'</t>
  </si>
  <si>
    <t>b'\x12]\x9b\xede\x00I\xb9\x86\x14\x13\xb1\xf9\xb3\xb48\xc0\xdc\tt4\xbf\xaa\xbbo[\xac`\x99K\x1f\xce'</t>
  </si>
  <si>
    <t>b'5AI\xc7\x96\x8a\xc7\x0e\x875\xf7\xaa\x9a\xdf\x0f \xe8\\\xa6\xfa\xc0\xe0\x8b\xe69\xf7\x18\x1a\xd1\x02\xc1\x80'</t>
  </si>
  <si>
    <t>b'\xab\xae\xe4mI\x804\x85\xb5\xb2\xf9\xb2\xc9I\x95\xd6\xb9*\xfb\r\x08\xa9\x86"}\x8f\xc4\x0e\xd5\x0e*h'</t>
  </si>
  <si>
    <t>b'\xfc\xccy\x19r\xc5\x9d{\xabm\xfe\xfd\x98e\xe5\xb1ua^+\xb2H\rf\xa8_:d\xd5\xc6xp'</t>
  </si>
  <si>
    <t>b'\x86\x7fx\x18\x98Nk \x83:f\xa1\xa3[\re8\x04\xc4V\xd4-\xbaJd\xc2\x9d\xbfC\xaf\x16\x1a'</t>
  </si>
  <si>
    <t>b'\xb8\x19!\x8d7\x80E:5\xfbeK\x0e^+_\x17\x99\x0cL\x07\x97\x85\x8e\xc4A\xc9\x8dM\xcb\xc6\xc0'</t>
  </si>
  <si>
    <t>b'\xf8\xc3v\xe7\xa6M\xa1@bkf&lt;\x07E\x97\x81\xfc\xe2\x9f\xff&gt;@5l\x11z?\x03r\xe6 8'</t>
  </si>
  <si>
    <t>b':?_\xee\x99\x89B1G+\x18~\xca\xfbL1!\xb8\x93\xa9\xe9\x0f\xf0\x03\xeb\xd9 6\xb3w\xd4\x8b'</t>
  </si>
  <si>
    <t>b'*"\xe7W&amp;\x06".cA\x91U\x9e\xaf]C\x17gZ\x1a\x02\xd8\xb1\x87m\xa9||\x06\x9c\x00\xe9'</t>
  </si>
  <si>
    <t>b'\x04\xda\x0b\xd4(\xe3&lt;\xa79\xd9.\xbb\xa0\xee\x11\xbc\xab\xab:piP\xeb\x12a\xea\xf53q\xa1\xbb\x11'</t>
  </si>
  <si>
    <t>b'\x0eE\xb7\xf1M\xc1X\x07\xd1\xbfb\r2\x16\x9a\xfb\x1c\x86t\x1d\xb5\xa4YC&gt;\xcaF\x881\xffU\x02'</t>
  </si>
  <si>
    <t>b'\xaa\x84R\x87\x87q\x8cJ\x8c\x1a\x8a\r\x82\xca+S\xb2\xcbP\xbf\x8e\xd7\x1f\xd2\xbdv\xa3+\xcb\xb5b\n'</t>
  </si>
  <si>
    <t>b'\xc1\xc4H\xfaU\r^\xf5\x90\x8e\xd8\x91X6c\xc3-9\x04\xafj\xf9;\xb0\xaaS\x0f\xc3\xc7\xf3\x88H'</t>
  </si>
  <si>
    <t>b'\xf7\xfe0W\xc9oNO\xf2\xe72\x08\\\xbb\x80I\xf4\xca\xbf/\xe6Q9\xaaH\xbb\xc4A|\x0f\x9c\xc2'</t>
  </si>
  <si>
    <t>b'\xa7\xd2\xab\x0c\xc3\x95;\xb5A\xfe\x8c\x1e\xeaa\xb7\x00{\xbc\x0e\x0c\x90\xa8\x11\x7f\xd9Zn\x15\x1aru\x0b'</t>
  </si>
  <si>
    <t>b'c~\x13|\xec\x94\xfe\xfaX\xe0\xad\xb9\xcc#\x13\xfa\x80\x16\xd7\x97X;\x8c\xe7\x15\xc4\xc18i\xbe\xb3\xcc'</t>
  </si>
  <si>
    <t>b'\xd8\xfd\x94$i\x81\x13\xbc\x07\xf5&gt;\xd2pV\x0f\xce\x0e\x15vA\x01\xd5\x18\xb4\x99\x99\xa7H\xab\xb0\xa8\xb1'</t>
  </si>
  <si>
    <t>b'e\xbf\xe6\xc1{\x9bF\xd6\xe0\xba\x1a\x93\n\x06\xb1\xeb\xb6\xa3\x828\xb4\xef\x1b\x8e\xe6\x19\xcf\x96\x99?\tn'</t>
  </si>
  <si>
    <t>b'X\xecq\xf6\xd6\x1c3\x00|\xc9\x8e\xafJ\xaa\xcb\xf9\x90l)C\x8aB\x8a\xa4L;\x14\x82R\xb1\x00\xb6'</t>
  </si>
  <si>
    <t>b'Yg\x98\xf7\x9e\xb9\xf2\xc6K\x96R\xc7|\xaa5\t\x9b-t\x84\x1bD\xc9\x08\xe3;\xd3sJ\x8b\x05\xd2'</t>
  </si>
  <si>
    <t>b'\xe9C\\\x0cJ\xd2\x84X\xa6\x97\xa3\xe3b\xd8\x9e\x14l\x83\xe2J\xe7\xf1\x1d\xf8\x1a\x90\t\xb6!\x9f \x99'</t>
  </si>
  <si>
    <t>b'\x88"\xd35\xdf\x1b\x95\xb9\x0b\xa3\xa6VmB^\x19\x90&amp;\xc8\xb2\xe6\xf0JO`in0H\xd5\xe5\xfa'</t>
  </si>
  <si>
    <t>b'\xbb\x00\xb8R\x1d&lt;\xe6($Z\x96\x88""\x81\xa6\xf0R\x04\xd9 \x8c\xb2\xddz68Lo\x03\x85\xf4'</t>
  </si>
  <si>
    <t>b'\xfd\xfb\xb9\xbe\x01\x1fe\x83\x1f&amp;\x04d\xa8u\x9e3\x9f\xfe#\x83\xfeH\x91\xbaV\xe4\x81\xb18Q\xb8Q'</t>
  </si>
  <si>
    <t>b'\xf1r\xb4\xa3q\xc2c&gt;\x8f\xb8\xf0G\x01#\x1d~\x97-\xb4\xef\x19\xab\x05\x93\xb5\xd0[\xddZ\xafW\xf9'</t>
  </si>
  <si>
    <t>b';\xf5\xc9\x8c\xa3\x93_t\xae\x96\x89\x83"\xc4\xff~\xb1l}\x8d\xa09\xd1\xbbZ\xb1Bk_3\xab\x11'</t>
  </si>
  <si>
    <t>b'\xda(\x07\xc6p%\x1c4\xec\x072R\xd65\xbd1\x90B\xa0\x949\x90\x97\xea\\\xc5\xd8\x92\xd0\xf4\xe8H'</t>
  </si>
  <si>
    <t>b'\xe0\x9b\xd9\xe2p\x9cy\xc0\xd8\x82+\xa18])\x8a\xd1\xaa\x02!B\x81\xb4\x0e\xd4\x7f\x01\x9bF\x94\xf7i'</t>
  </si>
  <si>
    <t>b'\x1e\x12O\xaa\x8aT\xd8\x9d\xafD\x93\x13\xee\xe7\xc1T\xb9\xdfS\x04\xc6\x0c\xe6\xfa\xf7q\x98\xe9\x80n\x06&amp;'</t>
  </si>
  <si>
    <t>b"s\xf7\x1b\x9a\xf1\xbbKg\x88.*\x9b2\xc2\xc1]b\xaby\xa0\xe1\x89\x11\x03X\x83\xb5M'e\xc0R"</t>
  </si>
  <si>
    <t>b'o\x96Z\t\x1dk\x84\x92\x14\x17)\xac\xa6\xfez\xce/\xec:~d=\xea-\xb2m\xcb\xf6\xd5B\x83\x90'</t>
  </si>
  <si>
    <t>b'\x82](\\m\x1d^#\xf3\xa1\xb6\xf3MO\x98W\r\xaf\xe9\x04D\x1e\x0bw\x17g]\xb8i\x8f\x80D'</t>
  </si>
  <si>
    <t>b'\x94\x05\xfd\xc3\x02\xc5\x0b\x90\xba\x80\x1d\xb7\xe2\xb4!\xc0}\xa0X\x07\xd2L|`\x9b\xb8\x08\xf8i\xcf\xcd\xeb'</t>
  </si>
  <si>
    <t>b'S\x81:\xc4\xe6J\xd3\xd8\xc8N\x06\xbd\x17\xf8\xfa+\xa2\xc4Q\x8a/\xa4\xd2\x90\xf1D\xb2O\x9d\x08\xd3\xc0'</t>
  </si>
  <si>
    <t>b'H\xd9\xd1^G\x82}\xef\xad\x99\x1c4M\xa5q\x7f\x88^#Uo=\xe3\xe3\xd7\x86\x8f\x97\x83a\x8c\xd5'</t>
  </si>
  <si>
    <t>b'\xf9E\xee\xd8\x99.\x1d\xf2.C\xebH|\xcbu\xb7\x88\x11\x17\xe4\xaf\xca\xe3t\x03\x08h\xc9a\x06dh'</t>
  </si>
  <si>
    <t>b'\xdc\xcf\xc3g(\x13\xf6\xe8\xcd\x9bN\xb4\x8c\xa6_\xd4cE\xf4\x12 \r\x83\x84\xf7[\xca\xd2\xfeh\xce\x8f'</t>
  </si>
  <si>
    <t>b'\xffJ\x91\x8aY*\xc6h\x8e\xe00\xb5\x05\\\xc8\xc0\xcfC\xa8\xa2\xe3sJ\xb6\xf5\x01\xfe~\x07\xa2\xff\xac'</t>
  </si>
  <si>
    <t>b'\x13\xa7\x06\x90\x80\xffA\x10\xf2\x90`m3\x87\x9f9\x0c\xd9\x83\x85=\xe9\x96i\xae\xb0\x8c\xc9/\x11\xbd\x7f'</t>
  </si>
  <si>
    <t>b'+\x94Z\x81\xca\x16\xd6\x9d~\x15\xbf\xfa\x1d\xde\xc3\xb2\xaetI\xb2\xb6\xe7\xa6\x7fP\xc4(7\xf7-\xa0@'</t>
  </si>
  <si>
    <t>b',|\x06l\xa8;\x05~2\xba\xfd\xe2\xb2"\xd0&amp;\xa6\xd5{\xd3\xdf\xbb\x83\xa3\xce\xb6v\xe0\\\xde~\xa7'</t>
  </si>
  <si>
    <t>b'\xdcrDX\xee\x96D\x91Y\x86\x86\x91\x1c\xae\xac\xde\xf9\x13^zG\x91=|$\x04R\xb4\x06\xc6^V'</t>
  </si>
  <si>
    <t>b'U\x94\xf0\x9d&gt;q9\x02\x9f\xb6j\x7fT\xa2\xa2&amp;\x80K\x98\x00\xd0\xfcq\xfcZ\x0f\x1e\x05\x93\xd4}\xdc'</t>
  </si>
  <si>
    <t>b'\xcadk\x98O\xdbh\x91\x96\xb85\xc6K$\xee\xff\xa1\xbc\xd2P\xc8V\xdcmP\xc0z\xbdm-Dc'</t>
  </si>
  <si>
    <t>b'\x11\x12\x98\x89_\xf7\xd4\x8a(BpRH\xa9\xea\xa4R]\x10\xcdL\xc3\xfd\xc9~\xb2\x87\x164\x94&gt;p'</t>
  </si>
  <si>
    <t>b'\x7f\x18\x08u\x02\x8c\xf1\x9a\xd5\xb9\xc8\xb5\xb0\xab\x00Z\x06E\xaa-\xae\xbc\xa7\x82\x8f;\xa8&gt;\x8c\xf7\x15\x8a'</t>
  </si>
  <si>
    <t>b'\xa0Y\x1d\xb0\xb2\xf4\x89\x7f\xf2.\xed"g\x951\xfc\x8a\xa9\x04\xe7\x87\x9d\x9c\x894\x9chQaQZ\xce'</t>
  </si>
  <si>
    <t>b"kp\xb3]\x9e\xfa\x18\xf7\xf9\x14\xc7m\xacz\xa1\x9d\xe6)q\x03\x12\xfa$z\xc0)\xfe\xfc[*'\x88"</t>
  </si>
  <si>
    <t>b'\xd3\x04;\x1d\x02gd\xeb\x81,v\xd0\xfcGW\xde\xe3\xeb\xda=7\x80\xf0\x17\xcf\xd5\x03\xbe\xcc\xa7\x16q'</t>
  </si>
  <si>
    <t>b'\x97\xa9\x97\xda\xf7\x88\xe0I\xd9\x08\xedb\xa2\t\x08)}&amp;\x8d\xedj\xa4\x94\x82_\x00\xe2\xe87\xa2\xb6\xc4'</t>
  </si>
  <si>
    <t>b'\xe9\xc9\x90\xf1\xad\xa9bM\xc1\xa8\x81.\xbdN\xcd\x14\xcd\xe2\xbf[\xd5aDZ\x8b\xd9\x8a_j\xdd\x166'</t>
  </si>
  <si>
    <t>b'\xe9\x18A-\xe9\x9d \x07n\xd7\x03}\xe4/\xba\xb9\x9dp\xd7\x9b\xdc\xbf\xa0\x9d-2?yh\xf4\xd6\xb6'</t>
  </si>
  <si>
    <t>b'\x8c;\x15S\xfb\xda\xdc\xe3K\xd6\x03\x16\xadl\xcbQd\t\x13M\x95\xd7z\x0c\xfe\xbbs/j\xd9W\xb8'</t>
  </si>
  <si>
    <t>b'&lt;\xee\xb49\xf3\xa3\x97\xc1\xc1Tj\xac\xbc?O\xb3\x9f+\x165\x963!Z\xa2d\xc4\xbazi\xe6\xa5'</t>
  </si>
  <si>
    <t>b'\xbf{\x0b4q\x08(\xfd4\x7f\x9dnto\x83T\x82\xed\x92\xf9$\xcb\xf4\xa8\xce\xd8\x0f\xf2\xa0v\xfd\r'</t>
  </si>
  <si>
    <t>b'U\xdd\x171S\x10\x03\x18#n=)E+"\xa1\xd3\xd4\x04\xb9j![9\xe7k\x15\xee\xc4_\x12\x86'</t>
  </si>
  <si>
    <t>b'\xec\xac\xe4\xea\x18x\x8frT\xb35\x82V\xbf\xa3)0\x0b8\x97\x12f\xd2\xeb\xb4\xa2-\xbe]5\xdd\x9e'</t>
  </si>
  <si>
    <t>b"^Q0\x975\xbd\xc5\x18\xdf\xb8\r\xef\xb8/G\xb5\xbd49j\xb1'O\xd7\r\xfdF\x97\xf5\xfdz\x00"</t>
  </si>
  <si>
    <t>b'\xeb\xc1\x98\xaa3P0\xb3\x8a=\xc2~\xb6\x1e\x83\xebi!+*I\xd2+\x99\xc8\xb9S\t/\x98\xb8\x9c'</t>
  </si>
  <si>
    <t>b'\xdb\xca\x9f\xbck\xd6\xe7t\xeduR\x97\x84uUp\x97}\x93\x94\x80P\x81b\xa5\xc5\xe0d(wS|'</t>
  </si>
  <si>
    <t>b'\xbe\x9f\x13&gt;\x89\xc9\xc5\xed]\xf8BMR@\x90\x11\xe4\x1aG\xce\x9d\x8f\x8d\xf2gP\x80Z\xab\xa9\xe2D'</t>
  </si>
  <si>
    <t>b'\x16\x99\xaca\x9f\xb9\xf4iH\xff\xd6\x0f\xc6\x89\xde\x02)[\x9aS\x0b\xf5K\x92:\xb3\x95\xfe4\x8d\xdam'</t>
  </si>
  <si>
    <t>b'g:\x99f\xde\xcb{\x86\x01d\x9dN\xd9\xdc\xfcw?.@l\xc6)\x00`\t\xf0\xd0\xf2\xc34\x7f\xd3'</t>
  </si>
  <si>
    <t>b'[$\x11\xdf\x99&lt;\xf4}\xbd6\x81\x17\xe1D\xf2"\x94\xbev\x0c\xa4v\xf0,0H\xda\x18\xb0\xb6\xfe['</t>
  </si>
  <si>
    <t>b'\xfc\xe8\x12\x14\xb6\x8a\x85G\xd9\x85i-2\x07\xe7\x1a,\x92)j\xa7\xd5\x14\x05\xeb\x02\x90&gt;\xda\xcee\x01'</t>
  </si>
  <si>
    <t>b'O\x16\x18b\xbe\x83\xe5;\xe2#.a&gt;\xd7\xe5\x9a\x97\xf9F\x99\xcd%L\xfa\xd3\x8e\x0c\xab\x1b\x94.\\'</t>
  </si>
  <si>
    <t>b'\xe47\xa1b\xe7\x04\r\x81\x8ci5\x88\xfd\x8b5\xe2\x01\x84J\xef\x98\x94\x18\xf4\xc8\x08\x03\x1c\x83\xbfIP'</t>
  </si>
  <si>
    <t>b'\xcb\xd2\x07&amp;\x9b\x0e\xb8\xd5\xda\x15}\x86\n\x7f\xfb5\xeb&amp;0u\x89\xf4\xbfX\xe45\xd3\xdep\x11\xb4\xed'</t>
  </si>
  <si>
    <t>b'\x06\x82\xe8\xbb\x03\xe5\xd9\x8dy|,4&gt;\xb1Vl\xf0\x8a\xa1JU\xa1[;\xd0`\xeb*\x968{*'</t>
  </si>
  <si>
    <t>b'\xc2\xea&amp;\xc7\xa4\x0c\x85\x8e\x18\x1fZx\xe6!\x96\xb1Ag\xe1\x8c\xb0R\xa3\x13\xc8\xc9*\xa8\xab\xbe\x19\xe6'</t>
  </si>
  <si>
    <t>b'\xea\xb2tV\xbe&lt;\xcfo:C\xe7T\xc30\xbf\xabUB\xbcxAo\xfb\x9a\x12\n\x97\xe8M\x0cA\xeb'</t>
  </si>
  <si>
    <t>b'A\xee\x006S\xe3\xeeUZ~\xf7\x0b`i7*p\x16\xf4s\xe6\xe7?l=}U&gt;\xe1\xf3\x0e\xa3'</t>
  </si>
  <si>
    <t>b'G\xd1\x98%\xf0g\x1fz\xbb8G\xe9\xe7e\x87N\x8c\xccH_\xd6h\xf0Dz\x10W\xa7\xfb\xcd\xe8\x11'</t>
  </si>
  <si>
    <t>b'\xae\xb7x\xc4\x8cr0\xbdi$\xc9B\x93\xdb\xcd\xd57\x82\xdfM\xdbA\x1dq.\n\xe3&amp;n\x00(\xb5'</t>
  </si>
  <si>
    <t>b'i\x06e8\xcd\xdb\x87.\xb6\x15c\x97\xe47\x17\x1c=\x80\x92zK\x0c\xd3.r\x9e&lt;C\xdfYK\xec'</t>
  </si>
  <si>
    <t>b'\x1d\xa9\xc7\n\xff\xcb:\x01\xe2A\x1a\xdf;\x84\x19\x01\x04\x01\x88+\xfasC\x9bQjf\x8c\x88\xf6\x0c\x19'</t>
  </si>
  <si>
    <t>b"\x17\xb0\x94\xbb,z\xa0\xa2\x1e\xec\x1d\xa0,&lt;G\xb3\xab\t\xceb\x13a\xd0'\xaeJ\x1eVJa^\xcc"</t>
  </si>
  <si>
    <t>b'\x1f:9\xd6l9\xbb\x8c:i\xa8\x15\xa7-c\xecO\xd8\xaf)~w\xca\x08/%\xa1.8\x1e\x96\xa4'</t>
  </si>
  <si>
    <t>b'\xf119\x902\x88\'\xc7l7\x9e\xc4&lt;\xd7\xd3\xce\xca\xa3\xf4\xf4\xbfK\xfbKk`\x00\xb3\xcf\xf4"\xb5'</t>
  </si>
  <si>
    <t>b'\xa2\x10\xf0\xa1b\xf30\x7fx\xea\xb7\xe9\x81H+^qK\x0f\xa8\xe54\xc3\xe2\x15OF\x7f\x81\x8f@b'</t>
  </si>
  <si>
    <t>b'\xe1\x0f+\xc32\x06\x19Uj\xec\x01\xa2(\xbe,\x8d\x01M,/\xe6j\xd0\x85\xf6r\x06}\xe7F\x16e'</t>
  </si>
  <si>
    <t>b'\xda\x8c\xe1\xf5&amp;\x8d\xe8\xad\n\x97\x82\x15Lo\x06\x0b\x109\xd3\xc5\x84\xc0"\xfa&gt;\x10o\xb7\x87\xf4\xa0\xcd'</t>
  </si>
  <si>
    <t>b"\xd3\x99J\xcc\xc0\x92#Cz\xe3'\x9b,S\x9f-\x99\x07D\xe0%\rx\x1a\xd1\xba\x04+iJ,f"</t>
  </si>
  <si>
    <t>b'?\x8f\x9f\x05[\x12\xa0\x1d\x8d\xbe\x19\x0c;\xd1:\xbdc\x97a@k\xd2\xe9\xe9\x84\xfb\xcb\x0b\xca\x97D\xc2'</t>
  </si>
  <si>
    <t>b'\x87\xcfd\x1d\xe7\xf9%"\x1fD\xfbU\x16\n\xbf\xe9z\xe9%\xd8\xdb\x03\x0ey$^K\x1df\x90+\x04'</t>
  </si>
  <si>
    <t>b'\xfc\x075\xf2\xc3\xbd"&amp;\xaa\x02\x10nQw\xd3\x81Lf\x01g\xea\xe0w\x14\xbc\xb9\xef\xcf}\x12{%'</t>
  </si>
  <si>
    <t>b'g=)\xec\x03\x15\xb0\x8c\xe7\xc2\xa3\x01/\x90\x81\xfb\xe6\xa3\xa6\xe8:\x8fs\xaeZ0\xb6@\xee`\xc5P'</t>
  </si>
  <si>
    <t>b'\xfc_\x8e\xf6\xc3R\xed\x0e\xa6\xdb9x9G@\xce\xe7\xbc\xcal!\x96?\x7f\xde\xc3\x7f\xa2\xcd\re\x8b'</t>
  </si>
  <si>
    <t>b'\x1f\xe9\x97\x1d"\xb2\x80\xa76\xf6\x11J\x84\xc0\x8e\x1a\xdc\xea\xe7\xfd\xfc\xb6*\xd2\xbf\xfbg\xe6T\xfd\x16\xfd'</t>
  </si>
  <si>
    <t>b'\x10_b\xa6\xa3g\x9b\xcf\xab\x8eWa\xbd(\x19\xd5j\x15\xc6\x8c\xa8x;_\xe6r\xbef\x1eOr\x03'</t>
  </si>
  <si>
    <t>b'q\x99\xebs.{\xfc\xba\xb5\x8cw&amp;\x01~\xfe\xf2\x936\x9f^\x99:\x1e\x01\x02\xe9Q\x96\x96\x0f,\xb2'</t>
  </si>
  <si>
    <t>b'\xa1O|\xeby\x06(\xf0c\xebi3\xbc\x7f\xfe\xc4\xd9^\x08\xcfi[n\xe0\x19\x94\x05~.[\xccM'</t>
  </si>
  <si>
    <t>b'\xfd\x0e\x14\x1f\x8b\xb0\x1d\xfb"\xce\x89\xcd\xe8;0\xba\xb9n\xca\xb5\xe4V/\xdd\x11\xf4\xf6\xf4\xe37\x04\xeb'</t>
  </si>
  <si>
    <t>b'6\x1e\x1b\x03!q\xba\x9ab"\x93_\xe2\x18\xa0=\xc0\x1a\x86Ic\x83f\x9d7\x83\x19\xea\xc6 \xf8F'</t>
  </si>
  <si>
    <t>b'R\xe4\x93X\x7f\x19\xa3\xa7\xf8\xceD\x8b\xb9$\xa4\x9fR\xf43T\xb6\x18\xd2\rT\xea\n#\xf4\xdf]\x0e'</t>
  </si>
  <si>
    <t>b'\x9c\x02\xb7\x10@\xff\xc1\xfc2Qc#hU\xa6\xd6\x83\x15\x81\xe4UlM\xde\xcb\x1d\xea\xf9\x17\xcchR'</t>
  </si>
  <si>
    <t>b"9Q\xe8*\xba'PCj\x81\x1b\xeb\x07\xe3\xd6m^\xaf\xeaCL\xcf\xa7\xcf\xd9\xa0\xc27\xce\xa7=\xe3"</t>
  </si>
  <si>
    <t>b'\xb5\x92\xb8q\xb1\xe6\r\x82B\xd2\xa2\x947:\xfd\xf9J\xc83tLs\xb7m\xfe.J\xc7gF4\x1f'</t>
  </si>
  <si>
    <t>b'A\x05D6|\xefw\x0c\x17%B\xbb\x1e|\x11\x10I}\xa7k\x1f\x12\xae\xe6Z\x0b$\\w8\xfc\xa9'</t>
  </si>
  <si>
    <t>b'\xdau(\xe5\xacO\x90\x9f\x85\r\xb3\xae6\\}\x86\xdb\xe7\x1b\x81\xf0\xf1\xaf|\x94Jl\x8c\xa7\xc4I\x89'</t>
  </si>
  <si>
    <t>b'-$\x06l\xffa:5$cGu\x95N\x87\xbb\xf2\xdc\xb6\xc63\x9a#v`\x1ew\xd3\x12\xa7x3'</t>
  </si>
  <si>
    <t>b'w&gt;\xd9\x18\n\xa7\xbdf\xb6N\xe5\xc9\x8d\xf6I$\x88\xaf\xd7\x9e\xdc\x1e\x949\x98\xb8\xd4\xa6\xde\xce\r\xfd'</t>
  </si>
  <si>
    <t>b'`\x0c\x9c\x82J\xdb&amp;\xce\xc0\x99\x0e\x91\xd1\xaa\x91\xfc\xfc\xe9Q\xea\xae\xab\xdc\x96\x14O\x89\xe9\xc9ev\x95'</t>
  </si>
  <si>
    <t>b'\xba}\xb4yX:}\x10\xdd\xe4U\xd9\xe6\x9b\xfb\x82b{\xa6;J\xcf\x97\xae\xd6\x0b\xdd\x88\x89B\xc2u'</t>
  </si>
  <si>
    <t>b'S\x86x=\xadP\xc2x\xc4\xe8\xf1\xb3\x86W\x86"\xfc\xd2\x81A\xbd\x1f\xc0\x87\x95\xab2\x08\xf0\x88\xad\x8f'</t>
  </si>
  <si>
    <t>b'\x18S\xccJ\xb5\xeejO\xb0\x1cA\xd9\xfcu\xa6=\xef_k\xac\xcd\xf8\xd8\x05\x86@\xebu\xd3b&lt;\x7f'</t>
  </si>
  <si>
    <t>b'|Ar\xf4\xab\xecDK1QHu\xd7\x10-\xabwW+\x15\x17iX\xaaL\x13pZ\xe8\x02/:'</t>
  </si>
  <si>
    <t>b'RS\xa5n\xfc$u\x0eBb\xed\xe3\x1dp9\xf31Qg=\xf3((\t\xd8\xf3#\xedX\xcd\x93\xa0'</t>
  </si>
  <si>
    <t>b'P\x0f\xf5%\xed\xe2F\x13\x17\xf9tp\xc1\xd6\xe1\xc7\xac\xee\xf2\x04\xc0\xcd\xfc\xf3\xed\xa9:2\xf0p\x8d\xe2'</t>
  </si>
  <si>
    <t>b'\xa8tn\xacZM\xabq\xbdu\'\xbf\x93\xf8\x15X\x89R&gt;\xa7P\x08"\xb2\xa9m\xca\xdd\xf9rQ\xb6'</t>
  </si>
  <si>
    <t>b'q)bY\xa3\xdbi\xf9\xb6\x18\xe4\xd6\x91\xb7\t\xad\xaebZ\xab\xb4c\xbf\xbf\x91\xde\xc5K\xa1x(\x93'</t>
  </si>
  <si>
    <t>b'B\x8d\xa5\xe0\x8b\xcd\xbb\x0f\x83\xa5\x03Y\xc5\xe4\x8d\xc0"\x9b_e\x06\xd7\x88"\x87\x85\x1e\xbbo\xe7q\x81'</t>
  </si>
  <si>
    <t>b'\r\x14\xcb\xef\x8fk\\O\x83\x06\x9f\xba@\x9f\xc4e\x14\xf2\x11\xf8\\\x00\x814y\xfb_DI\x9b\xaf_'</t>
  </si>
  <si>
    <t>b'\x86\xfb\x03c\x82\x1f\xf4\xd5V\x1dE\xf7\xe3\x85\x02\xb2K\xc6R1\xd5\xac\x14Ma{f\xed\xce5p\xb4'</t>
  </si>
  <si>
    <t>b'\xdf\xc6\xeb\x833\xc5+d\x11\xa3S\x17\x19Yj\xc5y\\\xd3?\xd2R\xf1\x98\xb9\xcc\xb6\xe2\xce\x0eD\xc3'</t>
  </si>
  <si>
    <t>b'\xfd\xbb;\xcf\xdb\xe6\xc5\xa2D&amp;B\x8f\xa6b,\xec\x04Y\x07\x05\xb2.%\xfbR)\xe4\xe8\xf2\x9b\\\xdf'</t>
  </si>
  <si>
    <t>b'\xc1p\x94c\xf9@\x19-\xf5\x90\xae\x1b\xb4.\xe2\x1e\xe2\x02\xc9m\x01\xd4\x88\x11\x14\xe67&lt;9$\x88\x19'</t>
  </si>
  <si>
    <t>b'h\x96\x85k$\xfb_\x084\x0f\xb4\x8f\xdc\x8bmF\xa0&lt;\xa3W\x02\x93\x14\xd5\xb7\x0b\x12\xd8\x9b\x06\xe1\xb4'</t>
  </si>
  <si>
    <t>b'\x1c\xc6\xfco\x89\xc1.R+\xcdm\x878\xd4\x0b;E\xb2\x9cFF\xe1\xae\xb0M\xa3C\xd8d\x1db$'</t>
  </si>
  <si>
    <t>b'%\xeb\xa5\t~\x15)};\x08\xdfj=lG0"\xfd\xb3 \xbe\xa3_\x13]DAs\xb28x\xf0'</t>
  </si>
  <si>
    <t>b'ued\xcb\xf5\t\xcf\xa9\x9a\x80E2\xf0\xde\xc5\xc6\xeb\xff,\xcf\xe5|aq\xc0e\xd3(\xfeJ\xa2\xf6'</t>
  </si>
  <si>
    <t>b'w\x8f\xb90a\xce\xd4\xf7Rj\xe5\xcb("\xaa%\xef}\x0e\x1b\xa7\xae\xa8\x88b\x82\xbeZ\xfc2C\x13'</t>
  </si>
  <si>
    <t>b"\x08\x93\xcd\xbcB\x1d\xe7\xdb\x85\xbf\x04\x8f\xf8\x1f\xc4\x98\xe8\x97j1`\xb0\xe5i'\x12\xa6\x95\x02'\x0bx"</t>
  </si>
  <si>
    <t>b'\xe5\xce\x94.\t5\xbck\x86r~\xfd\xab@\xf6\xdb\xd8\x15S]\xd0\xee\x7f\x99\x94s\xbam\x8f\xf2\x11\x89'</t>
  </si>
  <si>
    <t>b'\xb1\xf9Lkn\xcc\x17\x10\xf5\xf5\xfbY\x11\xbcX/:\x84\xa75\xfe\x8c\x88f\xff\x92\xbd\xfb\xa5\xd7\xe2('</t>
  </si>
  <si>
    <t>b'\xdf\xbc\xaf\xc5\xb5\xb7\xee[\xfc\x83k\xcb\xf0\xd1\xb8\xc7L#\x86\xd0\xaaq\xde\xfd\xdd\xcd\n\x9e\xe7y!3'</t>
  </si>
  <si>
    <t>b'\x87\xf3ET\t\x15M\x18\x95g\n\xfc\xa1O\x0e\x17\xd5\xf4\xc3\x97AWcm\x06\xd0.\x85q[T\x1d'</t>
  </si>
  <si>
    <t>b'\x9b\x80\x99t\x8b\x03\xe4\x04\xfcC-\x03"&amp;~a\xb8*\xd2\x05\xec\xc5\x91H\x853\xf8C\xa6\xca1&gt;'</t>
  </si>
  <si>
    <t>b'\xe1\xf3Q\xe6\xa5\xcd\xbd\xf3\xc3\x9b\x9c\xe0\xe8-\xfe2\x99\x9e\x89?\xdc\x86J\xc23\xfe,Y\xc6\x17\x9f\x00'</t>
  </si>
  <si>
    <t>b'/Bo\xb0i5tJ\x96\xd0;\xd2\xb0f\x03\x16\x1d\xb9O\xe8\xce\xcc\xfa\x91\x90\x0e^\xbf;\xd0\xac\xe1'</t>
  </si>
  <si>
    <t>b'\x13\x0c\x93\x0fU\xca0 \xe2\xcd_\xc1\x0c\xf8:\x13\x15\xbbI\xdaz\xac\xf3@g\xa0Q\t\xa3A\xb4\x9d'</t>
  </si>
  <si>
    <t>b']$Q\xe2\xdePn |\x94\xad\x166\xcb~\xac\x01\xa7%\xb8\x0f\xc0\xa4\x82\xe1\xd3\xdf\xc0\xcc\xbe\xc8_'</t>
  </si>
  <si>
    <t>b'\xaa\x1c\xe3.,PP;\xb3)W\xd2\x9bW\xc3\x94wM \xf8\xa8\xd8\xf32r\xd2\x19\xa0;\xfc\x9c\x15'</t>
  </si>
  <si>
    <t>b'\xde.\x0f2/e\xf0\x84,\\e\xf6m\xa0\xc3\x1e\xe1r\xee\x0f\xe3\xe9\x14\x97\xe2i\xe0\x9ek\xed*~'</t>
  </si>
  <si>
    <t>b'+,\xaf\xfb\xfd\xdba"\x9e\\r0\xb1;\x9a\x1fN\xcf\x1b\x9d\xa0\xc0\x9b\x94\x86\xf7\x0b\xf9\xa7\xee\x94\xe8'</t>
  </si>
  <si>
    <t>b'\xc3o_\x80\x8bQM\x1f\xed\x14\x00\xc3v\x1e\xb7\x15I\xc2\xba\x8bT(\xb8s\x91\x961d\xe9\xf9h\x03'</t>
  </si>
  <si>
    <t>b'VP\xe1u=[\xc5\x9b\xa1,r?\x820\xd91\x08\xff\n\x15\xf8);\x08J\x85\xda\x8b#h&lt;\x9b'</t>
  </si>
  <si>
    <t>b'\xf5y\x12\x99\xf1\xc14\xd8w\xc5\x0b\x8b\xc4,\xe0\xf0\xba\x8dts\t\xb4\xd0I)#\x8fq\xb7\xfa_\x04'</t>
  </si>
  <si>
    <t>b'\xa8;\xccf\xcb\xf4\xb6\xd5C\xbc|\x9a\x1e\xf0\xc5\xa1=\xdaU\x81c1\xda\xc7\xce\xe2\x1a\x01\xd4\xa9e~'</t>
  </si>
  <si>
    <t>b'\x1fi\xb1\xa4@|\xd7\xee\x8b)]\x05;\xd1\'\xa3\xb1B\x99\n\x85\xb7\xc6\xee\x13\x86\xf6\xbc\x1b\x15"\x12'</t>
  </si>
  <si>
    <t>b'\xef\xd4\xdd\xa31Zab\xb6\x8d\x91,\xe03\x8b\xe0\x0e5a\x84\xe0\xc0k;\xac\xdc\x04\xda\xa1J;9'</t>
  </si>
  <si>
    <t>b'\xae\xd0\x06\x08\x84}\xdd\xff\n\x1b7\x98\xad\xb7\xd3._\xb4\xcb\xb7Q8\xf4\xc4\xa9\xfe\x03;\x85\x8d\x81r'</t>
  </si>
  <si>
    <t>b'\xafl\xda\x0f\x9bKe\xd0\xfb\x0b\x93t\x04"\xf1\x89~v\xc2aW\tdt\x00b\xfb~\xa06\x1d5'</t>
  </si>
  <si>
    <t>b'\x14[\x13\x9b\x96\x85\xc5\x10\xe6\xe8\xdc\x8e\xach\xf2\xefl&amp;\x19\xbcE\x94f\xae\xb2\xba\xd8(\xbc\xf3[]'</t>
  </si>
  <si>
    <t>b"q'3\x95\xe8\xfdI\xaf&gt;\xb1a\xcb\xa5-\xa4\xfa\xd0\x1a\x86s\xe8\x1bJY\xff\xf8\x17Cv\xa1\xc7K"</t>
  </si>
  <si>
    <t>b'\xea\xc0ly\x18\xcd3)\xa9\xc5\xb5j\xcbb\xdf\xa60\xbcm\xd8h\xa4\xc3\x8aZ\x0f\xd2\xe3\xb9\xb4!\x92'</t>
  </si>
  <si>
    <t>b'E\xfeFC\x9b\x88\xa5f\x03G2]Y&gt;\xd6\xf0\x94\xe8j\x1bT\xdf\x15\\\x9a\xdc\xab\xba\x15B|f'</t>
  </si>
  <si>
    <t>b'\x9f&gt;\xc2(\xb8\x0b\x02AK.@U\xea!\x1d\xce\x93\x1d\xe5`9\xdc\x9eL\x02\xdb2L/sU\x9c'</t>
  </si>
  <si>
    <t>b'\xe6\xf1\xad\xd7\x90\xd9\xca\x87\x03\xa5\xf7\xa8kSY\xe9|f#\xc0O\x86\x81\xdb\x08Z/$0\x18L\r'</t>
  </si>
  <si>
    <t>b'\xe0O\x1f\xef\xaaq&lt;\xf6\xa20\xb6c\xfd\xb1\xae\xe2!\xd9\xc8\x7f\x19\x06\xb5\x00\xcd\x8c\x16x\x12M\xdd\xe3'</t>
  </si>
  <si>
    <t>b'\x7f4Rx\x0e/;/e \xcb\xb8/\xd6C}1P\x96$\xdf\x97#\xdcJ\xd9B\xcd\xdc\x876\xff'</t>
  </si>
  <si>
    <t>b'\x90\xa1\xf5\xd9\x90\xd9b\x90\xa9\xf2\x1ak\x84\x19\xa0X_\xb0\x80\x9fg\x95\xa5\xa9\xd9\x8e%\x0f\xbc\x85\x9cd'</t>
  </si>
  <si>
    <t>b'\xf8\xab&gt;\x10%\xa6\x15PQz\xcb\xbe\xdc\xd6).\xd8\xed\xd4\x06\xc7\x98\xd5\x97SJ\x02@\xeeL\x94\x19'</t>
  </si>
  <si>
    <t>b'\x8b\x9aJ\xbd\xe2\xde\xb8\xfb\x9f\x010\x1e\xae/\x97Eq\xc6U\x07l\xea\x16\xb9I\xaf\\F\x7f_\x0b\xd8'</t>
  </si>
  <si>
    <t>b'\x9e\x1f\xaeR"&amp;\x9e\x87\xa8\xe9!\x13@kd\x94\xc4\x04\xe7Z\x8d\xdb\xeao\\\xdfJ\x93\x1c\x0c\x9b\xf6'</t>
  </si>
  <si>
    <t>b"\xe7\xd1\xb7r\x05\xc8\xb0\x1f\x9a|[q8\xdf\xa7q\x10\x85J\xa7\xef\xcf\xc0\xe8\xf1P\xb3\xd6\xbc'OI"</t>
  </si>
  <si>
    <t>b'\xe6\xbb\x8a\xca\x97\xdd\xf6\x1b\xa6\x0bX\xddA\xb2\x1c\\N\xfd\xfd-g\x1d%G\x0e\x15\x8c\x9c\xd3\xf6\xef\xcf'</t>
  </si>
  <si>
    <t>b'\xde\xda\x04\xb0T\xb5\x14$\xb2\x0ea\x068@^\xb5\x82\xa36\\\x9b\x04\xdcc\\\xdc\x9c\x83P\x8aG?'</t>
  </si>
  <si>
    <t>b'\xad\xd3~\x83\x85\x84e\x17F\xadx\x9f\xab\n}\xda \xa9w\xc1\xe1\xfa\xddpU\xaf\xd5\x9c\xb6\x94\x1e\x83'</t>
  </si>
  <si>
    <t>b'\xfe\x05u/\xa3\xacl\xf0@\xcf\xe5qt\x12&lt;\xba\xdd|^\xe6\x11\x8b\xef\xf2\xd7\xe3\x9c\x8eO\x12&lt;\xbb'</t>
  </si>
  <si>
    <t>b'6\x8a\x8b\xa6Y\xaf\xec\\tC9z_\x99Z\xc1k\x96`\xf0\x9d\x10E\xa65\n\xc4\x83\xafDXq'</t>
  </si>
  <si>
    <t>b'8=\x88\xb0H\xd8\xc2Q*\xa9\xa9Vu\xb0\x8b\x88R$ \xa41\xec\x151\x99\x92\x8b-\xec[\xab\xf6'</t>
  </si>
  <si>
    <t>b'\xaaE\x85\xb4\x83JqQ\xef\x1e\xf8\x80_\x99\x08z\xa4a\xd5\x1cd\xcb\xc6\xa3\xfe\xd5i=\xb18\xf5\xac'</t>
  </si>
  <si>
    <t>b"\x91_\xee\xa0|^EF\xd5\xed\xe31\xbfb\xb9:\xf6=I'\xa0/\x1b\x00\x96\x1d7\xd7\xba\xc5\x07\x81"</t>
  </si>
  <si>
    <t>b"~&lt;?H\xb7\xf7q\x00M\xb4\x9e.\xeexD\xc7c\xc5\x1a\xde@\xef\xa9\xac\x8d\xdf\xdaE_E'\x8b"</t>
  </si>
  <si>
    <t>b"\x06\xc8\xf2[\xda\xbb\xac\xde\xc5'\xc0_s\xfe\xc78\x9dQi\x00\xff\xba\xb0\xe77\x03\x82\x10\xcf\xcb\x1e\x11"</t>
  </si>
  <si>
    <t>b'x\x1b\xd7&lt;\xbc\nu\x91]\x12\xa4#"\x8aq\x0e\xad\x01!\xe1\xd7~\xd3l\x8c\xa5\xd4C\x1a:\x06\xa7'</t>
  </si>
  <si>
    <t>b'\xc0\xd4C\x99a&lt;a\xfc\xba\xf1\x87v6P{\xf8\xc4~Yi\x18\x9f\xe9k\xba\xfb\xd1pqg\xeay'</t>
  </si>
  <si>
    <t>b'\xca&lt;\x7fx\xd7\x7f\xac\xb0\xefW\xe4\xab\x00a\x12\x7f\x8f\x0e\xefz[\xf1\xccP\x8bR\xbd\xd4D_^\xf6'</t>
  </si>
  <si>
    <t>b"}\xcf\xb7D\xa69?'\xea\x86\xc3f\x85\xd5|\xb9\x02Um=\xfdjt\xb69i/\xd9\x86\x92K\x02"</t>
  </si>
  <si>
    <t>b'.\x08d\xcdE\xdf\xe8G\xbd\x9cE\x91\x0cq\xec\xeeH\xbcMc\xc0\xeeg\xa6\xe7\x01\xd3\x87C\x85\x05\xa9'</t>
  </si>
  <si>
    <t>b'\x82\x90\x10L3\xbb\xa0\x80b\xe3\xfc\x987\rS\xa2\x8c\x95\xff\xaa_p.\x97\xda\xad\x9c`\xfb\xb7\x9d\xce'</t>
  </si>
  <si>
    <t>b'\xa0\xf1\xf5V`\xbdZp\xa4\xc9:`\xd6\xf3`\xdb\x82\x0bJ=\\\xb8\x10k\xd8\xd0\xfaR\x0f\xf2:&amp;'</t>
  </si>
  <si>
    <t>b"CUb\xf4\xd3\x8d \x86\x10\x99*\xcf'\x97R\xc0\x01\xdf\xb3\xde\x1d\x1a\xdb\xaae\xef\x94|\xd8\x99\x03\xbd"</t>
  </si>
  <si>
    <t>b"\xf5\xc8\xcf\x8c\xb9\xfc=]Z\xe4+8'U\x85\x97@\xf6\xdb\xa5\x02\xa3\x9cL\xc6\x8a}\xf8j\x9d\x08\x10"</t>
  </si>
  <si>
    <t>b'\xa6Y\xe8\x04\x82nO"n\xcb\x02\xaa\xcfU\x16\xf2Q\x8a\xc2G\xd3\xff\x0f\xdeP\\r\xd5\xf9+\x0c\xfc'</t>
  </si>
  <si>
    <t>b'\xa3\xddf\xc5\x15\x07=\x13\xd3[\x13\xc4\xbeS&amp;\x1a\x11\x88,\x85\x19|%\x81\x07CA\x05\xd3:n\xaf'</t>
  </si>
  <si>
    <t>b'\x07\x11 \x0e\xcb\x9f\xf7\xacO\x90:\x99J\x0f\x14\x0c\xf7"\x1a\xc0]\xd6\x12m\x1b\x88\x1e\xa8F"\x1b\x1d'</t>
  </si>
  <si>
    <t>b'o\xce\xdfr\xd2\xef\xc3\xc3D\xa2\x9d\x8e\xaf\x9a\x88\xe5\xdc\xdeGv\xb8\xb6 \xcbi\xf9\xf1\x12\xaa\xfd\xbd&gt;'</t>
  </si>
  <si>
    <t>b'R\xd0D($\xb5/\xfc\x88\xf4tM\x18y\xc6\xb6\x1eU2\x1b\x80A\xc1\x0b\x0c\x1f\xad2\x87\x07\x93\x16'</t>
  </si>
  <si>
    <t>b'\xf3\x13\xccCz\x11v\xec3\tw/\x03\x99\xbc\xb3\x12\xb8\xc4d\\\xbd\x8e/\x80\xc8\x04]f\t\xa11'</t>
  </si>
  <si>
    <t>b'\x8c:\xea,\xbf\x07\xd8\xd0\x82\xed1\x1cDq \xb9B \xb1\xd5o\x1d*\xd3\xb4\xc1h\xb8B\xf3\xe13'</t>
  </si>
  <si>
    <t>b'\x82\xb4S,\xf6\xed\x12\xe8\xf2\xf2\x8a\x10\t\x98\xea\xfc\xfcO\x9f\x9f\xf8\xf4P&lt;F\xa6\xee\x8a\xdc\xfe\xf7\x14'</t>
  </si>
  <si>
    <t>b'\x0b\x95\xf3\xcb\xc1\xb5\x8dL\xb5b\x8fS\'3.\x9f8\x8a\\\xcc\xff\x04"\t\xd3\xb4fz^\xb6\x1a\x7f'</t>
  </si>
  <si>
    <t>b'\x0b\x0b\x16\xcb\xce\xa6\xe2}\xea\xbd\\F\x97\x80\x03\x99#0\x06\xa91\x07\x02E\xc8\xe5\xeaN\xc9V\xc6$'</t>
  </si>
  <si>
    <t>b'\x81\xdb\x06\xaa\xdc\x91\x87j/\x07\x80\x0e/\xa5\xb3K\xdf\x10\xb8\x87n\x93\xf5\xa8\xc5\xec\xb3QK\x06\xadl'</t>
  </si>
  <si>
    <t>b'\x89W\xf3\xf2\x8c=\xb0:\xaa\xb3n\x99A3\x85\x83&gt;z\xf3\x80,+bm\t\xa5\xa3&gt;\xd5\xe1\xe8\xd1'</t>
  </si>
  <si>
    <t>b'\xc6\xb7O\x92H\xea\x14%/\x9b\x1b(DG\x18{\x15\xa1\x87j\x1f/\xdc&gt;\xbf_-\x89\x9a\xee\x9e\x04'</t>
  </si>
  <si>
    <t>b'\x05\x96\x8f&lt;LV\x9e\xbb\x12\x05+"\x02\xe1\xe7\x0c7\x1e%\xc6\x9a\xc3\'\xd4\xb6\x1d\xe9JC\xc5/\xf5'</t>
  </si>
  <si>
    <t>b'\xf6N\xa7\xe3\x12\xdd\xb5\xfd\x9c\x879n\x8f\x87\x18\xd9\xca\x82\xff\x1e\xdfOji\x06A\n\xffh\x1d\x91\xe9'</t>
  </si>
  <si>
    <t>b'R\xb5{\x8b\xd5[=\xb8\r7/\xc5\xa4\xda\x06ft\x8b\xc1\xcf\x1b+\x07C\xe9\xa6\x0e\x88\xb1{\x99\xf8'</t>
  </si>
  <si>
    <t>b'~\x1fZ\x9d\xb6\x84&amp;{\xe3\xad\x8d^{F\xb3\x12\xfb\x956\x95\x11j\x050[\xb3}\xac\xaa\xc8\x11\xd4'</t>
  </si>
  <si>
    <t>b'y\x9c\xd9\xb3\xc7;\x19\xd7\xf9&gt;?R\xc1&lt;\xf2\xbb\x8123\xcb\xc7\xa7B#\x12\xcc\xe3\xb4\x00\x81b\x16'</t>
  </si>
  <si>
    <t>b'9\xde\x02\x1e\xcf\x06\xa1\xa6\xa9Q\x1e\xf5\xb27\xedZ\xb1\xb9\x9eS{K$\x18\xac\xf7}\xe0\xf6\xef\xa1L'</t>
  </si>
  <si>
    <t>b'Ba\xd6\x89\xfa9\x81O\xdf\xd8\x18\xf7\xd1\xd9\xbc\x97\x04\\g\xb5]\xae\x84\x87I\xba\x05\xb9\x90\x05\x81\x1e'</t>
  </si>
  <si>
    <t>b';)\xb2\xf2\xa6_\xa5\\Gq\x03\xcb\x1b\xb2#\xabRHd\x10\x80\xadD"1\x11\xce\x07\xb3ey\xbf'</t>
  </si>
  <si>
    <t>b'\xe4\xb2\xdd\xfc6\xbf\x8d$\xbb\x8a\x00\x80\xc2y\n\x84\x97\xc7B\xfa\xcf\xae%\xb7T\xa2\x00\xde\x19\xa9\xe3\xc1'</t>
  </si>
  <si>
    <t>b'\x97v\x7f\xc0\xe6=\x88\x82h\x058\xdf\x970\x86\x9dhG\t&amp;\xda6\xe2\x13\x06F\xf8\xa2KoXF'</t>
  </si>
  <si>
    <t>b'\x08\xce\xb5\xe9\x0bh\xe4\xf4\xab`\x81$\x83Wy*\x82\xbd)\xf4K\x9b\x04\xbd\xfej\xf7\x05\x88C-z'</t>
  </si>
  <si>
    <t>b'\xdf\xba?\x07J5+1M\x0f\x91\xb9F+\x8f\x94\x18\xcb\xdc\xa5t\x9c_\xe2"\x15|0k\x06\x99\xa8'</t>
  </si>
  <si>
    <t>b'ULBR\xdc\x83_\x06-\x9e\x8074\x05j\x00\x1a%\x81\xfb\xa0\xf0\xdd\xfc\x1em\x80\xe5\xc8\xc7?\x01'</t>
  </si>
  <si>
    <t>b'\x9eC\xe8[\xf5\xe1\xdf&gt;\xa8\xb9\xc2\xc6\x88\x87Q\x06W\xab\x93\n\xf1T\x8e\xaa0g\xc7\x16\xe4\xb4\xcc\xa7'</t>
  </si>
  <si>
    <t>b'\x13\x01\xdd&lt;\xef\xb3\xdbNS\xc4(B\xca\xa7\xbb\x06\xb1\x03~\xe7\x12\xe0\xd1\xc3\x85\xbf\x14\xff\xbe*\xd1\xc1'</t>
  </si>
  <si>
    <t>b"\x9a?\xaa\xca\n'\xce3V\xd7WCTkY\x9f\x0f\x02\x8ao\xf7t\x85\x07f\x83\xe84gK\x8eP"</t>
  </si>
  <si>
    <t>b'&gt;\x9c\xf4\xa5\x8d\x95:=,k\xf3\xdfdR\\\x0b\xeaq$%\\\x07\xbe\x06y\x96\xd2\x03\nS8\xb3'</t>
  </si>
  <si>
    <t>b'%\t\xbd\x88\x91\xfa\x94J\xfc\xbcbc58\xd5\xb0\x7f\n\x1a\x13@\xc5\x1f\x89X\x8e\x94\xcb\xb2\xf0:\xb9'</t>
  </si>
  <si>
    <t>b'\xad\x16\x9c\xcf\xd3?N\x0f\x10\xe0\x8d\xf5\xa5F\x0f&gt;*\xaf\x1fjU\xea\x06\xa0\xc4Nzm\xe0\x95\x99\x7f'</t>
  </si>
  <si>
    <t>b'\xb7;\xdck.&gt;\xa9u\xc5\xa9^\xdb\xd3\xbet\xae\xd5\x91\xc0$g\xf8g-DK\xdf\x11\xf5O\x185'</t>
  </si>
  <si>
    <t>b'Ur\xea\x88\x0c\x10F\xa8\x14\xee\x7f1\xb9\xaf\xd8\xb1`\x85\xcf\xba\xf1\x9ea\xa3q\x0f\xc5f93\xab\x8f'</t>
  </si>
  <si>
    <t>b'\r\x02bq\xfe\xb6\x04\x05\xd6\x84\x1c"\xf8)\xd5\x9e=\xaa&amp;~9\'u\x81\xe5\xf6\n\xa4\xeaz\x99\xf0'</t>
  </si>
  <si>
    <t>b'\xca\xd3\xd6\x887Uo\x97\x0ci\xbb\t\x02\x7fk(\x7f\x16\x8f\x9db\xb9Wq\xa7\x9a\x08\xc8\x85|\xfb\n'</t>
  </si>
  <si>
    <t>b'\xe4_&amp;\x9a&gt;+^\xa2\x89\xdb\x05\xc1z\xb6\x08\xbd\xa59\x94CZu\x98=\xf1\xaa\xd80\xbb\xb8"~'</t>
  </si>
  <si>
    <t>b'\xbfo\xf0\xf49p^\xbb\x12\x96\xe1\x8d\x83\xdd\x7f,,@\xb8\xd80\xe3\xc4\xad\xf6Y\xe4\xf7H&gt;\xfc\x88'</t>
  </si>
  <si>
    <t>b"\xb7)\xa2\x9c\xa0\x14G`\xed\xb3\xc7\x91rY\xf5n\xd0\xe8A\xcb(\x9d\x0f'\x9c[zW\x95Z\x8c\n"</t>
  </si>
  <si>
    <t>b'\xf4k`Y\x06.\x07]zX\xef\x18~\xc2\xd0\x17\xa4GD =~\xe2\x8fw\x93\x04O!I#O'</t>
  </si>
  <si>
    <t>b"\xe5u~\x01\xa5\xcdg\xe4\\'\xf4l\xf8\xfd\r&amp;\xcf\xbc]Ae\x0c\xa4_k9\x01\xf2\x8ar\xcd\xe3"</t>
  </si>
  <si>
    <t>b'\xb8Z\x9fk\xe0\xe2.Z\x903E\xaa\xe0\xa2\xaa\x9c\xb6x\xa4\xc7\xe5\xbc\xa3\xff\xb5\xf2.\xdb\xf3\xae\xbfM'</t>
  </si>
  <si>
    <t>b'\x9c\x94\xaa&amp;\x8eU\xd8o\xd8\xca\xc9\xd5\xc3\x9d\xb1U\xd8\x83\x89\xfe\xbf\x83\xdf\xf2{,\xab\xd0g\xd3\xbek'</t>
  </si>
  <si>
    <t>b' \x81^\x08\x8b\xb1\xf4\xa4\xbd&lt;aVx\xfcsa\xd0\xd1\xf0:e\xe2:-\x17g7s2\x17?\x13'</t>
  </si>
  <si>
    <t>b'\xd5d\x8f\x7f\r\xb8\xd6\xf7T\x03Ss\xfd\xc0\x81&amp;M\xe5\xaes\xbb\x8cC\xd3\x9f\x87.oQ\xa1\xb8\xa6'</t>
  </si>
  <si>
    <t>b'\xda\xf8\x1a\xec\xee&lt;\xe5,\xd7\xa9\xeb\x85Vq\x10X\xa9~\x149\xce\x8a\x92\n\xd8d\x80%Gn\xaa\xe1'</t>
  </si>
  <si>
    <t>b'\x15\xfd\xa0\x14\xf41\xd5e\x82\x1e\x96\xfc\x11\xef\xd4\xae\\\xa4v\xdb\r\\\x03&amp;\xe2\xfa\x9c\xa8P\xf0\xea\n'</t>
  </si>
  <si>
    <t>b"\x7fV|w(N\xd1\x9fZ\t\xb3\x08\xb3\xd0\x16'u\xd3&gt;\x08\xaaA3\xef\x8d\x16\x8c.Z\x155\xd5"</t>
  </si>
  <si>
    <t>b'8\xc6\xfc\x0b\xe5\xb8\x88\x95\x8e\xaf\xdd\xd0\x02p@)M\x9d\xf4\rvV\xc0\x0bGK\xab\xca\xd8\xb87s'</t>
  </si>
  <si>
    <t>b'k9\x84\xd7\xf1\xcb.\x07\x94+\xf5q\xc4:\xc0\xb2\xbb\xfa\x1b\xb8UC7\x91\xa2\x14\xba%r\xa1\xfb\xd8'</t>
  </si>
  <si>
    <t>b'Y\xa8QF\x07D\\\xcd\xea\xbdt\x93\xa8o\xe9\xb3\xdd\xf6\xbe\x1b]R=\xc4\\\x06\xa6\x1f\x8d-\x92p'</t>
  </si>
  <si>
    <t>b'\x89\xb2\x9f\xcf?\xce\x01\x1a\x1f\x7f\xb2u\xc91\xe2Y\x14VF0\x13\xac!\x7f\x9f\xc3\x8b\x0cC\xcd\xbd\xbc'</t>
  </si>
  <si>
    <t>b'\xdbl\xc1\x0f\x9e\x00\x88Qg*8f~\x89V\xb5\xe9\xa8\xbc\x81K8(HL+\xd9&gt;@1\xc61'</t>
  </si>
  <si>
    <t>b'_{\x89\xdc2\x0cN-i\xf8&lt;Z\x19\xc4*\x04\x98\xc0G\xc7nw-n.\n\x8aE\x9e\xd1\xd5\x1c'</t>
  </si>
  <si>
    <t>b'\x07M\xd5\xfaPNA\x97l\xaeXCK\x8d3%\x1f\x19\x98}\x17\x95\xdf\xfe\x80\xe4\xc0k\xb9\x96\x19\x8d'</t>
  </si>
  <si>
    <t>b'\xaat\x11\x97\x94\xfeE\xdfv`.&lt;\x9c-G\n]\xa3\xac\xc5\xc6\xa2\x8d\xe5\xb6\n\xb5\x07W\xd7\xb0:'</t>
  </si>
  <si>
    <t>b'Ro\xe6\xdb\xb2ssm\xb1\xa97\xed\xb0\xd7e\xda]j\xae\x98f\xaf#\x19\xd2\x81\xb5Dr_\xeb\xe4'</t>
  </si>
  <si>
    <t>b'\xf2l\x90a\x17\xf2\xd2hu\xa7UE\xe4\xbb\xd1\x19l\xb8\xf7#*\xec\t\xf4\x83\xe2\x9c\xc89q\xc7n'</t>
  </si>
  <si>
    <t>b'\x00\x1a!\xbf\x90/\xc2\xfdAH\xbf\xd1\xc0_\xa7\xae\x15\x9d-\xcc\xf1\x03e/\xb4\x03\x07\x0c\x92\xfe\xd3\xd8'</t>
  </si>
  <si>
    <t>b'\x07x\xadz\r\xce\x1f\x18h\x07\xe8\x8f+XU\x83\x9d\xf0 \xc6\x14y\xf0\xa2~F9e\xe8\x00i\xdc'</t>
  </si>
  <si>
    <t>b"\x0c\xb9'\x07FP\x03\xce~\x1d\x90\x84[\xe4\xa3\x19z\xe0\xf6\xa9D\xfb\x93L4\xa6 \xf6t\x96\x9e\xe2"</t>
  </si>
  <si>
    <t>b'M\xf4&amp;\xd2\x95\xf4\xf3\xd9c$\x01\t\x0eB\xe2\x9e\x9d\xb5\xc5]Sv\xfb\xaa\xb8Ftf:4w\x90'</t>
  </si>
  <si>
    <t>b'\xb2\x03\xfa$]\x8f\x17\xd4\x87\xb2=0\xb7\xc2\xbb6#\x7fT\xc8Fk\x1e$D\x03\x9d\xa3;F\xd2\xd9'</t>
  </si>
  <si>
    <t>b'l\xebt\x97]\x7f]\x80\xa7\x93\x08\x14\xee\x87F\x19\xaa\x07 0\xec&lt;\x01p\x08B\xa0\xb4  \xd4e'</t>
  </si>
  <si>
    <t>b'16\xf3\x1c\x8d\xd0\t\x8f/&gt;\x02\x9f7\xe5\xf3\x1e\xb5v\xb9\xcc\xe7*\x84\xb2h\x14\xd9\xe27)\xc8@'</t>
  </si>
  <si>
    <t>b"\xa9\xf9\xb1\x18\xa9\x9e\x7fq\x9ecg\xb8\r\xb3\xaa\x90\x14\xc2\x80\xea\xa4_\x9dG=&gt;\xaaI\x08'\xfdn"</t>
  </si>
  <si>
    <t>b'TYK\xc4\xd6\x19e\xa3\xdd\xf1\x08\xc8\xdc\xed\x1e\xa3&lt;GL\x85\x8dK\x02\xa6y\x8cC\xef\xe7M\xcc\x89'</t>
  </si>
  <si>
    <t>b'\xaa\xda\x87\xce\xe7\xa3_8\x83\xe2\xd5\xd9\xd9\x139 b\xdd\xac\x9c\xcf8Q\xc2\xc7w\x19:\xac\xa3\x05\xd6'</t>
  </si>
  <si>
    <t>b':\x9cB`o)!\x1b\xb0\xf8\xfa\\\x81d\xc7g\xbe\xb7\x13\x14\xbb\x03\xba\xed\xd4\xddJ\xbai\x82,\x8e'</t>
  </si>
  <si>
    <t>b"K\x01[x=\xe4&amp;\x7f\xb4\x0f\x7fBMA'\xe3\xb1\xb7\xe6\xbc\x89\xe6Nf^\x00\xcb\x06@\xef&gt;\x98"</t>
  </si>
  <si>
    <t>b'\xaf\x87\xea\xe5Y\x89Ej\xb1\x94!\xfbz$c/\xec\xe3(\xe1&amp;\xc3$\x1e\x9az\x8c\xcdm9\xab4'</t>
  </si>
  <si>
    <t>b'\xab\x0b\xfb\xda2\xca`\xea\xd6\xb3\x94\xa1.V\x11\xb3#\x90\xf9\x8f\x13\xdd\xd5\xaa[ \x0b\x11J|\x03]'</t>
  </si>
  <si>
    <t>b'\xc1Y\x07\x05$|\x8c\x93.$\xe9\xda\x9d\xc4\x08\xb98\x8d\xf1q\xaf\x97\x1e\xba\x8b\xd1n\xe9\xe1R\x10.'</t>
  </si>
  <si>
    <t>b"\xf1\xd9^\xdew\xb1%\xa9a\xf7\x98\xffkGb\xb9=\x9e\xf3\xbf\xe9f'\xf8m\xd3\x87g\xab\x95\x89\x88"</t>
  </si>
  <si>
    <t>b'\x1b/\xa4\xf4SY^\x0bzCH%h69\x01\xc4\x95&lt;/\xa25S\xbc\xf5~\xf18gb\xdd\x95'</t>
  </si>
  <si>
    <t>b'\xa4\xfd\xa338\x96\xa6\x17pBA:\xb4|G\xa2\xf6\xc2\x0cO\x03\x0bm\xd0\xa9\xf5i}I\x84\xa3?'</t>
  </si>
  <si>
    <t>b'\x02\xea\x06\xaa\xbd3\x9b\xe2\xff\xe6\x99\x8f\xffY-\x91g\xbaSW\x1f\xd9\x17\xa9?\xd6o\x0b2\x92\xf9\xda'</t>
  </si>
  <si>
    <t>b'\x03%\xb4\x9e_\x8bU[\xbci7\xe6\xe1Y\xc5\xcf\x1e\x9c\xba\xe3\x04\xc8\x1a\x0e\xa2\xa9\xce\x1eA\xf2\xe9\xc9'</t>
  </si>
  <si>
    <t>b'\x03y6@\xb5\xd0\x9eN\x84\x87j\xc2\xea \xf1j\xf4\xc7\xf4_L2\xef\x04\xfc\xb2-J\xdd.\xd3\xb0'</t>
  </si>
  <si>
    <t>b'\xa2\x85\xe7V\xdeq\xc7.r\xff\xe2h`\xc2=\xf7\x97\x12\xc5\xfd\x7fu\x00\x99;\xfb\x8d*\xea&gt;\xe0K'</t>
  </si>
  <si>
    <t>b'\x91\x17\xec!\xbfO\x03\x8b\x87i-\xfc\xd6\xf8@\x83\xf9@\xa0\x8d\x08\x96\xf9D\x9f\xf2\xc7\xe1f\x02\xf0\xdc'</t>
  </si>
  <si>
    <t>b'H\x10jm\xc99\xee\xfb\xda\xd6\xba\xe3~#\xc5\xb07\xb4\xbeQ\xd9\x87.V\xb6c+&lt;=e\xdd\xa0'</t>
  </si>
  <si>
    <t>b'j\xb3}\x01\x88(\xac\xf7|&amp;\xcf7$\xa5{\xd9e\x851\xc0\x1b\x9f\xa8\x7f\x1c\x1bY\xe1\xc5\x89\xe1\xcb'</t>
  </si>
  <si>
    <t>b',r\x15\xaa\x8a!q\xb0\xb3\xf1\xa5G\xf6k\xb7\x8a\xd4x\x04g!\x0c*5\xb83&gt;|\xf6\xdc\xeeH'</t>
  </si>
  <si>
    <t>b'|\xec\x11\xc2\xcaKVQ0\xeaP\xac,\xd5p\xb2+q\x82\xec\xf1s@\x1dMbcB\xd1w\xf4 '</t>
  </si>
  <si>
    <t>b'Y\xca\xc5\x99F\xa7\xfd\x92mw\xde\xe3\xac\xff\xec$\x85[n\xb5\x06:\x1eJQ\xb9\x08\xca\x8b\xc2$\xaa'</t>
  </si>
  <si>
    <t>b'\x81\xc6\x83\x86\xe4\xca\xd3\x94\x1c\xc6\xd4C\xac?\xff\xc6\xe2\x0e\xbd\x96\xd4\xe5\x0f\x9a5\xac\x89\x0cJ\xf7\xf6\xc3'</t>
  </si>
  <si>
    <t>b"\x0f\xe7&amp;\x93\xc3\x02\xb5\xde\n\xe1\xc2\xc2\xe6f\x18\xcbd\x8cy\xa3\x946\x17o\xb4\x96\x85\xb2p'\\b"</t>
  </si>
  <si>
    <t>b'\xd2w\xcf\x9e\xa8,\x9dg\xef\x84/\xeaG#\xeb\x8d!\xee\x12\xf4.`\xaa\x83#\xd5\xe2\xc1sL\xff\xab'</t>
  </si>
  <si>
    <t>b"\xcc\x91\xad\xa7\xdb\xd0\x9b\xd6\xdf8;\xa2lk\x08s1'\x84\xdf\x87\x1c\x8f\x07\xf4\x18^\xb4\x80B\xdd("</t>
  </si>
  <si>
    <t>b"\xd1\xb0\xda|x\xa6]'\x87\xbd\x181\xdb7\xde\x15\xa3D_\xa2pEM\x9b6y?\x01V,E'"</t>
  </si>
  <si>
    <t>b"\xc6\xf7}\xf52\xb9\x86\xb36\x88\xff\xd4'\xb1\xbd\xc9}\xf2\xfaq\xcb\xff8\xebJ\xc3;,\xca\x8eC#"</t>
  </si>
  <si>
    <t>b'\xc4\xad\xdc/\xe3dj\xdc\xef\xe8t\x9cz|_l\x81\xc7iA\x0c\xbeO\x0e\xeb;l\xad/\xb1\xd8\x9e'</t>
  </si>
  <si>
    <t>b'\x80\x8a\x91\xcbAQ\xce;\x0c\xe0}l8\x1c\xee\xbc\x03\x11Z\xbd\xc0;\xce\xb8\xf0\x06\xde\xf8\r\xd3\xd54'</t>
  </si>
  <si>
    <t>b"3\x0c\x8e\xab\xa8(\xdb\x83`\xc9\x0b3\x1c\x85d\x97\xd7\xb8\xe3\x0e\xfd\x07,&gt;'0@\x9d\x03\xc78\x8c"</t>
  </si>
  <si>
    <t>b'\xc6F\xbd\xe7\x11\x9aA#qc3\xea\x96 \xadr\x11K\x81\x8c\xd7/\xfe#\xe7\x83\xfdj\x08\xeb]\x1c'</t>
  </si>
  <si>
    <t>b"S\xfe\x9d'm\x96k\x1dC\x15L,I1)L\xcb\xc14\xf6@Wv\xb3v5(\xf8\x91\x0c&lt;T"</t>
  </si>
  <si>
    <t>b"sB\xb5m\xcd\xf4\xdd\x99k\x03x\xa4\xd6\xa6{\xfa\xe0)'\xc7\xadNi\x03n\xf5\xfe\x16Q9\xd8G"</t>
  </si>
  <si>
    <t>b'\xd4\xb3\x0c;\x83\x0e\x03U\x88M\x1d\xf9\xc6b\xeb\xf5\xfc_\xe3\xc0wr;\xc6\x18q\xed\x7f\xa1\xd4Y&gt;'</t>
  </si>
  <si>
    <t>b']\xaaL\xf2b\x8aE\x99&lt;\xc8\x1c&amp;\x8f\x9b\xcb&gt;\xda\xc2\xbf\xc0\xceV\x03P3\x86\xe1\x0e\xe2R\x88b'</t>
  </si>
  <si>
    <t>b'\xc4\xa4\x96X`swc\xa5\xbb;K&gt;Z\x1b\x96\xa4\xe8\xe4\xb1\xb3\xf7\xa4YT"\xb4\xf9\\\xc6u\x84'</t>
  </si>
  <si>
    <t>b')W\xc7\xa4\r\xe7\xa6\xcf\x81$p\x08[I\xd4\xaf\x95\xa5h\xc2E9\x18\xba\xaa\xd4\xd5\xbc\xca\x87\xd0,'</t>
  </si>
  <si>
    <t>b'6F\x8f\xff\xbd3\xc3\x8b0rT\xf0,i\x08\xc6\x8a\x81D&lt;\xce\n\x86dG\x08\xb7\xa02\xe6n\xeb'</t>
  </si>
  <si>
    <t>b'\x97\xebw\xd7\x8c\x0f\x8d0\x13\xb0\x1a!\x876\x1a\xfe\x12\xa4A\xf3E_U\tG\xa9\n$\xea\xd5\xbc\xa0'</t>
  </si>
  <si>
    <t>b'\xfe\x9f\x1c\x9c\xd7,\x07ML@\x0e\xa9\xfc\rM\x19\xe9\x18Ey\xe3{\xc2\x04\x03f^\xda\x06g\xa2\xf7'</t>
  </si>
  <si>
    <t>b'\xf8\xf5A\xdf\xdeI-XX\xff\xc5E\xfeW.\xae\x15\xfbO?\x8a,&lt;o\xfd\xef\xb4v\x01\x8b\xf3\xad'</t>
  </si>
  <si>
    <t>b'\x06x\xac\xfda#\xf26;\x03XZlq\xfaD3\xb1v\xa8(\x13\xe5\x82\xc2l\x19\xa2\xdb\x8ea2'</t>
  </si>
  <si>
    <t>b"*\xc7\xf4/^i\xb6\xb0iP\xdf\x15\r\xf6\x94B'6Eh\xb5\xcb\xcc\xf2\xbf\xbcM\x19$\x04K\n"</t>
  </si>
  <si>
    <t>b'\xfb\xb10\xb6\xeemb\xf0\xaf@\xedn%\xba\x1a\xbe\xee\x03x\xd3\x18\xca\xb0e\x7f\xcf\xa5*B8,v'</t>
  </si>
  <si>
    <t>b"\xc5\xe9C\xbckv\x1ec\xdat\xba3\xcb\xaf\xa7\xe9'\xd1o\x8a\xdb7\xef\xcf\xe78d\x15\t4\xc2\xcd"</t>
  </si>
  <si>
    <t>b'\xf7OW\x0ez\x10\xfb[\t\xf1\xad\xf4\xde\xef\x06\xb47\xa4\x98\xb7iu\xb6g\xe6=\xbf\xfa\x05|\xe1&gt;'</t>
  </si>
  <si>
    <t>b'h\xe9\xf6\xa7\x1a\xac;\xb0L\xfff;\x9c\x12\xef\xe3\xdaH1\xcc\x8e\xcc\x8b\xdd6\xd4\xdf\xefT\xe1n\n'</t>
  </si>
  <si>
    <t>b'\xf7R\x0e\x9b6\xa6\xd2\x9c/\xb2*\xdb\xbc\xfe\x05\xbc\x10e~\x89\xba\xc5\xc9\xdd;\xf8\x07\x9d\x84\xb8K\xc6'</t>
  </si>
  <si>
    <t>b'\xefFiW\xf8 h\xfb\xfb\xfe ,\xfdY\xbb\x81N\xdf\xd6\xde\xaeT]\xb9\xc0\xb3\xa0r\xab\xd7\xd3\x8c'</t>
  </si>
  <si>
    <t>b'\x97Z\xec\xd3\x1b|\xa3j\xb7\xbdO\x9e\xd5\xd2\xd0\xb9\xce\xc0\xc1\xcf\x87\xb9\xe4G\x8e\xe1\x85\xe2\x16w\x0e\x83'</t>
  </si>
  <si>
    <t>b'!\xe4\xc9\x95Y\xec\t;\xc7a\x8c\xe8N\xc2\xf7\xf7\x1fj\xab\xd5G\x1d8\x12_\xb7t\xe89\xc7Wp'</t>
  </si>
  <si>
    <t>b'\x828\x10\xf0\xdeT$j&gt;\x08\xa1\xd2\x0f\xd5\x13~\xf4\x126\xbfrsp~\xc7^\xb5\xe9J\x82\xc8I'</t>
  </si>
  <si>
    <t>b'\x08\xbf\xb9=\xa5\x94^\xbb\xfb]\x9d\xf2\xb09.t\x85el&lt;\x11\x92\xdf\x1f\xf5\x01{d\x1e\xaf\x99}'</t>
  </si>
  <si>
    <t>b'\xf2\xd07\xaa\xf9\xd7F\xea%\x846^\xd3\xe6;V~\xbc\xf8y\xe8\xdf\xaa\x00f\x8a\xc1Xe\xf3\xb5\xd6'</t>
  </si>
  <si>
    <t>b's\xa4#\x98\x8b\xb1KyZ\x02\xfa\xa7\x08\x94d\x0f\xd2\xf3\x8f\xa7l\x85@\x86\x00D"\x8d\x81o\x1c\x90'</t>
  </si>
  <si>
    <t>b'\xae:\xb5\x0c\xdc\xfe\xde\xf5f\xa4\xa2\x84%J;S\x19\xc3R\x1e\x08\xaf\x17.N\xc9\xea\xbfh\xec\xa5J'</t>
  </si>
  <si>
    <t>b'wI\xfd\xef\x02;\xce\x1e(&gt;T\xa9D\xc2\x14\xdf\xd0\xe9v\xc7\x8f\xe9\x1c\x92!\xdaud\x16\t\xa3\x8d'</t>
  </si>
  <si>
    <t>b'\x12M(\xec\x84\x19e\xe4 \xfd\xeftH\x9em\xa7\xd2\x99W^:\x83\xd9\xbc\xea,\xd0%\x05\x94x-'</t>
  </si>
  <si>
    <t>b'\x826UZAz\x9c\x89-\x072\xbc\xdc\xc0\xba\xa9R\xdb\xd96Y\xda\xd4\xf4&lt;p\xa6\x84+\x104\xd4'</t>
  </si>
  <si>
    <t>b'\x8e\xc8\x0c:\x84K(\x96Yg..c\xcc3=\x04;\x03@\xa6\xf8\xcbQ\x94\x04\xf7\xe5Vf\r\xec'</t>
  </si>
  <si>
    <t>b"6\x08\x19\x92p\xec\x11I\xd9\xbb\xad+\x0b'\xe7\x8b;\x9e\xf3@\xef\x11\xe8^n&gt;\xb2r\x96\x9a\x17Y"</t>
  </si>
  <si>
    <t>b'\xe0\xe6\x10)\xd9N\xe4\x01\xc4\xe1J\x9b$\x85,#\xa7\x98:\\b\xe2\xc5N\x9b;\xd2\x03\x90\x02\xa2\xd7'</t>
  </si>
  <si>
    <t>b'\xedx\xc2\xf2\xccr`\x03Y\xb4\xd3{N{\xd1\x0el\xd2\xc1q\x0c\x88p\xa4\x18\xf2\x82k\xa9\xb6s]'</t>
  </si>
  <si>
    <t>b'{\xc0\\\xc4\xdd-\xa4x\x82\x86W\xaa$\x1b\n\x8a\x99\xc6\xa6\x8a\x90\xfd\xaa\xa64\x0e_\\cM\x8f3'</t>
  </si>
  <si>
    <t>b"#\xd2\xdc*\xfa\x90\xcf\xa9n\xee\x0f\x99'\x98\x02\x97\x9c\x9d\x18\x97\xff\x1c\x98\x9b\tx\x00\xd5\xe4\xc2G\x1d"</t>
  </si>
  <si>
    <t>b'\xd8\x859\xb6\x1a&lt;=fK=\x97hT\x86\xd4\xc5\xdfHO\xab{/\xb6\x8c\xa4b\xedj\x12\xfe/\x1d'</t>
  </si>
  <si>
    <t>b"\x101$Z'\xe3\x8d\x12^+\xd1\xa6\xc0a\xad\x04\x1a\x95\xe2\xcf\xdcn\x86\x16\xb1W\x8c1\xfe\xb4{\xd5"</t>
  </si>
  <si>
    <t>b'\r$\x91\x7fZ\x0fE1n)\xcd\x1c\t4\x19\xd7\xeeEV\xda\x18"\xd6\x00\x9f&lt;\x04\xa3\x92\x17\xe7\x0e'</t>
  </si>
  <si>
    <t>b'\xc8\xf9\xdc\xd9lxM\xb3R\x93|\xde\x08\xe9?\xf9:\x11\x02\xbf&gt;d{V\xb4\x15\xbeSc\xb9pQ'</t>
  </si>
  <si>
    <t>b'yf\x13O2\xbc\xc0\x96\xfc\xc8s\x8e\xcc\xe3,\x0fT\xfc0l^\xefE\xaf\xba\x11Et_\x01Z\xc8'</t>
  </si>
  <si>
    <t>b'\x148k\xde\xac_\xc5`\xa4(\xb7\x86\xae\x1a}dN\x11\n*\xb7\xe3\xd3 N\xef\xf6\xa0\xeducZ'</t>
  </si>
  <si>
    <t>b'\xa6[\x9fn\xfc\xec\xf0\x02Y\xa5\xe5\x83\x90\x05\n\xfcq\x16sN\xdb\xd1P\x8a\xc4i\x88\x0e\x13\x12\t\x1e'</t>
  </si>
  <si>
    <t>b'\xf4\x01\xa1xC\xa9\x97gd\\%x\xbf\x87(bocw|\x9b\xb2\x98\xc8\x10\xf2\x1a\xd7\xdf\x19J\x15'</t>
  </si>
  <si>
    <t>b'\xb7\xafc\xc6\x93\xb2\x87\x8d5\x1c\xab/\x04\xb3\xbb\xfdJ.\xb0\xc9\x0cl\xfcy\x8c\xb3v\x17\xab\x036\xab'</t>
  </si>
  <si>
    <t>b'c\xfe\xe4$\xee\x8eR\xb5\x92\x8f\x9ck\x84\x05[WHd@\xa06\xdd\xf9\x02\xc2\xc2\t\xf8\xedS\xeav'</t>
  </si>
  <si>
    <t>b'\x89\xeen\xe6v\xdf\xfe\xe6\xfe\xcf\x04;\xc0\xcd\xfb\xe5:\xea\xdd\t\n\xfa\xc8\x8fW\xa5W\xd1k\x9f\x80a'</t>
  </si>
  <si>
    <t>b'\xf6\xd2\x0eT\xdab\xa7\x0c\xbd\xaf\x87\x9f&amp;\x96M[I\xe2h\xef\xd7\x88C]\x96\xcb-\x9c?\xbd\x81\x0f'</t>
  </si>
  <si>
    <t>b"]8z'Q\xa6!\xf7\xf2\xdd\xd5\xe2\x8a\xd7o\xed\x13\x98\x8f\x96\x13\xcco\xe9\x99I\x97c\xa6MP\xe4"</t>
  </si>
  <si>
    <t>b'\xa9\x7fssC\x8da\xd1\xbe\xcf\xbd\x0b\xa6\x14\xeb\xcc6N+}J\xf2\xbb\xbe\xae\xd0\xe3\x95\xa1\xff(g'</t>
  </si>
  <si>
    <t>b"\xd8\xb4h\xb5\xed\x16\x93\xbe\xcarz\x97`S\x95\x18\xa8\x0f\xb2@\xce\x86\x02\xc6\x00\x17\xde\xc4\xa1\xcd'\xe5"</t>
  </si>
  <si>
    <t>b'S\x03CF\xaf\xc5\x9f\xe8\xce\x92\xd8\xe9\xa2\xf8\xa0\xe28\x81\x06\xd7M!\xc6sX&lt;\xcf\xbe$\xdb\xb5\x8c'</t>
  </si>
  <si>
    <t>b'[z\xcf\x1e\xd2\xeb\xe1L-Ms\x7fU\x0bK\\\x1f\xabbJ#\x89\x0f{\xa6\xdf~\xe3kp\x86,'</t>
  </si>
  <si>
    <t>b'_\x0e\xa8\x00Q\x11\xd3 \x111\x96\x1e\x1e\xb0[\xa6\x93a\xa5\xf0D\xf0\xad\x82#\xcc\xa9\x04\xb4\xb6\x98\x0b'</t>
  </si>
  <si>
    <t>b'\x9a\x01"\xb9\r\xc7\xca!e\xa1\x81\xc3=b\xc2\x01\x94\xce\xdeVm\x10d"\xfe\xd0\xbc\xda$\xce1\x05'</t>
  </si>
  <si>
    <t>b"\rVj+9\xd7\x8d\xdbR\x07p\x17\xcf\xf9v\xb1\x1c\xc8'\xfb\x87\xb1\xc7\xdam-\\\xcaD\x14TT"</t>
  </si>
  <si>
    <t>b'\xe7\xa2\x14\xa7\xd33\xab\x1e\x9fx\xd0\xfd\xee\x86\xfe\xf7\xda"\xf3b\xd2R\x06o~&gt;C\t\x83W\xc9\xf3'</t>
  </si>
  <si>
    <t>b'd\x9d\x06\x03\x9a\x93\xbd\xea\xf9\x0c\x01\xe4,C\xbb\xd0\xae}\xa99\x19R^|G\xb8\t\xe4\t\xc1&gt;\x1d'</t>
  </si>
  <si>
    <t>b'\xe3\xc0\x93p/2\xde\x04j\xa6\x85\\\x89\xa9\x1c\xf0W\x95W5Hz\x15R\x16\x98\x83\xd6\xc5\x80\xd5\xe9'</t>
  </si>
  <si>
    <t>b"\xba\t\xf9\x07\x06\xe6\x94)\xc4\xeawE\xd4\r@\xfc-\xb5\xdf\x0c\xd2:\x86\xe3\xf7\x98\xdd\t\xb4'M\x19"</t>
  </si>
  <si>
    <t>b'\xb3\xd2\xe1\xf5)\xc9\x9d\x1d\xc3\x81\xee\xd9"3\xca*\xcc+\\\xe8}`\xb2"\xf3\x14\x0cyR\xb7\xfa\xec'</t>
  </si>
  <si>
    <t>b'\xb6h\xe6\x08\x89\x89\x02j\xdd\xa2,o\xa5qb\x0b\xbb\x1b\xe9\xd8\xf9\x14\xc1+\xdb\xf0\x8axt\x18\x9b\xa4'</t>
  </si>
  <si>
    <t>b'\xb8\xa9X4\xcb\x7f\x97d\xc2\x9d\xa9TR\x88\n\x1e%jf\xb7{e\xe9\\\xf3G\x05\x89\xfe,\xa0\xb8'</t>
  </si>
  <si>
    <t>b'\x87\xe9\xf6~e\xd5W\xf2O\xa0\x8f\x00\xd3\xa5yz\x15\xb2\xbe(6r+\xb3Z\x89Bp5\t\xf7\xfa'</t>
  </si>
  <si>
    <t>b'\x88\x1d\xdb\xaf\x8f2\xdfP\x91\xa5\xc0\x11\x1d\xfb\xdcnt\xc3\xb0?@\xdb\xc2Uf\x10\x97\x87\x92Uv\xd9'</t>
  </si>
  <si>
    <t>b"0'K\xc2\xf0\x03\xbc\x93 (II\x0cbFT \xd2\x03\xcf\x06\x8co\x99j\x97\x0f\xda\x9c\xc6I\x96"</t>
  </si>
  <si>
    <t>b':/?\x03\xbd\xa25\xc42[\xcfb\xbf\xfd\xf7\xaf\x13\xda\x02=\xd5\xf3\xdcB\xd07&lt;\xb7\xa1{?+'</t>
  </si>
  <si>
    <t>b'\xfe^W:\xe4\x92\xc7u\xae\xc9\x94\xdb\xf8f\x18\xb4&amp;I_\xf5\xd3\x84\xad\xd4\x86\xe9\x9b\xb51\x8e\x8a]'</t>
  </si>
  <si>
    <t>b'#\xd1\x04\xfc\x8a\x11V1\xe9\xad/\x84\xeb\x0eA\x98\xc3\xf6n\xd2\xces\xc9\x82\xf0 \x01\x95\xd1\xbf\x9e\x1e'</t>
  </si>
  <si>
    <t>b"\x03\\\xff\x9d\x81kL\x0b\xda\x1e\x14\xf9\xb9\x1bo\x89lh'3E\x02\xc7\xd2G\xb7\xebhV\x7f\xfd!"</t>
  </si>
  <si>
    <t>b'B\x95\xe1\xbd\xf2\xfcU\x8bJ\x11\xd9\xf0\x96\xc4\x94&lt;?\xab\xad\x18\xf4q[s\xc3\xf0d49\xddT4'</t>
  </si>
  <si>
    <t>b'\x16\x8e\xb3\x91\xed\xe6\xad\xfa\xcar\xceCV\x9b\xd2{\x1f\x96\xb8\x9e\xf6\xb5J\xb8j\xb5\x12\xe2\xfe\x17\x1a\xc2'</t>
  </si>
  <si>
    <t>b'\x19\xd5y\xfb\x8c~\x08\xd2KAk\x80\x99&gt;C\x16G\xdb$\xb8;\x00@\xb4\x90A\x12//\xe5%3'</t>
  </si>
  <si>
    <t>b'\xdc\xd9\x95\r\xcd\xdf\xdd\xc3\xc8\xe7{E\xcc\xd5)\xc5I\xd6\xe9a\xc0\xf2\x1c\xcc\xc3\x97\xdc\x15\x13\x94\xab\x01'</t>
  </si>
  <si>
    <t>b'\x97\x86\x01\xac\x8f(P3|\xb9&lt;\xc8iU\xf4\xe4\x02\x98&amp;k\x859H\xc6:\xae(\x83\xc2s\x01\xb1'</t>
  </si>
  <si>
    <t>b'+\xba^&amp;}\x96\xff\x12\x86,\xcb\x08;\xd3\x8a\xf6.\xd0\xb5o7\xae\x01\xd9\xceF\xfc\xcb\xa1\xee/\xb1'</t>
  </si>
  <si>
    <t>b'M\xcd^\xe2\xf3\x8e\x8d\xe8"z\x8dw\xb0oM3\x94\xb0\x08\xf4\xa8\n\x15\x94&lt;\x80w\x9e\x17/C\x03'</t>
  </si>
  <si>
    <t>b'\n\xefK\x8e\xdc\x7f\xe3\xf3\x07\xcf\xf9\xfe\xd1\xd8\xdcv:\x10\x1c\xe1L\x1e\x1f)&lt;\x19\xfb\xb0\x9e\xfa\xb8+'</t>
  </si>
  <si>
    <t>b'\xe9t\xc5\xe2\xb2BU\xb8\x94\x89+\xb3\x04\n\xcb\xdbe\xe1HC\x9c\x8c\xa8c\xbdW\x94\xe2\xd2$\x1d\x1b'</t>
  </si>
  <si>
    <t>b'x\xbe\x1f\xa2\xcdP\xa6\x0f@\x8a\x1b\xaf\x08\x18\xa90\xc7\xf7\x8f\x86z\x9c\x19($l\xc5\n\x05\xb8\x1b\x01'</t>
  </si>
  <si>
    <t>b"\x19)M\x92\x91\x1cX\xb7\xb6?\xb0\x98r\xfa3L\x95'y\xd5\xc3\x80\xd7{\x1ap\xab\xdf\xee\x9bo\xb3"</t>
  </si>
  <si>
    <t>b'\xb4\xa5\xae\xa7}wg\xb2\x86\xd3\x04b\xdd\x90\xff\xc8c\xb1f\xb0\xe1\xb4\xf8\xf6\xa6\xb6U\xac\xa6D\xd4\x01'</t>
  </si>
  <si>
    <t>b'\xe1\x17\xf8%"z=\xba\xb7s\x16\xc3\x08\xb4\xba\xff\xf5\xe36;\xcd6\x08\xact\xbb\xa3\xc0\x04\xe4\xd6\x94'</t>
  </si>
  <si>
    <t>b'\t\x9d\xde\xa3X\x0f\x05\xdc\xa7\xf3\xed\xb86\xdf\xf92\xcb~\xdf\x07\xfa\xbc\xba\x8bS\xb6\xc1\x8d\xac\x86*;'</t>
  </si>
  <si>
    <t>b'`\xd2T [\x08&lt;`\xcfq\xa5\xe9\xe0\x1a\x1fP\xf7\xa4u\xd4\x9e]\x9b\xf5/\x8e\xfeZ\xec\xe5\xa4C'</t>
  </si>
  <si>
    <t>b"\xdc\xed\xbb\x1b@\x14Uya;\xab\xf56'%\xc2I9}5\x10.\xe1^\x8fo\xb6\xe3[\x1c&lt;\r"</t>
  </si>
  <si>
    <t>b'\tu\xae\x89\xd9Ei\xf0\xf7\x9a\x16\xce\xea\xb8\xf6c\xf8\x07_\xdb`(19\xf40n6\xc4/\xc2\xd3'</t>
  </si>
  <si>
    <t>b'\xaan\xe9\x08UiE\x8e\xd7\xb5\x0c\xddBt\xbb\xfc|c\xfa\xd4\xb4\x8a$LE\x8f\xf2\x1b\x00\xf6\xd4\x95'</t>
  </si>
  <si>
    <t>b'HcR5\x06\xa2\x8bP\xa5Pu\xb9\r$\xe1\xf1s\x89\xd7\x9b\xe8 )\tj,_\x98\xe6y\x9b\xd2'</t>
  </si>
  <si>
    <t>b'$\xc82I~\xc97\x88\xe8u\xac\xcf\xa3m\x7f#\xaf\x9b\xe2\xa8\xb0\xe6\x03\xb9&lt;\xfe\x89\xb1\x12\x0b\xa7n'</t>
  </si>
  <si>
    <t>b'\xb3Ib\x82?\xdc~\xba\xbf\xb2\xaf7\xef\xf1%\x12#=\xd1\t\xd0\xd5\xfa7\xbe5\x9dQ}\x84\xf2\xde'</t>
  </si>
  <si>
    <t>b'\xc5)\xec\xc8\xfbk\xcc:a\x94  f\xf3d\xcc\x19Gl\x17%\xaax\xd2WO\x10c\x15\xd2\xc5\x01'</t>
  </si>
  <si>
    <t>b'\x04f\xc4F\xa5\xbd\xb0\xd1\xb6\xe6}\xe0{\xf3\xe4GUQ\xbf`e\xc7\xe6h\xd6`c\xf9\xc7\x8a\xca7'</t>
  </si>
  <si>
    <t>b'U\x14r\x19\x97D\xd0TV\xd2\xe4&gt;|c&gt;w\x1c\xd9\xd2\xe7\x90N-\x93\xd1\xe0\xd5t:\x93\xaa\x14'</t>
  </si>
  <si>
    <t>b'oRX\x04\xa0B\xd6\xe4\xc8\xfcc\x849q\x05B\xb9\xff\x06\xd6\x7f_\xda\xaa\xdd\x04A\x8e\x94h6&amp;'</t>
  </si>
  <si>
    <t>b'\xff\x8b6\xbe\xd0\xe0\x85\xc3\x95/\xc6\xd7\xdd\xc0s\xf9\x9e\xae9\x1f\xa26\xee\x9fF\x9d\x9e\xae\xa1w\x08\xab'</t>
  </si>
  <si>
    <t>b'\x0e\xa8\xeb\t\xe8\xed)\xcbq\xbb\xa2s\x1e\x89$=tf\xec\xb2\x8f"\xb1_={\xde&lt;\xb5\xcb\xcb\x9f'</t>
  </si>
  <si>
    <t>b"#\xa4\x83b\xbc\x91\xa4u'1t\x91!)\x9b\xb1u\xb9pW\xa8Z\x8a=\xe3\xfb\xc8Se\x1d\xd1\xa6"</t>
  </si>
  <si>
    <t>b'pO\x9d\x95}e\x10M @\xa95e\xd2l\x08\x85\xfak\xdd\xb3\xd5\x80\x10M~\xa9\x01\xe1\xaf\x17\x94'</t>
  </si>
  <si>
    <t>b'=o\x1ahF\xc6\x96fz\x15H\xbcu\xc84\xb5\x91I{2\xa2\xed&gt;%}A\xed\xe9R\x1e\xb2&amp;'</t>
  </si>
  <si>
    <t>b'$\xf0\xf4\xe1\x84\xd0s$\xf5#\xca*C\x91\x9e\x1d\xca\xb1G\xbe\xf7cK\xa8\xf4o\xd6\xa9.\xe9\x8dD'</t>
  </si>
  <si>
    <t>b"\x8b\x16\xae\x8e\t)b\xech'\xad\x1d\x8a\xd5\xa6\xd0\x81\x00\x1e\x07Y\x08\xa9\xe7\xff\xdf\xdb\x85{\x04%\x90"</t>
  </si>
  <si>
    <t>b'\xcdWN\xc80r\xe9\x95\xf7-#fvm\xa5c\xec\xcf\x04\xde\xab\xc2K\xb5{\x17\x1c\xe9\\\x86\x85\x89'</t>
  </si>
  <si>
    <t>b'\x1e\xadj\x14\x02\x0b~\xf7k9\x91Z$r\xe0K\x07:\xf0\xf7\xb9\x9c\xbc\x99\xc7\x86{h\x08\x05\x92\x83'</t>
  </si>
  <si>
    <t>b'\xd6\x01\xdb\x94\xe2r\xff\x9el\xeb&gt;\xcf\xec\xc2\x7fz\x8f\x1buB8\xf8$P:\x89\xf3\xd7\x8d\x0e*\xd3'</t>
  </si>
  <si>
    <t>b'\xae\x1c\x86\xd0\xe2\x83\xab\xcf\xc2=x:\xb8\xd3\xc8\x13)\xfa\x91\xc1;&lt;V\xb6\x1c\xef\xfe\xa4\xac\xeb\x97\x97'</t>
  </si>
  <si>
    <t>b' \xf6D:@\x8b#\xe0\xaa\xad\xd0{\xd7\xc5\x84\x99+\xc6\x8d]W\x8d\x871\x028\xd2r\x84\x0eqe'</t>
  </si>
  <si>
    <t>b"y\xa1\x95\xef\x16w\x13\x91\xa7\x06\x98.\xd2\xba\xa7\x9c\xe4\xca\x07\x0c7\x15\xbc'\xc0\x9bSq\xf9\xaf\xf6G"</t>
  </si>
  <si>
    <t>b'\x9b\xd1y\xf4\xfa\xc3Wv\x04B\x00\xa9\xee%$k,D\xaa\xdf\xe8\xee\x96\xebZ\x084\xbb&amp;ggz'</t>
  </si>
  <si>
    <t>b'.\xa6\xd6\xc1\xa5\xb8"\xb3\x8b\xe7\xd1\n\x886\xaeE/\x87\xbd\x8e\xda\x05\xd5\x08\x9c\xc4\xd9&gt;\xe1|\xbd\xd3'</t>
  </si>
  <si>
    <t>b'N\x0fY\xfd\xc3h\xa2\xae\xb8\x86K\xef 7;\xcc\x12m\x89\xc6\xd3\xcf\xe9\x04`\xcbo\x0cB\xae\xe2I'</t>
  </si>
  <si>
    <t>b'\xce\x99\xd0\xde\x06$\xf7\xb8\xff\xc8l\xb2\xc8\xd0&amp;\xdd\xf3\xbdyfJ\xef\x8d\xd7\xfbp\xb7\xad`\x81\xc0M'</t>
  </si>
  <si>
    <t>b'\x9a\x86\x13\x1d]\x07\x83]}XT\xf7\xb2\x16P\xec"\xe0\xe5\xca\xeb\x0b\x1c\xf0\xb0\xdf\x9e\x84\x07O`\xd1'</t>
  </si>
  <si>
    <t>b'\x9e\x97\xc1\xc5\x97\xd3B\x9e\xa5b\xfa\x8c\xce\xbf\xff\x8b\x91\x14\x89\xdb\x9d\xba|J(s\xc6\r]\xeb\xe6N'</t>
  </si>
  <si>
    <t>b'\xed\xc2\x94\xdd\xc2l\xdcCS^\t\xf7\x85SM\xa3:\x89\xf57Z\xbb\x8b\xaa\x98\xe9\x11\x8d\x0f\xb4\xe3\xfa'</t>
  </si>
  <si>
    <t>b"@z\xaf\xbf,\x9f.]m\x9c\x1f\xf2-\x10\xec\x1c\x07k=:\xb4\xaa\xf9`\xe2x'\xea\xa4\xcdd\xfb"</t>
  </si>
  <si>
    <t>b'\xd9\xe2\xa8E\x1c\x85\x1f:\xd6,I)|\xee%zl\xcdrs=\x1fT\xe5W\xa0\xd2@\xcac\x8b\xde'</t>
  </si>
  <si>
    <t>b'B\x05\x9d\x9aL\x1c\n3S\xb3rmKb\x07?&lt;\xab\x9f\xcaAh\x1a\xb8\xc9I\xdb\xb4\xab\xfd\x86\xde'</t>
  </si>
  <si>
    <t>b'W\xc7\x13l\xda\xae\xcazg\xd8\xa7\xe2n\xec"\x8fa\x96\x95e\x1c\x84g\x11\x1e\x11C?\xe4^\xd7y'</t>
  </si>
  <si>
    <t>b'\xa2p\xa1\xd0\x941yV1\n\x14"\xdb/\x18X\xb4I\'\xf1\x96\x04\xed*\xcdL\xce\x02\xe8\x95\xa89'</t>
  </si>
  <si>
    <t>b'\xa5\xe3\xa3rN\xd6\x8e\\\xa3$\xe5\x86}\xf4p\xc6%\x97d\x96\xd7v\x05\n\xebR^\xe6\xc2\xcb\xef\xcd'</t>
  </si>
  <si>
    <t>b'\xd3&amp;=[\x16R\xbc\xaf\xc1\xf5\xea\xc7\xea\x84\xc9\x17\xe4No\x0f\xf5N\x85\xe7\x0c\x16\x9b\xab\xb52\xf3_'</t>
  </si>
  <si>
    <t>b'\x82|\xdb\x95\xe2\xfa\xec?Y\x7faH\x96\x85\xf2)\x05P\xe8N\xf3\xf1 ]\xd4\x07c\x9f\xc1\xd9\xffD'</t>
  </si>
  <si>
    <t>b'\x1d\xd9\x8c\xb1\xa4\xd1\t\x9fm\xfbr\xa0\xc3\x84T?\xee\x9dX\xea\xe9\xc8\x1d\xe5\xefO\xc2\x8c\x9d\xe8I\xb5'</t>
  </si>
  <si>
    <t>b'\x1f\xd3gI&gt;\x97X\xb0a4\x18YHh\x01\xad\x8c\xc4~\xca\xb5\xabAT\xaf\x17\x81\x93\x17\xefZf'</t>
  </si>
  <si>
    <t>b'\x9d\xd8-TvQ\xbb"\xb64\x85ZI\xd3Zh^\x9c\xb2B\xe87w\xf0\xbcMd\xdf\xe6t\xb3\xf7'</t>
  </si>
  <si>
    <t>b'P\x95\x15&lt;I\xf5z?UyOf\xa6W\xf0%\xd8\x1b\xd2L\x9d\xcb\xd1\x08\x9ez\x15\x9a\xa76Y&amp;'</t>
  </si>
  <si>
    <t>b'Z\xcb\xe8\x1b\xca|\xfa\xd3\xd2\x8d\xc8\x1d\xf8\xd6\x17\xf9T\x81h\xe1\xd2pZ\x1e,#B\xa8\xc0=\xb2\x85'</t>
  </si>
  <si>
    <t>b'\x81\xa3\xb5o\xbfR\x99v\x13\t\xd9\xa8Q\xa9\x15\xcc\xc0\xa5\xf2\xef6\xe9SY\xc3\xdb4^\xc0/tA'</t>
  </si>
  <si>
    <t>b'\x1b\xac\x07H\x10X\xabk\xd0`\xc5\x11\x86O#3\x1cI\x19\xd0I\x0bAQ\xaby\x8b2F\x1c\xf8\xae'</t>
  </si>
  <si>
    <t>b'\xf4\xee\xa4u\xec\x04\xd6@\x951D\x081\xee0\xaa\x8a/\xf1\x8dV0\x862\xc6y\xc5\x1d\x17o\xa8\xc6'</t>
  </si>
  <si>
    <t>b' \x97c\xb5^\xb1\x040,\x16_0\x7f\xce\x82){\x8fI\xc2\x04\x97(k6O\x1aZ\xf9\xd0\x1a\x80'</t>
  </si>
  <si>
    <t>b'\xa3Y\xdc\xfd\xa9,\x88&gt;?\xb4\xf9\xd0\xb3\\\xf01:d\x9e\xe9&lt;\xb1f\x04\x94\x9c\xa9\x19,.^\xc5'</t>
  </si>
  <si>
    <t>b'\x87ZVOF\xfe\xde\xf3\xfaPq\xa2\x1c~\xd3\ty4\xa1\xa5=*t}\rB\x19%?!\x95f'</t>
  </si>
  <si>
    <t>b'\x99L\x0f\xab3y\xaf\x18&amp;\xa3b\xa6\x17\x12\xc8\xf9\xcf\xf0\x13q}\xc5\xa9}\xfb\xac\xf3T\x92J.\xb5'</t>
  </si>
  <si>
    <t>b'\xa9\x95"\xf3\xb2a\xa5\x9d\xd9\xba\xb6\x089v\x91h\xe3xI\x04Rl\xfc\x91\xcc\x8d*lt\xd6b\xf8'</t>
  </si>
  <si>
    <t>b'&amp;\xc1\xa1f\xe3j]C\xf9\xe2\x05\xc8G\xdcb\x8a\n\xb8\x10\x8c\\\xc6\xb3\x9dp\x11\x81\xa5o\xd04N'</t>
  </si>
  <si>
    <t>b'{\xb9\xc2y\xe9s\xca\x10\xbe:$\xa6m\xdb{\x82\xa8\x83\xa7\xf0\xf1p1\xb0\xef\xd3\xc3a\xedL\xfe\x96'</t>
  </si>
  <si>
    <t>b'\xdd\xdf\xae\xe4\xcfV\xd4f\x06\xddn\xac.\x85w\xe3\x8a\xc0\xff\x97\xeb\xd0\xe0\xc1\xef\xde9w\xe3\x9a*\xc1'</t>
  </si>
  <si>
    <t>b'\x10B\t\x9eM\xae\x1c\x85\x1b5h\xfd\x18\xcbO\xccL\xfb\xb7\xa3\xca\xa1\x98\xf5\xed\xb2x\x93\xd4ew\xf2'</t>
  </si>
  <si>
    <t>b"\xd3\xdd\x9d$#\xe9\x85\x0b\x06'\x1b&gt;\xe6\x15}\xec\xce\xce\\\x16\x19\xf1Sv9\xd0Q\xe3T\x037\x87"</t>
  </si>
  <si>
    <t>b'\xa6\x86h\xaa\x17o\xc7Z\xd5\xe9N\x8b\xb1\xb3=0\xb4\xe3\xf4\xc3\x01\xa6S|\xf7\xf2\xd9\xf6\xef#w\xa1'</t>
  </si>
  <si>
    <t>b'%\xd8y\x95\xf3IP\xf7k\xe4P\xfb\xc3\xa8\xe6\x0e\ni\xa8\xf5@\x1c\x84\xc4$\x8b\xa0\xd1\x9dD\xe8\xc2'</t>
  </si>
  <si>
    <t>b'\xe1\xf3\x9e\xdc\xfe\xb69\x18[\x83B\x87\x17\x03\xfaZ\x0c\x98C\xc1T]\xcf\xff`\xa2\xf9!\x1f\x86xU'</t>
  </si>
  <si>
    <t>b'\xe5\xe2y\xaae\x04\xd294\x00\xaf\x07\x91\xb2\xb2\xdau\xe6|z\xb5Dr"\x1b\x9b\\t$\xaf\xd3\xb3'</t>
  </si>
  <si>
    <t>b'\x81\xec\xae\xd2\xed\xa8"\x93\x8f2\xb8\x93&gt;\x9f:\xc2v$\x0bf\xdd\xe4\xfdfB\x97:\xcc\xc1u\x9f\xf7'</t>
  </si>
  <si>
    <t>b"A7*\xd1\xcfmo\x8aP\x1bzC\x9e+\xd0\x87\x9b\xd2\x1b\xe2\x03\x8a'\xf1\xde&gt; Q\xcc\x90\xdd\x00"</t>
  </si>
  <si>
    <t>b' YI\xed=\xec\xa1./J\xbd\xb4\xf5oL\x9a\xe1\x84\x8e)\xc3\xe1\xcc\x0f\xd6\x983\xecJ\x84\x92A'</t>
  </si>
  <si>
    <t>b'\x85\x85\x95_\xcd\x00\xad1\xa2\xc5\xd9\x92WEIF`\x05\xf7Mc+\x14\xd5v\xd1\x07\xf4J\xb0c\x8b'</t>
  </si>
  <si>
    <t>b'"\x1f\xcfp[\xc8M\xab\xc1\r&amp;"jC\xc3\xc2\xd0\xac\x81\xd6Q\xd6Y\xa5U\xdc\xc0\x1e8\x87`b'</t>
  </si>
  <si>
    <t>b'g\x8a\x95\x8c\x91t@%\x11\xd5\x94\x05-l\x84\xbb\xa0\xa5\xa6\x90\xd10\x03\xc3\x05\xc3aP\xc8z\xd3\xbe'</t>
  </si>
  <si>
    <t>b'K}Yu\x83\x8dX\xd0\x81\xe8\x8f\x93\xb9&amp;\x85#{91\xc4\xccV\xd4~\xb3\x8d\xc3b]\x103@'</t>
  </si>
  <si>
    <t>b'\xa7\xd72\xb3\r\x00\xa5\x8a\xbf\xce\x0b\xa9H\x93\xa25\xca\x01\xab\xcb\xecZ\xda\xce\xb5\x84pF\x85\xea\x8f\xdf'</t>
  </si>
  <si>
    <t>b'\xea}g(\x9f\xd0@\x80\xfc)\xa5~\xf1UJ\xb38\xf5\xb1[Lf\xb9\x08@\xe9\x85\x079\x15\xcaL'</t>
  </si>
  <si>
    <t>b'.\x15\xc8^$\xaa\xcdu\xeat\xb9\x95I\xf1\x8fZ\x97\xc9!)\x99\xa3\x88P\xab\x99\x04M{\xcb\xb2\xab'</t>
  </si>
  <si>
    <t>b'w\xf9&lt;\xadn\x0e\xb1\x987d\x14\xd5\xf79r\xfe\xe4\x88\xc0ju\xa9r\xe2\x91\xecG&amp;e\x02 \xcc'</t>
  </si>
  <si>
    <t>b'\x1f:\x88fA`\x08\x13\xa7$\xcf\xcd~\xa9\x9a\x0eU\xf5r\xf8\x8c\xca\xd5\x80)\xd2\xfb\xb1\x96\xbc\xb0Q'</t>
  </si>
  <si>
    <t>b'\x87&gt;\x05\xe6\xfe\x8a9O\x05M\x9f\xb9,\xbd\x01\xe0\x10\xe1\x9e\xea\x9ca\xbd\x00\xfd^\x01\xc9\xe1\x16\xcd\xb5'</t>
  </si>
  <si>
    <t>b'\xbd(\xea\x9cV_\xbd,G\xb0\x06{&gt;\xdc\x86\x92\xb1\x15\x89\xd3\xe51\xbc@\xb9q{\xda\xbf\xd9\xe3\x04'</t>
  </si>
  <si>
    <t>b'\xbfE\xddT\x0f\xfc\xddzn\x16\x97\xa4\x19o\xa3\x1f$\xc8g\xb69\xb0\xcd\xb0\xc8\x0b)\xf2\xf4\xde\xe1\x9e'</t>
  </si>
  <si>
    <t>b'\xa7\x82(\xe9\x92\x15\xfe\xac^\xffq\xcf\xe6\xd4ru\t\x9f9\xa0\xc2\xa9\x84\xb3\x92,\x89z|\x9b\xb1O'</t>
  </si>
  <si>
    <t>b"l\xba\xe6\xff\x9dP\x96;\xdc\xb1\x91m\x08\xf4y&gt;\x86\xbe\x9d%\x19q'a\x00Gb\xb4A\x1an\x81"</t>
  </si>
  <si>
    <t>b"!\x056[!\xf6'A\xe6B=\x19U\xb3\xde\x14\xfd\xc1z6As1BT\\t\x8c\x17Z\xd0\xfd"</t>
  </si>
  <si>
    <t>b'n\xdd8N\xce\xff]\xdd\xbfq8$\x1a\x89\xcc\x8fC\xcf\x85\xed\xccB\xee\\I\xd0\xcf\xd5m\xa0\xad\xb0'</t>
  </si>
  <si>
    <t>b'\x9f \xdd6\xb2\xbdnC\x98\xf5\xe1&amp;\xde\xaf\xc4\xb8!\xaed*!\xf4\x9a\xfd\x04\xf5\x89!p`d\xc9'</t>
  </si>
  <si>
    <t>b'3\x07x;\x93\xa1I}LXt\x90\x1a%0\x95\xab\x85Y}vM\xf1N!+\x8e\xcd\xf3P\xa8\xda'</t>
  </si>
  <si>
    <t>b'e\x10\x84\xc3dZ\x90\xbe\xa5\xab\x13\xcc\x08\x1e\x91,\xcf\xaeq\x01\x1eF\x8e\x10|\xcf\xd0\x1b\xcez\xa9\xca'</t>
  </si>
  <si>
    <t>b'\xad\xb5\x7f\xdeCH$a\xa7\xa5oU"\xf1\xdf\x9e\x1bK7\xb1}X\x18H\x1b[\x8d\xd0baoO'</t>
  </si>
  <si>
    <t>b'\x97\xe3\x98\x8e\xdfxPZ\xd2\xe9o[\xf3\xb3\xfe\xffB^(\x91\x93\xa6\x0b\xa4j\xed\xe9\xcf\xce\xf2\xa5K'</t>
  </si>
  <si>
    <t>b'p\x10\x86]\x04\xe8\x9f\xd4\xb3\x94q\x8d_6\xf6W`s\x0c%\xab\xe6\x14\xc5\x9a\x0fYk\xac0\x9f\xc3'</t>
  </si>
  <si>
    <t>b'\x95\x9c\x1c\xf1\x07{\xe6)\xfb.?\xd0\xe2\xdd\xaa\xbbd\xbf\xd7\x0693&gt;@8\xdf0\x14\xa0\xb0\xf7\x1f'</t>
  </si>
  <si>
    <t>b'@R\x80\xfa\xdd\x8b\xdc+a\xc1O\xc8l\xef\xe0L\xc5\xdan\xae4\x10i\x00rRsy\x9e\xe7\xee\x9a'</t>
  </si>
  <si>
    <t>b'\xce\x03)\x10"\xe2\x0c\x88\x9a\x9c\xf8\x96\xe8\x99\xabt\x9aJ\xb8\x18*\xfe\x86H\x0f\x18\x0b\xa7(@c8'</t>
  </si>
  <si>
    <t>b'` \xe6\xf6&amp;\xe9\x11\xd4\xe0&gt;\x8d\x0b\x1ekl\n6\x05\xc3\xf0\xf8\xc9\xbf\x04:\xccszJ\x83Z\xba'</t>
  </si>
  <si>
    <t>b'\xb3\xf1\x19\x9c\x81\x03vBq:-W\x92\xfd\xeb\xa48\xe9DC\x04\xf2\xa0\xd1\xfd6\x0eZ\xd6\x04\r\x88'</t>
  </si>
  <si>
    <t>b'\xd1\xce\xfd&amp;\xe4\x14i\x97\x7f\x16\xf2\xcf\xa5sY\x80\xe7\xa8&amp;[\xdd\xee\xfc\xfc\xb8K\xe8t\x01R\xa4&amp;'</t>
  </si>
  <si>
    <t>b'K\xa1x\xd5v]\xc7\xf2\xff\xfc\xd3a\x16\x8f\xcf\xb4\x85\xbaR-V\\\x04\x8c\x9e\x01\xc0\xd9\xa1\xbdW\r'</t>
  </si>
  <si>
    <t>b'=\xb4t\xed\x17\x08\x85\xc95\xe7\xfcB\xbe\xec)\x96\xd3\xfb\xfb\x1dk\xca\x9a \x8d\xde\x9e\xcb\x1bz\xc6\xbe'</t>
  </si>
  <si>
    <t>b'M\x83\xce\xd9\x9f\xb2\xe24q\x03n68K6\xf0F\x83X\x9a\xcc\xe9\x8f\xcc0\x99\x93W\xbf\x16\xe2\xed'</t>
  </si>
  <si>
    <t>b'f\x1e\x02\x93u\xc1_\x9a\xf9\xd5n\xb1\xceV\xa1\x8dX\xd2\x9cC\xc8w\x08T\xeeW\xf1\x91\xf9\xe8\xf4\x1d'</t>
  </si>
  <si>
    <t>b'nh\xffZw\x0e\x85\x17n\x05\xb7\xaa\xb7\xe2\x84:\x86\xb12\x082\xe2y\xeb\xc8\xd4\x88,\x02\x1b\x87:'</t>
  </si>
  <si>
    <t>b'\x99\x1c\xef[\x13\x96\x1d/\xea\xd7\xb0\xb6\xe2\x88\xf4\xbdcpW\x88\x80\x1e*R&lt;\xb8\xeb\xa9/\x9c\x7f+'</t>
  </si>
  <si>
    <t>b"\xc0\x88\x99NE\x12\xba\x83\x1d\x98.\x12\xfcq\x0e'\xb17\x01\xa7\xe1K\x9b\x053\xb7\xcb\xbe\xea\xeb{\xea"</t>
  </si>
  <si>
    <t>b'fts\xbb\x9e\xc2\x85s\xec\xd4\x8f\x84La`\x8c\xf8\x93\x7f\r&gt;\x1aw\xa8)I\x92Y\xe2%nR'</t>
  </si>
  <si>
    <t>b'g!x\xcc\xff&lt;\xf0\xeb\xc0\x03r\x92G\x9d\xd0\x81\xba\xd4\x8c\xb0\xd9\xe9\xa7\x81Zb;\xb3f3\x07\x00'</t>
  </si>
  <si>
    <t>b'\xf91\xf8\xda\xc2K\xe4\xb4\xf23 \x04\x10WI\r4\x9f\xbaz\t0\xfe\x1bsc\n\x99\xf7&lt;\x89\x1d'</t>
  </si>
  <si>
    <t>b'\x84\n\xb2\xfa\xaa\xfd,\xddM\x8bL\x13\x06\x8as\xce\x93\xb2\xd3&gt;\xf0\xab\xf7\xda\xfe\xcf\xd8\x16\xa2\xba]{'</t>
  </si>
  <si>
    <t>b'\xf7*ato\x13EBjN\x91$\x9e\xa3C\xa5_3\x1d\xb9\xdbY\xb1\xfe&gt;\xb3\x14\x9f\x16{\xc2k'</t>
  </si>
  <si>
    <t>b'\xe3d\x87\xc1\x03\x1dA!\x99\xf1\xa9\x18\xd3\x1d`\xf4\x10@`\x81\x9e~"\xb1\xae\xc5)\r\xec\x1d\xda\xad'</t>
  </si>
  <si>
    <t>b'\xdd.\x9e\x89.\x0c\x142\xc4\x06wvf\xf0B\xe2}L?]\x1dUj\x02\x0c4\x16Q\x9f\x8ck\xad'</t>
  </si>
  <si>
    <t>b'\xdf\r\xb6PFV\nh\xc3Q\x1f\x7f\xd6\x05\xe0vH\xc4\x87%\xd5\x18\x9e\xaa\xbf`\xa4\x07\x88@\xe4\n'</t>
  </si>
  <si>
    <t>b'c\xea\xb8\xec\x14\x91\xe3\xbd2\xe0\x88\xfd=\x06\x90\x9b\x01\xfe\x8c\x1ex\xbd\x87!\x08U$\xb1\xd7\xb5\xa0b'</t>
  </si>
  <si>
    <t>b'\xc5NA2\xdd\xf8\xc5\x92\xa5\xd2\xa5\x97]\x87\x1c\x81TW\xbf\xf3\x1a\xb4\x0c\xa7\x86uy\xc0\xefx\x07\xc7'</t>
  </si>
  <si>
    <t>b'\x9f\t\xb7\x7f\x8c_\x18\xcfW\xcb\xf2g\x954\xdfES\x19\x8e\xb0\xf3\xcd\xec\xac\x93\xce\xa3\x1d\xa9iPP'</t>
  </si>
  <si>
    <t>b'\x8b\x0b\xb3\x9d\xbf\x90\xb1\xb2\xf3\xd0\xf7\xc0F\xba\xebxW\xcf|DK\th\n\xf9)\xd7\x1bmAO\x19'</t>
  </si>
  <si>
    <t>b'Y\n.4\xe1\xd1\x9e[\x86Z\x1b\x92"\x17\x80\xb1\x99D\xe3KN\x81\x17\x87L0\xd4\xb18\xb3\x05h'</t>
  </si>
  <si>
    <t>b'x\xa5\xf2\xf46\xdc\\m\x92\xa8*\xe3\xb2\xda\x02j\xa9\xa3\x8fM\x1f\xc7\x0exh\x15\x08b\xd3/5\x9e'</t>
  </si>
  <si>
    <t>b'\xd9.\x1f\x10FF\x1e\x00\xe9n\x9c\xc2\xdb\xf3\xe2\xe8x\x193\xb9\xb7^R[\x1ec\x8e\xc6\xf97\xd4='</t>
  </si>
  <si>
    <t>b'\xdfc\xa0\xa2\xe8\x9a\x05\xbfte\xc8\xf5S\xdcd~\x1c\x83\x1c\x92*\xde\x1d\xec\x03\xa8\xeex\\\x9b)1'</t>
  </si>
  <si>
    <t>b'\x99:=Fsc\xab\xc1\xce\x89&gt;K&gt;p\x86\x08\x8c;0\x13^\x164\xe1\xff\xb7\xa5qL\x1b\xb1\xd1'</t>
  </si>
  <si>
    <t>b'\x7f\xded:i\xa9\x90c\xcd\xd3\xc8\x8b#\xe9L\x84\xd8c\r\x8f&lt;\xfb\xcc\x18\x9c\x95\xfa\t\xc8\x82\x83\xe1'</t>
  </si>
  <si>
    <t>b"m\xb5\xfe'\xb5\xdd\xf1I!\xe5b:T\xc7\x1c\xfb6*\x90\xa8c\xb2\xc5Y\xf8\xec\x94)\x90J\x93\xbc"</t>
  </si>
  <si>
    <t>b'k!Ha\x08\x82%\xa6\xfe\xf7\x1a\xd8\xd6\x90\xb4\x0c?w5\x1a\x86h}\x96\xae\x06\xf0P\xc8|\xd4r'</t>
  </si>
  <si>
    <t>b'xf\xba?\x86o\x1e\x85\x0b|\xb0\x15\xa9\xf5\x90\xc2$ \xd8MV\x99vm\xc7`;\x1dD\xd6\x8f1'</t>
  </si>
  <si>
    <t>b'\x82\xf4ky\xdfA\x90\xe3\xc4Vt`x\xe3\x11\xdb\x0c#\xc4\x8bd\xcf\xe2\x0c-+\xd3cs\x19\\9'</t>
  </si>
  <si>
    <t>b'\xa7by\xbb\t t\xd3\xe5\xbf\xb4\x994\xaa0\xdf\x1d\x1d\xbc$\xd8\x87\xc0H\xabL:\xe8\xf0\xe75\xb6'</t>
  </si>
  <si>
    <t>b'\x1a\x91J\x02\x89\xbb0\xe0\x1d0\xfb\xf5\x83i5\x16\xce\xca:;\xdb\xcc[VU\x1e\xf3F\xbf\x16\xa4w'</t>
  </si>
  <si>
    <t>b"\x05\x02\xf4Lk\t\xfd\x15\x83l'\xaa\xf1J9\x9b\xd8\xf22nb\xee$\x95\x1e\x96\xc2\x85\x8cxOA"</t>
  </si>
  <si>
    <t>b"/P\xfa\x05\xa9g\x1eV\x83\x84'\x85\xf5\xd7\xf1J\xca*\xf3\x8f\x99\x96`\x02;\xe6\xa4\xc5\x1e\xb9\xcd3"</t>
  </si>
  <si>
    <t>b'\x95?\xc5\xc0\xb2K\xd9v\xee\xc3WYR\x16\x00\rjC\xba,\xfc\x08\xce[\x88\xab\n1 \xab\xb1\xeb'</t>
  </si>
  <si>
    <t>b'\xb0"+\x98Z\xc7\x8d\xc6\xb3~.lO\xef\ra\xce\xdc\\u\xfc\xd4\xde\xb8\xbd\xee\xaa\xd6F\xad\xac('</t>
  </si>
  <si>
    <t>b'\x02*Y\xbd\xc2 77\xebK&amp;C0\x1a\x82qo\xc7L\xe4F\xbcV\xaf\x11\xf7\x87s\x1d\xd6m\x87'</t>
  </si>
  <si>
    <t>b'\x9d\x9c\xfdMe\xd7HH^\xeb\xb1H\x1e\x80O\xc6\xf5\x0f@R\xf6 \x85\x10\xaa\x00=\xe1t\x0b\x07\x15'</t>
  </si>
  <si>
    <t>b'\xc7\xb0Q\xbe\xf1:\xd6h}\xd6#\x86\x19\xc0\xaf\x9f\x8d$\xac\x94%\xbe\x1e\xb7\x1b\x01\x8f\xa2\xe0g\xb9\xf5'</t>
  </si>
  <si>
    <t>b'&gt;\xc4k\xad\xb3\x9d\xf6\x18\x886\x8e\xd5\nx\xc2v\x98\xc8\xdbbu\xdd\xfc\x12\x145\xd0\x04\xcd\x89\xa2E'</t>
  </si>
  <si>
    <t>b'0\xd36\x8f\xb8K\x8dN\xe4\xe0P)b\x86Re\xb7\xe5\x03\x875*\xfd&lt;\xf3\x07\xe0\xdc\x0e&gt;T@'</t>
  </si>
  <si>
    <t>b'\xc2\xc4(2\xae\xd6K\xba\x11\x08\x96\xa5\xb3\xee3[pY&lt;u.\xd2NW\xb9\x1c\x8aUY5L\xd2'</t>
  </si>
  <si>
    <t>b'\x1d[0*\x80\x06\x00\xe6\x8c \x8dJO\xe1\x7f\xf4\x82\xeeK\x1e\xf3"\xe8\xd8\xaaH\x05\x0cw\xfa\xff\x9d'</t>
  </si>
  <si>
    <t>b'\xde\x1b\x08\xe3\rh\xde)\xc7V\xc2\xd1\x95\xe5L\x95\xff\xde\x15\x92\xd8\xdf\x80\x07\xf7$$"\x08\xa5\xab\x01'</t>
  </si>
  <si>
    <t>b'.\n\x0f)4=\xba\xb77\xcf.\x01\xb9Q\xce,\xb8\x8f\xed\x03\xa6i\xc1\x84\x1f]\x1c\xfc0\x00\x11R'</t>
  </si>
  <si>
    <t>b'O\n\xe3\x88eY\xdb3P?\no\x87\x84\xd0\xb4\x05\x18\x9du\xe7\x05s\x9d@\x9b\x0e\x91\xdaS5\xbb'</t>
  </si>
  <si>
    <t>b'\xf2\xd1\x8d"\x95\xeb,\xe8\x1b\x8b\x08.-\xe0\x98vzI\xa3\xf1\xa0\xb7U/slM\x86\xa1x\x8d1'</t>
  </si>
  <si>
    <t>b'TXI\xd3\x19\x95\xae\x9f4\xd4\xcc\x83=\x9aoU\xa8rFU{\x9e~\xa9\xfd&lt;\x82\xc9\t\xa7\xda\xf7'</t>
  </si>
  <si>
    <t>b'c\x08\xe4\xe6\x1cx\xd4\xfc\x83\x0c\x8c\x9a\\\xd8"^\x93\xceP\xd9\xd5K:|w\x0c\xab\x17C\xdd\xf1\xb7'</t>
  </si>
  <si>
    <t>b'\xde=\xa9&amp;\x19\\\x8fE4g]\x02\xa5\x95W\xc3\x86\xbd\xcf~\r\xcb\xea\x9a\x08\x02\xc8;\x03\x1c\xa6\xe9'</t>
  </si>
  <si>
    <t>b'\na;\x96Z\xd8&gt;V\xce\xab\xa5\xa2\x91\x03\x1a\x91S\xfc_P+J\xc8\x8b\xfb\xb2\xe0\x05\xe0\xfe-\xb3'</t>
  </si>
  <si>
    <t>b'\x91\xd7\x8d\xe1\xff\xe4\x96\xab\x19\xba\xbe\x11#\xc2\x1a\x06\x82\x18\xf1\xc1\x81\x8d}\x84]\xef\xdb\xb5o\xc7\x8c\x02'</t>
  </si>
  <si>
    <t>b'\x99\x8a\x86\xa1\x97hc\xe7x\xd9\x86\xe3y}\xf642|\x9d\xd7\xc8\x05Rr\xb4u\xa9q\xfe\x8b\xcc\xdf'</t>
  </si>
  <si>
    <t>b'\x98o\xe7zpU\xd4\x19V;\xca\x9e\x16\xfa\x144\xf0\xc4H\xe5\x81\xe8\x8dN\x0c&lt;*f`\xe62\xf6'</t>
  </si>
  <si>
    <t>b'\x9aE\xcc\xb7A\xf7\x83dq\xa3\xf9\x03@\xfdda\x8f\x9d\xe2Q\xbf\xd0\xb6\xf1\x1cI`%\x06\xa4:c'</t>
  </si>
  <si>
    <t>b'\x7f\xaf\\\xb9\x15\xf2r\xb0\x8a\xba\xf5\x14\xcd\xca\xd8\x96qQE&gt;\xcb*3{\xc2\rY\xd4\xe5\xe3D\xa6'</t>
  </si>
  <si>
    <t>b'\xd8\xfa\t\xcf\xd2\x81\xa9h\xc9\x19\x01\x89\x16\x89X\xd7\xe7\xaf#:\xc6U\x1f\xe4Fu\xfed\xb9t\x01\x93'</t>
  </si>
  <si>
    <t>b'\xf4\x877\x11q\xadk\xb8M]^\xf5\xe3\xdd\xbarv\xff\xc1&lt;H\x8b\x0f\xc5T\x89\x9c\x0b\xb9\x1dU^'</t>
  </si>
  <si>
    <t>b'\xa9\x80\xbd\x1a\xa0\xe6\xc0\x95\xccz\xf1fb\xeb\xeb.\x17\xc0Ab\x0f?\x8dq\x88\xe1B\x80\xd0[\x9f\x84'</t>
  </si>
  <si>
    <t>b"&amp;x&lt;\x9c\xfb\xb194kP\xf2\xdd\xa3\x99\xef~!U\xbe\x10\xca\xadZ'+5{\x06\xab\x02\x14\xb2"</t>
  </si>
  <si>
    <t>b'd\x08hc"\x8be\xd8\x1c\x1c)\xf0\xb1\'\'\xfaHy&gt;\x9b\xed\xc0qP\x1f}{\xdf\x9cll\x81'</t>
  </si>
  <si>
    <t>b'rX\xef\xa9\tQ\x8eT\xa4\xe6\xd4P\xd0\x9b\xa3\xf0e":|\xf0\xdc\x15[o\x8a\xb8\xec\x8cQ\x99\x92'</t>
  </si>
  <si>
    <t>b'\xe0i\xb0\xde\x1d\x8dz!\xf5#/\x1dL\xe8h\xad\xd5\xec\x84\xf7{\x18f\xe9o\xcfW\xc4\x9f\xdaZ\x80'</t>
  </si>
  <si>
    <t>b'\t\x17r\x90E\xa9\xa6\x81\x8e{5R\x86\x7f[\xac\xf4\xe8\xda\xb5\r$#\x12\x8a\xc4\xb8\xfe\x1a"&gt;\x02'</t>
  </si>
  <si>
    <t>b'Z\xcf\x10\xdb\xba`\xbfVn\xa4U\xc5-\xe7\x9e\xfc\x96\xf3\x80&lt;;\x04g\x03\xdaR\xba\x9a,\xc5\x99\xec'</t>
  </si>
  <si>
    <t>b'\xb2\xef\xc0\x11\xb2x\xbf\xb5\x1bb\xe1\x90\xa2\xb0\xac\xa7\x9d\xa9]&lt;`\x87\x19\x0b4$G\xcd\x0c\xde\xd71'</t>
  </si>
  <si>
    <t>b'\x8b\x02]\xf4\x17\xd1\xc0]\xb3\xf9x\x966G\xeb~S\x83\x81\xe0r\xe5[\xf0u\x94\xee\x90\xc1\x07\xf3*'</t>
  </si>
  <si>
    <t>b";\x7f\xa5\r\x19w'J\xb5\xfb\x94&gt;Y\x01\xae+\x06\xf3k@\xef\x87\xdc\xfbE\x80\xb6\x82\x81tsl"</t>
  </si>
  <si>
    <t>b'\xe0\x00?\xb3\x83\x06&gt;u\xe7\x99M\x95x\x9d\x7fd\xf7^\x9e\xcb\xcb\xfa\xa6OWR\x97\xcbL\x99\x02i'</t>
  </si>
  <si>
    <t>b"H\x14\x9f\x147'\xc5\xdf0\xe6\x00)\xda\x17\xac\xad(\xfb\xc7\xb7-Ky\xe6B\xab\xf65\x99\xd2\x91j"</t>
  </si>
  <si>
    <t>b'\n\xb4\xfe\x18QK#\x13?\x92\x7f\\\x17\xb8\x84J\xc5\xc6$.+jAz`\xe3\xb6\xb8\xe8\xf8\xadd'</t>
  </si>
  <si>
    <t>b'1\x84\t\x9e\xd5\xd4)d\xea\xb1\xd0\x17\xae\x9b\x11\xf9\xa9\xd6\xae\xa0N\xb3\xbc\xf1=\xda\x96\xca\x84\xab\x98='</t>
  </si>
  <si>
    <t>b'\x98\xb1(\xd7\x1f?(*\x84\x8a\xfa\x10QvqB\xd0\xe8*\x9ek\x01\x92\x8e\x9f\x10s\x01;\xf0\xe0\x18'</t>
  </si>
  <si>
    <t>b"=\x7f\xe1\x07\xf7\xbbt\x1a\x95\xf6x\xea\xe6+\xa2\xf8\xc4\xcc\x14'\xe5Pj\xf3\x0e\xd1\xb8?\xbf@\x05\xa8"</t>
  </si>
  <si>
    <t>b'\xc8&amp;\x13\xdb\x9a{@\xf6\xc1\xcd\x15\xcd\x9d\xdd\x15\xa6\x06z\xd6\xc8w\xe7\x0c\x9d\xb5y\xfd\ro?\n\xdc'</t>
  </si>
  <si>
    <t>b'\x92\xf7\x907\x15Q\xb1\x0e\xee\xed\xf2\xdd\xedj\x1a\x15\x9amU&gt;\x82Hp\xaf\x9a\x95\n\x12\xc0\x8d3\xaf'</t>
  </si>
  <si>
    <t>b'\x85XW\xd7\xf3B\xa7\x84$\xa5\x8a^\xfd1J\xa9\x83+\xb6\x13t\xdd\x88\x07\x872\x16"\xf6a\xab\xe5'</t>
  </si>
  <si>
    <t>b'I&lt;\xd1g\xfc\xb6\x19\xef\x88\x1fn$\xf7\xe6\x90BFR\xba\xcb\x8b\xa7\xae\xe0\xb9\x8f\x82d\\\x0e\xa5\x0e'</t>
  </si>
  <si>
    <t>b'\r\xa2\x0e\xfa\xe0\x0fri\xc0\n\xea\xec\xa2\xa6\xd8&gt;\xb5z\xb8\xaf\xf8\xa4\x95\x7f\x05\xb6\x86\xe2G\xb9\xed\x8b'</t>
  </si>
  <si>
    <t>b'\x1aRh4~:{\xc1\x12\xd5\xfa\xaa|\xa3\x02#"\xe6\xe5k\xe8\xe1Sen\xae\xf8&lt;\xa8\xc9R\xe0'</t>
  </si>
  <si>
    <t>b'\xb58\xab\x83=\x10\xec\xb7\x1d\x0f@h\xcd\xf1\xfd5I\x0ep\xa5h6\xa8\x85\xe1\xba\x06\x06\xfe\x84\xcd\xa9'</t>
  </si>
  <si>
    <t>b'H]\x1e+\x054y\x9a\xa3u\x8b\xfb\xa9\x0b\xf4\xe7\xc6\xa8\xf4\xfb\xae\xec"T\xe2M\xab&amp;\x87\x8a\xba\xed'</t>
  </si>
  <si>
    <t>b'\xb2\xaa\xf9\xb5\xf9\x96-\xc28\x082\x9c*\xbf\xd3\xb4\x04)\x0e+0UX\x02oC\x93ht\xfa\xfeT'</t>
  </si>
  <si>
    <t>b'\x9aH\x08\xcd\x14&lt;@{\x94\xe5\xf8\x86M\x0c\xbcK\xb6\xcbb\xd5\xaed6p,\xcc\xa1;\xce\x03\xb8\x17'</t>
  </si>
  <si>
    <t>b'hp\x12\x95\x14D\x80K\x97\xb27\x9e\xdb\xe0\xe5\xb1\xa1\xfc\xf7;\x83C?XE\x1c0Q\x14\x1e\x9a\xf5'</t>
  </si>
  <si>
    <t>b'\x03\xbb\xb0\x86e\x91\xdax\x0f\xec\x802\xd7\x0c\xb2\xfe8n1m`\t\x03\xb4\x96\xcb\xc5Yltoz'</t>
  </si>
  <si>
    <t>b'\x12\x12\xc3\xe4&lt;\xe1\xc7t`\xb6\xeaB\xbf\x15\x1a\t\xfb\x1eG\xf4K.\xd9~5~\x8a\xfa\x0e\xd1\x9d\xae'</t>
  </si>
  <si>
    <t>b'\xd0\xa5\x87r\xf3J\xd7\x10.\xd8^\x03W8\xc8\xdc\xb3K\xcbe/S\xb17\xda\xad\x1c:X\xd2ln'</t>
  </si>
  <si>
    <t>b'\xa6\xa1\x97\x02\xc9\xe0O:\x16\xd1\x89Z\xe1\xdbq\xceEK\x19\x1fWft\xfc=&lt;O\x7f\xe0T\xf9!'</t>
  </si>
  <si>
    <t>b'\xf8\x81\xf5\xcf\xc2.\x1a\xe8\xc0#\xf3\x0c\x08\xf2\xe9\xc1p&gt; y*\x06\x18#\xb1K\xad\x1d\xd7f\xdf\xf5'</t>
  </si>
  <si>
    <t>b'\xce\n/\xd0\xd5B\xfc\x19@\\]v\xff\x1f\xe5"$\xa3\x9a\xa4(&amp;\xf1\xae\r\n\x8b\x02d\xbe\xbb\xc1'</t>
  </si>
  <si>
    <t>b'\xecJ\xaf\x07\xb5NpaOK0O\xf9Z`\xf95bd\xfc\x9bxZ\x8d)\x8aHe\xf5\xbf\r\xc7'</t>
  </si>
  <si>
    <t>b'Kl\x9d\xcf\xde\x05\xf7o\xb3\xec\xe3f\xb6f\xee\xef\xfc\xa6a\xbe\xc5G\x04\xdb"\xd6x\x96\x05\xc1-\xb6'</t>
  </si>
  <si>
    <t>b'N% E0\xab\xc5\xd0(Hy5w\x11b\xa9Mk\xd5\xf8~\x80)\x96\xc3m\xf6\x90[\x07KT'</t>
  </si>
  <si>
    <t>b"\xb4\x87\xd3\xe8/\xa7&amp;\xdcp\x88PT\xd2\xfb9*\x81\r\x93 '\xf2\xc0s\xc6\x17s\xd8\xd6\xf8\xba\x11"</t>
  </si>
  <si>
    <t>b'\x82\xd4\xd9\xc2\xea\xdc \x18U\x9f{\xf2\x16\x1d\x0c+\xa00\x8a\xb1\xe5s$\x19\xe1\xb0\x9e\x9f\x7f/\xef\xba'</t>
  </si>
  <si>
    <t>b"\x04g&amp;\xf3O\xf4JP\xacW\xd9+\xd4\xbe\x93\xac \xfavz\xe4\x0cxF\xf27$4\n\x93'x"</t>
  </si>
  <si>
    <t>b'\xfd\xad\xdd\xa9X\xec\xba\xa3qy\xfb\xb8\xaa|\xa6;Q\xf5`\xca\xeck\xa8s\x84\x16\x97\x967y\xc4\x0e'</t>
  </si>
  <si>
    <t>b'\xa6\xc9\xad\x96$\xe5\xf5J\xa7\x0c\xbcz?\x05\x9f\xa9\x92Z\x04\x9e\n\xa7\xff\x003\x90\xa3\xec\x94\x81x\xa3'</t>
  </si>
  <si>
    <t>b'. \xcc\xc4\xd0\xc2n\x04\x9dx/\xecu^\xff\xcfw\xf0\x88U\x8a\xc9X\x94B\xa3\x91f\xec\x16\x86%'</t>
  </si>
  <si>
    <t>b'\xa3A?L\xd8ZOD\xd1\x7f\xf7\xd2\xfd\x18\xb1\xfd\xe3\x88\xa5\xd6\x14\xfa\xaf\x9d\xd6\x1d\x97t\x0b/\x03\xdf'</t>
  </si>
  <si>
    <t>b'\xf7.]\xc2\x97E\x0e\x7f\xf8a\x04\xc6\x1a)Fx-\x87w\x99\x85.\x81sA\xb8)\xc2L&gt;\x86\t'</t>
  </si>
  <si>
    <t>b'\x00c\x0c\xac6\x86\xd2\x9e\xbd\x87!pNqU\xbe\xd7&gt;\xa2\xad/:\x19"9\ndDN *\xa9'</t>
  </si>
  <si>
    <t>b'\x01\xa3\xc7\x1a\xe6bt\xa6JJ\xfd6\xc9\xa6\x03\xa0I@E\xe1\x9e\x1c\xed\xce\xf2DB\xb4T\x8f\xdcW'</t>
  </si>
  <si>
    <t>b'\xca$\x15\xd8\xcc$\x98\\h\xff\x9fi\xe7\xa4\xdb\xd1\xa3%v\x15n\xb9|\xd9\x05S\xdb\xf8\x13?1\xbd'</t>
  </si>
  <si>
    <t>b"\xa0\x12\xa1i\xdc)\xfc\x05\x95\x1e\x8bW\xf9(\xb1]\x179rT\x8fr'17\xde\x94\x06\xaeS\xa7~"</t>
  </si>
  <si>
    <t>b'\xc0-_JiL\x1ess\xa8\xf6\xf5N;\x1f-\x11|\xea\x1a\xc7\x7f;\xf8\xe0\x8a9l\xc0\xe2\xc6\x85'</t>
  </si>
  <si>
    <t>b'\x03\xb4\xd7\x11\xe3\xd5\xca\x8f\xa8\x15\x9d&lt;!\x9c,m?\x98\xde_\xe2*[\xc4\x1a\xf58\xa0l\xfe\x0c\xd7'</t>
  </si>
  <si>
    <t>b'6H\x1d\x9fv7T\xf7J\x1f\x9e\x8bs\xf7d\xa6h\xcc`?\xfe\xf5}=@\xa0\x8f\xd1\xda/\x86\xda'</t>
  </si>
  <si>
    <t>b'\xb3\xc2k%`\x13\x01n\x14\xa2\n\\\x82\x02\xb5\x8bG\x89\xa8&amp;\xae&amp;=\xe2\xe9\x9b\xb3n\xd30\xe54'</t>
  </si>
  <si>
    <t>b'\x19\x8a\xc9\xcfk\x06\xc0\xedtB\x0c\x9e\x9b@\xb0\x89g\x12\xa1\xfdyy\xd7\xd8\xcb\xdc\xab\xf7\xc7\x7f\xb4\x9c'</t>
  </si>
  <si>
    <t>b"0{\xed\xcb2'n*\x1b\xda\xa2\x03_D\x06\x0ez\x0b\x0bC\x11\xcb\xb4P\x1e\x7f\xc3\xc0l\x9e\x0cv"</t>
  </si>
  <si>
    <t>b'\xd6\x92\x0f\t\xb3\xc7\x9f&amp;\x1e\xe3Mg\xe8X\xf3\x95\xd7\x02!\xe7\xae\x08\tV\xa4:\x05\xe46\x87&gt;\xde'</t>
  </si>
  <si>
    <t>b'\x94M\x95\x8c\x1e\t\x8e\r\xa0f\x8d\xfa\xa8Qa\xae[Q\xe1\xe9\xf1\x9e\x9b\x98\xc9u\xa1~\xcc\x89\x9b\xa9'</t>
  </si>
  <si>
    <t>b'[\xeb5\x1bf\x84\xd9\xcd[\x19{\xe8JK\x11\x0b\xadU\n#M\xeb\xa8\xb8\x8d\xce7\x1d#\x05l\x11'</t>
  </si>
  <si>
    <t>b"\xa9\x9a\xa0\xb9\xd48?\xa7\xeb\x0bx3%[5\x1b\xf9(\x8a\x83g\xa1'\xee\xfb\xd62\nE^\xf9\xb4"</t>
  </si>
  <si>
    <t>b'm\x8c\x82\x03\xac\xc0\xd8\n\x02\x1cB\x80\xa2\x96\xc8N\xf9\x89pi&gt;2 $\x8bH\\\x1b\xe1d\xb4\xac'</t>
  </si>
  <si>
    <t>b'@y\xba\xc2\x03\xc3\xe6[3\x90\x1c\x8f\xd5\xe9\r\x08\x11U8\x925\xa5I]6\xc0\x08H7\xb1\x93\xd3'</t>
  </si>
  <si>
    <t>b'\xe74;\xe3\x9b\x9e\xc0\xc9\xf3\x9d*3\xcb\xce\x96\xe8\xa9\xfe\xb5\xe9\x88\xbaK\xc2RW\x85\xf8S\xa2\xccO'</t>
  </si>
  <si>
    <t>b'u8\xa3\x9e\xc0\xfc\xf4\x9b\x04\x07\xe3\x9d\xdd\xd0;\x89P\xe7q\x05\x1e u7\xc6\xf2*\xc7\x98\xa0\xed\x8b'</t>
  </si>
  <si>
    <t>b'\xe22\x00n\xe8\xdf!\t~\x10\x10\x00\xb0J\xc1\x06%\xd2\xbe\x1f\xfd\xa8\xf5\xac\xfa\x01\xdfZ~\xf7\xeb\xf0'</t>
  </si>
  <si>
    <t>b'B\x11\xd2\xce\x15\x95\xc7\xad\xd0*\xbf?\xcc\x9d*\x8c\xce&lt;4\xb9\x8d\xbbR\xac^\xd1-Z\xf9\xd5\x98\x97'</t>
  </si>
  <si>
    <t>b'\xe1KE1\xc9\xa0\xa5\xd4N\x0bZ\xd2\xc3\xd7qq\xb5\xf6\x9c\xe4\xc3N\xfa\xba\xc3R\xf8\xf3D\xe5I\x1d'</t>
  </si>
  <si>
    <t>b'-eqd\t\x17\x06\xec\x15n$\x15\x1b\x93\xdat\xc8\xee(\x89\x98\x9aw\x81\x9d\xe2\xe2h\xb0]\xee\xa5'</t>
  </si>
  <si>
    <t>b'\xf5\x88{P\x95\x9a\xe4"\xff\x16\n\x82jF\xa1\xf9\xa5\x06\x96\xc6oUx\xdb\x82\r?\x05\x83\x9c\x03\xe3'</t>
  </si>
  <si>
    <t>b'\xcf\xdfs\xc2\x07\xb8\x01\x95\x99\x12&amp;q\x18*d\x03\x86\xe7\x17Cy,A\xcd\xa4\xbc\x94;\x81\xc1\x0b\xb4'</t>
  </si>
  <si>
    <t>b'+T\n=\xcd\xa0\x81\xc0\x1c\x901\x01\x96\xc4\xbc\n\xd9\x18\x0bT,\xa2\x91\xb5\xe7\xb4\x0e\x7fd\n\x1e\xc6'</t>
  </si>
  <si>
    <t>b'K\xe7\xa4\x16\xda\xaa{M\xc2\xce*4\x8a\x7f\xe8\xdf\xf6\x07GK:U\xc4p\xbe\x83\x9a\xd8+\xfeX\xe8'</t>
  </si>
  <si>
    <t>b'\xbe(\x97\xc1R\xc801\xda\xf7h\n\x11\x06\x90\xc3v\xc1\x10k4\xdeI\xcb\xde\x8b\xc0,\xe4\x8a\x98;'</t>
  </si>
  <si>
    <t>b"'}b\xaf3v\x16\x98\xc7c*F\x99\x90\xbd\x1cv\x19\x86O\xe0Y\x906z\x93&gt;|\x7f4\x9a["</t>
  </si>
  <si>
    <t>b'~\x13\xb7\xa6\x00\x89\xad\x7f\xa7hS\xed\x92\xa1H\xcdy\x0eM\xb6\x10\xc4#3\x9a\x06\x14\xf1m\xfd\x92\x82'</t>
  </si>
  <si>
    <t>b'Y\xa5(\x0f\x89\xd1v\xae\xcbI\rXn\xb0\x1e(a\xb9\xa5\xcd\xc9\x1et\xba\x80\x80\xe82\xa1\xe9\xf0\xcf'</t>
  </si>
  <si>
    <t>b'=T\xbb\xc6\x8a\xd3\xfa\x1f\xce\xef\xb5\xd3\x97\x82\xf6\xac\xf8\x16\\\x7f~\xc1N\xea\x1c\x19&lt;)}\x0f\x86\x82'</t>
  </si>
  <si>
    <t>b"Y\xf0\x7f\xceH\xaf\xac@\x84Ei\xcf\xb9J\xfd\xda\x1b\xbfN&lt;&gt;\xe8\xa8'\xa0\xdd\x9d:\xf8$\xbe~"</t>
  </si>
  <si>
    <t>b'\xe7\xf9\x9dK k\xcaY\x96J6\x81\xfb\xa4\xee.B\xcb\\\xd6\x0e\x92~\xa7\xa4\xb6\xf8\xa2\x8c\xe6~\xd6'</t>
  </si>
  <si>
    <t>b'G\xbe\xe8N\xdb\xd9\xa4\x0b\xea}\x1dT\xca\x8d\x9e\xb5\xd1\xee30\xcd\xf0\xfdY\x88\xaa\x04\x0b\xa1\xa3\xadS'</t>
  </si>
  <si>
    <t>b'\xfd\xc9L\xce\xacv\xc1\xb4\x8a\x86\xb5%Fn\xb9\x80\xf9Se\x07}&amp;\x1ex\x9d"\xf8\xf2P\xb0;\x8b'</t>
  </si>
  <si>
    <t>b'\x0b\x91\xc1\xbb\xb0P\xf6\x9e\xf6\xb1H\xcf4\xee\x1c.\x1f\x8fmN\xc4\xc6\x02M\xc7\xfe\x8c\xebMF\xb6\xa0'</t>
  </si>
  <si>
    <t>b'\x8e\xa5\xef\x95\n\xcc~\x00\x81\xfa\xe7zG\xd8\xd7\x90\xc9\xc8\xd5\xa4\x16\x8cz\xb1\xa5\x13`\x14\x18\xf6\x9a\x1a'</t>
  </si>
  <si>
    <t>b"W\x94\xe6'\xae\xec&amp;\x8fg~\x1a\xb7'7\xe1\x9c\xd9\xd2\xdd\xd0\xdd\xd2gz\x94\xc4\xdb\xa7\xaa\xa4\xe7\x95"</t>
  </si>
  <si>
    <t>b'D\x80\xf0M\xe6\xf2kwv\xc5\x0f\xc8\x87F\x1f\x05w\x10\xd2\x0c\x8f\x84\xcc\xd8\x8f(\xd1\xca\x87\xd0\x99\xbb'</t>
  </si>
  <si>
    <t>b's\xef5\x15\xa7d\x99W1\x87\x8d\xa9\x18)v\x81Y \xb5\xf8\xeb0p\x1c\x9cq\x08\x186\x16\x13\x8a'</t>
  </si>
  <si>
    <t>b'j7:5z\xa155\xe7\xb6\x8f\x95^D_/C\xa5\x1f\x8b\xd8%\x88\xfb\xc1V\x0f}\xab\xe8\xad\xa9'</t>
  </si>
  <si>
    <t>b'[\xcaI1=\xdc\xcbSY\x85(v\xddM#\xee9\xe0\xd1\x83\x164d\xc7Id\xc2\xd8\xc0Q\x88\xa4'</t>
  </si>
  <si>
    <t>b'\x18\x9a!\xa4\\\xf9\xd2Nn\xe9{\xe7\x9a\xd8o\x7f\x12\x87{\xd4X\x98UO}7uM\t\xa6[\xdf'</t>
  </si>
  <si>
    <t>b'\r\xac\xfe\xfb\xfd[5P~\xf3\xa8i\x85\xd7\x84\x83F\xe7\xd0\x85w)\x15\x91\x82o\x85j4\xe5\x0e\x85'</t>
  </si>
  <si>
    <t>b'u\x89\x8f\x95m\xb2\xd6\xc9\x9eV\x8c[\x12m%&lt;2ynH=\xfdkc\xaf\x00-g\x19\x9d\x85Y'</t>
  </si>
  <si>
    <t>b'\x99\xf1\x03m\xdaV\xc7U\x0c\xe6\xd3aV\xb6\x07\x9e\xb6#m\x12\xed\xfa[s\x98\x8e\x1aU\xc9\xd3\xf7\xeb'</t>
  </si>
  <si>
    <t>b'\xedd9S\xc4 \xf0\xe5MG\xdd\xc1\xf8/`Q\x1e\xf1\xec\xeehz\xe5\xd6\xa4\xcdi\x0eBI\x12\xc5'</t>
  </si>
  <si>
    <t>b'q\xce\xd1\xca\xba|\xcc\xf6\xe2#P\xb3Fq\x14#\xfa\xc3\xaa\x9dM\xf0\x98\xf9\x18\xd9\xab+=\x08/\x00'</t>
  </si>
  <si>
    <t>b'\xb4Q\xd6\x9d\xfb\xc5\x9b\xdf\xf8\xf5\xe8\x07\xa69\xa2#\x1c5\x85\xc5\xaa\xa9q\xa9e\x1b\xa3`,\x04O\xab'</t>
  </si>
  <si>
    <t>b'\\oj\x99p\xa0\xcc$(J^\xd8\x0c\x9a\xbaTq\x0fgT`f\x16\xe9\xafY\x90\xae\x99c\xef\x87'</t>
  </si>
  <si>
    <t>b'\xbe\x8e\x1a+y\x18\xc2)b\x14\x98\x15r:T\xf9\xd0!\x8b\xcf\x0cT\xaf-\xf4\xd95"i\xe1\xfa9'</t>
  </si>
  <si>
    <t>b'\t\xde\xabeF^\xb4\xdf8\x96\x19\xde_B&lt;\x9a=\xb6\xdd\xea\x9c\x01\xad\x84h\xde\x16\xe18\x8bPv'</t>
  </si>
  <si>
    <t>b'O\t\xb2AU\xbeE\x0f&lt;f\xa0x\xd70\xd3\x9f(\x07\x00\xd3|8;\x11k&lt;Y\x94\x96\x07M\x93'</t>
  </si>
  <si>
    <t>b'\xae5\xa5\xbe\xaa\xdc\xe1\xa2Z\xcc\x08U\xc1\xffz\xc2\x8f6\xfa\x1c\xc4\xbd~\x93\xe2\xbb\xb7\x03\x93\xa5\xab.'</t>
  </si>
  <si>
    <t>b'\r\x90\x1f\xb3\xe5\xc8\x88\xea\xd6\x8bg%\x01b\xb2#\xbf\xe4o\xeb~V\x9c\xa0\xa9\x11$\x82\xba\x13\xd4:'</t>
  </si>
  <si>
    <t>b";&gt;\xaeg\xe9sm\x82\x9ad\xfeo\xbbZ\xffo]\xa2\xf8t\xfe\xa3\x1d\x16\xe6\tO0\n\x8a\xd6'"</t>
  </si>
  <si>
    <t>b'\xc3\xc7\xd0\xb6\x10*\x01V%\x9fR?M2\xf1H)\rh\xc0Q\x11\xcd\x98K\n\x0b6\x1b\xd0J\x85'</t>
  </si>
  <si>
    <t>b'x4/\xb9\x87\xee^\xae\xac\x1a\xe3\\a\xe3\xee\xfd^.BQ\x00nn\xf2l`TNY\xe8Pr'</t>
  </si>
  <si>
    <t>b'\x94\xbeF\x9f\xa1\xc7\xeb\x089\xd8\x18\xdf\x80gn\xfb\xa99]K\x93S\xcbY\x96X\x1d\xf0\nHW\x8b'</t>
  </si>
  <si>
    <t>b'\xcf\xc1(\x12\xc7\x94#\x9c\xff\xc2\xe6\xefB\x10\x8b\xd2\x19\xd5|\x065\xc3\x1e\xe37\xa4\xc9\xf0\xea9\xeb\xd9'</t>
  </si>
  <si>
    <t>b'\xf2\x0c\xb8\x08\xa1\xf1\x06\xd6{\xa5\xae\x97V\xb5r\x01w\xb8,U\x0c\x89&gt;\xaf+6\x11\x05&gt;\xe1\x19\x90'</t>
  </si>
  <si>
    <t>b'\xaa\x84\x82\xbbH\xd1\xa9\x1e\x96\xd5V\xacs\r\xd4\x17\x10\xe2@6\x01\xf0\xd1Ua-tK\x17\x12\x96U'</t>
  </si>
  <si>
    <t>b'?\x1c\x1f\xb2%\xed{\x17$\xc5\xc4\x1f\x82~l\x9a\xbe4\x1ba\xb2#_S\xb5V7\xea\xda;I\x88'</t>
  </si>
  <si>
    <t>b"\xd2''\r\x8e\x8b\x84\xc2JC\x8c\xc0\x0e\xcf\xec\xed,j\xa4\tw\x14{\x06e\x04\xeb\x82u\xc82q"</t>
  </si>
  <si>
    <t>b"\xe0\x10\x9e\xf6D\x8b\xcc\xd1\x1c\x0b\x8a\x07\xaeQ[\x80\x1b\x8eA\xabD'\xfa\x896sz\xd4\xe9`|\x05"</t>
  </si>
  <si>
    <t>b'\xe0\\\xa5\xb9 C\x952\xa3\x1a\x97\x02U?(K7\x95\x19d*\x89\xcf\xf8M]\xa6\x04\x1dj\x81\xa9'</t>
  </si>
  <si>
    <t>b"o\x82\x8fJ0CU\xd6^8\xea\x87fq\x0b\xddS\xd2\xa7w\xa9G\xbb\x0e]-\xfc)36\x0e'"</t>
  </si>
  <si>
    <t>b'\xdc/\xcar\xd4\xa7\xb2\x1a\x92\xfd\x8b^\xbc^\x1d\xeb\x16\xca\xc6\x0er\xf1\xe7b \xc2\xed\x9b\x9d.\xbe\xe0'</t>
  </si>
  <si>
    <t>b'~\xc2s\xd0\xedO2\x0c\xbf\x02b,\xa3{(\xec)\x08:m\xc2\xbd\x9e\xff\xee=\xc7\xde\xa2\x1co\xa2'</t>
  </si>
  <si>
    <t>b'\x16\xb9\x1f\xf0\x90\x9biu)#\x99\xf1\xceX\xd8{\xc9\xdfa\xb35"\xe3\x15\x94\xc0\'\xbd,\xd4z\x01'</t>
  </si>
  <si>
    <t>b"y\t:C-\xba\xf9$Q0\x8cgs\x93`y\xb2Y\xe6s\x0e&gt;\xc5`L\x8b@1w\xb1g'"</t>
  </si>
  <si>
    <t>b'\x8a%\x10\xf5!\xb3\x9f\xb1ZF2~\x9011R\x04\x8a\x11\xfc\x9c\x9c\x1a\xb0\xb3\xec\\\xd4\xe4U(z'</t>
  </si>
  <si>
    <t>b"\xe0\xba\n\x81\x0c\xc7\xdb\x1d\xb6lv\xf5\xdd\xba4'\x83z\x18\xe91\x04?\xeb*\r\xf6\xdf\xc4\xa1\xc27"</t>
  </si>
  <si>
    <t>b'B\xe8\x9c\x1a\xd1\xcf$"\xf2\x04\x93D3\xb7\xc5b\xe30\xb9. ~\n\xd0\xbe\x87j\xaf9Z\xe4\xd8'</t>
  </si>
  <si>
    <t>b'~\xd2\xb1|\xab\xe1\x8b\x94\x08\\\xa9\x9a\r\x8c\t\x158\xb9SD\xbfK\x92\xe7|%\xe3(B\xbf&amp;\xe9'</t>
  </si>
  <si>
    <t>b'\xc7={\xd6\x7f\x84\xeb\t\x91\x87%\xeb+\xf4\xdfBl\xdd\\\xdc\x94\xd2\xa8\x92\xe0\xf3b\xac\x05k\x06&lt;'</t>
  </si>
  <si>
    <t>b'~\xf3iLM\xf8\xc99\x15O}\xb3\xb5\xf501\xda\xcbMCRJ\xfa\x8bv~a\xfdA\x08\x93\xf6'</t>
  </si>
  <si>
    <t>b'\xff\x9c\x95GN\xf2\x88z\xc7\x9b\xc4o\xb5\x82\x95\xa01\x84\x8a,\xa3\xf0\xe3\x03\xf1O\xc2\xbc.|U\x15'</t>
  </si>
  <si>
    <t>b'jB \x1a\x1e\xbe\x03\xdcET\xe0\xb2\t\xff\xfe\xbb\x8b8^\x01:C\xe2\x1b\xb0\xb4Js\xcd\xd6\xb1\x1e'</t>
  </si>
  <si>
    <t>b'\xc3B^D\x16\xfd$\x9f\x14\xaa\xe4\x15vCN\xf6\x91JU|\x91u9\x93|\x0bg\x97\x94 \xcf\xee'</t>
  </si>
  <si>
    <t>b't\x8c\xe0\xda\xc0\xa9\x88\xf4B\tS"l\xae\x07\xf5\xc2\xf8\xab/\xeb\xc5\xc1Li\xef\x90/\x84\xd0\xe0\xd2'</t>
  </si>
  <si>
    <t>b'\xaf\x13)\xea\x8b\xba\xfen\xb2gA\xef\xa8\xb4Y\xc7\xa6\xc3\xd3\x80\xc2~\xa8h\x12n\rj\xe0\xa8\xf8\x94'</t>
  </si>
  <si>
    <t>b'\x17\x06\x90\x07\x1e\x00\x1cWyg\x14\xeen\xd6\x83\xb3\xf0a\x90\xffe\x8d\xf0\x15\xca\xe2HcjP\xb1\x91'</t>
  </si>
  <si>
    <t>b'\x05\x8f\x85\xf2\xcc\xbd\x0cN\xc2&gt;H\x9a\x88\x83\tJ\xe6r~\xdf7\x87\xe1\x12\nF\x1f\xef\xfb(\xfb '</t>
  </si>
  <si>
    <t>b"\xc3\x19\xb4\xff\xf2\x16\x15\xdb\xde2w\xe3\xe4\xcd\xee xK\x84\x83'`.{t*w,w8b\xc9"</t>
  </si>
  <si>
    <t>b'.`\xb1\rP\xa1\xd2\xa4\xb6\xc2\xae\xd6]\xa6\xb8\xba\x0f3N\n\x1f\x01\xfd\xe3\x12\xc4\xf5CX\xf1=0'</t>
  </si>
  <si>
    <t>b"\xb3\xa6\xf2in@\x08^\x84\xbe\xdf'\xaaJ\x0c`\x84\xfeS_`\x04|l\x19\xb0#+\x02\xb3\x1d\x90"</t>
  </si>
  <si>
    <t>b'\xda\x0ft\x12\x86\x83\xed?\x93o\xcf\xd3m(f$Q\x9e\xb1\x95e\x00\xbd\x81\xfe|8\xf6\xb8l\xc6\xb7'</t>
  </si>
  <si>
    <t>b'\x0c=\x89\xb2\x1b\x911\x0e\x01\xabM\xe6\x03j\xb0\xc9\x96PX\xceX\x19\xfd4b\xfa\x014\x1bc\x00A'</t>
  </si>
  <si>
    <t>b'\x0e\x06\x03\xbfl\xbe,\xed\xad%\xfe|5\xadF\xc8\xe9\x18\x84\xee\xa8h\x7f\xf8&lt;\x80\x9d\xa4\xd0^\xa65'</t>
  </si>
  <si>
    <t>b'\x04\xdex\xc7\x1e\xe3&lt;f^,fS3\xd5\xbd\xcfa\x9b6\x8fT_\xbala\xb1\x9d\xdf\xe3b2\xcf'</t>
  </si>
  <si>
    <t>b'\x8f\x8a\xb4,/\xe2\xa7?\xf0\x99\xcb$Q(b\xd8\xb0\x83\n-Y\x99\x9d\x9e\x1e\x9a4\x08\xe2\xa2V\xeb'</t>
  </si>
  <si>
    <t>b'mQ\x18$\xf6\x98\x1a\xc3\xba\xecI\x02\xc2\x12\x1e\x0f\x08\x8b\x08\x86\x15"vn\x10h\x84\xffU\x90\x9e\xc6'</t>
  </si>
  <si>
    <t>b"\x9a\xba\xbf~\xdc'Z\xbb \xf1\xd48B\x043\xfd\xe8;\xc1L0\xad\x15 \xa0L\x02\x1aV\xb2,\xcb"</t>
  </si>
  <si>
    <t>b'\xe8\xea+\xba\x82\xf9\xbd\xc5\xb0BI`\xe5\x04\xc8h.A \x14|ya\x10\xe25\xde\x9f\xe3\xc2\x85\xd6'</t>
  </si>
  <si>
    <t>b'rFq\x8c\x9e\xaa\xde\xf6\xea\x8aM\xb9qP*\xb7\xfa\x01O\x8e\xef\xc4\xd2x\xc9\xc7\x88\xa6x^0\x11'</t>
  </si>
  <si>
    <t>b'\xc5\x91&lt;\x04Z[{L\xbc\xad\xaf\r\xfd\\\xa8t\xad\xda&amp;\xf7u[\x1b\x96\x1cO.\xab\xfc\xc3\x80\xe6'</t>
  </si>
  <si>
    <t>b'Kg\x02\xd0\xba\x1a\xde8\xed\x85\xb0\xecp\xd3=+\xc8\x9b\xea\xe8]\xbd\xce\x9d\xcct\x04|7)\xce '</t>
  </si>
  <si>
    <t>b'\xb9\xe4=\xbeT\xa5+\xc6\xb1\x1e\x9e\xb7T&amp;\x16l\xe6\x8f\x8b\x152\xfc\x1b\x03z\x7f\xa0\x7f\x0f\xa3\x06t'</t>
  </si>
  <si>
    <t>b']\x0f\x9c\xbd\x84\x8bE\x0f\xd7\x9d\xc5\xa8\x0ci\xb7\x13S\xbe\x91i|\xf5\x8f\xca\xb8\xde\x00;\xb5\xd8\xb2\xa6'</t>
  </si>
  <si>
    <t>b't\x04\x9c\xa1\xbe\xa4\r\\\xfco\xc3pxu\x00P&gt;\x11\xcf\xbe\xf7\xdc\x82\x12\xfeg\xd8\x88\xa9&amp;Po'</t>
  </si>
  <si>
    <t>b'A$A! \x02S\xec\x89\x93\xd3\t\x08m\xcd\xca\xf1\x8d\x05\x8e\xe7L\xdc\x08&lt;\xd1\x0cke\xe0\x17\x8a'</t>
  </si>
  <si>
    <t>b'\xe2\xb0\x96\xf9A\x7f\x94\x85\xab\xb3\xb9\xd4\x13\x9dEY\x80\x97\x87/\xd7\x90\xf7\x07\xf4\x1c\xa5\xbe\xc4e\x83O'</t>
  </si>
  <si>
    <t>b"pO\x01q\xfb'\xf8\x850\xe2+\x9c\x1b7\xf6\xe8RSa\xed\xea\x0f\x97Z\x97\xa2=\xe9\xc2\xe2\xa1p"</t>
  </si>
  <si>
    <t>b'r\xbf\x96\x1be\xce\x0fc\x14\x06\xeajb\xb7$\xf1Z3 #\t\x91E\xb2+\r\xd9\xcap\x06\n\xc0'</t>
  </si>
  <si>
    <t>b'aeE\xe2\xaf\xba\x9a\xe4Z\x84\x9f\xc4l\xc6o\x1e\x01?q\xbc_\xbd.\xaa\x10Y+\x83\x95\x0b\x0b\xb0'</t>
  </si>
  <si>
    <t>b'`\xb8\xc4\x9f\xbb\xd2\xb8\xe7\xdf\x8cH\xbf\xb1\x89\x99#\x94wn\x17\x93\xe7]\x87\xb5\x83\xf3+&lt;\xb4\x8a\x94'</t>
  </si>
  <si>
    <t>b'8\x00\x18\xae\x0f\xa6\xc8\xe7\xcf\xfdU\xed\xd7p\x95\xdd|\xbfX\x98\xe67\x10\xb9]\xe6\xe5`\x16\x7f\x1f:'</t>
  </si>
  <si>
    <t>b'\xc3b\x13h\x84\x12\xce"7\xed\x91r\xfe\xe9r\x98\xba)\xb5\x16\xa3\\\xe7\xe6\xa0\xdc{p\x955,\xf2'</t>
  </si>
  <si>
    <t>b'\xf8\x91\xec\x8b{\x91\xf3\x82\xc9\xd6&gt;\x97\xebl\x82}\xaf\xcc\x81\x93\x0f\x80\xc1\x97/\xfc\xc8\xf2C\x8bTv'</t>
  </si>
  <si>
    <t>b'\x98\xb1G~gD\\\xc63\rqJI\x8b\xa5\xe5\xc3\x1bw\xdc\xcc\xe0\xc9=sA/a\xeb\x194\x9d'</t>
  </si>
  <si>
    <t>b'\n\xb9\xbf\x04\xbf\xf4\xde&gt;\xfc\xbaE\x8f\x16/\x0c\x9c\xb8\x8c\xdc\x1bL\x0c\xdd\xfa\x95Z\xce _\xa6\xee6'</t>
  </si>
  <si>
    <t>b'M\r\xa3\x97xR9\t@\x8a8\xadH\xef\x87\x83_\xb6\xd6\x07MK\xbcn\xef\xef{\x8a\xfc\x93[\xa6'</t>
  </si>
  <si>
    <t>b'l\xbd\x00\xce\x1e\xd7%\x02\xdf\xaf\x85\xd2u\xc8x\x80\x13\xe1\x0e\n\xd5\x0b\xfa\x90\xfc7\xa5\xac\xd4y\x84]'</t>
  </si>
  <si>
    <t>b'\x9d\xc3\xab\x92c 2\xf0yX\x8c.\x05\xd9\x03\xd1\x1ar:\x8dI\x8eCR\xe5\x9dt\xaeKO\x0c\x89'</t>
  </si>
  <si>
    <t>b'\xd2\xd0i+Kd\xd6Y\xdb\x9c\xd21\x1b\x92|b\xb5\x8d\xd0\\\x9f\x07&lt;\xc9r&lt;\x12\xb8\xb8v\x89)'</t>
  </si>
  <si>
    <t>b'\xa2-\xe2x\xfav\x8d\x85\xde\xa5\x15x\xb4\x14\x00\xbe\xf8Q\xf6\x19\x7f\xe9_\xde4\x0c\xbd\xb1^D\x80\xf9'</t>
  </si>
  <si>
    <t>b'D\xf8\xaa\xdf\x7ff\xe9\x15M9\xfb\x05)%\xd5\xadG\x14\x94\n\xabweuEf\x16\x1c\xf9a\xa6\x92'</t>
  </si>
  <si>
    <t>b'\xc9V%,\xd4\xf2%\xaa\x1b\xd2a\xff\xf4\x10\x85\xe39\x9f\xd0\xf0\x15\x9e\x9b\xa4\xff\t\x9c\xeej\xe5\x0c@'</t>
  </si>
  <si>
    <t>b"c\xbexX\xf9\x1f\xc3j\xc5\xae\x82\x8ed\xd6W\x89\xeb\xb0\xf7v\xcdo1I\x91C\x7f'\xe7\xb0\xa8\xb5"</t>
  </si>
  <si>
    <t>b'\xd8E\xfc\xb5&lt;|\xa3%\xecnF\xf5\xdb\xc7\xb8h\xb5\x13\xf3\xad\x07\xb4\xaf\xda\xa6J\x9b\xaa\x19o\x86"'</t>
  </si>
  <si>
    <t>b'\x9c\xac\xfd\xb62\xea$\x06\xd2\xdb\x12P\x18\x11\xb3\x12\x83u#\x10$j\x8e\xcfj.y\n\x12\xca\x19U'</t>
  </si>
  <si>
    <t>b'\x92\x07\xc6\xa5y\x9b\xbd\x08\xfd\x14\xdbhP\x81\xed\x92D\x9f\x9d&lt;n\xea\x00~\x84\xc4\xb8\xee\x96O\xdb\x9e'</t>
  </si>
  <si>
    <t>b"\xcd\x84\xb9\xa9\xbb\x1e\xae\xf9\xcd\xbe\xb6o\xc3\x17\x0e'D\xb0\xc1\xa9B\xc9W\xd5\xbb\x8eZ\xe9\xa8\x8e\xc8X"</t>
  </si>
  <si>
    <t>b'M\xd9\x9d\x10\xf7\xe3\xa2.\xdc\xc8\x10#\x9c\xf3\xe7\xaaA\xedJ\xe4\x14\x8e\x89\xecd\xb7\x07\x01\xda\x02\xc3\x87'</t>
  </si>
  <si>
    <t>b'v\xb8\x86 \xcbA\x0bX\x11%`%Wy\xfbv\xdf\x89_w\xebr\xe0\xb6\x0f\x89\xdd\x7f\xfew(\xee'</t>
  </si>
  <si>
    <t>b'\xa3\xcb\xbb\x98\xa3\xc4Q$\xe2]\xa3\xea\xcc\xb6\x15fb\x8f\xdf\x88d\xbd\x0e\xc2;8\xa2\t.\xff\xe6-'</t>
  </si>
  <si>
    <t>b"~:\x90A\x9a\x89$\xe6\xf4\x08\x938\x1fV%\xc5\xb4VeGN'\xec5j\x1a?\x8aL\xba\n\r"</t>
  </si>
  <si>
    <t>b'h1\x8eC\x8f\xfd\xf9\x00\xdc\xf9]^$f\xf9\x95\x8d\x81~f\xe8\xa6\xfc\t\x99\x9du\xad\xadH\xdc\xc8'</t>
  </si>
  <si>
    <t>b'"\x9d\xba\x87\x14\xe4\x94\xde\xade&gt;N\x0e]\xc9\x93\x03&amp;3\xf6E{"\xa6!b\x7f\xbf\x8b\x96\x84\x18'</t>
  </si>
  <si>
    <t>b'\xc4qG\x85\xbd\xb7l\x9d\x16BH\x06UQi\xf1L.\xd2+\x04b\x07\x9b@O+\x149\xc2:\xe3'</t>
  </si>
  <si>
    <t>b'\x827\xb7\x0fn\xfd)\xfc\x08\xb3IM\xc2\xfc\xcda\x13Z\x13t\xd5\x0f^AJG\xabV\xcc\xc5\x8ao'</t>
  </si>
  <si>
    <t>b'Xf2}\x0c\x07\xb6\xfc\xf1+(huN\x8f\xc530|\x04\x85y\x94\xe8w\x8d(MO\xa2\xc2~'</t>
  </si>
  <si>
    <t>b'\xc1F\x04^\xe8,\xea]RN\x96|n\xc7\\\x1a\xb0D\xce-^}\x04l\x10\xf8\x1d\x04w\xa4\x1az'</t>
  </si>
  <si>
    <t>b'\xc7\xf4@\xdf\x03\x82\x00\xa0%\xe6Z1\xcb\x12\x1d\n\xe8\x9c\x18w\x80\x7f\x96j\x10&gt;\x17:|@\xf7\xe4'</t>
  </si>
  <si>
    <t>b'\x01*\x8fwJ-\xa2\xe1\xad\x84\xf56 \x17r\xa6Lh&amp;O\x11\xa3\xb1B\xf31$b]\x8b\x04R'</t>
  </si>
  <si>
    <t>b'S\xb1\x1a\x9e\xe9\x1a\x9b\x81\x02P\xea+`\xdfOU\x16\xeb\xa64\x16\x7f\x11 \xc8\x05\xf1\x9f&gt;\xaaiW'</t>
  </si>
  <si>
    <t>b'\xdejP\xa8\x0fg\xa1\xe1\xfb\x1d\x82x\xf1C\xd3\x82\xf4\xb6\x92\x10\x13tQ&lt;Z=YU\xc8&lt;-\xc7'</t>
  </si>
  <si>
    <t>b'1\x8cJZ&gt;\x93i\xa1\xea)\xa8\x8f\xb9\x1c\xb8\xb2\xa5\xc8_\xb6vx\x1f\x92\xebT\x06\xf1\xcbU\x81='</t>
  </si>
  <si>
    <t>b'\xfa\x8a\n\xe1\x9e\xb2\x8f\xd0\xda\x00\x19\xc2\x00\xb3\xc7\x19w\x1bCF\xe6u\x0c&lt;M\x1f\xb3\xb7M\x0f\xaeJ'</t>
  </si>
  <si>
    <t>b'\x049\xde\x8eg\xde\xe9\xe5|[\x02l\xe7\xbd\xf9\x18\xea\xae;I}\xb8t\x88%\xe6z\xcekI\xab\xb2'</t>
  </si>
  <si>
    <t>b'\x8f\xd9\xc1m\x88\x98\x1e2\x9c\xe6j\xe3\x9c\x18\xb4r\xc5\xff\xa0\x06\x11\x94DLJ\xc7\xb9&amp;\x7fb\xe5\xbd'</t>
  </si>
  <si>
    <t>b'\nZ\xe4\xbd\xf2\xa5Zk\x99\x8d\xa8z\xd4F\xee\xcc\x17\xc3\x1e\xa0\x19K\x879\xdd\xcaa\x8c\xd2\xf5f('</t>
  </si>
  <si>
    <t>b'\x91\x81yN=\x1f5&amp;\xda\xd5\x14ac\xd1\xa4\xa0\x08\xb7\xa3n`\xadP\xe7kdp\xe8;H\xa2\xcb'</t>
  </si>
  <si>
    <t>b'C\xe2M\x9b\xf6\xf2\rt?Yj\xd6\x06\x83\xd9\x1b\x85\x97{\xdd\xbf4\xe3\xed\x1bt\x1d\xb7\x9c\x80{\x03'</t>
  </si>
  <si>
    <t>b'\xc0)\xee+\xac\xe1\xc59\x18\x1d\x0b\xf2\xa3\xc6=\xbc\xc8\xa3d6\xa78_w@\xbc\xa7Z2i\xf8X'</t>
  </si>
  <si>
    <t>b"a\x14\x87z\xe9\x99\x8a&lt;I\xe9'\xdb\xd0[\xfb\x88\xf8\xd3c8,6\x1e\xae\xf7\xb7:\x8b}\x0cy\xb0"</t>
  </si>
  <si>
    <t>b'\x9b\x85\xe0_Y\x86\xee\xf9\xfb.}\x10~\xa8\x9d\x94{\x16s\x91\xd8\xb23\xe7Q\x07\xbcDKH@0'</t>
  </si>
  <si>
    <t>b'\x13\x03\x01\xa7\xf8~x\xb9\xd1\x94T@g\xda\xe3\n%}\x062\xd0\x07L\x1f&lt;c#\xb5\xe1\xef\xd3B'</t>
  </si>
  <si>
    <t>b'\r\xa0\xa6\xa2\xa9c\xddmy6\x0bV\r\x02\xdd\x10rC"\xa6\x90,#\xc1\n4\x8fEMUZP'</t>
  </si>
  <si>
    <t>b'\xfc\x9d\xb8\xd0+(\x98\x14Q\xfaV\x94\x08Wr\xa8\xb2\xd0\x1d$\\j\xd2-\xee0\xd0\xbe\xefL\xb6M'</t>
  </si>
  <si>
    <t>b'V\xeeo?J\xaa\xbdr\xe5\xd3M\xc4\xaf\x8d\x02\xd8\x95Ez\xb7\xc8\xd3{\x89b\xf0 ~\x03\x14\xcdd'</t>
  </si>
  <si>
    <t>b' \x83\x8e\x1bQ\xb4\x0c_!\xbf\xf1\xfb\xc7\x07\t\x975\xf2\xa6\xad\x80\x9f\x19.\xb9\xc9\xa8\x1aVf\xddJ'</t>
  </si>
  <si>
    <t>b'\xa9|T`\x1b\xc1\xee;0\x9b\x12,\xcaa\x8a\xfc\xa6\xf0\xa4\xb0k\xb7*\x8b=\xd3\xc33{\xeat\x8f'</t>
  </si>
  <si>
    <t>b'2\x7f\x1b \x0e\xeb\xa8*Ezl\xe0oPD\x04p\xb9\xeexr\x82\x93\xe83\x82\x88\x14S\x80\xaez'</t>
  </si>
  <si>
    <t>b'+"\xaa\x17\xd7\xc4\x1e\x9d\x0c.\xa0g\xd3&amp;\xe8m]\xaf(\xa0B\xdfT\xb0\x88\xcdh\x9ao^\xa0x'</t>
  </si>
  <si>
    <t>b'\x02)^\xd2\xc3\xbb\x90\xf1\xdfy\x1c\xe9\xffD\xa6\x06f\x0cU\xc6\xa2\xb0\xb4\xf9pJ\x14\xe6s\xce\xe7\xe7'</t>
  </si>
  <si>
    <t>b'\xd8!\xec\xedR\x94\x91\xf4\xf9\xa6\x7f@\x19\x0b\x82sY\xd5)\xca\xcfj\xd1\xca\x03\xae\x95\xbb\x8d\xe8\xe8\x94'</t>
  </si>
  <si>
    <t>b'"\x8ee\x1c8\xde\xfc{*\xa4\x87\xeb\xdd\xba\xc5{\x94[\xb4\x8a\\\xcc\xab\xc6\x96\xab\n\x1f9n3\x88'</t>
  </si>
  <si>
    <t>b'\x0f\x1e-\xf9\x897\x1d\xbf\x96v\x08.\xbbMS\x8b\xe6v\x88)P!\xaa\xc3\x8fY\x06\xbf\x89.8J'</t>
  </si>
  <si>
    <t>b"\x7f\xa1\xda\xce\x0f\xb0\xb2\xc0\x02\xbaY+L\xad\x11\xc6\x1b\xd9R\r\xb1\xeb\xe7\xf6'\xd7\xc45\x88W\x8e*"</t>
  </si>
  <si>
    <t>b'\x91\x15K\x9d}\x90\xa5\x9d\xf9\xd1\xf0\xe4\x83\x96i\xe1=\x8cR\xb6Su\xd7\xe9\xf0?\xb2\xeb\x81\xf7\xc4%'</t>
  </si>
  <si>
    <t>b'g\xe7\x1b=\xf1$$\xf9\x93\\\xb8\xa4\xcc9j\xe9&gt;\x10\x07\xe6m\xd4&amp;\xbe\x1ez\xd78\x82\x1e\x03\xe1'</t>
  </si>
  <si>
    <t>b'\x07\xa4JNk^1t\xaf\xa9\xab.\x8aP\xb3*\x1e|Z\x7f\xb8rNL\xfag\xe6\xd3\x88\xb7a\x99'</t>
  </si>
  <si>
    <t>b'\xf1G\x19\xd4\x01\xcc\x10\xd6\xcd9\x07\x1f\xe5\xf85\xaf\xceM|\x80\xebFQ-(\xb3SW\xb4\xc7J\xd7'</t>
  </si>
  <si>
    <t>b'8\xbc_\x93\xba\x98(\x0b\xe2gO\x8cl\x15\xc1\x07z\xce\xd6\xf6\x93\x1e\x07\xdd\xa7\x9b=\xa9\\l\x0ch'</t>
  </si>
  <si>
    <t>b'\x1e \xe4\xafu :EQ;\xb1$}e\xb4\x9bDL\xf7MS\xe9\xafW?\xb2\r\xdfk\xca\xab\xca'</t>
  </si>
  <si>
    <t>b'\x1c\x84\t\x838\xac\xcf\xea\x0e\xa9\xc4N\xcf\x86i\x1al{+au\x9e\x05K\xef\xfe\x1d\xcf\\\x19,_'</t>
  </si>
  <si>
    <t>b'&amp;\x14\x04\xdb?3\xb1\x96\xb43iT\xf6\x0buMD1n\x88\xb2\x91\xc4L\xd0\x14\x10\xf3^\xa0\x87H'</t>
  </si>
  <si>
    <t>b'?C\x8ck\xb5\xd17\x06Rr\xcb\xbe8f\x89D~\xd7a\xeb\xd6}N\xc0}&lt;\xbd\xecA\x9f\xf5='</t>
  </si>
  <si>
    <t>b'\x81\xd2\xa9\xa2\x80\x8d\x9e\xf9\xa0\xf6\xc7\xca60\xe3\x84\t\xa7\x9a\x8c6#e{_X\x91F\xa9f\xa1x'</t>
  </si>
  <si>
    <t>b'\xc7\xf9g\xacY\x98\x81s\xf4rT:\xea"\xdd\x9f\xbb\xcd\xbc\xe6\x14O\xf3K\xd1\xdf\x02\xb1I\xa0\x83\xba'</t>
  </si>
  <si>
    <t>b'&lt;J\xda\x93\xea\\X\x8e\x13\x9c\xa1#a\xe4\xc2\\e\xbc\x05\xe6\x18\x8c\xccz?\x10\xcd\xda\xbeq\x0c\x01'</t>
  </si>
  <si>
    <t>b'\x93\xefB=Qm\x84KRj\x8b\xef\x97\xd0\x87\xb9\xe5mg.\xdaj\xe9\xebJWK\xa0\xc2\x17~w'</t>
  </si>
  <si>
    <t>b'\x05\x97o\x8e&gt;\xd7\xb0\x01K\xd13x\xbf\x92l\x9e1i\xf3\xc8K\xcaj\x88IO(\xa18uA\xb0'</t>
  </si>
  <si>
    <t>b'\x9d\x81:\x87&lt;\xdc\nFV\xac=\xb4\xc0RH?^\xf4\x9a#&lt;\x91\xf3\xba\x80\x08.\x12\xdf\x017\xb4'</t>
  </si>
  <si>
    <t>b'\x04\xb6hOw\x8e\xfc+K\xe4xuC\xaa\xe1\xc6\x9d\xea\x165\x86Jp\xb7F\xdd\xd6\x89o]\xd6^'</t>
  </si>
  <si>
    <t>b'\x83\xc0/\x88\xcf\xdb\x80\xf9\xb1a\xfd0\x05\xa0a\x00\xa7\x8a\xefB5\xa6\x9c\xcf"\x1e\xd3\x8c\x04\xcf\xcc\x8c'</t>
  </si>
  <si>
    <t>b'\xee\xe68V\xc1\xc3\x1f\xa2\xc7^+\xfc\xe9\xf6\xe7\xbc\xc0\xb1\xd3\xfa+Q\xce)e\x96M*\rH\xa0\xdc'</t>
  </si>
  <si>
    <t>b'\x19\xf3=C/q\xfeU\x07\xe5\xeb]\x1e\x98cEI\x83\xc5:v\x14B\xd8\xfbe]^ \xff\x996'</t>
  </si>
  <si>
    <t>b'\x10\xaa7\xfa\x01\x96\xffp\x12\xf0\xc2\xac\x87\x08\xbd?+N\x14\x84\xca\x84\xd5EW\xa3\xe7\x0c^\x9f\x18\xee'</t>
  </si>
  <si>
    <t>b'\xda\xcb\xa3\xbe\xe1\xcb\xad\xc9\xcc5\xae*A\x08\xa4\x82\x90t&lt;[i\x92\x08|Kh\xd8\xf1\xa3\r\xca\x99'</t>
  </si>
  <si>
    <t>b'*\x1e\xf2\x15\x1c0O\xa5\x0f\xf9l\xad\xfbEr\x81X_MI\x9a\',\xb9\x10\x0e\xb1"\x87\xac\xf9\xe7'</t>
  </si>
  <si>
    <t>b'\x03\xaaT\x92\xcfN#\xb7@6\x98\xe7;\xcd\x00\xb8{\xa1TD\xd8\xda\x82\xc7\x15a1\xd2\xf3\xad\xc7O'</t>
  </si>
  <si>
    <t>b'\xcc\xc4\x9f\xf3#\x06\xca\xa2\xee\x88-\x9f%\xe1\x0e\xf3\xe4K\x7f\x979kO\x1d\x99Ud\xaa\rS\x0f\xb9'</t>
  </si>
  <si>
    <t>b'0\xe9pI\xc9\xd6\xee\tI\x9eS\xdb\xcf\xc2U\x83\xacU\xa7\x80\xe2j;\x7fNF\x02\xe7-\xf7&lt;\x8c'</t>
  </si>
  <si>
    <t>b'\xe0\xce\x88\xa2\xbb\xf5\\~\x96T\xa8\xeb\x01j\xb9\'\xe0T,\x1c\xc1\xd1Y z]\xb0\xb6\xe5\x93"\x00'</t>
  </si>
  <si>
    <t>b'\n\xcb\xf9oQ.\xe3\x82_BR|w9K\x88l\xd9\x0342\\\x0eO\x8c\x8a\xdf\x84\xea\xbc\xca\x85'</t>
  </si>
  <si>
    <t>b'\xf4\x89\xc4\xdf\xef\xb5\xa7\xdaH\xca\x8e\xd9\x17\x83 \xbf\xc1\xac2\x84}\xe7eJ\x1e\xa7\xce\x9f\x85.uX'</t>
  </si>
  <si>
    <t>b'\xc0\x9c\xdb7\x02;#Z\xa0\n\xcb\xd6\xe0&amp;\x9a\xf7vD\xdd\xa2\xdb`j\x12\xec\x8aTT\xffE+\xa0'</t>
  </si>
  <si>
    <t>b'\x10\xe5\x068d$\xf0"\xf0f\xecO\x86\xa8\x0f;\xeb@\xa7\t\xfe\x83:\tv\x83\x96\x8eo\xa3$\x10'</t>
  </si>
  <si>
    <t>b'-\xba\xc1\xaa\x80\x88\xa4\xd4\xfe\xccjl\xbd~\xd7\x9ap\x9f\x82\x9b\x0ew{\xa3.\xba\xa1\xbc\xe2\x8d\x1ex'</t>
  </si>
  <si>
    <t>b'\xdc\x8cx\xa8\xe9\xdap\x04\x0e\r\xe5\x95\x9d\xea\x98\x0c#\xdc\xcftg\xe4\x9f\x8a\x8c\x11~p\xc5!\x9d\x94'</t>
  </si>
  <si>
    <t>b"\x10b7\xd2t\x92\xc9'pn\xcbu\xaf\xfb\xf2\x8d\xc0\x1a\x99\x86\x1e\xb2\xff\x04O\xdf@m\xe2/^\x17"</t>
  </si>
  <si>
    <t>b'\x1eu\xae9u[\nh\xc1\x92\xd8\x95+\xb7\x07\x8fm\xf1\xc9\x98\xc8\xfb\xea0 \xbf\xb2R\xac\x0e\xe6\xd0'</t>
  </si>
  <si>
    <t>b'\x04V\xf7\x1fl\x17M\x7fk\xfc\x8e\xd9\xaen\xb0\xacXc\x19o\x17p\xc1\xe7\xe0\x8c\xe0\x8d\xb3"vI'</t>
  </si>
  <si>
    <t>b'\x91\xdcU\xde!\xbf9j"\xd6\xe1Nv\x81I\xa9\xc0\xc1\x17\x87*^\x88xy\xaf\xcf\xccN\xdf\x7f\x89'</t>
  </si>
  <si>
    <t>b'm)8l:\xe4n\xa92$\x06\xd2\xee\xe3\x92{:\xc0\x14p\xde}\x1f\x9d\x88\xfe\xaf\x84\xd1\xfe\x9fV'</t>
  </si>
  <si>
    <t>b'0j\xca\x13\xba\xb2\x02\xbf&amp;\x97]\x80\x04\xd9@\xfc\x13H\xabY\x95\x93G\xcb\xdc\x8d\xa2\x90\xae\xd4\xea\xa4'</t>
  </si>
  <si>
    <t>b'id\xca`\x12\xa5\x17\x8e\xd4\xb5\xc0\xf6\xbb\xe4\xa7[\xc0u\x12\xdc\xd0\x81j\xdb\rV\xdb[\xcd\x80\xc6\xab'</t>
  </si>
  <si>
    <t>b'\xeb\xc3\x92~;\xff\x0b\xf5\xda\x83\xef\x17V\xa5\xc3\x7f\x05\x13\xee\x0c\xbd\x8fV\x14\xf5u\xd5\xdf\xb2\x02\xd0Q'</t>
  </si>
  <si>
    <t>b'\xd5|\xe4\xf5\xfat\x97\xf0\xa7\xe4K\x04\xd2Q\xec\xd0\xa0\xb1\x7f\x13/\xe4\x15\r\xec\x8b\n\xe5\xe8\x9d8a'</t>
  </si>
  <si>
    <t>b'\xe3\x1e7=\x12];\xf2\xe92\xd8\x960\xbf4\xbeS\xd9\xad\x8f_2b\xca\x94\xa4\xdc\x16\xean\x00\xc2'</t>
  </si>
  <si>
    <t>b'{\x13\xed*`\x17m\xfeN\x0b\xc1\xa9\xba\xd0:)\xfcs8\xfd\xae5H\x01]0\x05R\r\x0e\xc5\xd9'</t>
  </si>
  <si>
    <t>b'\x9c\x86\xc5G\x02r\x7f\xb1\xfc\x80\xab\x06\x9b\xaf\xc0\xd3\tQ&lt;K\xa4\xcd\xc42ag\x8fS\xa8\x7f\x96\xc6'</t>
  </si>
  <si>
    <t>b'\x8er\xf7\xf6\x03\xc3\xcbd\x88W\xf7\x19_\xbf\xdc\xe9\x99 :V\xa3#\x01\x86\x93\xd1FQvf\x05\xd4'</t>
  </si>
  <si>
    <t>b'^\xa5\xacg\xbb\x97\x93\x9aZ\xd8\x10\x1bHQ3/\xf3\xe11\xe5\x0bS\x02\x04\xe1 u\x1f\xbc\x9e\x82s'</t>
  </si>
  <si>
    <t>b'yE\x99Ik\xad\xacY\xe8\x98\xd09\xe7\x9d\xbc\x88\xb8\xb5\xd1\xee\xec\x93\x01\x19_\xae\xac\xc3\xd8\x17V\x12'</t>
  </si>
  <si>
    <t>b"\xc9\xa6r\xda}\x92\xba1\x07\xc5\xd1\x1f\xe1\xfe'\x8eko[a\x93\x8fz\xeaZEd\xf0\xae\x90\x9ef"</t>
  </si>
  <si>
    <t>b'\x0b\x97U\x9a[\xf5\x10\x8e\xe8\xded5uX\xa9\x8bq\x07{\xe8\xbc\x80\xce\xe9\r\x13!=}\x17\xcf_'</t>
  </si>
  <si>
    <t>b'{\xf5\xa90\x83\xd5\xd96\xf7\x86\x84\x8f\x05\xdc\x04\xbf*/|\x98\x06"\x98k\xa3\x81\xd2+j1\xa8\x02'</t>
  </si>
  <si>
    <t>b'?9\x17\x00\xa9c\x1bt\xa7\xe0\x04U7Gu\x15\xd4o\xc7\xc5\xf7\x0f\x00n\xc7c\xda#a\xdc\xf30'</t>
  </si>
  <si>
    <t>b'\xf8ef\xe8\x16\xe0\xa9 O\x07\x16/\xb0\xa3\xbc\xb5(G\xb0-\xdd\x89\x11\xa4\x01\xff\xc1\xba\xa3\x92\x8b\xa8'</t>
  </si>
  <si>
    <t>b'\x16=\xe7\x99h@\xbc\x96\x03Ce{\x9a\xd7-\xd5B\xb9\x86b`\x86i\x90\xa0\xb5\xdc\xe3F&lt;\xb1*'</t>
  </si>
  <si>
    <t>b'\x14\xbe\xcc\x16\xe4@,$Q\xd6\xfbP\xa8\x93\xad\xf9\xeeD\xb5\x8c/U\xfa\xc3\xb2\x133\xd5\x88=\x89\xbc'</t>
  </si>
  <si>
    <t>b'pM\x08y\xe1n\xc7\xec\xeeX\x91\xc7\xcc\xb6&lt;1;\xa1\xe9\xc6x\xc1\x02\x11\x02\xb9\x0f\x94\x1f3\x80\xbb'</t>
  </si>
  <si>
    <t>b'\xa5y\x7f\xdd\x95&gt;O\xe3x\xe6\xe4,\xc5.\xd9\xbb\xd5\xe8n\xf6\xd5Q\xbau,EJ\x8f\x93\x81\xc1 '</t>
  </si>
  <si>
    <t>b'B(C\xb5z|b\xad\xf7?\xc10\xd66\xe4\xccx&gt;Aou\x87 \x1d\x12\x92y\xe1\xa5\xbd,\xe5'</t>
  </si>
  <si>
    <t>b'\xb2\xc8\xea\x08\x18\x0b\xe9=\x80vm\x07\xbfi\xae\xfa\x07:\r\x05$l\x02 .\xf6\xecQ\xc0\x89\x8fs'</t>
  </si>
  <si>
    <t>b'\x14\xfa\xd2;\xbd\x1fI/~\xd2\x12\xda3x\xc2\xecG9T\x84\xf3\x9a\xac_\x08C\x87\x86\xf4\xcey\xbf'</t>
  </si>
  <si>
    <t>b'H\xf7\xc9\xc0(\x0e\xb2\xd8M-p\xe5\xa8\x8afQ55%\x12\x19\xde\xab7*pd\x0f\xb9\xb1\xb4;'</t>
  </si>
  <si>
    <t>b'z\xca!S\xf5\xea )|\x7f\x15\xa9#\xa5\xaftZJ\x1a\x94\xd5\xc49\xdd\x03\x99\xc1!y\xf7/t'</t>
  </si>
  <si>
    <t>b't\x96V\t\xe9B\xba!?f\xc6\xae\xf9\xf2\t#\xe8$zH|7W\x11\x81\xeaF/\xb2\x85\x96p'</t>
  </si>
  <si>
    <t>b'+\x07\x9e\x9cA\xa0\xa8\x0e\x99\x17$!\x952V\xb6\xe1@Z0\xd7\xa4\x9f\xeas\x87\xecB\xda\xbd\x94\x01'</t>
  </si>
  <si>
    <t>b'ZC\xc2\x07v\xd5\xee\xfe\x1f\xea\xfa\xdc\xe7\xb1wa\xc98\x9c\xb1\xb4\xa8n\xc7\x85[\xeaVH1\x98/'</t>
  </si>
  <si>
    <t>b'\x0e\xf6\x82\xa5\xcb\xa6T/\x9cD\xb4\x15\xacTTO\xd3E\\~\tS\xad\x81\x83\xbc\x9e\xcbQ\x1c\x19S'</t>
  </si>
  <si>
    <t>b'L]\x81t\x04\xdf\x99\xe1i\xad\xbf\xddD\xf3\xeb\x8d\x08\x06\xc1@FF\\3\xab\xd1 "\xee"\rz'</t>
  </si>
  <si>
    <t>b's\xc7\xbb\xf5\xf19ZJ\x8a\xday\x8b\xf4\xc7\xac\xb9\xb7poB\xd9\x0fk\xf6\xd3\xa5\x92\x12\xa5P\x0f\xd6'</t>
  </si>
  <si>
    <t>b'\xc9\xa6\x078\xcdf\xa9\xcb\xc33\xd9\x18m\xca\x19\x9a\x95f\x84\x03Y\xe8\xfd/\xa1\xe8\xc3?\x11\x8d"\xe2'</t>
  </si>
  <si>
    <t>b'\xa5n\xeb\xe9\xf0\xb0\xc29\x1a\xa5\xe8\xea\xfee\x91\x10\x16D\xca\\\x06}2O\xde\xa0\x7f\xaf~%\x8b\xda'</t>
  </si>
  <si>
    <t>b"J\xc8\xbb!X\x15'?\xbaJ\xc4\x9d\xdd\xd4\xbfU%F+\xf0U\xd6\xd2\xf0\xeeu\x18\xfb\xe1o\x9b\xdc"</t>
  </si>
  <si>
    <t>b"\xc2\xf4\x83\x17\x93\x18]\xe88=x\x7f'\x1a\x06\x1f_7(c#]\xde1\x07\xe6\x1ax;\x11\x86\x8e"</t>
  </si>
  <si>
    <t>b'\xe8I\xc1\x14\xe1\xf3\xc1&amp;\xc7\xdfaco\x82\xa2\x0b\xa6\x03&gt;\x06\x8a\r\xb5\x01\xd8\x8c\xbe\xd0\x17\xf6\xe3\x8b'</t>
  </si>
  <si>
    <t>b'\xa9\xfb\xba\x80\x1f\xe6\xed\xe6\xa53;\xd3\x12\xa5\xb2\xf2W\xce\xfe\x86\x1b1D\xf7\x17\x19\x11R\xd8"A&lt;'</t>
  </si>
  <si>
    <t>b'~Di\xaf.\xd8V\xefK\xae\xf8\xf6/"&lt;:h\xe4Y\xb5\xd3I\\\x07\x99\xf2\xc6\xbc\xc9\xd7\xca?'</t>
  </si>
  <si>
    <t>b"\xd6\x9b\xfd\xf0\xb5||\xc2\x8e'\xf8a\x97S\xd5bJ3\x05\xd1v\x92&lt;\xa1\xae+bb\x85xDk"</t>
  </si>
  <si>
    <t>b"\xee\xf0\xe9/\xfb&gt;\xdf&gt;\xdbF\xf4N\xe5Q K\x12\xa0\xf7\xfd\xa758\xcbTu'Q\x00\xadD\xfa"</t>
  </si>
  <si>
    <t>b'\x95\xa6\x12\rS\xb8R\x87=\xc2\x80~\x9e\xed\x82\xda\x03\xe8\x0b\xa9\xe8\x97\xb0\xb9iu\xa3\xf1\x98\x97-\xdd'</t>
  </si>
  <si>
    <t>b'\x95\x90\x83\x9dFV\xd1\xeb\x0c\xc2\xdf \xd5B5\xbf\xaaT\x05A\xee\x19m\x13\xe6\r\x1bcdX}\x9b'</t>
  </si>
  <si>
    <t>b'\xe8\xc5\xfb+\xf3\xd4\xb6\x9a\xdcpEb\x88s\x9b~\xdb\xceWO\x99-\xf8F\xceB\x8e\xa58\xbaM\x9d'</t>
  </si>
  <si>
    <t>b'\x8e1\xaa\x0e?RJ\x0cy\xd7\xc7\xf1TI\xe7\xfe\xeft\x81~q]@\xc8\xf2M\x8e\x931U(&gt;'</t>
  </si>
  <si>
    <t>b'\xbf]\xa9\xa4\xdav\x14\xca\xbf\xc9O\xc6\xaed\n\x9f:\xb0G\xb6\x96\x8eP\xf6}\xb6,o&amp;\xc9\x04"'</t>
  </si>
  <si>
    <t>b'\xe1\x8b\xf1\xa7\xda\x9c\xe9\xe0\xf1\xd1\x9e-\xc1"\xea\x94Y\x1e\xae\xef:\xadY\xf65&gt;\xcf\x00lk!\xcb'</t>
  </si>
  <si>
    <t>b"$\xc1\xf4j\xa3\x8f\xc8\x0c\xe5\xf8p\x913\x96\x0b\xd6H\xfd\x94\xd6'\xb1_\xbe\xd7\xd36\xf0\x11\x8c\x88\xc6"</t>
  </si>
  <si>
    <t>b"\xac\xea'Mo\xa0\xa2\xfa\xdb*\xccO\x7f\x0f\xe6\xf7\xbe\xe8\xe7\xbe@V]\x1eTxGj\xb1rb "</t>
  </si>
  <si>
    <t>b'M\x82\xecK\xfa[/\xdda\x8c.&lt;wA\xad\x96\x8f\xf3\xa9\n\xc8\x02\xf5\x08n\x10\x82\x9a\xa7"\xf0&lt;'</t>
  </si>
  <si>
    <t>b'\xa5Q\xf1=\xcd\x12\xdc\xd2d\x17Y\xc7\xfd\xfc^\x05\xae\xe4lj\xdc|P\xecm3\xb1N\x97\x97\x1c\x8f'</t>
  </si>
  <si>
    <t>b"\xe2T\x8b\x1f\x1ek\x97\xc2\x8e\xad\x85\xed\xe5\xb5%\x83g\x93o\x02\xfa\x13\x05\xf4A\xe8\xff\xf6'\xc5\xd8i"</t>
  </si>
  <si>
    <t>b'\xa4b\x94\x02\x14\xf2\xc8p\xe5\x00\xa0\x85\n\xb4n\x001p\xbb,{\x95\xfa\x1dO\xc2_\x99\xb5\xb1"\xc9'</t>
  </si>
  <si>
    <t>b"a\xa6kD\xbb\xab\xa3\xc8'v\xd0\x07R5]s\xee\xd6\xd8;\xab\x8cu\xd9_\xb9\x13\xe6$\xd7&amp;\xfa"</t>
  </si>
  <si>
    <t>b'\xc1g\xbc\xcd\x91s\x89\x89\xa8\xf1o[\xe7\xb6\xfa\x80b\xc4\xd83\xdb\xd87\x91\xc5\x1a\xf8\x8da2\x94\xbc'</t>
  </si>
  <si>
    <t>b'r9\xf6\xb6\xe1\x8d$\x9bd\xd2\xec\xe39\x96N#m\xb7\x08\xcf\x0cT\x05\x9d\xd8\x9c\xd8#\xb5\xa9\x07\xd4'</t>
  </si>
  <si>
    <t>b'\x8az\xa1q\x07\xa0\xb8#\x9eq\xd9.4\xa7\x81\x9br\xeb\xb4(\x80&gt;&amp;\x9ag*\x89{\x1d\xf5&lt;\x9e'</t>
  </si>
  <si>
    <t>b'H\xbc\x03\x96&gt;\x1c7J\xd2\x1c)d\x84\xff{\xe8\x0f"\xdc\xe1\x80$~cm\xc7\x07\x0b\x8d\x82\xbdz'</t>
  </si>
  <si>
    <t>b'\x0bca\xf2\x97\xbb\x1b}\x83\xf7\xdb%a\x14\x9di\xc4r,d\xec\xa5=\xd2\xacH\x00\x86\xdf/\x01\x19'</t>
  </si>
  <si>
    <t>b'[\xb6\xda\x1fY\xff\x92\xaei\xce\xf5\xc1\xbc2 \xbd\x08\xa7\xdalY\xcb63\xcc\x86\xe9\xa0q\xa5\x7f{'</t>
  </si>
  <si>
    <t>b"t\xa7\xd9\xeb\xad\xa9t\x1e\xd88M\x8a@\xf6m'Y\xbe\x01%sjE\xf08\xe9 4\x83\x91\xf8\xf5"</t>
  </si>
  <si>
    <t>b'\xb7O\xb2\xd0\xbes\x8dt\xdd&lt;3\x07\xaek2\xad\x8b\xe0\xcb\xc1#^\xe2}\rAMN\xec\xf3\xf1 '</t>
  </si>
  <si>
    <t>b'\x80\n&lt;\xfb\xe6\xcb\xaaa\x05\x9f\x869l/\xd5;\x14\xcf\xe0-\xe6L/~\xa1t"&lt;\x1f\'\xefY'</t>
  </si>
  <si>
    <t>b'\xc9\x17\x19\xe4^\x80\xfc7[\xb4\x08~\x84m\xd7\x1d\xc9\x04\xd8\xc2\xcf;B\xcd\x14\x8e\x05\x8dL\x99\xb1d'</t>
  </si>
  <si>
    <t>b'6q6\x99[\x16\xe8\xadm0\xc6\xa8\x04}\xb7\xcb\xb6\xad\x0e\xaeHD;PU\x8b8\xb9\x95\xbb\x1cQ'</t>
  </si>
  <si>
    <t>b'c\x07#\x92\xb4\xf9\xd2QB&gt;\x91\xce\x87\xa5\xaam99\xd1d\x16\xae \xa7\x87C\xd16\x82u\x01M'</t>
  </si>
  <si>
    <t>b'o\x80W/+,\xd4~\x9aS\xdc\xc9{\xa1\x0fo\x01V\xbe\xbe\xec\xee\xfc\xe3\xa4\x07\x16\xb2\xfbiqZ'</t>
  </si>
  <si>
    <t>b'\x1d\x8f\xaf\x12\x19E^oX\xdf\xcf\xcb\xdc\xe6F!\x9d\xea(\x0f6raA\x84I-\x7fr2L\x18'</t>
  </si>
  <si>
    <t>b'R\xbe\xa5\x0c\x9cV\xc2%E\x82\xed\x89\xf1w\x0cM\xdc\x84&lt;\x04\xfaP\xab\xf0\x00\x866/(.K\xe5'</t>
  </si>
  <si>
    <t>b'\x00\x13j\xa5\x90T\n\x97\x97\xc6\xa9\xb0\x93\x7fIf\xf5\x99\xd9E\x17\x13\xa6\x9e(\x98a@v\xfe\xdf`'</t>
  </si>
  <si>
    <t>b"\xa3\xe7\xb4\xa8\x8b0\x12Vl\xb0\xda\xcc{\xef\x8e\\\xc8+\x89\xa0',r/\x03\x00\xebf\xa2\xe1\x11\xb9"</t>
  </si>
  <si>
    <t>b'\xc7H\xb4\xae(~\xffD\xc6\x1e\x0c\xb3\xf8\xd5\xff\xbc.\x1fsM\xb1\xd6U9M,\x17\x8b.|\x7f4'</t>
  </si>
  <si>
    <t>b'\xff\xc4\xc2jK\x81\xc8\x89]\xbd\xf7\x17l\x81\xca\x87\x8f=F"\x9dt\xda\xb5w\xdf\xab7\xfc/\x87~'</t>
  </si>
  <si>
    <t>b'\xc1Y\x1e\xc4\x9c\x1cZ\xdd\xc7\x01\xfc\x1b:\xfa\x8a\xc3\x00\xa4\xe0P\xaa\x0c\x17\x02\xd8\xf8\t\xdf\x08\xb6\xc4d'</t>
  </si>
  <si>
    <t>b'B\x91:\xbfH_N\x1d\xb3~q\x90q\x03W\x0e\x8bra\x18i\xa1\x0bm\xb2\xb8\x02\x92i\x90;O'</t>
  </si>
  <si>
    <t>b'\x90\xe7\x92\xad\x03{\x1f\xfd\xd3\x89\xc6\x9aiI!\xf3\x85\xe6\xdeE\xb0=s!\xe9\x16\x13\t\x16P\x1e\xa8'</t>
  </si>
  <si>
    <t>b"\x8c\xcefz\x91\xf0mH/\x0ff\x9b\xf7\xd0 \xafO\xce\x86\xe9]'Q\xf8\xcc\xe6\rA\x9d\xf2!\xca"</t>
  </si>
  <si>
    <t>b'x\x81\x04e.\xe2Oe_&gt;Kw&gt;\x8f\xec\xff\xfdm\x84\xfe\xf4S\x07\x15\xc4\xe7{\xe7\xbd\x93\x99\x9e'</t>
  </si>
  <si>
    <t>b'n\x07m\x82e\xe9\x13\xe4kt?\xfb+\xdb\xf4Yp%\x98\x9a\xc3\xb4\x87\x80\x9d\\\x12O]\xda\x00\xbc'</t>
  </si>
  <si>
    <t>b'\xb0\x0f\xf2N\xce\xdf\x1e\xde\xe8\xd1\x05G\xecX\x87\xf6 \xb9\xfd\xf7\xcbIF\x86\x1e\xbbBtgP\xfc@'</t>
  </si>
  <si>
    <t>b'\xd0\xb56\x02cN\xad\x18\xea\xa6\x01\x01[\x0b\xa5I\xe6\x87\xe5x\x11\xbb\xd4\x9f\xdc\x10T\xf3-\xdd\xa53'</t>
  </si>
  <si>
    <t>b'\xffv\xf5\xb2\x914\xae\xa3T\x94\xde\xdd\xd8\t\x1c\x06\xa8\x03j\xcb\x8d\xc1\xc9\xe7o\x90]a\xfc\xaa\xc0\n'</t>
  </si>
  <si>
    <t>b'\xf8&amp;&gt;\xd1\x8dL\xf4\x04\xe7&lt;\x99T\x9bF\x8d\x9a\xed%\xd2\xbd5\xdf\x17\x907V\xce\x7fC\xd7\x83*'</t>
  </si>
  <si>
    <t>b"d?\x81\x18\x0b}@^X\x87\x16\r\x8a\xa6\x9c\xa6\x006x7'\x07\xae\xfe\x0c\x10@3\xa15l\x8c"</t>
  </si>
  <si>
    <t>b'\x85\xbc\xd2\xef\xc2@\xb3?C\x18\xfc\xc1\x0c\xcc\x07X\xe6S\xe9\xd0\x0e\xd4\x1f\x11\xf2\xa2\xe0\xe2\x81\x93\xd1\xb4'</t>
  </si>
  <si>
    <t>b'o\x12\x1e+z\x0b\xe1\x96\x1a\xb8]\xac\xd5TDAE\xfc\x0bs\xe9\xd1k\xcf^\x1a\xb6\xaf\r\x9a\xedh'</t>
  </si>
  <si>
    <t>b'\x18u\xe6^\xca#T\x9b\xe0!\x986\x81\xf8\xc25\x138\xeb\x98xx&lt;m\xaa\xa5xs\xb5\xaf\xb0~'</t>
  </si>
  <si>
    <t>b'\xa2\xa7\xf0Y\xc6l\x0b\xeb\xcc@P\xd5\x1c\xdf-\x08\x90\x1c\x11Lq.\xd7\xa0\x8b\xf2D:J;|\x02'</t>
  </si>
  <si>
    <t>b'R\xfdONZ2]\xb0\x9e\xc7\x1c\x0e\x8d|\xd5ppY\x89\x90\x07\xb3\xb7\xeb2v%A,\xa2\xb9q'</t>
  </si>
  <si>
    <t>b")E\xef\xe0\xc4'\x03X|\x11\xaa\xdbfz\x0b_=\xed`M\x9c\x99\xdejB\xb6|\x97\xc68\xac\x81"</t>
  </si>
  <si>
    <t>b"!e9\x87'\xc7p\x95\xb5\x8e|G\x06\x14\xa0\x8f7\x19\xe90\xd6\x90R\xda\x90\xa1\xd9\xae@\xce\xeaP"</t>
  </si>
  <si>
    <t>b"\xd3\xd6'\x8d\x07-7o\x13Yi:\xd2\xf8\x88\xa6A\xcb\xe4M&amp;Zi\x0e\xbc\xa3}\x04\x02.\x82\x1e"</t>
  </si>
  <si>
    <t>b'\t\xf0KB\x92c\xf4\xfc\x19\x9b=_\xf6\x82\x9b\x02YL\xa8\xa5O\xdd\x12\xff\x96\x83H\x02\xc4\x8b\x0b='</t>
  </si>
  <si>
    <t>b'\x90\x8e\xadi\xfb\xcf\xef\x98qtR2\x90\x0fy\xa1i\xabR\xc2$&lt;\xc6\x8dxw\xd2\x04\x90\x9e\x7f\xa7'</t>
  </si>
  <si>
    <t>b'[._\x98!\x8c\x199@=\xb4\xa08Uj1\t\xee\x1c\x80\xc3\xab\xd3@\xacx\x8b\x88\xde\xab\xd03'</t>
  </si>
  <si>
    <t>b'\xba\xb0\xe9V\xda\xea\x19\xb9\xd6&gt;\xbc\t\x19\xed\x1f\x92\x1dX\xf9\xabq\t\x9a;\xb7\xe3J\x96\xf0\xdd\xecV'</t>
  </si>
  <si>
    <t>b'Y\xd2\xc06\x97,S\x81\x8e\x8e\xe7,\xcd\x07w#\x16\xc3\xdc\xa6\xd69\x99\xc4 .\xdf\xbd\xd3\xa6\xf3('</t>
  </si>
  <si>
    <t>b'\x146\xf1"\x12\xc7\x0eV\xd4\x19ui\xbab\x084\x1c`&lt;\xbdJ\x1a\x9a\xb6\x03\xa3!h&gt;\'&gt;\x94'</t>
  </si>
  <si>
    <t>b'\xcf\x1ci.\x8di\xbah;`\xa1\xbb\x14\xb3}\xb5\x87J\x998\x19\x9b\xdc\x9aQZ\x9d\x81?JS\xb2'</t>
  </si>
  <si>
    <t>b'e\x8f8\xfc\x0fb\xc9H\xfe\xf3\\\t\xd4GT\xbdf1\xff\xdf\\\xd7\xd7\xf2\xba\x8b\x17&gt;X\x9dh\x06'</t>
  </si>
  <si>
    <t>b"V\x82\x02\x94\xd6\xa3\xdc\xb9\xb3S\xfb^\x801s\xc1\xef\x8f=#\x86\x94u'P\xf0\xd4\xbdzal\xf7"</t>
  </si>
  <si>
    <t>b"y}B\x85\xf8\ro4\x88)\xfa\xde\x13\xa5\xeabRF\xa7\xe4s\x91G\x94^\x15\xc3'$s_\xfb"</t>
  </si>
  <si>
    <t>b'\xd1i\xa0u\xc9\xc8\xbeT\xc18E\x93M/\x9e\xef\xde\xd83\xa4\xaa\x85\xea\xa1:\x82\x15\xe3\x84h\xcf\xb7'</t>
  </si>
  <si>
    <t>b'\x17\x840\xa5\xe6\xea=\xf1\xea\xc5\x02\xa1^\xddY\xfdg\xf9\xd2\x84\x90\x07p\x89\xfcDm\x83\x1f\xf23\xef'</t>
  </si>
  <si>
    <t>b'd\xa2\x92\xd9\xd2\xb9\x978\xe2\xf8e A7\r\x97,\xc5\xa0\xbb\x80\x86\n\xc0\x14\x12Y\xb5hc3\xb4'</t>
  </si>
  <si>
    <t>b"\x0f\xce'\x92\x85\xfb@Ly&amp;WY\x00l\xf5\x10\xd7o\x95k\xe2\x04\xb0\xdar\x93\xfa\x19\xd6\xa9[\xf7"</t>
  </si>
  <si>
    <t>b'\xb2\x04~\xa4\x8d\xbb\xc5\xc8)\xaf\xdd\x1c\x0c9\xac\xb8\xcb{d\x06\xc2J\x1fV\xd0%4;\xa2\x00\x12|'</t>
  </si>
  <si>
    <t>b'\xc1\x80\x07\xcew\x11\x13\xc5\xd3\xa8\x1el\tdh\x99\x04\xaa\x91\xffC\x18T\xf6\xab\x9b\xe8\xec\x1f\x07.\xb1'</t>
  </si>
  <si>
    <t>b'\x01\x9f\xd9\t\xc0\xd7b\x18\xac6\xf9\x19\xa8\xf0b$\xba1\x18d\x0cm\xa2\xa6\x85\xf6\xb5k\xb12\xbc\xa1'</t>
  </si>
  <si>
    <t>b'\x16A\xb2\x17{\xbcn\xb4\x80\xa5\x8bu\x90\xd3\x17\x12\t\xca\xe8k\x89\xedX\xef\x02#\x98\xccL\x9aV\xcc'</t>
  </si>
  <si>
    <t>b"h\xbc\x87H\x80\xe2B\xdfY\xd4\x06\xe6\x81L\xb5\t'\xd0\x03\x8b\xab\xc3Y\x86\x19\x99\x8c-\xab\xc2n\xd1"</t>
  </si>
  <si>
    <t>b'@\r\xcdL\x91\xad\xb0\x82\x80\xd7\xf9\xddI\xf9B \xad0\x86\xf9\xce\xfc\xf4\x07\x91\xa2\xd1\x1e\xa71\x0cc'</t>
  </si>
  <si>
    <t>b"\x1b\xae\x12H \xe8\xf8eM\x9a'\xb4\xe0V\xaf\x03?\xc4\xa806\x90\xc0\xad\x97v\xd4Y\xdcX.\xc5"</t>
  </si>
  <si>
    <t>b"\xee\x1c\n\x126\xbc\xb7B \xd8\xde&lt;\xc5/h\x87\xb1\xe5\x02\xf4%\xb1&lt;\x81h\x9as;\x9fjr'"</t>
  </si>
  <si>
    <t>b'\xcfz| 8xu/5m\x93\x99\xd0;ME\xef\xa03\x7f\x9f\xac\x98onBW\x8b\xd0\xca\xa76'</t>
  </si>
  <si>
    <t>b'F\x12A\xe8\xdde\x8c\th:\xb4\xa3-\x9en,ib9l\xec\x91_\x94\x1c\xa3\x07\x13&gt;\x07~\xc3'</t>
  </si>
  <si>
    <t>b'\xd1\xb7\n \xd1\xe8Ey\x9eyq\xc5s\xa3\xb8\xb0\t\x18\xb6\xb0\xed3\x18\xe6\xe5)T\xac\xa7\xc2\xdd\xee'</t>
  </si>
  <si>
    <t>b'R\xa1\xf2\xd6\x89\x0f\x1c\x11\xcf4\xcf\xea\x07\x1a0\xeb&lt;G\xa0\x96\x8d\xe5Udy\t\xd8\x13\xb8;\xe9\x8c'</t>
  </si>
  <si>
    <t>b'\xee~wm\xbcE\xb0f\x8e\x03\xba\x9e\xe0\x86\xfbfR`\x1c\xf6\xfd:\xcc\x10\x87\xd3J\x8c\x88dA\xbd'</t>
  </si>
  <si>
    <t>b'%&amp;\xf4\xec{\x97C\xbe\x97\xed\x15\xb34\xad&lt;\x85\xd1\x07\x98\xa7\xe6]Q\xf2[1$R\xfa\xcam\xdf'</t>
  </si>
  <si>
    <t>b'\x90\x8co,\xe1\xc8\xa1z\xcf\xe2~-\xdaju&lt;\xeb9\xf6\x83\xd4\xc9U"gqZn\x1e\xc0c*'</t>
  </si>
  <si>
    <t>b'}\x1c\xbdG^\xc9@\xc8G\xbe^w\xc8\xf6\xe5C\xc3\xc0n\xaeGj\xd6\x9c*1\x8a\x82QJ\x1cp'</t>
  </si>
  <si>
    <t>b'iI\xd9\xcd\x171\xa2\xe2\xf8\x93\x92E@.QW\xbb7\xbf\xb9\xb6\xe9\xdff\r\xae\xbe$\x1e\xe0\xea\x97'</t>
  </si>
  <si>
    <t>b'=\xcc\xad^\xe1\xb8\x84\xc8P(\x0fu\xe1\xa0\xf7\xbbc\xd0\xb8\x8b\xb6\x1b=\x1b)\n\xbe\x01\xfc\x8dV\x0f'</t>
  </si>
  <si>
    <t>b'\x9b\xf6I\x00\x14\xc2\tG\xe6\xf3&lt;\xafbc\x01~\x1d\xc5\x84K\n\xee`\x08\xf1\x04i\x89H\xb1&lt;!'</t>
  </si>
  <si>
    <t>b'\xfbk\xf7\x15D\xd0\xb6\x95\xbc\x10\xd9\xb2\x8fcXC\x01\xb0\x0c\x1e\xc8r\xd5\xa9\xa4\xa8v\xb1\x08 \xd6\x06'</t>
  </si>
  <si>
    <t>b'\xb6\xbb\x93\xfay\xc8x\x92\xc57\xafIZ\xb1\x11\xe2\xab!\xe2=8\xb8uuN\x8c\xc6\xa4\x84\x9b\x0f\x95'</t>
  </si>
  <si>
    <t>b'\xb1\x16\xe2eS;\xe95\xfdC&gt;\xf4\x10\xad`#\xf5\xaa\xff6\x97\x7f\x17\xec\xa1\x1d2\x11\xbaL5\xdb'</t>
  </si>
  <si>
    <t>b'\x1aI\xe7s\x1a\x88\x1dc\xd1\x8dc\xd2\xc6&lt;Z\x990\xd2\x0e\xa85Z\xd5\xb5\xe8\x8b\x99\x12\xe8\xa6\xe0\x12'</t>
  </si>
  <si>
    <t>b"xw\xb5\xeb\xaeqS\xa7\x9d\x0f\x15'=`\x1e\x80\x052B\xddN\xc1`\xa8\x05\xcd\xf2\x12\xe5&gt;\xb1\x95"</t>
  </si>
  <si>
    <t>b'6\x17d9\xc1\x8d\xf6\x7f\xa4(\xe5\x02X\x8c9\xe7J\\\x16\xf2\xe5 \x12\xb7\xf6Y&amp;8\x99\xc1\x1f}'</t>
  </si>
  <si>
    <t>b'\x11\xa2\x00\x1c\xaeE\x9f\xf3\xa6c\x8a\xc8\x9e\x1c6\x0e\x15\xf9\xa1\x14\xa1\x8bw\xb1i\xe6\xc4i\x8b\xdcB\xc3'</t>
  </si>
  <si>
    <t>b'3\xfbL\x10\xc5\x83w\xc9\x1bk\xe3|\xdc+\x82\xfb\xdb\x1bB\xd8\x92\xe2\xb0\x054\xc7b5}&amp;z`'</t>
  </si>
  <si>
    <t>b'\xb0\xca\xa81\x8d)-\xaf~\x07X%U\xce@\x0f \x8a\xe2\x1bz\x9e\x1b\x06\x95&amp;\xefG@\xd3\x8c\xf6'</t>
  </si>
  <si>
    <t>b'\xa2\xe2\xe6!D\xcc1\xc4\xe3kp\xd2\r\xfa\xb7\xe6}\x1ei\xb7\xc5\xe8OJ\xa6+f[-\xd7\xbf\x0e'</t>
  </si>
  <si>
    <t>b'\xc2\xb5\xde\t]\x15\xd1l \xc0\x89\xdf\x9a\nU\xab\x0b4\x92\x1b\xd5\xa9\xc4\x9d#\x8b\x01\x99:\xb2\x84\x93'</t>
  </si>
  <si>
    <t>b'S\xae`\xce\x13\x95o\x8eb:\xc2\x8b\xeb\xfa\x96\xc6~\x1e\x06\x9a\x7f\x08\xb7%\x1e\x02p\xa5\xa5\xab\x9e\x95'</t>
  </si>
  <si>
    <t>b"\xcc\xc6Coe\x9b\x11D\t\x81\x93\xd2j\xe4\x10#t\x99\x7f\xfd\xccW0\xbcpU\x023\xf4'\xa9\x8d"</t>
  </si>
  <si>
    <t>b'U\xa6\xf3\xe9\xdb\x1f\r=i\x97&gt;C6\x01\xbb\x97\xbcX\x02\xcc\xf2\xb9\x95\xfd0\x8b\x0fg\xe8\xbc]!'</t>
  </si>
  <si>
    <t>b'\\\xaa\xc2\xf0\x9e\xd87SN\x19r\xad\x0b(\xc0\xd8\xbdV\xed\x97t\xe0Bi9\x1b\xee%\xae\x95\x13\xa0'</t>
  </si>
  <si>
    <t>b'\xab\xe7\x0ck\xcb\x11|\xc6\x90Jz\xb44\x84\xa3\x83\xa8\x10:\x85\xc03\x87\xa6\xdb\xa3\x01Ey\xb5\x84\xe2'</t>
  </si>
  <si>
    <t>b'\x1a\xd2y\xd1\x19\x17XS\x01\x94\x9d\x8dc\xd5}q#5\xa7\xac\xb4\xc4\x97\x90\xd8Y+a\x01\x8a\x15;'</t>
  </si>
  <si>
    <t>b"\xc07\xea/\xa3\xf8F\xc2\xf4\xd9y,\xb4\x1d'{\xa8_\x94Dsc\xd0-\x02N\xdf&lt;'\x0c\xe6\xf1"</t>
  </si>
  <si>
    <t>b'\xe9\xe4\x86\x11U\x00\xcb\xe8.]\x9c\x9cZ\x9cK\xdag\xcaka\xa6y\x08\xd8P\x00\xb7F\xea\xcb[\xaf'</t>
  </si>
  <si>
    <t>b'fIhak\xcc2\xdcLub\x1fG\x04\xfa\xcbZq\xc2\xbe\xba3\x93\x9d\x0be\xbc\x8c\x1aE\x0fN'</t>
  </si>
  <si>
    <t>b'9F\xd6\xa6,\xf2\xe4P\xe9J=?\x86\x0cKTE\xd7/\xc6u\x9f\xad\x1d\xc1\x88]i\x95\x0f!\xd3'</t>
  </si>
  <si>
    <t>b'\x1f@\x85G\xca\xddg\xb3-\x18\t\xc2\xf1\x14\xf7\xd2.\x84\xa7zN\xcb\x97\xc8\xde\xbc\xde[\x80]&gt;,'</t>
  </si>
  <si>
    <t>b'T@6\\\xb0(\xdaSGr\xf8\xa2\xf3O\xabz\xbe5\rU\xdb\xcb&amp;\xc7\x84##.\x17\xb4L\xa5'</t>
  </si>
  <si>
    <t>b'G\xe1\xcd\xf1Ya\xa8\xa4\x86\x0c\x00\xc8\xab\x86\xe2\xd9\x81\x9f\xc5\xa9\xca`tD\xdf\x04M\xa9\xf5\xf80u'</t>
  </si>
  <si>
    <t>b'\x93~\xd2\xe9\xd7:\xdb\xa5P\xec\x91\x9e\xb1\xf4[@\xfcA,\xa8A-=\x85\x841\xe1\x9a\x81V\xfe\x1c'</t>
  </si>
  <si>
    <t>b"\x0cT\x98\x1f^2\xee\xe0\x126\xe7\r\xf5\xec\xd4P\x9f@,\xee\x8d'\t\x8a2\xf6\xb0\xbd\x85\x1c\x9b\xe9"</t>
  </si>
  <si>
    <t>b'\x11\xae\xb0.\xb0\xdd2\x87\x99\xd2\xc6E\xc3$J\xeb\x97\xd0\x18o`i\xb5\xe5}\xa4\xdf\x93\xb4D\xf2\x17'</t>
  </si>
  <si>
    <t>b'Z7\xcb\xaf\xcc\x87x|\xb1\xa0\x92\xc8\x17}\xa2\xea\x86\x17 q\xf5\xa7\xf7\xe7\x99\x01\xec\x1ewj\xe5\xde'</t>
  </si>
  <si>
    <t>b'o\\\x04\xa1\xf6fH\x92\xd7l\xe2\xff3\x8dM\xa5R\x86d\xe3Z\x9f\x9d-\xdc\x7f\xddI\x01&amp;\xfcB'</t>
  </si>
  <si>
    <t>b"\xb0KFJO-\t\xae\x9a\xf4Jb{v\x9e1F%\xb6\x8f5\x9b\xec\xad\x1a\x13\xd4'\x86\xac\xc6{"</t>
  </si>
  <si>
    <t>b'\x8d\xf3\xdb.h\xe2\xc0\xc7\xdbW\x15\xe7\xdc\x05\xcaF\x82\xa6\x17\xe4\x83x\xcd\xac ~\xf3l\xd3\xbe\xe2\xae'</t>
  </si>
  <si>
    <t>b"4\x97-=pTF\x91G\x1f\xae\x9e\x01\x1f\xe7\xb0\xba\xb7g\xd9'\x9cSf/\x7f\xa7\x11N\xf78&gt;"</t>
  </si>
  <si>
    <t>b'Ku\xa1G\xaeYV\xaa\x02D\xf7z\x0b\xc1]\r]\x9c%\x02Y.\xe0\xac\xc9d\xa1\x19\xe3\x8b\x1c\xb4'</t>
  </si>
  <si>
    <t>b'\xefl\xc7\xea%\xcf_C\xda`\xbf\xd8\x9du4\x10\xde\xdb\x0fH$\n\xc4\x12\xdd\x96)\xdb\xc6U\x84\x05'</t>
  </si>
  <si>
    <t>b'/\x1ee\xae6d\xddi\x11\x0bo\xaf\xef\x9aF%\x11\xf7A\xf1\x19!\x8c8\xf5d\xf8\xfd\xe2\xc2;\xc7'</t>
  </si>
  <si>
    <t>b'\x00.t\x95P\x85\x0e\xb3\xf6\xaf\xe3N\x91\xe3\x8aWT/\x0f\x9a\xe3\xe1l&gt;\xf6\x01\x83S\xdb\x9b\x15\x8a'</t>
  </si>
  <si>
    <t>b'\xfa\x87\xb6B\xf9t\x81\xa9\xaa\xb6\xddQ\xb2VGj\xf4E\x0f},\x99=\xe5.\xa0\xa2k(\xcdlL'</t>
  </si>
  <si>
    <t>b"q\x05\x95\x1e\x84N\xc0\xbd\xbdz\xb2\xdbKL\x038|\x1c[U\xe4'\xce\xbc=\xb4F\x82T\xad~\x05"</t>
  </si>
  <si>
    <t>b')\xca\xdb\xf8\x10\x92\x91\xf3\xf6Yg\xfb)\xbcYX\xf6\xa1\x0bG~\xfd\x01\xa0\x0c#\xbch\xe6\x94\xc3 '</t>
  </si>
  <si>
    <t>b'\xf5\xf7\xef\xa93\xdc\xcaA\xa1\xb2\x9dA\x85\rSr\x81\x99[\xb7Yu\xbd`\xbd\xf1\x15\x1d\x8f\xb15\xd2'</t>
  </si>
  <si>
    <t>b'\x8c\xd5n\xaa\xfa\xac\xa9\n\xfa\xfaL\x00\x91\xe9\xf0\xab\xfa\x0c0\xa2&gt;\xbe\xc5O\xa1x\xcf[\xf9\xad\ta'</t>
  </si>
  <si>
    <t>b'\xc4\x91\xd7\xf0xv\xc2\x9f\xd0\xf9\n\t\x98\xabkVb4&lt;\xda|\xde\x15\xf0t\x98\xc8\x84e\xfc&amp;\xe8'</t>
  </si>
  <si>
    <t>b'\xc8\x95\xa0\xffErA~b\xec\x8f\xeb\xf6M\x9f\x19Lf\xa2\x7f\xa54\x94\xadU\xec\xc2MV\x95\x11:'</t>
  </si>
  <si>
    <t>b"\x07D'*\xa9\xac\xbc\xe0\x18\x14\xa67\xfaVP8\x18\xd8\xb2\x0eF9h\xa1a\xcc\x94\xfc\x08&lt;\x87\x9b"</t>
  </si>
  <si>
    <t>b'\x1c\x19)\x9dB\x06\x83tB\xd7\xe1\xfd\xdf\xdc \xdcK\x86A\xfb\xb0\x98\x93\x12\xabj%\xd5\xa9\xb1\xa3\x8f'</t>
  </si>
  <si>
    <t>b'_\xb1i$GL\x1c\xd9\x83-\x98D\x8d\xf9qS\xda\x1f:\xb5\r&amp;\xee\x8e\xce\x1e\xa8\xc1k\xd0\x15Z'</t>
  </si>
  <si>
    <t>b'C*\x89\x90o\xa2\x91\x9fV\xe2\x8fz\x19o,\xc7\x93Hh\xab*\x04\x13\xe3s\xd2\x7f^G\x13\xfe\xdc'</t>
  </si>
  <si>
    <t>b'Ej\x02%\x08\x8c.Kc\xa6ciB\xddB\xff\xcf\xb5f\xcb\x1b\x06\xea3\x11\x14~\xd0\xc7+lG'</t>
  </si>
  <si>
    <t>b'\xa7j\xd8\xa2\xda\xc0\xf4\xd5\x08\xcc\xfd\xc1\xbf\xb2\xe3:\xfas\xbd2Loy\xfb\xe1\xa2\xc6\n`V\xd9\xf4'</t>
  </si>
  <si>
    <t>b"\x11\xc1+\x16aRv.)d\x9f!\xdc*#\x84I#1\x1d\xd8\xc1'\xe1 \x1b\x9d\xb1\xe9\x14\xedI"</t>
  </si>
  <si>
    <t>b'\x00J\rY\x84\xc5\x85\'\x9eG\x10\xae\xe0\xa8\x81x\xf4"]\x1c\x00\xff\x9bPe\xa3a\xc3\x92\xf3\xf6\x1f'</t>
  </si>
  <si>
    <t>b' \xd9\x9eJ\xf9\x81:v\xe4\xa2\xd6\x9cz\x00\xc7P\xc9\xa1\xa5{\x93\xc6E\xed\xe7\xff%Q\xae"\x1f\x89'</t>
  </si>
  <si>
    <t>b'\xa3/"Cbo\xf0\xeelW\x073\x97\xc6\xfc6g\x1f\xb4\xd9\tc\xf7;\x0f\xeb[\xceO\xb8\x17n'</t>
  </si>
  <si>
    <t>b'\xa3F\xd9b\\9&amp;\x89T\xf9%\x07\xb9\xa7\xac\xf0\xf4\xd5\xb2\xc6\x9b\xe7\xe2{`c\x11\x85}L\xca\x1d'</t>
  </si>
  <si>
    <t>b'\x10Y~\xdc\xfe\x90R\xc7:w:\x93\xdb\r\xc8\x04Z\xc4\xd8\xbc\xc5\x03nE\x87\x03\x7fp\x9c\xf4^\xd8'</t>
  </si>
  <si>
    <t>b'B\xf0\xf88\xa8\x84\x85\x91\xde\xbb\xc1(\x03\xd1jA#\x07n\xae\x15\xf6J\xc23\xc3{q;x\x9dA'</t>
  </si>
  <si>
    <t>b'M"\xcf\xd8\xd7\xef\x95\xc8\'5\x05\xc3\xe9\x9a\xed\xefj\xdd\t\xc1\x7f\x00F\xcc\x8c)X\xdd/\x99\xb22'</t>
  </si>
  <si>
    <t>b'\xedS\xd3\xc6\xd43\xef\xcd\x08\x81\x92\xb5\xe3\xcb\x17\x01\n~Z)\x97\xd6\xc3\xf3\xcb\xe6\xfe]\xee\x83\xd0\xde'</t>
  </si>
  <si>
    <t>b'p\x1bP\x15d\xcd\xba\xec\x84G\xe2\xd0\xd9.y\x01g\x1469\xf1\xa9\xf8]\xe7\xc4\xdb\xd8f\x86\x05e'</t>
  </si>
  <si>
    <t>b'th\x7f\x8a=\x88\x0c{$\n \xb8\x16\xb7\xf9U\x9b\xba\xa8\xcb\xbc+\xd6+^\xb0=%\x94\xd7\t\xa1'</t>
  </si>
  <si>
    <t>b"\x04\x9fE(\x0e+\x00'\xe6\x18\xe5\x87y\\q\x88M\xd5Q]\x18\xc6Oc\xb0\xd7\xc0\x9d\xdfY:\xee"</t>
  </si>
  <si>
    <t>b"x-H\x7f`\x17\x86\xbdK\xa9\xa91\x86\xce\x80\xb5L\xc8V\x87\x9e\xe2\x1a\xe2\xb2\xee\xfd\xcd|'\x9d\xb3"</t>
  </si>
  <si>
    <t>b'\xc3B\x08w\xfe\xca\xa2r)jK\xcd\xd6g\xf8\x8c\x1a\xbfy |&gt;\xf2eq\xda\xd8&amp;\x9d\x0f\xdd\xdc'</t>
  </si>
  <si>
    <t>b"\xe2\x9d\x88\xab\x9a\xf9\x88\xb4\xdf\xee\x1a\xbcA'\xf8\xd6\xeau*\xc1\x9eEJ\xb3a\x9bO\xe3@G\xc09"</t>
  </si>
  <si>
    <t>b'\n8\xa6|\x9b\x80\xba\xb8\xf2\xe6\x89\x0b\x0c\xe0s\xea\xbd\xdd\xec\xefq\x8e\xaa:\x9f\xd5?\x96}\xa8\x1a\x83'</t>
  </si>
  <si>
    <t>b'\xb7\xa0\t\x9ej\xc3g7h*:\xb6\xdf91\xb1\xdf_\xf7\xfa=Q*~\x0b\xf2\xf9\t\xf0\xd0\xf6d'</t>
  </si>
  <si>
    <t>b'dp/\r\xac\xc9,\xb6\x8by\xe7\x17\xd9\xbf\xd6\x1c\xd5\xaf\xbb\xcbE\x08\xb1\x8f\x12\xc3\xe2y\xf4h\xadW'</t>
  </si>
  <si>
    <t>b':\xa5\xd3r^\xeeYq\x81ta$/M\xee\xe9\xb7!O|B9m\x9e\x95\xb9\x7f\x06\xf6\x13u\x0c'</t>
  </si>
  <si>
    <t>b'\x7f\x18\xc0\xa6L\x90r\x07K$\xe2\xc8\xa4\xf5\x9af{\x85\x18Q6\x99V\xd7Mr\xb3\x86\x84\xb9\xcd\xb5'</t>
  </si>
  <si>
    <t>b'\x19sT\xc98\xff\xb4U10V\xb6eMf\xeb\x9a\x9c\xb2\xcb\x1e\xba\xb1\nGH=`\xab\x80.t'</t>
  </si>
  <si>
    <t>b'\xb1\x9b\xd9\x89\xdb\x19|\x9a&amp;9\x94h\xef\x10\xf3X\x12\x8d\nm&amp;H\x07\xf7\xf9\xa5+"\xf5\x07\xa5\xfd'</t>
  </si>
  <si>
    <t>b'\xefm\xc3\x87\x8a.\x13\x02\xe7\xc3g\xd1\x99\x85\xf0\xaem\xccc\x08\xa4\xbe\xc8P$s\x9e\x1cC/\xd2\xe7'</t>
  </si>
  <si>
    <t>b'\x98&gt;\x89\x9d?;\x8c\x02\xe0)\xbaUu\xc8\x99\xe8`\x89\x94\xef\xf9\xaa"\xbe\x11\xcc\xbd3F\xdcY\xad'</t>
  </si>
  <si>
    <t>b'I\xb2M\xc4\x80\xd3\x8d\xa4s|\xfe\x06j\xde\xa5-\x04mY\x989\xd2\x1e\x0c\xbc\xc9 l%\x9a\x8c\xb1'</t>
  </si>
  <si>
    <t>b'\xd0\xc7\xee\xb2\x90\xd2\xa3\x8f\x940kXt\x15\xe2L\xf8H\xee\xc2\x18Bm\xb0\xd9r\xc9(\x11\x1d\x9a0'</t>
  </si>
  <si>
    <t>b'A\x95B\x9d\r\xbck\xf3=k\xc8\x90\xaf\x19\xbc\x9c!0\xd7?\xe7\x86z\x1f\x07\xd4\x99\xa2D\xfe\xf8{'</t>
  </si>
  <si>
    <t>b'\x94\xc8\xbb\xdd \nQ\xb6W$\xaf\xbe\xe2\x01\r\x82a\xe7f\xf9\x90\x98\xd6\x93.x\xbe&lt;\x198a\x93'</t>
  </si>
  <si>
    <t>b'p\x90\x86\x9a\xb7\x8a8#\xd4\xcd\x7f\x9f\x9c\x84\xb6\xd3\x8c\nQ\x9e\x95yVlM\xf8T^Q\xadE\x0f'</t>
  </si>
  <si>
    <t>b'\t\xb3H\xe0|\xddR&lt;\xb9\xd1z]\xab\x82\x90EU3\xe2\x0c\x9d\x9b\xfd\x86\x99OL\xfc_{\x82\xaa'</t>
  </si>
  <si>
    <t>b'\x80\xce\x99\x846\x9a\xaf\xd8\xfe\xb5IH\xfb\xcc\xec\xe1\xeeh\r\x9b\xadI\xdc|)4\x1f\xf6\xedW\x0e\xc2'</t>
  </si>
  <si>
    <t>b"}2\xab\x0bd=\xa4\xf7\xe1\xa4\xb7\x17\xdc\xb2\xcfZ9\xe9\xc7\x84\x95\xa1\xb8W\xa49;'\x89\xa6 \xd3"</t>
  </si>
  <si>
    <t>b'y\x8f\xf3\xdet\xb0X\x12\xf1\x01jZZ\xb7\x1e&amp;\x17\xc0|\x83\xb0\x1d\xbe\xb6\xfe|\x10Z:\x80\x17\x02'</t>
  </si>
  <si>
    <t>b'\xfaeNOG\xe1\xb9*\x84E\x8a,\x86;`\x08,\x8e\x92,\xe9&lt;&amp;\xe03\x121\x18\xa5\x97\x89\x83'</t>
  </si>
  <si>
    <t>b'!oj\xea\xf1k\x9cC(\xe8|\xa6\xc2\xa8\x99\xd3s\xe3]\x894u\xad\x16\x0f\x02\xbd\x81\x8e\x04\xfeL'</t>
  </si>
  <si>
    <t>b'#\x9d\x13\x9f\xc2\xd1\x1b\xda\x16\x11\xce\xf5\x05\xf2;\xce\xe4\x087\xb3h)\xb1En\xacx\xb7H\xe1#\xe9'</t>
  </si>
  <si>
    <t>b'\xdf\xebX\xa05\x02&amp;*\x94vT\x9cX\x0b]X\xc5\x8b\x82\x8d^\n\xf7\xb3\x07\x9e7:\x03Y\xc4}'</t>
  </si>
  <si>
    <t>b'?aa\xc4\x7fH}oL\xa0\x8f|qh\x8b,\x86\xe4\xff\xe7\x00\x1cb\x9f\xb0\xf1,\xde\x07\x1a:\xad'</t>
  </si>
  <si>
    <t>b'\xd4o\xca\xa2\x1e\xdf\xe2*9\x1e\xb7z^\xfa\xc3\x8e\x84\x9d&amp;$\xd3B9-/\xa9\xf3G\x88B\x0bS'</t>
  </si>
  <si>
    <t>b'qM\xe3\xc43\xf0\xde\x89\x1c\xba\xbd\xfb\x92\xa6\xb5\x95\x0b\xab\x97\x96\x1f\xfd\x15\x05\xd0\x8c\xa3\x83\x15\x17\xe3U'</t>
  </si>
  <si>
    <t>b"\xb94\xe5\xb6/\xba'\xb7W\xed\x1b\xe0\xa2\x8d\xde\xdd\xd4\xa4\xca\xab:l^FC\xad\xac\xd2\x1f\x1e\x823"</t>
  </si>
  <si>
    <t>b'6\xbaD\x0e\x15\r}\x85\x95\xe5\xcc"\xb2#\xef\x1f\x05e\xa1\xa2k\x88TRq\xc2-X\xcd\xc2\xba\x01'</t>
  </si>
  <si>
    <t>b'\xee\xaf\xf4\xbcQ?\r\xab\x11\nb\xe4gYD%x;\xe3\x92\xce\xa1\xbd\x1d\xdf\xba\xdf@~\x104\x1f'</t>
  </si>
  <si>
    <t>b'\x8d\xe3\x9e\xb2HC\xac\xddd+\xc4\xe72\xa1\xf9\xcc\xaf\x83\x88a\x01-\xdc\xc5\xf3&lt;sx(\xd4\xa71'</t>
  </si>
  <si>
    <t>b'\xf8\xc6\x13\xd6\xe0\xbc|\x9b\xb7\xe9d+r\xc8^4AE\xbd&lt;\x17\xf6\x95(\xea\xf8U\x8b\xff\x9f\xceR'</t>
  </si>
  <si>
    <t>b'_\x9fC\xfb\x9c8\xc2Kmx\xfb\x99\x00x\xef\x85\x07\x85\xf8\x16\xd7\xe1\xc0\xb7\x1c&lt;\xd45\xc4sa\xdd'</t>
  </si>
  <si>
    <t>b'\x9e\xe3 \xddo\xd9&amp;\xbabW\x06\x9f\xdcj\x0b\xdc\x83\xc2\x11?\xa1\x88\xf1\x14\xa5\xcd\xbd\xb8\x13\xec-\x83'</t>
  </si>
  <si>
    <t>b'\xe7\xe0\xb7\x13\x10\xd8B\x8a\'\xec\x82\x1b|\xf5{M&lt;"gg\xaa\xc9\xc5\x98&lt;\xea\x00\x96\xe7\x87\xb8\xa8'</t>
  </si>
  <si>
    <t>b'\x84B]\xb7s\xf1\t\xda\xc8\xe4\xa96F\xe4au)\xc9\x8bU\x12f\xd0\xaf\xa9&gt;,\xd8\xdd\xbd\xdd\xb1'</t>
  </si>
  <si>
    <t>b'\xc5\t4PV{$\x12\xa6\x9a\x95\xb6\x1d\\\xf3\x02&amp;\xbce{\xed\xd4&lt;\x97\x8ex\xb9\xd7\x13\xb8\xc2\xaa'</t>
  </si>
  <si>
    <t>b'\xe4\xf1U2\x9f\xbf\x99\xc4\xea\xa42u\x1e#\xb8\xc2\x83\xb5\xeaIJ=V \x06\x99J7h^v\x03'</t>
  </si>
  <si>
    <t>b'\x1a\\.\xac\x81f#\x1d\xe3\xcd\x88I\xa2\xd4\xb3+\xe6\x949\xb0\x0cKO5\x05&lt;o\xacNL}\xc9'</t>
  </si>
  <si>
    <t>b'\xca\xe4\xda\x82{t45\xcfE\xb2\xbcW\xcf\xd8\xa3\x8a\xdbTb\xe6\xdf\xd1\x04\x1aj\x8c\xb4\xf7\xda6A'</t>
  </si>
  <si>
    <t>b'\xd0\xc4\xea\xde^\xae\x08(Nr\x94\xa1}\xeb%\x0f)\xb3\xad\xaaa2a/2|K\xe6\x12\x88\xae\xf7'</t>
  </si>
  <si>
    <t>b'(\xc2h?\xb7\xc2\xdf\xc5)p\xe6G\xff\xfco(\xc0\x9d\xdc$\xb8FO\x9f@\x15\xb5 \xe1h\x9e\x14'</t>
  </si>
  <si>
    <t>b'\x0b\x97\xc1\xfb3\xdc\xe8\x14\x92\\\x92\xd5\xfdm\x08_\x1a\xb9u\xb4k\xfbgM\xbe\x9b\xaa|\xae\xcbV\x18'</t>
  </si>
  <si>
    <t>b"\xb2h\x12\xdb\xba:p\x8ck\xb1\x07\xf1\x1ac\x1cC'_\x17\x9e\x89\xca\xf8S@U\\[\x887\x9a/"</t>
  </si>
  <si>
    <t>b'\xe4\x05u\xc3tj\xc1\x86B~0\xfeU!\xe8\xe9(\xcd\xc3\x9a\xd8\xf3C\xbaG\xffTT/\x1c\xb2u'</t>
  </si>
  <si>
    <t>b'\x16\x1d,j\xb5\x7f\x86[&amp;\re\x96\xb2\xa6\xf6G\x9dz\x95\x00(\x8dr\xcd`N!\xb4[\x8cJ)'</t>
  </si>
  <si>
    <t>b'7\xe7\xc4a\xf5\xee}\xa1^\xff\xebi\xda\xb4\x8fNK\xe3"\xd2`Z\xfa\xe6h\xf6\xf9*"\xb5\x0c\xfd'</t>
  </si>
  <si>
    <t>b'\x026g\xb4{m!\xe9\xb0?\x1c\xce\xce3M\xfaW\x8c2k\xf5\x83-C}\x96;\xac\xb9CA\xef'</t>
  </si>
  <si>
    <t>b'!+~\xc2\xa3L\x90\xc0I\xd4\x0c\xf9\xeaE"\xf1\x06\xa1\xb7\x8e\x988\xde\xea\x90\xc3\xff-\xf0\xe4\x8b\xf1'</t>
  </si>
  <si>
    <t>b'\xc08\xc2\x847r\x7f\xe8\xd79\xd3\xe8+L\xc4v\x81\xff\x02\x08\x96\xd4\xbf\x00\x91\xd9\x90\xd1\xe1lb\xfb'</t>
  </si>
  <si>
    <t>b'\xba5Ue$&amp;\xe3\xd6W\x97t|3K\x83N\xa9\x00=\x1a\n+\x0c\xc8\xd1\x9a\x04\x81M\xdd79'</t>
  </si>
  <si>
    <t>b"\xae\x92T\x0b\xbd\x08\xec\xb7\x94_#\x03}\xe3\xf4ba\xc2\x1f'\xb7\x11\x9d\x1b\xff\x02\xd8\xf7l_p*"</t>
  </si>
  <si>
    <t>b'\xf0^\xd9\xd4\x1b\xcb\xcb\x1bW\xab\x8f\xff\xda\xe5\xbe\x18w\x87\xb6i\x8e\xaf\xc0\x10\xcaK\xb0\x8c\x87\xa0\x0cd'</t>
  </si>
  <si>
    <t>b'\xe8^\tYl\x032\xfd*W\x1ahx\xc4\xdb\xe8\x0c$\xe4\xc5\x99\xee\xa7\xb3\x84\xc57\xe7\r\xba\xacY'</t>
  </si>
  <si>
    <t>b'\xf3,`\xa3aC\xb0\x00\xdavn\xbb\xc8-\xf8J\xc18\xe1\x1d\xb0\x81x\xa6\xc5$G\xcd\x1d\x91!\xc6'</t>
  </si>
  <si>
    <t>b'fCN\xfat\x08\x92\xbd\xd4x\x94`\xfd\xb3\xe1\xd4\xb9we\xbe\xcfF#?\xc0\xa1\xbf\xdd\xa2\t\xdf\x81'</t>
  </si>
  <si>
    <t>b'C\xd3\x03%\xfa\x07\x8d\xf6\xb9\x80\xe5\xbc\xffw\x87E\x0e\xa0&lt;\xb4\x9fC\xfak\x1f\xf4\xdc{\xca\x89\xbe='</t>
  </si>
  <si>
    <t>b'N\n\x96\xe3\xd4g\x9d\xb7\xeeb\xdd\xd5RTDwRc\xc7V2n\x88\xda[&lt;\x04\xd6\x83\xc5\x9b\xcc'</t>
  </si>
  <si>
    <t>b"\x0e\x85q\x8fs\x8fk\xd1'2\x0e\x9dX/\xe1\xa91\x15R8~'kZ\xa1\xac/\x86\xea\xfd\x80\x15"</t>
  </si>
  <si>
    <t>b'\x05\x85&lt;|\xd9\xcf\xe8m=$[\xb7~\xc8x\xbc\xed\xde\x0fE\xbe\n\x18\xeb\x08h\r+\xd4\xf0\x04S'</t>
  </si>
  <si>
    <t>b'#\x8d\xf5l\x97\x18\x1ef\xaa\x04\xee~\xf9\x85iQK\xc8b\xed\x04\xd62Q\xc34i\x83%\x1eg3'</t>
  </si>
  <si>
    <t>b'\xe4\x94\x07\x08\xd8\x94\x17\xe4\xafK\x01Z~\x95\xb7\x0f\x92\xf7\x8c\xec\x0f]y\xf3&gt;\xf8\xb5xH\x18\x06\x1b'</t>
  </si>
  <si>
    <t>b'8\xa6\xf4s\xb4\x0e\xed\x9c\xf3C\x13\xe7|\x11-\x9fa\xf2\xe6Ll\nc\x9d\x96\xe7\x9f\xeev?\x9f\xc1'</t>
  </si>
  <si>
    <t>b'}j\xae\x8a\xb5\x0e\x84\xce\x0fk\x18\x89y\xb5\xd5&lt;\xa4"SD\x7f\x99\x85X\xf2\xa4\xd4\x1dD\xf8\x8d\xc5'</t>
  </si>
  <si>
    <t>b"\xab\xd1\x80\x92V\xe6+/\xa3\xad\x0e\xbc\xb0\xfe\xfa]\xa3\xdd)\xe4\x03\xc2a\x8f'\x14\xa7\x081\x03\xaa\xe6"</t>
  </si>
  <si>
    <t>b'\xfdfA+\x83\xa6w\xed\xddR\x03\xdaJ\xb4\x87t\xbbD7\xe9B\xfc\xbdCx\xca\xd24\x9c\xc4\x19\xa0'</t>
  </si>
  <si>
    <t>b'#\xd7\x19=c\x8b\xb8T\x91\x12\xa46\xf4\x17&gt;%k\xea\xea\xbd\xc2\x82\xa2b\xd9R\x9f\x94\x98!\x86\x87'</t>
  </si>
  <si>
    <t>b'%@\x1e\x97f\xf4\xb47\xf7\x0f\xbf\x8b\x1fi|\x9e)\xad\xde\x8c\xf1\x7f\xefO\xc3\xef\xa1\xc169\xf9\xed'</t>
  </si>
  <si>
    <t>b'\x9b\xbd\x9e\xf3F\xba3\xa3#\xe2x)\xd8xe&lt;\x12\xdaF\xdaPS )\xfc\xc5\xa0{\xd9\xcb\xb8\xff'</t>
  </si>
  <si>
    <t>b'\xe0\xd3\x98\x01\xdd\xf8&gt;a\xfc\x8d\x02$\x14KI\xdb\xf0T\x16\x14\xda/P\xd1\xe2\xa9\xedG\x12\xe9\xfc\x18'</t>
  </si>
  <si>
    <t>b'\x86\xc21\xbe\xa3\x93\xd0\x93\x80*\xd7\x8d\xb2l\xac\x93\x030,\xc3B\xff\x0f\xb4\x83d\xd2\xf3\xe3B\xfdc'</t>
  </si>
  <si>
    <t>b'\x8c\xf3\xde.EP\xf5\xdbJ\x04V\nC\xc9g\xe5y,z\xc1\x943\x98\x1d\x8d\xa4\x18\x13\xea*\xbe\xaf'</t>
  </si>
  <si>
    <t>b'x\xb0#WQ\xdaL\x95[s\x18\xb79\xb0\x024\x9f\xe0\xb3,2i\xda9M[^2\xec\xfa\xb0#'</t>
  </si>
  <si>
    <t>b'S\xb7\xac\xf3\x14\x00\xc8\xde\xed\xc19\x85a8J\xeb\xf2\xa5\x06\xf1c\xe7#M\xd8\x0cFb\xd1\xdfy\xa4'</t>
  </si>
  <si>
    <t>b'Lt\xd5\xa7\xbf\xd39|\xa3\xee\xdcp\xc3\xd6\x85\tl^\xdd6~\xf5w\x8f\xf0\xa2&gt;[:B\xe8a'</t>
  </si>
  <si>
    <t>b'\xee\xb5\x01\x96J\x15\xf5\x16\x8d\xad\xd2Pr\xa7\xd7\xa6\xac`8Z\xcc\xd6\xff\x08@\x17\xf2\x9d3C\x00&amp;'</t>
  </si>
  <si>
    <t>b'\xe9\x91\xb15F\xe7\x86\xfdB\xed\x8e\x83\x15u\xe032`{\xab\xb7\x84D@Ov\xf1\x0b\xe4l\x18\xef'</t>
  </si>
  <si>
    <t>b'I\x19\xe6\x15*:\xec.\xfaH\x9fK\xf8.\xae\xd8\x8f\xb8y\x06\xa8^\xac/\xd4\x96\xfa\xfe\r\xa8\xef\x1d'</t>
  </si>
  <si>
    <t>b'`\x1a\xeb\x99\xbc5\xc4\x85\xf9\xdb\x9f\xb3\xb8\xc6n\xfc1\xed_\xb0\x02@\xaa\xc5LD\xd3]I\x92\x17+'</t>
  </si>
  <si>
    <t>b']\xd0\x87\r6n\x96\xefv~Y\xa0\x90\x92\x88\xf8\x15f.\xb3Y$u\xf4\x99\xf7\xd2T\x1c\x07\x8a\xef'</t>
  </si>
  <si>
    <t>b'c\xbe\xe80"\xb2\xd4\xf8&lt;\xf9\x9d\xa2S\'\x8c\xcc\xed\x82\x1a\xfe\x14\x8e\x14S\xb6\xc9\xd3\xd2k\xb7\xcb\x9d'</t>
  </si>
  <si>
    <t>b'\xd6\xfeT\xcb\xd2}\xdd\xb1\x95\xc4d\xb8\x82q\x000\x93T*\xf8F\x9f\xb9\x95&lt;h\x8d\x9c\x96\xd1\xfef'</t>
  </si>
  <si>
    <t>b" \x05m\xbf\xe8\xb6\xc6\x9d\xe0?\x9c\x91G'\xcb\x1d\xf9[C.\xcc~+\xfd\x1c\x03&amp;\xb0\xcb\xd0gi"</t>
  </si>
  <si>
    <t>b'QpK\x0f\xd9\\{\xff\xcf~\x16-AW\xfeW\xc0\xcdW\xba\x90/T\xf5\x10\x17\x17\xadBH\x194'</t>
  </si>
  <si>
    <t>b"'\x08&amp;\xa2\xdeZm\xe2\xa8\xd5F\xe1\xfc\x02\xd3$2\xd9\x15,\x1f\xfd\x8b7:8\xa0qn\xbd\xf0\xa8"</t>
  </si>
  <si>
    <t>b'\x0e\x9f\xdfu\xbb 02\xef\xd9bZIhz&amp;\x0eb\x7fur,\xf9.\xaf\xd0:\x1f52a\t'</t>
  </si>
  <si>
    <t>b'\xf1\x8b\xf2\xdb\xe6$\x9c=\xfa_]\xe8\xc6_\xa5a\xcc\xd2\xbb\x7f\xfd\x8c\x90\x10\xb1\x05\xae\xd9c\xff\x02&amp;'</t>
  </si>
  <si>
    <t>b"J\xa4\x00\x19b&lt;\x03,\x0cR\t'd$\xa6\x07\x9f\xa6\x067\xf6\xcd\xe2\xa6M3(\xc6\xb8\xa3\xc6\xc7"</t>
  </si>
  <si>
    <t>b'm\xb7\xc8Pc\x8a\x06=\x03\x8f\x0e\xcc\x89(\xe4z\xc1\x82=\xb1F\xb1\xd0t,\xb3?M\x8c\xfcF\x87'</t>
  </si>
  <si>
    <t>b'\xfc\x05\xa0\x99\x19\xdb\xf7\xc0ki\xa3Yr\x00\x14\xda}\xc5\x12\xcf\x9b&gt;\xba\xaf/\x9d\x82D\xab\xb0\x0fD'</t>
  </si>
  <si>
    <t>b'\xab\xf5\xd9\xf6x\xd02\x9e\x97_\xfb\xfd\xe1\xb5\xefM&lt;t\xb5\xc3N\x8a\xd7\xeeJ\xff\xd17\x8a\x96\x87\x06'</t>
  </si>
  <si>
    <t>b"\xc4Yg\xa59\xe1'}\xac,v\xf1F8\x9f\xc4\x06p\xd9\x8e\x17\x80\xba\t\x9e\x9e\xa8\x93(\x8ch\xd4"</t>
  </si>
  <si>
    <t>b'e\xbdd\xcbg\x12\x11Q\x165\x8e\x9b\xb8\xc7f3\xf59/U-\xe5\xd5\xdeuC\xfd\xe4\xe4\xe6S\x1d'</t>
  </si>
  <si>
    <t>b'\xc1\xf3}\t\x07\xf0\x19aV\x9d`C\xc0y\x03\xc7\xb9D\x9c\x0e\x0cy\xa8\x03\x83\x99\xa8\n\xcc\xc6IS'</t>
  </si>
  <si>
    <t>b'\xc9Yo\xd6\x9a\xab\xf2\xc9t\xbe\xaa\x13\x9au\x91\xbd\xe6\x1b\xfc\xad7\x06\x95\xb5\xa7\xa2E\xfdx\xd6\xc9 '</t>
  </si>
  <si>
    <t>b'\xcd\x9c\xf9\x17\x0c}\x86p\xb8nT\x9c\xaa\x96!\xa4;n\x81\x94x\x02\xefx2\xec\\\x96\xd9\x125\xf0'</t>
  </si>
  <si>
    <t>b'm{\x80\xa9\xaf\xf1\xb3\x96\x86\x11\x15\xb0\x8e/\xa7\x899\xb4p\x94\xcf\xf7\xce\x13[+lVJ+6~'</t>
  </si>
  <si>
    <t>b'o\xc6\xb8\x1bT/\x89\xf1\xd9u\xb9E\xccQ1\xa8\xa5i\xb7\xcf/\x88\xbe\xca\x0f\x12O\xf4\x04\x1b\xec\x0c'</t>
  </si>
  <si>
    <t>b'Q)\xf4,\xf9\xd8$\xcb\xd3\x07\x82\xae\x97B\xbe\x0f\x05\x19\x10j@\xae.U\xc2x\x82\x89\xbc#\xab\x0f'</t>
  </si>
  <si>
    <t>b'\xd7K\xec\x17\x08\xfb\xd9u}\x85\x85\xa8!}f!\x80@\x07d\x15H$?\x17Dp\x80\xdd\xe2\x13\xdc'</t>
  </si>
  <si>
    <t>b'+=pL\x1a\x9b\xe9\xce%\xe4c\x99\x8d~\x19n\xab9*^\x1b\xd8o\\\x0bv\x98!",\xed\r'</t>
  </si>
  <si>
    <t>b'\x1bW\xb2q\xdf\x8by\xeb\xedg\x03/v\xeeP\xa3\xf2O\x1a\xc6)\x95\xe3\nx\x8b\xd8\x92\x18\xfe@\xd4'</t>
  </si>
  <si>
    <t>b'O\x05A[k\x9c\x8b\x01\x0c._\x1f}&gt;)\xa3\xc6[\xcd\x9c#\xac\xbc\xf8k&gt;\x17"\x1b\xffGq'</t>
  </si>
  <si>
    <t>b'\x1dX\x7f=GIN\x9b\xbc\xc8\x9e\xc0\xa8\x00\r\x1b\x7f\x01\x9a\x9a1\xc2\x85\xbe{\x898\x0bL\x0bRN'</t>
  </si>
  <si>
    <t>b'@"\x01\xb0\x9c\x11\x97\x82L1\xc1YO\x01\xec\x874\xa8\xe6\x9b\xaf\x95\xbaL6\xaaO&gt;,\xa4\x9b\x96'</t>
  </si>
  <si>
    <t>b'\x80d5\xe6Cn\x85%a\xb0\xac\xca\x95T\xb3$\xff~\xa8v\xec\xad\x9f\xeaM\x9fg\xcf\x10\x0c\xe6g'</t>
  </si>
  <si>
    <t>b"\xfd\xbe\xe0\x97\x8f\x8d\xb5\xfd'W[zF\xd8!\xcb\x87\x95\x1a\xacWL\xb799\xa0\x97&lt;ri\x1aW"</t>
  </si>
  <si>
    <t>b"}\x1a\xdd\xbe4S\x19\x80\xd6!BflW\x12\xb1\xe7\x1a\x7fc\xdc'!\x9eJS\x9b\xadH\xb3\xe93"</t>
  </si>
  <si>
    <t>b'$\x16\xdd+S\xe4\xa8\xcd\x1aHW\x12\xc1\x02\xaf\xca\xc7v\x06\xc2\xe2:\xf7G\xbd\x01\xa2.\x868\xe8\xc8'</t>
  </si>
  <si>
    <t>b'-,#\x97\x81\x92\x10n\x93\xc9\x13zv\n9\x934/\xcf^\xd4\n}K\x8e\x9a[sD\x87e='</t>
  </si>
  <si>
    <t>b'\'\x9a\xc2\xb1\xbe\xd9\x86\xb3\xd7\x02\xc8\xee\xc2j\x994\x96S\xbe\xf1\xfcC\x1d\x8a\xed"\x97\xb0d\xe2\x16\xbf'</t>
  </si>
  <si>
    <t>b'\x15S\xd6\x95\xc7\x05\x00\xca\x13;\xe4j\x9f.0-\xa6Q\x13\xfe\x1c\xbcO\xc5\xb3(c\xbd\x07\xc9h1'</t>
  </si>
  <si>
    <t>b'q\xdf"\x16\x10\x18\x8f\x9d\x0c\xece\xb6\xa8\xed\x18\xe0P\x9f\x82X\xafY\xe8\x8b\x8bp\xd8\xea\xdc\xf8U\xf9'</t>
  </si>
  <si>
    <t>b'\x90l:\x91\xf6\x17\xd2\xe2\xbeN\x8a\xca\x08}\x8b\x11\xe2\x8e\xf6\x9d\x07=D\x94 "\x03\x19\'j\x16\x8e'</t>
  </si>
  <si>
    <t>b'P\x1a\xebj/\x99\xad;\x95\xd3y\xf01\xe5\x8b\xb2\x1d\xa0\xcfr\x9d\xba\x0e\xf3\x03s\x02\x8a\x81\x90\xb6\xea'</t>
  </si>
  <si>
    <t>b'\xdaJ_\x11+\xcdju95\r\xff\xe7\x04\xf2\xac\xeeM\x17\xd5\xf5k\xf5~\xbc\x01PS\xb0Q\xe2\xa0'</t>
  </si>
  <si>
    <t>b'9\xe2\x04\xd6\x05qTI\xe7\x1b\xe2\xfd[\xa4\xcb\xa7\xcf\x85\xb2\xaal\x13gf\xba\x96rt\xa9\xbc\x0f\xb4'</t>
  </si>
  <si>
    <t>b'\xf8\x12\xd5\xab\x1e9\x80\xa5\x16\xe7\x15D\xaf\n\x0be.7\x8bv\x92\xf0\x90\x1bx\xd7\xe6\x1da\xa0\xbf\xce'</t>
  </si>
  <si>
    <t>b'P\xde\xfd\xee4\xb7\xc6\x16@\xc7\xbd\xe5&lt;\x0eK\xf5\xa6\xff\x8an\xa6\xe6\xac\n\xd41&lt;`\r\xa9\xbc5'</t>
  </si>
  <si>
    <t>b'\x80\xe1z\x9bl\x97`\x9e\xf8\xbb3\xc3\xd1C\xd6c\x9bvu\x9a)\xb0@\x84\xceb\x9c\x97\x88:(\x1f'</t>
  </si>
  <si>
    <t>b'\xb5\x0c\x0c\xc7 \x9f\x1f\x92\x8a\xd3U6\x81\xfdT\x01\x9bj%\xc8\xa4\xe5\xd3\xcf\xe3\xe4\xd9_U\x8b\xc0T'</t>
  </si>
  <si>
    <t>b'f\xc8~oO\xbeC\xc5\xad\xb6\x8a\xde\xa4N\xc4zG+^\x80\xaf@y7} \xfd\xcc\x16\x06\x87\xda'</t>
  </si>
  <si>
    <t>b'\xd7&lt;\\2$\xa6pI\xa3i\x89\x1cD5z\x0fXzP1\x84\xa8[\xdc,/\xe0Y\x1f\x93sg'</t>
  </si>
  <si>
    <t>b'\xd0\x17B?\xb6\x14\xc2\x10\x93]\xb9h\x12.6\x80\xa2\x8ah\\\xe4\xb3C`\xe6JJ\x99\xb3&lt;;q'</t>
  </si>
  <si>
    <t>b':\xcbb$F\xff\xaf\x18c\x13?\x7f\xc5|\xd8\xb2\x98\x13|\xa8Q\xd9\x03\xa0\xce\x99jCI\xf1?\xc0'</t>
  </si>
  <si>
    <t>b'\x98F\xbb\x1a\xde\xda)\xec\x1b*\xf0\xa7\x9f\x8bD\x9d\xce\xb4\xdb\x97\xf5\x03\xb1\xd2H\xb4\xb2\xfasA!\xac'</t>
  </si>
  <si>
    <t>b'\xb7\xe2&amp;\xd3~S\x08~@n\x8c\xa2\x0cQ\xcd/%#5Q8\x8bf\x99~\xaf\xca\xeb?bZ\x83'</t>
  </si>
  <si>
    <t>b"\xcf\x89\xea\x87\xc9%\x95\x85'\x87\xd8\xa6\xa5\xfa{\\V\xb3\xe0U\x93\x0f:m\xa9\xe8\x0b\xa2%\x80\x93\xc4"</t>
  </si>
  <si>
    <t>b'\xbe\xcb\x87pk\xd2\x9d\xa8]\x8d1\xfa\x9f\x1f\x01\x86\xbe\xc6\xa3\xe3\xb6\xe2=\x88\xa3gVn\xd2\xd5;\x83'</t>
  </si>
  <si>
    <t>b'\x04 \xea*\xc2\xe7c\xe5(O\xfeP\xe7\xe4n\xc0\x15B\xbb\x19\xf9Pt\x0fA\xe1p\xb3\xb0\xb38\x05'</t>
  </si>
  <si>
    <t>b'B&gt;:$\xf7\x99Ov\x110\xa2,je%g\x9e\xf90\x82\xac1j\xf5\x99*\xe0\x03\xb7\xb7\xe4g'</t>
  </si>
  <si>
    <t>b'\xe18rL\xe8\xe0\x95\xc0\xf8u\xd6F@\xb7\x07\xf3\xc0l\xe9\x8e\x8e~\xb8&lt;\x08s/\xf5h\xa9\xd5\xd4'</t>
  </si>
  <si>
    <t>b'BI_\xb2\xb2\\\x90b\x9a}\x19\x07\xd6\xde\x12q\xcfD\xb55\xee+.\xc1\xc5\xfd\xe1(\x94\xb7\xa0\xc5'</t>
  </si>
  <si>
    <t>b'o\xa3\xeegj\xda\x10S\xb9)\x91\x95go\x8a\xb7\xf7\xe2\t\x0e\x0c"\xda_\xf3\xcc\xc7\xd5|2\xe2\xdb'</t>
  </si>
  <si>
    <t>b',\xee\xca\xb7\t\x967mg\x8f\xec;\xa8\xf1\x16\x8ad\xc9SH\x1b\xf2@\xb4\xc5\xbb\x82\x83\xcf5\xeeX'</t>
  </si>
  <si>
    <t>b'\xe3\xf8\xff\xb7\x87f\xa52\xba\xfcK\xde\xcf\x9b\xee\xca\xed\\[\x9c=p\x8eg6\xe3H\x16\x8b^J4'</t>
  </si>
  <si>
    <t>b'\xc6=\x05\x94U\x83\x85\x1b\xcc\x0c\xb1\xe3\xe5\xc3u\x8d\x85=\xb0\xa3\x13&lt;\xc4 \xb5E\x9eT\xd3\xff\x87\x9f'</t>
  </si>
  <si>
    <t>b'\xb0\xb8\xa8&gt;\\w\x0bZ\xc6\x0ch\xf9\xce\xc3{\xd7L\x8d\xe8%\xe7\x84\xe7M\x13\xfb\xd3\xb6\x8d\x83\x9f\xbd'</t>
  </si>
  <si>
    <t>b'\xb8\x01{2i\x92\xbe\xbf\xa1\xe4)}\x18\xfeKKK\xc8\xa3wIe\x91\xbaT_\xbee\xd6\xb7L\x02'</t>
  </si>
  <si>
    <t>b'B\xa0L\xe6\xec\x89\xc7\x19\xf1\xc4+\xf8\x19CN\xa1\t\x8d\xf5[\x847\xc8B\xc8i\xd9\x87c\xc1o\xe5'</t>
  </si>
  <si>
    <t>b'\x8b\x06\x96+1\x05\x05\xdc\xab`\xbf\xdf_+.U\xa4\r\x1f/\xb8\x14\xf2"+\xd0\x17}n\x80\xe1\x1c'</t>
  </si>
  <si>
    <t>b'n \xdaD\xda\xbd\x18\x10\xefG\x1dr\xdf]\xbc\x0bC\xf9\xb5\xde\xe2N\xb6\x07hLk\x7f(\x19\x10\xd7'</t>
  </si>
  <si>
    <t>b'\tP\xb1\xbe\xa3\\\xbe\xaa\xe6\x138^a\xd5\xeaV\x08A\x1f\xf8\xa0HF\xe6[l\xeb\x17\xdf\xfb\\\x89'</t>
  </si>
  <si>
    <t>b']\xd9\x00\x98\xa7\xc6jZ\xcdL\xe0a\xb2\x91ijw\x04\xbe9L\xbc\xeb\xcbt\x15C\xe0yk\x84\xb5'</t>
  </si>
  <si>
    <t>b'\xb6X\xa4\x88\\\xebv\xe4:\xbf\x1d\xedZ!\xc5}\xc1\xdena\x89\x97\xb2\xfb\xca\xe2\x979\xc9~\x86\xd4'</t>
  </si>
  <si>
    <t>b'wdWKcT/&lt;\x1ds!\x19x\x1d\xc4#D.\x9b\x08\xe6\x00\x11\xaaE\x92\xe4\xd2\xa9\x8f\x8d\xf5'</t>
  </si>
  <si>
    <t>b'\x88\xdf\xaa\x8fc\xa2e\x84\xba\x9ab\\\x18:\xc2\x94cq\xd6\x03\x1a^w\xd1\xb8&lt;,!\xe7*!\xb9'</t>
  </si>
  <si>
    <t>b'\x05\x16\x90\xab{xC\x9f\xdc\xdcw\x89\x96\xc4WW\x1e\r\x17p$\xcb\x98\x02&lt;\x19.u\xaf\xf5\xe6\x01'</t>
  </si>
  <si>
    <t>b'\x9a\x1b\xf9\x17\xaa\xc69\xba\x93L\xc4j\xee\xf4\x15\x07\xea\xbb\x15BJ\xa0N\xe6\x1d\x92;\xf5\x820V\xba'</t>
  </si>
  <si>
    <t>b'\x8aE\xe8\xf0\xc5\xaa\x05\xb0]hh\xaa\xc3\xae|b&gt;L)*\xf2q\xdd\xa7\xd4%A\xe0\xb7\x8f\xe1\xc6'</t>
  </si>
  <si>
    <t>b'\x07\x89C\xd6\xd8\x95\xef\xf9\xe4\xc2\xa1w=s\xc0\x7f\\\xfa\xcb\x0e\xd3\x0b1\xce\x98\xb0\x04\x7f8\xd0Z^'</t>
  </si>
  <si>
    <t>b'q\xf3HWK\xc9\x99\xf4Yl5\x05\x1a\x9d\xacpp\xdb\x10\x84y\xc1\xa4\xad2\x1b\xfaK\x89\x16\x881'</t>
  </si>
  <si>
    <t>b'\x99Z\x10\xcb@}/\xd9a\xbcg\x02E.\x8dB\x99N !\xea\xa4E\xda\xb71 H&lt;\xe2\x9d\x0c'</t>
  </si>
  <si>
    <t>b'8\xb7\x10\x94\xbdR^\xa7\xa0z\xaf\x85i\x84\xe2\x9b\xdd}\xb7\xe9\xd5[\xc1\xcd!\x03\xac\x8c\xa9)\xb8D'</t>
  </si>
  <si>
    <t>b"\xf0\xc0\xdb=NM\x1c_\xda?ABP\xee\xd2f8\x868an\xd0\xcd\x8a\xeej'+\xc9\xb4\xdcM"</t>
  </si>
  <si>
    <t>b'\x85b\xf2\xf4\xd3\xc3\xac\xca\xf9\xe5\xd4k\r\xac\x01\x16\x13\x82\xbbc=\x17u\xbb\xfa\x80t\x0b]7IO'</t>
  </si>
  <si>
    <t>b"\xba\xaa\xf5@\x19\xd1\xbf\xc21\x98\xa3Dr\xdc':\xed\x83.\xe9\x8f\x88o\x87\x91\xe8\x10\x02(l\xe9\xa9"</t>
  </si>
  <si>
    <t>b'0\xfb\x1dB\x91\x13G\xf6\xe8\x97&amp;\x06\x1f\xcc\x1d\x16M3\xf5\x89O\x17\x96X\xaaE\xf6:i\xc2ZF'</t>
  </si>
  <si>
    <t>b'+\xe0\x16\xde\x18\xb4X\x85o\x1au\xa6\x88\xac\xbc\x18\xba\xd70\x06\xa8\x1fQmo\xc4\xc8\xab\x05\xf7\xbd`'</t>
  </si>
  <si>
    <t>b'\xc4\xb5\xbbd\xc1\xb6{\xa3u\xcdZ\xd4\xb8\xf6\xa6\xbc\x95\xc7\xb2\x0b/\xd6\x07$\x11\xe5\xf7\x8d\x15s\xaf\xb3'</t>
  </si>
  <si>
    <t>b'U\xe1Yd*2\x9f\xdf\x07(\x14\r\x13\xa6F77!\n\xd4\xa1\xc7\x15\xf1\xab\x12\x14\x9e1\xa1W\xe5'</t>
  </si>
  <si>
    <t>b'\x92\xfaF\x16m-K\xcf\xeb\xdf\xe0u\xd8\xe3\xd9\x91s5\x88\x9b\xabk\xd0\xea\xc3\xed&gt;\x04\xcb7\x88]'</t>
  </si>
  <si>
    <t>b'\xba\xe9\xeb \xf5\xe9\xc9@\x10\r\xb0\xac\x90\x12\x8f\x00)\xb0n5m\xfb0\xf1\xefq\x1a:\xbd\xa0U\xb7'</t>
  </si>
  <si>
    <t>b'\xcb2\x980\xdc.\xd4\x1c\xff\x12\x07\xd8\xe7\xa1,\xf0\xd1\xbdk&lt;J\xd1\xeb\xc9\xce\x9a)\x01\x0f\x998\xe5'</t>
  </si>
  <si>
    <t>b'\xfe]\x16\x19\xe5\xfa\xf6\xbc\xaa\xf1;\xc1\xb3w\x19\xd8,\x97\x17}\xb9\xa5\x92\x083\x0b\xb4\x9aU%\x7fo'</t>
  </si>
  <si>
    <t>b'\x15i\x11\xacU\xc1\xca?\xe9\x8c\xa5-\xb2u\x85\xcd\xe9\n!\\4V\xc6l\x10\xc1H\xcfPB\xca}'</t>
  </si>
  <si>
    <t>b'D\x7fY5G\xd1$_z\xc8)j\xb8\x97\x89?\x04\x8b\x0f\xa4MT\x87\xc6W\xec\x0e~\xb0-\x01\xda'</t>
  </si>
  <si>
    <t>b'XI\xfb\x95\xde\xb3\xa9\x84\xeeK\x82\xbfz;\r\xef\x19\xd8p\xb3\xc5\x90\xe9\xc7\xcd\xf2\x9f\xa5*\x81\xf9D'</t>
  </si>
  <si>
    <t>b'\xb2\xf7\xce\xd2\x91\xafC\xc7\x83\xc0\x8e\xc8\xe7\x85.i]\xdbqa\x86\x91=\x12\x9cc\xea\xeeM\xb6\xb6\xae'</t>
  </si>
  <si>
    <t>b'}+\x7f\xe2g\xec\x14\x86F\x01\xa9l$\xc8\xb6\x11I\x14\x0f\x01\x0cV\xeb3n\xb5\xa8\x84@\x8cq\x9f'</t>
  </si>
  <si>
    <t>b"\xd25\xc0\x18\x0e\x97\xa4\x00\xb5\xed+H*\xfcJ\xcc\x02\xab\xeb\xfd\x9c\xde\x13\xcaxa~\xa9C'1P"</t>
  </si>
  <si>
    <t>b'\xa0\xa6\xcd\xa4z\xceRxc\xf8Py6h\xe4 nJ!\x9f\x11~\x88\x15lb\xd1G\t\xf1NX'</t>
  </si>
  <si>
    <t>b'\xfd&amp;\xa8\xa3\xbbn\x9c\x0f\xa1\xa2\x9c\x81r\xdaC$6:\xff\xec\xb9^\xadU\x85\xeb^(\xcf\xb9\x8e&lt;'</t>
  </si>
  <si>
    <t>b'\xf1\x1d\xcaS\x00\x1d\xf2\x88O\xe1a)k~\xf6v\x16\xea\x12\xed\x7f\x82\xa2\xdb\xf8\xd6\xf4\x850\x85\xfd\xc3'</t>
  </si>
  <si>
    <t>b'\xe0\xdc\x932np\xeb\xd5\xea\x11\xd1E\xaeK\x07\x1b#\xe0"\xff\xd8\xa0N\x06\x1c\xf0\x05D\xfd\x042H'</t>
  </si>
  <si>
    <t>b'\xcf\xacp8\x96\xfb\x05D\xb9\xad\x1c\x90A\x9b\xe4\x90\x15\xccSs?\xae\x9b\x17D;\x02\xd5\xad\x17\xfa\xad'</t>
  </si>
  <si>
    <t>b'\xb2\x14H5u\x87\xd2R*\x93\x10\xf0.\x8eC\x1e\xc7\xb1\x14\x10\xfa\xec\x0c\xcc\x84\xcay?\x10\x1f\xbd\x10'</t>
  </si>
  <si>
    <t>b'^\x857\xd0\xc6\xa8u\x04\x97\xc8\x93\x18\x8cU\xef\xbb\x0fD\xb0~\xa6\xec\xb4\t\x06\xdd\x0fj/\xd8\x92\x83'</t>
  </si>
  <si>
    <t>b'\x0c\xd7\xc6c\xddB?\n\xa3\xf5\x85\xae\x0c9\xf1\xf8ykrO\xd8\xc7\x04\xad\xda\xd0\xf8\xfe\xd7\x08\xa0\xd8'</t>
  </si>
  <si>
    <t>b'\xbd\x1f\x8d\xe6\x8cG\x91\x15a\x9b\x11\xe0 \xe9\x067\xe0\xdb@\xf5\x07\xb9~\x9fd6r\xcb\x83\xfd\xb2\xd5'</t>
  </si>
  <si>
    <t>b'[/\xb9\x10\xaf\xfde\x19\xe3\x15\xb8\x88)U[U\xc0\xca\x80m\x92\xfb\x83\x858\xa78\x19p\xf0\xd0T'</t>
  </si>
  <si>
    <t>b"\xc3\xa1bLFhf\xad%\xe2\xee\x805\x0ci\x81\xd1\xaa\x9c^\r\xaa\x93\xbf'Pwu\x04\xd7\x9a\x8b"</t>
  </si>
  <si>
    <t>b'g\x15P\tz\xbc\xce\xeb\xc3\xb1\xe8\xa5Nq 3\x94z\xb3\xd7\xc1\x0e\xb8\x0f\xa1nf\x19\x0f&gt;m\xe2'</t>
  </si>
  <si>
    <t>b'\xdf\xd8\xa4\\\x07\rz\x12\xe8\x91\xccW\xae/\xcb\xa7\x9b\xfa!\x1bYK\xe4\xden\xb8\x11\xac\xba\x95\xf3q'</t>
  </si>
  <si>
    <t>b"\xc5\x137y\x17\n\xaf\xfb\xe7\xea\x03|\x05+\xd6\xbd\xd2y'^/\xad\x1f\xc6FX?HL\xc5\xdcP"</t>
  </si>
  <si>
    <t>b'\xf4:6\xa7F\x05\xeb.\xc4\x16\xd2\xc5RG/Bx\x9d\xd4\xc7%&gt;\xca\xbf6\x15z7\x85&lt;\xc2\xe8'</t>
  </si>
  <si>
    <t>b'\xb1_\x96L\x97\xdc\x16\x8e\xce\x81\xff\x9f]\xd2\x1ch\x7f/\xe9\x19\x9c\x9c\xc9\xff\xb6\x18\x86+\x0b\xbd\xa3\x10'</t>
  </si>
  <si>
    <t>b'q\xdb\x01k\xb7,\xd8\x9c\xe7N(\xe1\xc8\xf6\x8bZ\xa9Q\x01$\xd9\x05ys{\x07\x87\x97\x1e\x8e*='</t>
  </si>
  <si>
    <t>b'\x10\x7f\xed\x15\x86\xf8\x06\x1bk\r6\x8f18m\x1a\xaa2\x04kd/\xdb\xfe\x0b\x06\xf0#?\x92U\x18'</t>
  </si>
  <si>
    <t>b"\tW\x9ei\xf8\xb2z^\x0b\x9b\xca\x1d,C\xd2\x93/\xc7H/\r\xda\xfa\xf0\xc7'\xb4\x02\x98\x99h\xe3"</t>
  </si>
  <si>
    <t>b'\xd4\x1bl\x93\xb1~\x07\x9e\xc6\xe5\xe8\x18\x1f6\x1b\x99e\x8c\xd9\xceP\xce\x1e\xa6\x18+\x89U\xfa\xbdnD'</t>
  </si>
  <si>
    <t>b'!\xb1\xb7\x80\xc9\xd3\xe0\xfcl\x8b\xf5\xfby`\xf8#\xf0eS\xb1\xfdH\xac\xee\xd9\x93xj\xa8\xee\x90"'</t>
  </si>
  <si>
    <t>b'&lt;\xf7k\x0f\xd88\xbd\xa3R9@\xb34\xc0\xd2\x00@\xdf\x88\xc2\xf9\xba.\xf0\xf2\xec: \x1d7\xa9\xac'</t>
  </si>
  <si>
    <t>b'\xd3h\x8a9\r#\x8d~\x98G\x85\x89\xbb\x90\xa2\x81\xda\x93\xc5\x0e\xb1\xf2\xb5NK7\x83\xb1\xce\xddPD'</t>
  </si>
  <si>
    <t>b'\xa8\xc4l\x89_&amp;\xd6|rJ\xaa\xe2\x878\xbd\xebw=q\xfd\x12\x1a\xae\xf3\xc1\x0e\x1b\xc2e\x02y\xb8'</t>
  </si>
  <si>
    <t>b'\x05\xec=\x8b,\xac\x95\xa9\x10\x80\xbe\x1e{\xe1\x9e\xb4u\xee\xa5\xe8\xf6\x8f\x0f\x13\x9b!T\xd4B]U\x94'</t>
  </si>
  <si>
    <t>b"E\xb1\xc0V'z\xc1\x8a9\x93l\x7f\x99\xd3\xffQB3\xbcr\x88\x9c\xa9\x19\xaaqg=&amp;\xac\x9fE"</t>
  </si>
  <si>
    <t>b'L\xb5\xbes&lt;\xbb\x88\xfc\x86\x05\x93N\xfb\xc3Y\x91w\xd4{y\x86\x17\xea\xc9C\x98\xf0\x08;\x7f\xae\xcf'</t>
  </si>
  <si>
    <t>b":w\xc9\x1e\xad\x8a\x08\xa8[d\x81\x14\xa4\x8c\xe7A\x00\x1bZ|x\xe5\xae\xaa\x88\xf2\xa0\x073Q\x1e'"</t>
  </si>
  <si>
    <t>b'P\xa5\x17\xe0@F\xf6\xee\xac\x9dd\x99\xe0f\x96\xf0\x11\x05\xd4\xc8\x08\x88/Ea\xc9\x11\xb4\xd6\x82\xd0p'</t>
  </si>
  <si>
    <t>b'&lt;\xac\xd2\x1f\x15\xcf\xf5q\xbbH?\x9e\xaau\x11pDQ\xbc\xab#8BL\x14\xdc\xfeD\xb9J\t"'</t>
  </si>
  <si>
    <t>b"'\xa3j\xea\xa0\xd2T9;\xf2\xcb^\x8a\x8a3Q\xb9\x962Y2\xdb\xb7\x98\x1b\xd7e\xed}I\x05\x13"</t>
  </si>
  <si>
    <t>b'8\xc0\x1c\x8a\xef\t:\xe8\xfe\xe1T\xf8\xbe\x15\xa9\xb9#_\xba\x10\xfc\xd4&gt;3d\xec\xfb,3\x9d\xbf\x11'</t>
  </si>
  <si>
    <t>b'\xc2R\xa9\n\x87\x13\\\x04\xd5G}\x18\t\x92\xa9\x154\xfc\x0f\xc5d\xb5\xec\xc0v\xe4\xef\xfa\x10\r\xda3'</t>
  </si>
  <si>
    <t>b'\xff\xcd\xc2I\xf0\x8b\t\xe7(\xd7\xd8\x00\x99M\xa3\x95Z\xa9W\x92M\xa6p$\x1a-\xd2\\&lt;\xc1\xef\x99'</t>
  </si>
  <si>
    <t>b'\xf3-\xbd\xde~\xf6\x1e\xc5w\x99W(\x7fh=\xd9\xb2X\xde\x88\x9a\xc8\x82jW\x85\xb2\x92\x01\xc4\xfe#'</t>
  </si>
  <si>
    <t>b'\x05\x9ei\x9f\x1e\x05(#wk\xd9B\x16\xac\xb9\xce\xde\xe0z\x18\xdd\xb2H\x8e%\xebt)b\x83N.'</t>
  </si>
  <si>
    <t>b'N\x94x\x04\x96b\xa5\x96Q\xdaY\x17\xb22:\xcd\xc2&gt;\x11\xcf\xf77\x13i~\x15\xf0=\xe1]\x1e\x02'</t>
  </si>
  <si>
    <t>b'C\xcdP\x8dL\x10\xb80\xaf\x16\xa2}\x02R0O\xe7a\xca&amp;\xa4\x0c\x8fE%"\xbd\x11L,\xfa\xb6'</t>
  </si>
  <si>
    <t>b'\xbe\xa6El3X\x95\xdbkQ`^\x86\xef\x85\xc0(_J\xc2\xafy\x11Su\x03%\xc9\xeeO\xdf\x9c'</t>
  </si>
  <si>
    <t>b'XO\xfd6Z\x02,&gt;%\xa6e\xe6\x81nJ.\x00\xd4\xd6\xb4\xe9C\x97h\xa0\x14\xd6t\xa7\xc2\xf7J'</t>
  </si>
  <si>
    <t>b'\x9c\x8e\x00\xd9~\xb0\x877=\x80\xa3p&gt;)!\xa3S\xed\xd2\xdc\x13\xebZwS\xf2\x1a[\x8b\x89`\xa7'</t>
  </si>
  <si>
    <t>b'6b*$\xd3\x99\x87Xi\x1aT2\xcb:WF\x11!\xa9j\x87az\xbac\xf0\x19\xcd\xa1\xe83\x7f'</t>
  </si>
  <si>
    <t>b'\x87F\xfd\x91\xd78\x94\x8f\xadj\xc1\xbaH\xed\xf3\xc1\xe3\x05A\x0f\xf3?\x9c;\x95\x01\xb5$\x81\xf3\x15)'</t>
  </si>
  <si>
    <t>b'\x8c\xe3\xffnk\x8e\x07\x93\xb2\x88\xf1yb\xb0M\x87Ph\xb0H\x1e\xcf\xfc\xf3"S\xcd\x11\x8b\n\r\xb2'</t>
  </si>
  <si>
    <t>b'\x91\xfb\nU\xd4S\xb4\xc2\xfbA)}\xe0\x98\x8e\x84\xb6{\x89\xf64\xbd\x97\x97\xe8\xb8K\x97\x1bp \x16'</t>
  </si>
  <si>
    <t>b'\x9a\xf3\x11\x0e!\xa3\xd4\xc2[\xd3\xe0\x87E\x16\xcel\xaa\xed\xa6\x9b\xe2\xb6\x00\xd9\xfe\x15*\x8e\x95\\\xc73'</t>
  </si>
  <si>
    <t>b'x\xd8\x9d\x8b\x19\xf3\xfa.\xc5\x95\x92\xa3\x7f\x18h\x1a\xa3\x98\xa16\xab\x0e\x07\xc1={\xa8\xaf\x89~Z\xbd'</t>
  </si>
  <si>
    <t>b'n\x00\xe6c\xda\x95\xa4\xd4\x90\xd8\xea\xec\xa0\xcc?\xc2.\xad#r\xc3\x7f\xaf8)\xdf\xae\x81\x9a|\xech'</t>
  </si>
  <si>
    <t>b'$\xcfIj\x12\xd1\xa8\xd2\xf5\xe0\x89\xdf\x19`x4I\x1d\xeb\xae\xc6\xdd\x15\xca\xa6\xb9f-\x9d0\xe3V'</t>
  </si>
  <si>
    <t>b'\x9d},\xd48\xb3:$P$&lt;1\xd51\xc9q#\xf2\x83\xf3ZK\r\x96tv\x17C\x93\xeda\x7f'</t>
  </si>
  <si>
    <t>b'd1\xe3\xf6%\xc7\x19\xff\xac3\x1e\x89\xc5\x18\x14o\xf1f\xe9\x1c\xab\xd4\x8a\xd9\xe7i\x94D\x7f\x9d\xdcm'</t>
  </si>
  <si>
    <t>b'\x9f_M\xc1&amp;lL\xa8\x1f\xf9\xb0\xc7\xefld\xadH\xa4A\x96\xd1\xd6BI\x1e\t6Y\xb4Y\xa37'</t>
  </si>
  <si>
    <t>b'y\x04\x18t\xbf\xb1fbR\xc4&amp;\x06N\xee`&gt;\xedV\xf1\x8e\xc7YU\xc2\x88 \xec\xb5\xb0\xbey]'</t>
  </si>
  <si>
    <t>b'G\xbc\xb4Hf\x9c\xf96\xf8sj\x1d\xd3\xa8\xac\x91\xe0\xa8\xfdx8\x91gr\xf3\x19\xc4\xc1\x0c?\x7f\x02'</t>
  </si>
  <si>
    <t>b'n\xed\x8c\xc9\x15\xf8\xd1\xc82\xef\xdd\xe3\\\xfdb[[\xa6\x90V\xe0a\xd8f(\xca\xcf\x08\x8b\xc4\xde0'</t>
  </si>
  <si>
    <t>b'Q.\xe53\xcbas:H\x9a\x08\xa6x\x18\x00Usm+BP\xdf\x92\xf4\r\x1br\x08\xe5\x07&lt;R'</t>
  </si>
  <si>
    <t>b'\xa1\x93I\xfa\xdd\xf6\x06\x19\\\xefm\xaa\x9c\xd7\xc1\xa0\xe6\xc1\xfe\xe6=\xc8q\xb3\x8c\xe8\xcdE\xc4\x83\xf0\r'</t>
  </si>
  <si>
    <t>b'\xb9\n/;\x16b\x99\xab\xea;?\xe9\xd6{T\xaec\x02\x0e\xfa\x97%\xae*y\tu\xaf\xdd\xc0\xb5K'</t>
  </si>
  <si>
    <t>b'\xe5%\x94\x19b\x86b\x91F\xf6\xd8lRo8c\x17\x86\x95\xd9\x1bI\x1c\xa5W\x92P.Sq_\x8a'</t>
  </si>
  <si>
    <t>b'~\xc6s0T\x82\xc2\xe5\x18\\R9\x99\xf3\xdd1\xdfq\x9f|}\x08\x0c$\xf7\xd7\xf3\xe0L\xb4\x96\xfd'</t>
  </si>
  <si>
    <t>b'\xcb\x07X\xb0\xe8\x95(\xda\xab\xd5\x0f\t{\xad\x95\x9c8\xb8\x8dw2\x94\x9b\xae\xb0\xa0z\x98\x1f\xb4*H'</t>
  </si>
  <si>
    <t>b"\x96)\xe3\xf9\x8c9m\x87fB\xa3\x19\xdbv\x14{\xc6\xf8\x8eX\xa2\x91\xc2\xc4\x94\x00'\x17\xc9\x0b\xaf\xb4"</t>
  </si>
  <si>
    <t>b'\xe8\x9a\xff\xa1\x824\xf1\xc9\xf8\xb2\xdbaV\x83\x84j\xc6\xc0\xc7GK\x9d5\xd9]\xe97\x9aY6\xe6\r'</t>
  </si>
  <si>
    <t>b'p\x0bb\xe2\xab\xf4\x94\xf6\xcf\xde\x19[T\x95\xd0H\xe0\xf9\xfc\xff\x8f\x81\xf4z\xf4)1\xb9$9"\x9c'</t>
  </si>
  <si>
    <t>b'T{&amp;\x99a3\xbeiT\x1c\x85\x18\x80\xf1\x9f\x00p;)E\x87\x10\xe0i\xef\x0b\xc1\x06\xc4+1X'</t>
  </si>
  <si>
    <t>b'h\xe9\x9dy\x03\xbd\x15t \xbb|\x99\xfcA\xd0wJ\x01\x1f\xc0w\xe0{\xef\xce\x1d\x98\x07r\x1b\xd9;'</t>
  </si>
  <si>
    <t>b"\xdc\xdaY\x94_\xe1K\xb4C\x1e=\xdb\xac\xc0\x87\x16\x98H\x94dh'Vb\xd8L\x8c\x11\xa5`\xa0d"</t>
  </si>
  <si>
    <t>b'\xcdb\xf2.\xbd\x14P\xfa\xab\xfbsI\xf6#\xb0dp\xba+C}@5\x83UC\xab\xadY\x14\xd6\xde'</t>
  </si>
  <si>
    <t>b'L\x05\xf3G\xf9m,\xa11\x1b"\x08\xe4\x82\x08;sm\xf4\xf5\xc5\xc5\xae\x1a\xceZ\x0b\xc7\x9cQ=8'</t>
  </si>
  <si>
    <t>b'\xd8\x84\xcc\x0ed\xf1Q\x1dB\xa4W;tq\x1aa\xf0*"V\xb1\x96\xa9\xfc\x07\x0c.\xa5\xcc\xfa5\x91'</t>
  </si>
  <si>
    <t>b'\xa62\x89\xa1O\xf9H\xdf\xf4\x1b)\xf1\xbf\xbff|l\xa9\xae\xc6\xd9\x1e\x1d\xd9$\x1f\xc9:\x01\xa9\x80u'</t>
  </si>
  <si>
    <t>b'\x95\x8f\x9acG\x8b\x9cc\x9c\xb8c@\xb5.V\xd9\xba\xd5\x8f@-"6\x006\x18\xe93\xf5\xdf\xdb('</t>
  </si>
  <si>
    <t>b'\xa7O\x9d\xbdbB\x88\x12\xf8\xb3\xac\xbf\xe7\x93\xe7\xbda,\xdd?\x14\xb4&amp; \xd8\xa5\xb9sM\x801\xb6'</t>
  </si>
  <si>
    <t>b'&lt;_\xc5D\x1d\x9bx\xd9l\xc6\xa5\xf4K)\x8c\xe5\x880\x15\x06\xc5\x99\x08c}\x8e4L\x07\x85\xd3g'</t>
  </si>
  <si>
    <t>b'\x03W\xb5\xa3\xd2\xaad\xf6k/\x96?\xb1\xe7\x88\xee\xbc\xb1!\xe3\x02K\xbe\x9dKm\xd2\xb0\xbd\x15\x08\xdc'</t>
  </si>
  <si>
    <t>b'r\x9d\xc2\x0f\xd7L\xfa:\xedZ\x88\x07\xb2\xebr\x9eJ\xea\x0f8\xa2q\x82\xd2:R\x04\xa2r\xa8\t\x7f'</t>
  </si>
  <si>
    <t>b'\xf9\x80\xe6\xb7\x06f\xf607Z\x94\x07\xd3\xbc\xdf\xd6\x88\xd9\x81GitGp[\xbe\x01\xad\xc1\x87bm'</t>
  </si>
  <si>
    <t>b'C\xa0b\xb7\x91\xb1\x13\xb6*oT,\xa4\xd0\xd4f&gt;_\xb7\xa3&gt;|\x91\x17 \x8d\xe1m\xc4Y\x11\xf4'</t>
  </si>
  <si>
    <t>b'\xd5\x90b@\x8c|\xed-\xbd\x94\x07\xd6/\x9b\x1cZ\xd6\x00\x9e$\xdd!\xe3\xa2:aa\xa8\x93\x9c\xd9\xe7'</t>
  </si>
  <si>
    <t>b'\xf7\x8c^g\x94\x00\xa19\xfbuz5\x9d\x87R\xbbv\xf4\xe7\xc4\xb6\xae$\x16\xe5\\\x15\xbb\x98\x00\x1f\xf9'</t>
  </si>
  <si>
    <t>b'7\xd3\xe8\x1a&amp;2\\\xe6\xf1\x0c \xd2\xa1M\x8b\xc6\xc0a\xb7\xda\x15\xf4\xccjR\xb85\xd2P\x1ad9'</t>
  </si>
  <si>
    <t>b'\x03K~\x17\xa3;\x93\xa8\x86~2p\xf0\xe81\xc0b\xa4\x07m-/\xbd\xe2\xb5\xe5\xa0\x15G{3G'</t>
  </si>
  <si>
    <t>b's\x0c\x99\x13\x1e\x8d\xa8\x13\xa0\t\x02X\x1aM\xc2\xd8\x02\xe0q\xbc\x8ad\x12\xd6\xdf\x81\xc97\xe4\x14\rn'</t>
  </si>
  <si>
    <t>b"\x9c\xfb\x83\x10B%\xf7\xc9\x87U\xfb]\x9d)\x8c\xfc\x86\x1b\x0f'\xdf\x8b\xd8\xfd\xeb\x9a\x91\xfbQ\xfc\xe8\x80"</t>
  </si>
  <si>
    <t>b'O\xeb\xbfU\x10\x1e\xb6\xfb=8\xcdp\r\x05\xc9\xcco$\x03\x1f\xb4\x98w\x83\xd87oQe\x02\x95+'</t>
  </si>
  <si>
    <t>b'\x89\xf4\x1a\xe5CI\xa5\x15\xd9d"\xbf\xab\xdf\x1e\xa5@\x05\xa3\xe5\t`r\xc8\xa1\x87\x14Yqg\xff\xd4'</t>
  </si>
  <si>
    <t>b'7\xe6\xed?\xb9\x82\xe0Z\xdc\x04W\xcd\xd2\xe8X*\x7f\x1cF\x86\xf4&gt;(Po\xbb\xc1\x86\xe4(\xc1s'</t>
  </si>
  <si>
    <t>b"\xab\x16|n\xea'\xca\xf6\x1cMV\x8c\xb6\xe8\xfc{\xe2\xf5Ph\x9f\x8e$\xb3N.\xfaw\xcf\xb1^w"</t>
  </si>
  <si>
    <t>b'\x8f\xeb\xb4\xb2\xd5\xcb0\xf7\x87\xbb\xafNd\xe4_i\xaf\xffL\xb6\xf9)\xb7?J\xe2`,\xd9FP\xf6'</t>
  </si>
  <si>
    <t>b'\x16\xedO\xa4\x90D\x8c\x9aQ\xe2\xcb@*-\x147\xa2\x9a\xe91\xbb\x190W_\xf3\xd9)\xea\xa3\x14\xde'</t>
  </si>
  <si>
    <t>b'\xbda9\xc2\xdaW#\x18\xaa\xf7\xa4\xac\x066\x91z\x95o\xa4L66\xffD\xfaG\xbb\x0e\xe3b\x80\x0c'</t>
  </si>
  <si>
    <t>b'\x1f\xeah\xe4\x83\xf8m4\x84b\xf9rqf\xac]Y\xa8\xe4\xcc\xf1}\xa57u\x16\xffN5\x8a/B'</t>
  </si>
  <si>
    <t>b"\xee.8\xe8s'\xfe3#o\xdb&lt;\x9f\x14G\x84i\xdcw!\n\xbd\x17\xcd\xa2\xcd\x02h\xbb\x18+\xed"</t>
  </si>
  <si>
    <t>b'N\xdf\x02\x98\xd7\xdd\xca\xf2\xb1\xf4W\xa3\x97\xe0\xec\xc2\xd4\x9a\x04\xc3s\x86\xb0\xaa\x98\xc1\xcc\xedh\xbd\xe8\x98'</t>
  </si>
  <si>
    <t>b'\x17\x8e\xd4\xc8\x89\x9a\x9b\xa9^il\xb5\x81\x1c\x14\xc5\xe1\x01\x92\x0e1\xd8T)h\x92\xe0\x05\xbf\xbb\x9fh'</t>
  </si>
  <si>
    <t>b'\x07\xde\x05,2\xf6\x1a\xc3i\x8a\x0f\xf7\xd6\x9f\xf2\xe5\xa7\xc2\x00#\xbcK+\xd8\x93\xf5-;&gt;\x02\x8aU'</t>
  </si>
  <si>
    <t>b'\\\xd9&amp;ja\xa1\xe2\x91\xce\xc5\xceP]\xb1p9\x0b\xe3\x9cVE" R0\xfew\xff#\x17\x0c5'</t>
  </si>
  <si>
    <t>b'\x0c\x88\x96\xa3H\x9d\xc5\x1e\x06}%Z\xabp^W\x80*\xfeU\x04\x02\xb8\x07\xbd\xe2\xf5\\\xa1/\xd2\x9a'</t>
  </si>
  <si>
    <t>b'\xf1\xff\xf9\xb1\xb6f./se\xcbau\x96r\x15\x00E\xaf\xbf\xde\xcf\xa7\x02\x98\xc1\x9c=\x07\xc6\x8c\x16'</t>
  </si>
  <si>
    <t>b'\xe92\xd3\xab$&amp;h\x93\x05\x8fB\x84\x8b\x16\x90\x03\x14\x80\x89N\xb8[\x9e\x1f\x89\x16\xff\xc9\xc3\xe7\xb5"'</t>
  </si>
  <si>
    <t>b'v\xa4\x88\x88\x10\xbf\x96k?\x03\xaaF\x08TC\x88\x170\xea\x0e\x03\x7f\xaa\x96\x92\x1b@Qo\x9b \xc0'</t>
  </si>
  <si>
    <t>b"\x00\xf5\xb0\x01\x81O\x9c4\x1fxQ\xc3\xa7\x90\xb9*\xfea\xed\x19\xff\x0bU\xad\x18\xf4\xd7\xaaQ'\xd3\xc2"</t>
  </si>
  <si>
    <t>b'\xf4\x81\xae\x12x\xf2\x874a\xd8\xc2\x1c\x99\xd6\xd2S(\x93\xceY\x01\xae\xb9O\xf2\xf7\xf8\x12\xa3\x19\x1a\xf2'</t>
  </si>
  <si>
    <t>b'\xf1\xff\xcf\x8e\x9e\xabUL\x98\xda7#\xd1\xa4\xb8\xd7p \xca\xaf\x9c\x81\x95\x03\xbe\x901\xf6\xf2\x96\x030'</t>
  </si>
  <si>
    <t>b'\x18\xc0\xa6\x80m\t\x85\x7fAo\xb4\xe5\xae\xf9xjB\\\xc0\xb3F\x17j\ri&gt;\xf5\xa4\x0f4\x86\xc2'</t>
  </si>
  <si>
    <t>b'2a}\xbd\xe2\x90\xec\xc3OQ\xa7\xc8\xc3?\xdd!\xce\xd1y\xfc\xcbR\xce\x00U\xb2\xd2`~\x04b\xb9'</t>
  </si>
  <si>
    <t>b'\x1e\x18b\xc3\x0b\xff_7\xc2b\xcd^qs\xab\xc0F\xec\x88\xb4\x85_\xb3&lt;\x8d\xb2J\x16|\x0b\xdf"'</t>
  </si>
  <si>
    <t>b'\x8e\x94\xa7B\x9c\xa5q\x96xx\x01\xff\xcd:\xb5\xba"\x15\xf0\xc9[C\xb4\xe7Q\xa6\xe6\x87\x0b\xb7\xb9|'</t>
  </si>
  <si>
    <t>b'u\x11h\xfcq\x17\xbfw\xf0&lt;=A\xa3\x88\xe3Z\x02f\xcd\xf0\x12q\x00\x87\xe2\x8a\xdf\xa2\xb4j\xd6l'</t>
  </si>
  <si>
    <t>b'\xe5=\x05\xcb\x07\xd3\x92\x0b\xe6-\xc0\xb9G`g4\x11\n\xab\xbd5\x0eS\xb9;l\xc2&lt;\x90\x0cID'</t>
  </si>
  <si>
    <t>b'\x9a[\xcdx\xb9\xb8#\xb9\x1c\xaa\xc6\xaf0q0\x1e\xccT\xacY\x0c}m\xb2\xb8\xe5d-f\xe5\x85\xd6'</t>
  </si>
  <si>
    <t>b'\xc2\x06\xafoe\x835}QH\xf5\\\xcc)\xd3\x90\xe6?\xa8K\xc3LM\xb4\x9e\xa8\x16\xa5\xa0\xbd\xb4\x99'</t>
  </si>
  <si>
    <t>b"\x0b\xdb\xca\xa2\xfc\xae\xf2\x7f\x06g\xf84\x8b\xf7;\xdb\xd7\x06\xbfd\x99mA\xc0'\x1cz\x98\xbcS\xe5\xdf"</t>
  </si>
  <si>
    <t>b'\x88@T\xcf\xa2\xf0\\\x01\xf2\xa7E\x02\xdb+R+\x0f\x0f\x1e\xc3jxB!l\x93\x93\x13\xa9\x83-\x8a'</t>
  </si>
  <si>
    <t>b'-\xba\xc2\nA\xf9\xbcj\x1f\xc5s[5#\x88\r\xc4\xc9U\xea81\xb8\xd9-\x99d\x92\xe1bW\t'</t>
  </si>
  <si>
    <t>b"lPY\xf5K\x1d&lt;\xb0\x16]~\xecK\x1d\x06o\xe6F\xa0\xc7k\xd1\xe7\xaf\xbaV'v\xcc\x1a\xc75"</t>
  </si>
  <si>
    <t>b'\xc4\x9c\x1c\xc5\x99;\xae\xd9=\xb0\xae\xfc4\xc2x\x18\xaf\xdb\xa6%\xc8I\x9b\xfe\xc3\xedMA\xdc|\xae\xd8'</t>
  </si>
  <si>
    <t>b'P\x9d%\xf7\x85\x19\xd9\xf2\xdd_\x9a\xd7\x94\xd5\xaa\x16`\x9e\x19\xab\x93\xfe\xc2i[\xe6\x10\xaf\xe1\xdd\x0b\xa9'</t>
  </si>
  <si>
    <t>b'\x83\xacI.+\x9b\x96\x16Ja\x01\x9e\xbb~\x0bd\xed\x89\xe1`\xf2\xe0;\xcd\x01\xb8L\xd9\x12#\xbc\x8a'</t>
  </si>
  <si>
    <t>b'\xeb\x8e\x8c\xc7\x0b\xb4\xafzh\n\xbdc\x0e2-j.\x8e\xe2\xa1\xf9\x82\xb3ksZg&amp;y\xa2\xd2\x00'</t>
  </si>
  <si>
    <t>b'W-@\xdd\xaf\x8c\x90\xed\xcfw/m\xabaUN\x9a\xee\x12\\\xe5\xb4G\xeck\xd2\x88\x94\xce\xa0\x95r'</t>
  </si>
  <si>
    <t>b'\x84\xa5\xcc\xcd\xaeI\xd9\xb5\xd0D\x15\x08z\xa7\xfd=\x81\x9e2\x12\xf2ifc\x18!2&amp;\x11\xab\xbd\x84'</t>
  </si>
  <si>
    <t>b'\xf48R5\xdf9\x1cmk\x87\x91,J9\xa7^U\x0f~\t"\xce\xc1\xdeN\xd2\xfd\xd0j\xeb\x80\x1e'</t>
  </si>
  <si>
    <t>b'\xf4\x88kN\x11b\x1ah\x9f\xcd\xcb\xa9\r\xa4I:0\xfd)\x9ev\x07\xf6\x85n\xdb\xa5&amp;0b\xa8\xf0'</t>
  </si>
  <si>
    <t>b'\x82QX&lt;\n\x99E\xb5\xee\x8f\xceh\xcf\x14\xc5|\xd7.\xb6O\x1f\xab\xd7\xfeV\x02\x8c\xb8P\x8a\x91G'</t>
  </si>
  <si>
    <t>b'\x17\xe0\x88V\x18!\x08\x16\xe9\xf36\x1csSD\xa6\xbfg\xbeL\xdc\xcc\x8f\xb0!\xb3\x81o\xb3q\xc3\xc2'</t>
  </si>
  <si>
    <t>b'v\xa4N\x1d\xb3&lt;\xa4#Tw!CM&amp;\xef\x04\x9cV+ND\xbb\xce\xee\x90\x0fN\x9d\x04/\xc5\xbe'</t>
  </si>
  <si>
    <t>b'\xb5\x00R\xa0\xca\xb7\x17\xb50\x9b[\x12\x1b\xc8X\xdb\x90\n\x9fn\xe8\x9b\x8b\x0f\xa6d\xd1\xed\xba\x8f\xc3\xa4'</t>
  </si>
  <si>
    <t>b'b($\xf3\x91\xc6U^\x83K\xdf\xcb\x1cF\x86\x04\xa6\xf7\x1a\xc2\xd49\xf1f\x02\xf8\xaa\xbc"7\xad\xa0'</t>
  </si>
  <si>
    <t>b'\xab\x16|(\xde\xdem-\x9e\xe8\xfb+\x9co\xb2\rY\x96\xbb&amp;\xec\xd6\x0c{\x13J\x1b\x16#\xa2R\xf3'</t>
  </si>
  <si>
    <t>b'H\x90\x9b_`\xb8N`\xdd[\x90\x97\xe4\xe1\xb2gM\x0f+\xed\xd6\x94\xe2\x96]\xddR\x98Z3i\xa7'</t>
  </si>
  <si>
    <t>b'\x8c\x8f~s+\xd7m\x05\xeb]\xe9\xda\xa0}\x08\x9e\xcd\xc1"\x98\x14$\x13\x89l\\\x10\xf3\x0cns\xf4'</t>
  </si>
  <si>
    <t>b'\xb6\xcb\xce\x88\xb1\xfa\xb9%\xbd\x19\xfa\x12S\xd0g\xb3\x0f\xd2IU\xbf&gt;\x13&lt;foS\xbf\xc3\xaf5n'</t>
  </si>
  <si>
    <t>b'1\x93\x02\x0f\x08\x87\xa2\x04\x08&gt;\xf3\xca\x1dK\xcfJ\xf6A\x08)Yx(45\x94\xec\xcaY\xf7\x1e|'</t>
  </si>
  <si>
    <t>b'\xfb]\xfb\xcd\xfa\r\x1c\xd4K~\xc3\x1d\xe7\xa6\xd7M\x86\xd9i\xfbiK\x96\x9c\x83\x87\xc0\xd5\xa1\x99\xd0\xbb'</t>
  </si>
  <si>
    <t>b'\xfc\x8c\xbd\x86]\x07ydI\x16\x96\x18\xb5R\xb2\xc9\xcb\xa5\x82\xb5|\xe2ShqRJb\xf4Zop'</t>
  </si>
  <si>
    <t>b'\xe1tX\xb5\x01\x8b\x95\xde\x12)J\xe60L\x7f!\x81\x9d\x88\xf2\x1f\x8d$;\xd1\xd6\x02]\xea\xb1\x938'</t>
  </si>
  <si>
    <t>b'\rI\x85\xa9\x10\xd1mUXQ\x9c(\xd3v\xcb\x94\\\xa9\xceqt\xbf\x18\xfcP@\xa9\xb7C\xe2\x01\xb3'</t>
  </si>
  <si>
    <t>b"\x88W\x90\xb6\xee\tOW{\x96Jz\xc3\x9eFE\xe6a\x81\xcd\xe1\x80['q\xcc#\xf1\xb9\xc3A\xdd"</t>
  </si>
  <si>
    <t>b'\xf0\xaeN\xff0AIE\x17C1\xb8:\xdc\x16n{\x83\x1c#\x989\x87\x1bJ\x1a\xf5&gt;\xbb\xe6J\x04'</t>
  </si>
  <si>
    <t>b"\x15\xbe\xfb\xf7\xfd'\x82\xcf\x18A|\xa7\xa1\x8c\xb7\x9a\xa4\x9fi\x85\x83I]\x0c\x7fBM\x1d\xa6\xe8\x03\xea"</t>
  </si>
  <si>
    <t>b"\x1cFl\xee\x18B\xc03k\xd4\xd4\xa51P\x9c\x0f'\xcc+\xaf}?7\x05\x02D\xa9\x82]\x99e\xc9"</t>
  </si>
  <si>
    <t>b'R\x0b_\x17\xce\x0c\xd2\xbe\x9c/\xc9\xee\x9b\xdf\x93\xe1\x9aqT\xb1\xbdZ\xbd\x83\xa8P(3u\xb5\xd2U'</t>
  </si>
  <si>
    <t>b'\xf8\xda\x0f\xb8A\xa8~D\xf6\x80\x89uF\xd3\xacVB\xaa\t\xb7bn\xe4\xcd\x95\x90\xad\xdd\xdcm\x88T'</t>
  </si>
  <si>
    <t>b'\xcdv\xc2p\x88\x04\xaa\x7f\xcb\xfb+\xf1\n\xe6\xd4\x16\xd6\x04\xc5SE\xf0V\x08f\xcf\xd0DeO\xfb\xcf'</t>
  </si>
  <si>
    <t>b'\xb7\x8b\xf7\xab\x84.\xd6\xc5\rG\x80\xba\xf7\x1b\x0bT\xaf\xadn.\xa6\xd4I\x8f\x92E\x15M\x17\xe3P\x9f'</t>
  </si>
  <si>
    <t>b'k\x02wF\x0e,\x92F\x1ed\xd7m/}\xe3Aw\x03\xc9&gt;\xd0$\xc1I\xb0\x90\xc6[\xa6\xe3$\\'</t>
  </si>
  <si>
    <t>b':\xf3n\xd3\xd4\xc7V\\\\\x1fZ\xb1\x8a\xcc`5\xc4\x10\x0f{k\x9a\xd5Y7\xee\xb2\xe1\x88\xa7\x00Z'</t>
  </si>
  <si>
    <t>b'#-\x96\xea\xec!\x94"AT\x0b\xd4\x01\x1b\x1f.9M\xc7E\xa8\xb0\xed\xd1\xd5!\x02\xe7\xde\xa0\xf4\xe9'</t>
  </si>
  <si>
    <t>b'\xae\x9a\x84r\x94\x13c0\xea\xf4Y\xc4\xc6\xc3\x8f\xad1\xd3v/ \xd3n\xffy\xf5h\xdc\x0e\x7f\xef\x14'</t>
  </si>
  <si>
    <t>b'^m&lt;y\x07\xcc\x9f\xd9j]\x92\x18\x8c\xd9\x80\xc7\xb0l\x01\t\xab\xb2\x873\xe4\xa0\x91\xc4\x07\xbd\xcd\xcc'</t>
  </si>
  <si>
    <t>b'Pw\xae]\xc0tI\xbav\xbb5\xd1\x12\x16]g\x03!\xcb\x91g\x89cW\x9a*\x06\x81^\x04\x1e\xdd'</t>
  </si>
  <si>
    <t>b'\xd8\xc2\x12e\xf7\xbbV\xf4\xb53II-F\x0c\xf0\x9a\xa0\x05w\xd6\x9bm3Xy\x13\xab\xb2\xe9\xcf3'</t>
  </si>
  <si>
    <t>b'c\x1b\xf4\xa7X\xeb7\xee\xe6\x03?Oc\xcd\x13\xbdL\xfd\x1a\xba\x0c\x02e_ly\xd4\x1c&gt;HW\xf4'</t>
  </si>
  <si>
    <t>b'H\x95,\x0f\xc4_\xbd\xb1i|\x0cp\x01X@\xd5\xd9\x01\x07x\xd7\x1d\xd2T\n\xa3:\xe5&lt;\x85\xb6\x96'</t>
  </si>
  <si>
    <t>b'\xb9\xeb\xaf!\xeb(\x976\xa0\xc6\xa9\xfc\xfa\x81\xf2ebn\x12(A&gt;\x11\xb2\xef\xf5Q\xb8pbeb'</t>
  </si>
  <si>
    <t>b'\xc9\x8a =\xa5.\xdb\xb8\x19\xe9\x00\xab78v\x8f|\xd8\x02\xdds\x85\xd8z\xf2#p\x12\x8d\x07\xf5\xe7'</t>
  </si>
  <si>
    <t>b'\xe8\x02vI\x9c\xa1\xae\x19\xb35w\x8avl\x88y\x9b\xad;\x14\xee?]\xdd\xe8\xa8\xfft\xba\xddn\xec'</t>
  </si>
  <si>
    <t>b'K%\xd3\x96(d]\xa7\x8eY\x00\x07\x87\x17I\xf4\xfa\xfdB\x8c\xea\xc7\xdb1X\x82\x99\xba\xd4\x06AK'</t>
  </si>
  <si>
    <t>b'\xe3\x0bz0y\x97\xab\x8fP\xea=`:\x1f\xf5\xdd\x82:\x95X\x02\xads\x80\xb0S\x85\xd6\x9a{\x0c\x0c'</t>
  </si>
  <si>
    <t>b'=.\xc2\x8f\xd2\xff\xf1\xef\xbdw|\x16SR\xbb\x85\xf7G\xec\xd3\x7f\xa8\xb5*\xc3\\\xbbj\x00\xa2\x86c'</t>
  </si>
  <si>
    <t>b'E\x03\x96\x1e\xc2Z?)\xe6Q\x85oJ\xcd\xdb\xf2\x88\x8f\xe3\x85\xf6\xff\x16\xba\xa2\x17]\x9d\xef\x0e`Z'</t>
  </si>
  <si>
    <t>b'\xf5\xc2\x8f\x0c4\xd1\x90\t+\xcb\x96\tLv\x12V\xf3\xfbIx~k\xc5\x8a(\xedv\x0b\x8dY2s'</t>
  </si>
  <si>
    <t>b"KB\xe6\x8e\xad\xbc\xbf\xdcv\x82}\xc5\x9as[S\x8c\x8a\x13\x8d\x04M\x12\xa9R\xdf\xfd'\xc2\xd6RI"</t>
  </si>
  <si>
    <t>b'\x8bp\x00\x06\x97\xb4\xc7\xc8\xc2\xd9\xb2\xb9\xae\x90IlE6`\xa2y\xc8\xf2{\x99;\x83\x00:\xe3\xcb\x92'</t>
  </si>
  <si>
    <t>b"\x9a\tO\x17\xdb\x1faZ\xae\xb2\x89`\x9f\x8a$\x9c\xc2!\x83\xf4\xfe\xc5'\x8b\xaf&gt;-\x8e\xf0\xf9\xf4*"</t>
  </si>
  <si>
    <t>b'\x97h\x90`)o\xc9\x04\x1d,\xe3v\x03\xe1\xd8\xd9\x8a\x95\x08\xc0\xd2h\xcbKi\x84\xd2g=\xf8GC'</t>
  </si>
  <si>
    <t>b'\x9f\x04\xf3&lt;\xec\x11\xf9@\xd5\x1a7\x8dr\x87\xc5\r\xfa\x87%\xa5\xd2\xda\xa5\xcfR\x03\xb5\xe3\xd42\x13\x96'</t>
  </si>
  <si>
    <t>b'\x06N\x9aQ\x853\x80\x15g^\xd5\xd7,\x84\xabcN\xa4\x9a%\xc6\xe0\xa4\xb6NH\x87\xf9\x93^5P'</t>
  </si>
  <si>
    <t>b'\xc1\x81R\x82r\xd6\xf4\xb5\xf8\x05i&amp;j\x88G_\xbb:`.\x05\x00g\x9f\x83Y\xda!\x93\xc7\x9a6'</t>
  </si>
  <si>
    <t>b'\x99dM%\x17n\x17\x19Y\x8bt\xec~\x10\xed\x13\xe65\x1d\xb8]s\xbb\xdd\x88\xcb\xb6\x96Lu\x12_'</t>
  </si>
  <si>
    <t>b')\xe86\xa6\x92 \x7f\xcb2%\x0c\xee+\xd1\xfc\x8c\x1a9\xb0\x0fBV\x9b\xa0:[\xdd\xbd\x97\xfe2\xf8'</t>
  </si>
  <si>
    <t>b'\xa6\xf0_\xc8\x13\x02\xe9\xf7\x00\xfb\xb6\x88}u\xa0\x879\xfd+\xf0Q\x85\xe40\t\xce\xe1N\x91\x84\x95\xf1'</t>
  </si>
  <si>
    <t>b'\x8a;j\xe5p\xcfs\xb0\x80\xc2\xa0"M\xef\xabP\x1bI\xaaq\xe0\xf70\xf0\xcc\x11#\x8b\xbd\xeeU\xd9'</t>
  </si>
  <si>
    <t>b'\xa1\xdf\xf2LQ64S\x06\xeb+u\xc8\xf3\x93\xd2Lf\xb8 \x83\xfb\xd8\xca5\x11\xb3{\x98\x12:-'</t>
  </si>
  <si>
    <t>b'\xe7\xef\xf3\x0e\xd0;\x89\xb6\xdcP\x96\xbby\xb5\xfe\x18.\xde\x90\xac\xa1\x178\x9f\x15\xd5*[0{\xea@'</t>
  </si>
  <si>
    <t>b'\x18r\xc10\x0cBd\x91\x0ez\xbe\xc8\tZ}\x80\r\x01\xd3\x8eXH\xce\xfe\xbc\x87\xd6\xb7\x9b\xd3\xfd\x91'</t>
  </si>
  <si>
    <t>b'\\\x9f\xaf\x81\xfa\xc4\xf8\xad\x89JQ\xe3\r~\xe52O+\x17\xa2\xc7\xcb^\xd9\xe9\xb0\xf1}YFm8'</t>
  </si>
  <si>
    <t>b'\x83/i\xbc\xde\xa3\xcf\xd7\xe0a\x91\xac\xfd\x91a\x07.&lt;l\xda\xde\x93\xdde\xd0 P\t\xc5c\xa6\x8b'</t>
  </si>
  <si>
    <t>b'\x9d\xdd\xf4\x91}\xf6KL\xf4\xf1-\x18\xb8r\x8dQ~\x8f\xe2\xba\xc3(V\xfb\xb9\xed\x8c8\xbbM@\xd7'</t>
  </si>
  <si>
    <t>b'\xaf\x99MS8h\n4f\x11\xbb\x9d-\xbf\x18f0\x12"\xd1\xb3\xf0C\x11p\xedx\r2\x1f\x85\x9d'</t>
  </si>
  <si>
    <t>b'\xb9\xffN\x1f\xa67\xc10X\x0f\x85d\x8c\xdf\n\x03\xbb\xb0+\xff\x18lF\xb0(=\xd5\xbb\xbd\xea\xafV'</t>
  </si>
  <si>
    <t>b'\xe9\xbb\x9d\x83\xe8\xef\xf2\x06\xb7\x18j\xbc\xad\xd0s-\xde[a\xf1\xad\xe9Cu|v\n\xfe\xe6\xe8s\xfe'</t>
  </si>
  <si>
    <t>b']\x84\xe5y\x8b5X\xd9\xd4\xcf\x01\x81\xb7\xb3\x94&gt;\x83\xcb\xbe\x03\xb0S\xc4\xb5\xa1\xa4\x93}\xed1#\x9d'</t>
  </si>
  <si>
    <t>b"\xbc+\x137\x0e%Z\x008\xb2\xab\x9e\xdf\x89'\xee\xe0\xe9\xee\xf0\n\xdf/cl\xc6\xbe\xb7\xe4\xc7-\xe4"</t>
  </si>
  <si>
    <t>b"\xc1\x11\n\x87\x86;\xed\xc5\x0bv\x88\xe7`'\xdc\xffU?\x88U\x13\r&lt;T\xdf\xeaW\xa1\xc3,\x8f^"</t>
  </si>
  <si>
    <t>b'I\xd7{\xaa*z\x0cd\xc87\xc6z\xa5\x8b$\xaan\x95(\x02Z\x99\xf1\xfa\xbd\x14\x7fcRg\x01r'</t>
  </si>
  <si>
    <t>b"'\xc8(;\xad\xdb\x16\xd1p\xec\x97\xacN\x88c\x87t.\xe1\xa3$bA$a\xfe\x14Wv\x98\xd3\xae"</t>
  </si>
  <si>
    <t>b'Vt\xc8J\xa4\xb0&gt;c[\xdd\x03\xfd\xf1K]Q\x967\xfb\xfb_\xd91\xb8bc\x1d_\xd4\x0bp\xfa'</t>
  </si>
  <si>
    <t>b'\x82\x16E\xf5\xe7\x0c\x99*\x18\x13c\x80\xa8hK\xe9\x9b\xdf\x8b\xa1\x1d\t\xea\xdd?\xd8H\xfb\xed\xf0\x1cy'</t>
  </si>
  <si>
    <t>b'\xa7\xe4P\xc5\x06\x8a\x1b%\x9cTir\xa0\x1f{\xc2^8\xf3\xa3\xd5\x0bD&gt;):\xe4\xd8\xbd\x16\x87\x8a'</t>
  </si>
  <si>
    <t>b'\x80Xt\x84\xd7\x18\xef#\x8f\xb3\xd1\xc1}dt\xfcG\xc3\xc8\xd8\xeb\x00\xa0\xa3\xe2\xbf!\xc6\xe6\x12\xde\x0e'</t>
  </si>
  <si>
    <t>b'W\x87\x0e\x91\x13\xc5Q\xad\xf3\x1d\x9f~!\xd1\x0b(\xbdw\xe2\\o\xa1\x9c~\x8b\xc8\x94\xaa=x\xb3\x1f'</t>
  </si>
  <si>
    <t>b'\x00\xf0Z\xe6%j\x8dn\xb0J\xa0qA\x11@y\x98k\xa3&gt;\xdbX\xa9\x9apS)\xb6)fQ\x9b'</t>
  </si>
  <si>
    <t>b'%-P\x92*\xc9\xd4\x99\xec\xb3\x0cT\xca+TW\xa8lZ\x07\x8c#\xc9\xae\xe9XLP_\x97\x00\xae'</t>
  </si>
  <si>
    <t>b'\x98-%O\xf2\xcc\xd7\xc6t\xaf\xee\xfb#\xbdL\x8e\xe7@\xb4A\xdf\x9d}d\xcb\xe0\nCI\xeb\x05\xe6'</t>
  </si>
  <si>
    <t>b'\x93b\xd2A?\xf5\xd0s\x1e\xc5\x0b\x0e\x1c\x81y\xbf,\x85\xc8s\xc2r\x8d=\x1f\xc1\xa8\x11@\xc9iI'</t>
  </si>
  <si>
    <t>b'\x16MI\r%p\xc1-\xafp\xcd\xda\xc1\xe1N*\x19\xef^\x98\x06\xe1\x05\xad\xaf\xaf\xa4\xe2\x04W\xca\x03'</t>
  </si>
  <si>
    <t>b'\x82\x96\xa5\xd8\xf9\x0bS\x16\xbc?\xe2\x7f\xad\x18,\xb4\xd2\xd5x\xcd\x7f\xb0\xfd\xcb\xc5\xf4\xe0\x18S\x1d\xc9#'</t>
  </si>
  <si>
    <t>b'\x05\xe7p\xcc\xcb\xc5N\x1a\xcb\x8aS\xd5IX8\x98\xbd\xa0I&gt;\x02\x1e\xdc\xf3\xa1\x8e\xdb*\xbe!\xb4\x9c'</t>
  </si>
  <si>
    <t>b's\x07-Z4\xcc \x91o&gt;\xd4\x94\xbao#\x9d7\xeb9\xc5b\x1e\x1a\xc1|\xd3\x07\xb8\x1f\xb2pd'</t>
  </si>
  <si>
    <t>b'(\xf0\xd3_=\x1bg\xaf\xea\x1e\xe0\nX \xbe\xd9\xde\x18\xf5\x92\xcdf\xd9.I\xa0\xa7\xcfDGA\xb4'</t>
  </si>
  <si>
    <t>b'|3b\xfa@\xde\xb7\x9c\xea7\xa4\xb7z\x19\x08\xb5\x15\xcb\xe2\x8a~\xa9\xc5_\xfc\xd9\x9d\x9b\xdcDW\xe5'</t>
  </si>
  <si>
    <t>b'\x13#R\\\xc9\xecT\xceW\xac@9\\\xc0\xfe\xf7\x99\xec\xaf\xe8r\x12\x9f\xee\xa1\x18B\x9c)\xd7\xd1H'</t>
  </si>
  <si>
    <t>b'W&lt;\xdbW\x87br\x89e\xa9}\x18\xa9\x02g2\xf8!=[\xacR%F\xec\xd9mZX\x9b\xb2^'</t>
  </si>
  <si>
    <t>b'L\x15\x1c\x03\xbe\xcd\xdb^&lt;\xfe\xba\xe2\xe9*=6m7W\x83\xeeW\xc2\xfb\xb4\xfa\xb2\xf8\xcb\x14\xb0\x17'</t>
  </si>
  <si>
    <t>b'\xc6J\x92\x0f.\x15.5\x9aj\xf7e\xa3e\x90\x91\xe7m\xc6\r{|\x8bp\x0b\x93\xfd\xe2;\x18^\x12'</t>
  </si>
  <si>
    <t>b"y\x14\xba\xc1s\xaaO\xccT\xa2\x86\xd8\xc7\xf0e\x1b\x96\x0f\xdcG\xf2p\xbb\xca&gt;\x99\xb4\xd8'+g]"</t>
  </si>
  <si>
    <t>b'\xf1\x05\x13\r~\xacH\x1a`\xb0\xe5\xf7\xbb|\x0b\xc7b\x14\x04!\t\x13\xfb\xc0\x84\xa33\x8b\x7f\xbfe\xa9'</t>
  </si>
  <si>
    <t>b"\x08\x95\x14\xf6\xf0\x80F\xc5\xc3\xa6\xac G\xac\xbe\x1a\xb1\xc0\xa5\xeeE\xba'.\x11D\x8e\x91&amp;5z\xf6"</t>
  </si>
  <si>
    <t>b':\xda\x97\xd4\xa6\xd0l?\xcbb\xc9\xf4\xd6G\xf7~\xef\x8d\xf6B;U\xc9\xb4f\x95qA\x94b\xef\x00'</t>
  </si>
  <si>
    <t>b'\xbb\x18\xffN\x17\x05Jp\xa5\xd9\xb5\xa0\xc2\x08\xef\xad\xa4O\xaf\x16\x1d\xe6\xfc?J:_.\xdc)\x81h'</t>
  </si>
  <si>
    <t>b'\xa0\xedj\xda\x83\xe9\xde\x0f\xa8\t\xa7\x11\x11M\xeb\x1cL$\xe2\xce\xb9G`\xe9r/\xf4\x00;,KD'</t>
  </si>
  <si>
    <t>b'D\x93\xe2P\xb0\xbd|\xe1\xdce\xc0\xdc^\xc9\xf7\x9c\x0fR:l \xdc#q)\x9e\x1e\x99\xca.\xf6"'</t>
  </si>
  <si>
    <t>b'\xe1\xb5\xac|\xd2\x80\x7f\xd9\xb8q\xe5\xa0hO@\x94/\x07\xff\x94\x85\xd2\x86\x92\xd9\xf5\x8f\xbdEg\xa0\xd6'</t>
  </si>
  <si>
    <t>b'P\xdfp\xc6\x88xB\xacoY\x19\xec\xa1\x9e\x16\x14\xbc\xd80\xd9\x00\x99G|r6\x0cVy\x8am8'</t>
  </si>
  <si>
    <t>b"'\tO%1y\xe0\xc0L\r\xf5~\xad\x03&gt;\xc6',\x01\xa5:\x94\xcb\x1f\xa2\t\xac\x1e\xf3\x91I\x11"</t>
  </si>
  <si>
    <t>b'\xbe=\x1d\x8c./\xd2]\xfa+\xfd\xb2$\xc2\xced\xca\xd5Z\x0cu\x1c\x04n\xef\xba9??\xd6\x96\x0e'</t>
  </si>
  <si>
    <t>b'\x194\xde6x\xd1\xab(~s9\xbaj\xf4\xc0\xa6b\xa3\x1d\xa2\x17\xe8T\xdf\x8e\x9f\x81\x80?#l:'</t>
  </si>
  <si>
    <t>b'\xa6\x97\xd5\x7f\x16\x11\xcc\xfb\x12\r*\xc5\xb8\x97xh\xfb\xde\xef\x92\xf4u\xb3k\x0f\xe3\x91y(\x98/\xd6'</t>
  </si>
  <si>
    <t>b'NJ\xb8|\rebb\xcb&lt;[\xffC{\xc8T\xd1y\xaa\xd8\x8a\xd98\x1e:\x12Fe\x13\x00\x08\x8d'</t>
  </si>
  <si>
    <t>b'&lt;w\xc6GlP],r3\xbb\xdam\n\r\x9c\xe2\x0c\x14%\xfe\xb3vh!+\xbb\xc8\x13n\x8b\xd1'</t>
  </si>
  <si>
    <t>b'\xa1\x91\t\xd0^\xb8:=\x1a\x17\xcd\xa2\xd4\r\xf8rm\xf6XT\xc1\x80\xa9\x87\xa37\xb1U\xfaj\x8ek'</t>
  </si>
  <si>
    <t>b'\xd8\xf5\xe4\x1a\xdewR\x04\xb1\xdeq5\xda\xfbX\x9ey2}*\x7f\x00\xa3\xa0i\xf0\x8c\x07\x90e\x18\xfe'</t>
  </si>
  <si>
    <t>b'\x11L\x1f\x10\xa6\x1c\xba6\xc1|L\xb59\xbc\xda\x900\xaaj\xbb\xad5!\x1c\xc4N\xc1#\xf7AIo'</t>
  </si>
  <si>
    <t>b'\xeb{\xcd\x11\xec4\xcb&gt;\x06t\x1bS6\xa3\x08I\xb6\r\xbd\xf0=\xf8&lt;\xc6\xa7\xdfwBYs\xd2\x04'</t>
  </si>
  <si>
    <t>b's~\xe7\x94d=J\xdd\x06\xc6N\x9a#\xe4\x13*`\x1f\xb3Q\xd6"\r\xben\xdf\'7\x87\xcd+\xeb'</t>
  </si>
  <si>
    <t>b'\xda\xa2_A\x17\xfd\x9a\xff\xa0\xaa\x1b,\x85H\xd8\n\x94\xcb\x9d\xb8\x02\xf1xF]y\x8bz)2\xde\x18'</t>
  </si>
  <si>
    <t>b'\n\xe0C\xcb\xe7Bh\xa4\x1a16w\xb7\xe7\t4\xdf\x87x\x0f\xca\x1cfK\xed-o%\xdd&gt;\xdb\xbf'</t>
  </si>
  <si>
    <t>b'\x8e8\xf3"\xd6_\xeeV\x8e\x88;/!\x9a\x86\xa1\xcfPub\r\xcb\xd01\xc1\x0c\xea\xef$\xea\x00H'</t>
  </si>
  <si>
    <t>b'\x1eIX8,x\xf8\xa9\x07\xf0\xd4\xe4\xb1\x02\xbcG\xdb\x89d\xc5\x0b7r\xe5\xaax\xf3\xa2B\xacGd'</t>
  </si>
  <si>
    <t>b'\xab\x8a\xe7\x8aS\xa34\x81\xe1\x9e\xff\x98.\xe9\xe4U_\xcc+\xa5 \xf4\xd5\x7f\xda:^8L/\xe7^'</t>
  </si>
  <si>
    <t>b'\xf5\x9d\x05\xb7\xdc\x98\x8c\xf1\xc4\xa3\x92\x84\xc3\xb5\x8c\xe5W\xc1,+\x12\xdc\xfcp^9\x08\xd5h#\x1ap'</t>
  </si>
  <si>
    <t>b'X\xb7\x1a\x8f\x90m\xd9\xcc\xbe\x18\x17\x1b\x0c\xf8\x96\xfb\xdf5\x8d\x08\x01\x8dx\xceHq\x92\xf5\xbb\x02\xf6+'</t>
  </si>
  <si>
    <t>b'\x9cuE\xb0\x81\xa3S\x91\xec\xf9,\xb1M\xbc\x80^X\x05^\xe3d\x9e\x82}\xdc\xf6\xccQ\n&lt;\x8aa'</t>
  </si>
  <si>
    <t>b'\xf3i\r\x85n\xb2)-+L\xf6`\xe6/\n\x93\x9e\xf3\x08\xfb:G\x8b\x05K\xd5y\xc3\x9d\x9cm\xf9'</t>
  </si>
  <si>
    <t>b'\xd7X=\xf1\x1d\xdb3\xd9\xb4\t\xb8\xa4(-\x81\x98\xec\xdc\xb1\x84u&lt;f3qy\tn@\x0f\xdf\xe8'</t>
  </si>
  <si>
    <t>b'\x11\xe0\xa3\xe2,\xe7\xfc\x01\xceR\xcc\x01!\x10\xd3\xc9\xd4\xe9\xee\x07*\x15\xcd\r+\xbe}:\xce2\xa1h'</t>
  </si>
  <si>
    <t>b'\xdd2vx\x89n\xb9\xa6yo\xe5D\x10\xe2\x1ef\x96&gt;.(\xcai%z\xbb\x9f~\xe5;\x99\xbc\xa3'</t>
  </si>
  <si>
    <t>b'\x93\xb7V5\xcd\x9d\x96) \xc9:Z\xc0\xb2\x96\x0b\xf4\xa6\x93\x93+S\r\xe3\xd8\xa0F\x08!D\xe6\xec'</t>
  </si>
  <si>
    <t>b'\xf7\xfd\xd2\x81\x9cPh\x96\xddpNLry\xee\xc6m\xbd$F)\x01D\xd5M#Dx\xef\xa5\xa7\x8b'</t>
  </si>
  <si>
    <t>b'\xc9-\x13\xcb\xce\xc5\x99\x9d\x80\xc2\x00\x18\xc9\xb4n\x1f~\xa4qS\xd4?.a?\xb1\xe2o[\xaa\xeb\x0c'</t>
  </si>
  <si>
    <t>b'M\x92=\xce]\xbb\xf38\x18\xef\xd6\x1c:6\xf3\x90\xb0\xda\xf1\x10\xb7\\\xc8\x1f\x8c~\xd9\xe6\x98\xb8\x87+'</t>
  </si>
  <si>
    <t>b'\x15\x0f+&gt;4:Q\x86\xa9\xf4\x9d\x0c\x1a\xdb-!\xfc\xb1}\xcau\xc7\xe3y\xab\xf5\xda\x1b3No\xc9'</t>
  </si>
  <si>
    <t>b'G\xe9}\xe4\xba7\xd8\x1a\xb7k\x98&amp;\xc9\xa9\xb0\xff\xa6\xa3\xd1/\x8f\x06\x96\xdf\xacM\xa09\xc2?\xebK'</t>
  </si>
  <si>
    <t>b'd\x89\x9d\x836\xf6\xd8\xa0\xe2\xe6U\x95AV\x80\x8e\x04\xbcc+JSw\xd7\xd5\x06\x12&lt;\x06\x08\xaf\xb3'</t>
  </si>
  <si>
    <t>b'\xb0\xe1\x9d\xd8N\x8aC\x1b:\xb2\xef\xfd\n\xe2\xcc\xf1\x06?\xeb\xc4\xec\t\xd0\x89\xeb"\xc3U2\xcd\xac\xd7'</t>
  </si>
  <si>
    <t>b'\xa18\xfeL=~\x1c;]\xfeaR\xa3\x9a\xcf522\x87v\xd32\x8c \xaf-\xd9/\xfb\xd9[\x1f'</t>
  </si>
  <si>
    <t>b" \xfa2\x83sH[,\x9f\r\xb4\xdc\xa8\xc94\xcb\xc9\x0b\xddD\xabE\xaa\xf2\xe8'Ny\x885\xf1\x92"</t>
  </si>
  <si>
    <t>b'g\xb5Hr\xf4\x92P&amp;\x88\xaeW.,\xc57\x80l\xfc\x16\xf0]\xa3S\xfc\x9c\xb7\x8c\xf4\xc8j\x86\x17'</t>
  </si>
  <si>
    <t>b'P\x1bX\x0c\t\x7f\xe6\xc7!\xc7\r*q\xc7\xc9\xe0lP\x0c\xdb\xa5\xd4#\xb4z\r\n\xa8\xcdc\xad*'</t>
  </si>
  <si>
    <t>b'd\x0f6\xc89\xeb\r\xec\xb0\xdf\r\x08.n\r2\xe8\x17\xc5*\x95\x0f\x9c\x10\xd5D=\xffY\x95kF'</t>
  </si>
  <si>
    <t>b'"6`.\x1b8\x80\x18\xa5U{\xf4Z\xc4\xec\xf2H\xbab\xbe#\xaa\x8b$\\\xfcb\x18`\xec\x98\xc0'</t>
  </si>
  <si>
    <t>b'\xacI\x15+[iT\x87%\x80\xf0yN\xc4\xd9\x16&amp;\xa9\xf1|\x8e\x8av\xb5L\x150\x9a\x0b?;y'</t>
  </si>
  <si>
    <t>b'\x8f\xd7S\xf2\xc3r\xbc\xde\xd8\xa3\xf2Kw\xb4\x1b\x80\x81\x97M\xfa%\xe1\xd8-\xbd\x01\r\x12\x00\xa2X_'</t>
  </si>
  <si>
    <t>b'f\xa5\xe3\x92\x01\x8e\x05bx\xf8\xef\x81\xe6\xb17\x95\xb7i\xc1!\xf6\xd3\xd3\x05\xc3\xba\x85\xc6\xb1\xb2\xfb\x14'</t>
  </si>
  <si>
    <t>b'B\x91w\x7fl\xf2w\xa6B\xfc8\xd6\xb5\x85\xfbju\xa1\xc8\x1b\x0b\x89\xd6j\xd3\xb3\xe5\xd11\n5\x87'</t>
  </si>
  <si>
    <t>b'r\xc5\x1a\xa4\x1a\xd5\x04\xb1\x80\x15\x1a"h\xb20\xca\xa4f.h\xc0\x9f{\xabH\xf8\x11\x9e\xbc#&amp;\xa6'</t>
  </si>
  <si>
    <t>b'\x05\xdb\xc7\x86\x00k$LI\xf3\x15\xdba#\x9e\x0e\x7fk\x95\xf5]\x8bs\x9a!"@rj#&lt;\xdd'</t>
  </si>
  <si>
    <t>b'j0\xb9\xa6~KD\x93V\x03\xedfmY\xaf\xd4\xb0p9\x07\xe9\x8c:\x98f3\x95Wl\xf1u\x14'</t>
  </si>
  <si>
    <t>b'o\\2\x12\xc8\xd5\xc4\x01\xb5O\x14\x07a4m@\xadA\x1f\x1e\xa9Z\xad\xeaok\x9f9\x03\xb3\x0e\x04'</t>
  </si>
  <si>
    <t>b'\\\xb6\x07\xc7$(G\x83\x16\xcf \xf1:\xea\xb3\xd1@\xde\xca\xa6\x9e-u}\x86\xe8\x05\x99A\x10z\x1b'</t>
  </si>
  <si>
    <t>b'z\xd7\xf33\xfd\x8b\x16^\x826\t_\xa5\x95\x10\x01\x8f}\x01/\x1a\xf1;\xef\x9e\xa8\xd9\xf3e\x8b5\x16'</t>
  </si>
  <si>
    <t>b'\x8bF\x95\xb0\x94\x11\xde\xfb`dK\xe6\xef\xc8vp\xb93\xcaA\xc38H\xb3\xccS\x94`m\x8c\xca\xd3'</t>
  </si>
  <si>
    <t>b'\x83\x9e\x92\x97\x887\x9b\x13_Y\x95\xddMm\x1faU4\xc6e\x04\xad \xfb\x03\x1a\rb @\xc0c'</t>
  </si>
  <si>
    <t>b'\xd8\x1c\xf3\xe3\xab\xb3\xb1\x0b\x88|\xb6\xf6\x90{\xc5\xf8\xf1\x84\xf5\x86\x8c\xc4\xe2\xd5\xda\x08\xc1_\xa1F g'</t>
  </si>
  <si>
    <t>b'\xc0\xf5n\x13(H\xa8\x8a\x9b,\x0b\xaf8\xdd\\\xcd&gt;\x9dG \xb9`\x84\xa2a\x18\xa4\xdb%\xa9Ip'</t>
  </si>
  <si>
    <t>b'\xce\x9e\xd7/\x8a\x92i\xe3j\xd3/\xa9\x83\xf77\xf6\xe0\x04l\x19\xfbQ\x992\x8bc\x0b&gt;\xdbZ\xb7\x8d'</t>
  </si>
  <si>
    <t>b'\x10,\x80T*M\xcbQ\xb4\xfe\x05\x99\xf8\xd3\xf8dH\x01a\x9bg\xe4\xcd\x11,\xb0\xe4\xaa\x08\xf8\xb4\x8c'</t>
  </si>
  <si>
    <t>b'X\xf3w\xa5\x1e2\x9bL\x12^&amp;\x89\x05\xd8=\xa0\xf0mQ\xc1\x11e\x01\xa8\x82Y\xa7\x89\x83,g|'</t>
  </si>
  <si>
    <t>b'\x88\xe5\x04\xb9\x83\xab\x1cl\x03\x8e6#\n\xdd\x0c\x84Z\xb3\x9a\xb5W\xbd\x80\x03\t7\xb8\xd8\xed\x0b\xbce'</t>
  </si>
  <si>
    <t>b'!\x8cz\x89\xf4\x937\x9af\t\xd8^wY\xee\x82\xa6\x10\xb4\xab\xc5\xb3\xf3q\xf7T\xdc\xc4Q\x8f_\xb1'</t>
  </si>
  <si>
    <t>b'E\xa3~\x941[\xa9\x81\xc9:\x0eBC\xc5E\x94u\xe8\xff\xf9X\x14].1\xdc\x9c\x90\xc0\xb5\xdc\xe2'</t>
  </si>
  <si>
    <t>b'\xbf\x8e\x1e\x18\xb75\x83\x1e\xf4/S\x06\x9d\xbd*\x0eMd\x86\xc9\xa2\xd1\x15\x97\xa0\xcaw*ng\x9c\x8e'</t>
  </si>
  <si>
    <t>b"co\xba\xeb\xba\xf9,\xd8\xad@\\jg5\x92\xc3y'N\x97\x9bpa\x05\xf3\xb0!\x81\xc49\xe9\x07"</t>
  </si>
  <si>
    <t>b'\xbb\x01\x93\xdb\xcc\x9a\x8b.]\xc1\x02H9\x12\x94.\xear\xeb\xd9x@\x88\xf7\x8e\x87\xde\xf4\x83\x0e\xbc\x92'</t>
  </si>
  <si>
    <t>b'\xad1\xc72\xb0\x1dt\x9cG\xa3\xb1eF\xf3\xe6\x11\x1d\xcdY\xfc\xf6\xc4\xef\xb7&gt;\xe5{d\x15\xcd\x938'</t>
  </si>
  <si>
    <t>b"\xde\x97I\xdeg\x05\x0f\x11]lI~`'\xb8\x14\xdek\x159\xb6\xe5\xa1N\xb4\xab\xe5J\xed\x05\x8d\x95"</t>
  </si>
  <si>
    <t>b'\x04*C\xaad\xfd\xe5\x9c\x82=lb\xb3u\xcd\xb2\x95\xf5\x13\xa0\xd0\x90\xa5l\x18#\x855\x16\xdc\xd8\x93'</t>
  </si>
  <si>
    <t>b'\xa9\xd0\xa9\xbf\xde\x9b\xf1=\xeaR\x06\xdc9\x12k\xe2fY\xd1w|\x95\x90\x83\x92a\xe5\x1b\xa1FG\xf9'</t>
  </si>
  <si>
    <t>b'4&amp;\x0cM\x19\x9a\xa5\xcb\xaf\t?\xc1i\xa9\xa6\x82\x87\x85\x91!\x1f\xe3\x06\xb1\xc0r\x8a\xb2\x15\xca\ts'</t>
  </si>
  <si>
    <t>b'\xee\x19\xbc\x90\x9e\xf5\x88zN\x97\xdelQ\xaf\x1f\x9d\x07\x084\x89X\xff\xd9,wW\xa0\x82j\\\xc7\x82'</t>
  </si>
  <si>
    <t>b'\x91\x8c\x10]:\n\xc4\xaf\x90H\xba\x9d\x8d\xe7\x94\x0ek5\xc6\x9c\x00n\xa5\xbc^\xa0\xd5m\xf3P\xe5\x98'</t>
  </si>
  <si>
    <t>b'\xbf\xdd\x80\xe2@\n\x87\x80\xc9\xb9\xbf\xf9\xfa\xe3\xf5)\xe4\xe5\xe4B\x84\xcb\x8b\x85\x16\xae#\xc7\xa9:\xd7V'</t>
  </si>
  <si>
    <t>b'\xdfsw\xc6l!\x00\xcf\x8d\x02"\t\xca(L\xe4\x99\xafaa\xb7\xa9\x90 Q\xa5\x03.\xf8\x93\x19\xc5'</t>
  </si>
  <si>
    <t>b'0&lt;\xd4s\x0f7Q\xed3\xe2\x01s,\xfd\xc6\x1d\x05\xcbv\xdc\xf8\xb5,\x08\x10\xf1\x17\xc4o\x12\xeb5'</t>
  </si>
  <si>
    <t>b'\xe7\x17\xaa\xe2~8&amp;\x96\xcf\xf9\xc6\t4\xe9\xffC\x02\x84\xfd\x89\xb0\xf0\x7fNI\xeb\x90{!\x9c\xa6\xcb'</t>
  </si>
  <si>
    <t>b'\xf7T\xac\x13\x08\x07\x19Iph$\x9a^\xf13@\xa7\x05:i\xfa\x0c\x9e\xbb@W\x0e\xf80\xcd\xeat'</t>
  </si>
  <si>
    <t>b'&gt;\x9f\x8e\x81yp\xd2\xa5rS\xa3\xf9\xf2\xb6\x1e\xae\x88\x10\xf6\xf0\xc1\xad\xde\x98\xe5\x8f\xda\x0b\x94\xaaM\xd4'</t>
  </si>
  <si>
    <t>b'\xbfR\x8b\x07\xc2\xc6Z\r\x88W\xd7\x183\x17Kom*\x92\xa4\xbbtX!b\xbe\xc3\xdd\x98\xa1\xb0N'</t>
  </si>
  <si>
    <t>b"y\xbd'mn\x97\x1dnK\x06\xbe\x8d\xcfk\x9ao\xc4N\x12\xe2\x84\xc7\x17\xbf\xf5^\x9bk\xe7~\xab\xcc"</t>
  </si>
  <si>
    <t>b'\xa2c\xe2=\xf7\xf2\xefY\xf60e\x1d\xe0\x13\x84G\xca\xe2[#\xa8r\x99\xda\x89\x07\xd4\x8d\xae\xa6+\xb5'</t>
  </si>
  <si>
    <t>b'[\xdd\xe6[\x84\x11&gt;%\xbc\xc3\xc4\x85c\x8b\xa3\xadw\xe0\t\xc2\xf3\xc6\xe3\xe2\t\x13\x7f\x0c\xc9\x8e\xc3\x84'</t>
  </si>
  <si>
    <t>b'\x95^\xe4\n&gt;d\xf8\x9b\xef\xe5\x11\xe5e\xbe\xae$\xbd\xa6\xc8V\xd9]\xb2\xab\x8a&gt;\x05\x00ry\x08\xc5'</t>
  </si>
  <si>
    <t>b'\xf0Q\xb0\xdf\xba\xaf\xf8\xc1\x11Y\xac1\xec\xe1\xe9\xe5&lt;\x98cX\xed\x92\xee\xe6N\x83d\t\\\xf6:\xf4'</t>
  </si>
  <si>
    <t>b'R\xec&gt;\x03\x95Q\x18\x1f\xa01\x9a\xff.F^\xda\x08\xdd\x80\xdd;\xa5f\xf5\xc2)=\xa9\xb6\x01\x7f\x0b'</t>
  </si>
  <si>
    <t>b'\xc0D\x03\xbb\x90\xe1\x19\xaa\xed\x14\xc6\x0c\xd9\x92M\xbaa\xf5L8\xf5:\x15\x92\x0eW)\x87\xd5\xc3X\x01'</t>
  </si>
  <si>
    <t>b'f\xa9\x04y\x05\xc9\x0e\xf09o\xc7\xc1H\xe0\x0e\xdf\xf9j\x80\xa9p\x8b\xf1\xeb6^S\x00\x9f0\xb3\x0f'</t>
  </si>
  <si>
    <t>b'\x18QK\xceD\x0b\x94\x1a.\xb6\xf0\x99\xdcL\x17\x1e\xb2\x13\xc0}\xdb\xa2\xd6\xec\xce\t$\xe4\xff \x96\xca'</t>
  </si>
  <si>
    <t>b"\xbf\x86E\xac\xc5\xa1\xb2Z*\xd0\x9bG\x1d\xfb\xb0H\xf6)\xf8)_\xdc%H\xef\xef\xdb\x8d\xac\x80'R"</t>
  </si>
  <si>
    <t>b'\xe3C\x19\x9b\xb4e~q\xf3V!\x01&lt;\xf2\x973\xff\x9f\xca\xa5\xaf\xeb6\xc0s#\x94us\xe0\xb4\xe0'</t>
  </si>
  <si>
    <t>b'\xe6\xa6\xf3\x19\xd6\xc9\x8dX\x86\x04=,.\xec\xa55\xef\xa4\xd8\xb7\xd1\x85|\x9d\xad\xb3\x89\xd6M\xcaB\xcf'</t>
  </si>
  <si>
    <t>b'\xff\xadC:\x11SP\x19\xb5c\xd7W\xdb\xb4xg\x14\xb9[\x8c\x1a\x00\xa0\xe2\xdc\x1d\x18\xbb\xfa\x7f}\x91'</t>
  </si>
  <si>
    <t>b'\xe6\xe7\xbf\xecd\xb0\xa3[Y\xa3 7\xc0g\xf9I\xcd`e\\\xc2\x9cg!$\xb7\xde\x12\xe8%\x95\xc4'</t>
  </si>
  <si>
    <t>b'4\xf1\xf98J\x8d\xa2\xec\xe2\x15"\x96b\xde\xed"\x0b\xa8\xe8UHO\xedy\x83\xdaC\xcaq\xf56\x9f'</t>
  </si>
  <si>
    <t>b'+\x94h\xb5C\x15)\x94\xe5\xf0\xaa\xfaZ\xb6E\xe0\x92\xb7\xd8E"#i\x7f\xe1\xfdLt\x02\x87)\xd9'</t>
  </si>
  <si>
    <t>b'Bl7\xc2\x0e\xf3\xe4Z\x8f\xd7\xad\x93?\x89\xc0\xa6i\xa9\x18]\x84\xb7\\\xdf\x94\x17\xaa\xcfYZ"\xbc'</t>
  </si>
  <si>
    <t>b'pp\x15\x8e\xb6]\x86\xfa\x90\xb3:\tPJ3\x87q\x99\xe1\x06\x12\xe3G\xb50R\xa1vm\xc8\xa5e'</t>
  </si>
  <si>
    <t>b'\xd8\x99,\xa1\x98i\x8a\x9594\x9f\xf5\x90\xc1Nz\x038l\xf9\xf3c\xb4\xd6Yh#0j\xd2O\xe3'</t>
  </si>
  <si>
    <t>b'\xfb\xce\xd7iS\xb4\xe5n\xe5\xf3\xd3\xc3\xa7\x0c\xed\x16\xe3\xbds\x98O\xd9\xfb6 \x8e\xba3\xc0]\xf6_'</t>
  </si>
  <si>
    <t>b'\x81q\xd6) +\x19\n\xee\xf5\x103\x1f\xe6I\xedrC\x18\\\xf5\x84R\xb2\xa1\xe3\\\x8cU)\x97d'</t>
  </si>
  <si>
    <t>b'{\x00\xac\xb4\xec\x0e\xd5J{\x8f\xab\xd2w\xd3\xed\xe6\xf8\xab\xe8\xe5 w\x8f5\xe6\xa1l~\xdb\x9d\x90\xfe'</t>
  </si>
  <si>
    <t>b'\xd4\xfeG\xdd\x0e\xbe\xe9%\xf1\xdc\x88\xe0\xd1\x85H\xdaC:U\x17\x1dM\x96I\xae\xfc\x166\x05\xd5\x9f\x1e'</t>
  </si>
  <si>
    <t>b'J\xe5\x86\x8ebg\x97\xd4\xae\x99\x03\xe6\x01\xc5\xab\xb9?~\xac\x8cP\x94\xdc\x05\xa3\xcaT\xdf\xdd\x9d\xc0\x8c'</t>
  </si>
  <si>
    <t>b'qpc[\x98E\x94ic\xc9\x95v\xb4q\x8fb\xf6I\xe1\xcb\xccA\x10\xfa\x84\xfa3\xf7\xaa:\xcdc'</t>
  </si>
  <si>
    <t>b'\x06\x9fD_\xd9h\xe3g\xce\x8c\x9c\xe55!)\x88`\x9a;\xba&amp;\x83*\x81\xe1\x05\xc5!*\x8d\x14\xa5'</t>
  </si>
  <si>
    <t>b'\x0b@\xda\x80\xfb\x1e]\xf5\x18\xc1\xe8\xcdJ\xa0\xde\xd1S\xdc\xbb\xa9R\xde\x9a5x\xd86\xdd\x95Om}'</t>
  </si>
  <si>
    <t>b"\xb2E1t\xeb\x83\xa4\xf0Gz1'x\xebc\xf3\x1aS\x1c\x89\x9f\xca\xf4\xa9\xc6\x16\xfc\xd1\x7f\xc80,"</t>
  </si>
  <si>
    <t>b'\xbef\x00\\\x81\x0ehO\xea\x7f\xda\xf6D\x8d\\\x85\xbc3\xeax\xcb\t\xcd\xc9sy\xac\xd2}r\xb6\x83'</t>
  </si>
  <si>
    <t>b'\xf1\x12\x8c\x07\x16h\xf76\x02\xc0\xe3G_\xa93F\xd3\x92\x16\xca\xa3\xc7ST\xf6-\x97\xf8\x1c\x89C\x8b'</t>
  </si>
  <si>
    <t>b'\xa5\x8f\xf0\xf5\xa8\x15\x98\xaa5\xb9yA\x82\xd9\xb0\x9f\x9d\x88\xae\xb3\xa5\xec\xd2\xff3B\x1a_\xca\\]i'</t>
  </si>
  <si>
    <t>b'\x1a\xb2D\x82cO\x1f\xe1\x18-\x04\xa7\x95L\xd5\x80\x92\xd2\xc7\xcak\xb1\x87]\xe77\xd92\xeb\x86\x9f\xad'</t>
  </si>
  <si>
    <t>b'/fg\\\xde\x90\x0f\xabR\xb4(G-\xf4a\x1c$\x0ey\x1d\x13\xb3Z\x98\\\x1c}\xf0Y\xc1}D'</t>
  </si>
  <si>
    <t>b'\x9d\xb36a_\xb5Z\xc9\xc9\x16\xa1\xde\x8e1\xa7D\x15\x98\x0e\xef\x05\xa3H\xcd-K\r\xfa\xf1\xda\xed}'</t>
  </si>
  <si>
    <t>b'y\xae\xdb\xe7/\xe8i\xec\x86\xb9J\xc1\x0c\x07ZkUjC\xe2\xb06\xbd\xd7\xfc\x97\r\xda\x99S\x8b\xc0'</t>
  </si>
  <si>
    <t>b'Ar\xfa\xa1\xc9\xd1\xadA\x96\xd7\x08\xa6\xc0*F"E\xd4\x84{\xae7S\xf4\x90\xda3\x12\x9a/1\xd4'</t>
  </si>
  <si>
    <t>b'nd\x86X;\xc2\xb775\xaf\xd7\x97\x7fn5\x08\xdb\xa3\x89\xf4Z\xed)\x99*\x17\x97\x9e\xbe\xf3\xa1.'</t>
  </si>
  <si>
    <t>b'K\x15\x1a4\xcd\xf3}\xe0\xde\x1a\rR\x9d\xe2\x82e\x8a*\x8b\xde\xcft\xdfo\x0b\x8a\x00Q.\x91MV'</t>
  </si>
  <si>
    <t>b's3\xc8f\xda*\xd4\xb1\xe8\xfb\xde!\xc4\xca\xc8b\xdf\xf3\x8aS\x9c\xb2\x87\x15\x93}\xa9\xa2F\x9b\xb5\xc7'</t>
  </si>
  <si>
    <t>b"Tksg\xc7\xfe\xfbW\x1e\x1f\xce\xd3\x1b'\xd3\x9d\x82\xd2\xf7\xf8\xefQ\r\xd9C\xb7\xa1\xb0H\x9ed\xae"</t>
  </si>
  <si>
    <t>b'\xd5\xb1+\xeeD\xd8\xb6c\xcbj\xce\x9f\xbd\xfc\x97\xa8i\xa49\x12\xd1$Q\x946K\xe3\x1d7\x8c\x8e1'</t>
  </si>
  <si>
    <t>b'\xdb\xbey\xc7\xf6\x11&gt;\x1b%\x9e\xfe;\xdb\xc9\xd0\xef\xb0\xe9\xc7\xb3\xdb\xb1!\x08\xee\x14\xcd\xe6\x93\xa2]D'</t>
  </si>
  <si>
    <t>b'\x12R\xfd\xde\xe5\x8d{\xdd:\xa1\xc7a\x94&lt;\x86i\x17\xd6\x01\x18^n\x80\xd0\xfe\x87`\r,\x8d\xa3k'</t>
  </si>
  <si>
    <t>b'\xaf\xfb\xa9:\xc0\xaf\x8d\xa7D\x8d\x8e`\xd4w\xbf0a\x90,\x99*\xdcyCw!\x0c\xbd\x0e\xe7\xc2V'</t>
  </si>
  <si>
    <t>b'\x08\xc6\x04(G\xe1\x1c\xa1\xa9IAE\x9e\x0c \xb5$^\xf3\x17\xb7n&amp;\xe9\xa1:5Z\xdf\xbb\x9e\xdf'</t>
  </si>
  <si>
    <t>b'hpW&amp;U\x95\n\xe4\x92\xae\x15\xb2\x92n.&gt;\x16@\x9eo4\xe2?F\x9e\xf28\x93k2\x96t'</t>
  </si>
  <si>
    <t>b'\x8d(\xbd\xe5\xd6W\x93\xd6R\xf0\xfdV\xc7\xe5\xa0\xf0%\xacQ\xd8(\x9c\xde`t\x8c\x1b\xbc\x02\xf7\xdfL'</t>
  </si>
  <si>
    <t>b't\xa2\xd2x\xdb8\x07h,\x16\xd6\xefdzN\xf7\xb1q#\x0f*\x96\x89bx\xe3b\xc8I\x1b\xdd\x8a'</t>
  </si>
  <si>
    <t>b'\t\xa0\x8df\x18\nWJ\tV\xb6\xfb\\/\xb6\x83g&lt;\x925\xe6\xbc\x9f\xa8\x9f\xe2\xf1\x13\x08fB\xab'</t>
  </si>
  <si>
    <t>b'\xc5Y&gt;V\xc5\xebL\x89\xc0\xbc\x91\x8e4\xee\xd4\xaa\xa6\x1f-\xc4e\xe6\x81\x7fX\x82\xec\xeb\xc1\x9a\x05*'</t>
  </si>
  <si>
    <t>b'\xf9\xe4!\x14B\xe6\xc9%14\x8c\x9cG\xc2\xcdB\xa0\x1b\x0c_.P\x90)\xfek\x8dK\xcd+\x94\xd0'</t>
  </si>
  <si>
    <t>b'\x88\xcc\xd9\xcf\xf6\x1c\x1e\xe5\xce\xce\xfe`8\x11M\x1c\xc2cB\xdd\xcf\x87\xd9\xf6\xe1\xd5e\xad\x9e\xe7%\xb0'</t>
  </si>
  <si>
    <t>b'\x05m&gt;\xf8[y\x1d\xe0\x83\xd8\xea\xf8&gt;=\xc7\xe1\xbaE\x88\xc0x\xb9\x8duF\xa6\x87\x13\x8fB\xe8\xc5'</t>
  </si>
  <si>
    <t>b'*\xdd\xede\xb1#\xae\xe8xW\xe0}\x9e:\xbaZe\xe3\r\xd8\xc8|&lt;\x1b7\xd1\xbai\xeb\xfc\xf40'</t>
  </si>
  <si>
    <t>b'\xeb\xf2t\x8dh\xc7\x04\xd1\x93k\xe35Z\xa3\xac\x8b\x90\x85\x97\xbds\xf1\x86U\xe2\xe5+o\x02\x88\x13\xdd'</t>
  </si>
  <si>
    <t>b'h!\xc6\xbd\xda\xa3\x1a\xa7\xf2\x0c_\xcdQ\xeeW\xd9{o\x96tk\x04@\x1e\xfa\xbeo\xffB\xa8\x8f\xf4'</t>
  </si>
  <si>
    <t>b'\xfa\xae\xd7jD\x8f\xce\xc82\xbc\xf2\xeb\xe4\x90\xd1\xd1K\xc9\xa3\xc4|\xf7\xe4\xa98\xf5,h\xa5\xbc\x1a\x89'</t>
  </si>
  <si>
    <t>b"S\xf6$\xc5I\xb1_'\x01\xde\xf3\x11\x053\xa7\xd2Q\xf5S\xe0Sd\xe3J\x142\x01\x7f;/\x08\xe8"</t>
  </si>
  <si>
    <t>b'\xba@\x1c\xcd^3\xa2d\xd7\x93&lt;\xbe\xc4\xb4\xe5=hwj\xea\xe7\x07\xb1;K9g\x99\xf0\xdcT\xb0'</t>
  </si>
  <si>
    <t>b'\xcb\x02\xa2]\xc5\xba\xceFI\x06\x13\xde\x8bz\x13\x9fHS\\^\xda\xc6\x97x\x8fgN~\xe1\x8b\xe3r'</t>
  </si>
  <si>
    <t>b'\xf7G\x02u\x8b\x85)\xd2~ol@\x84\xdf\xd0\xd7\xb0VE\xe9r\xf4\xfbDO\xf1@\xd4\xac[\xdb/'</t>
  </si>
  <si>
    <t>b"\xe1GIh\xc4\x86\xc70Kg\xf8\xc5\xb6\xf0-vR\x19*')\xc4Z\xd2\x1fHu\x97\x10x\xf2\x19"</t>
  </si>
  <si>
    <t>b'\xf8s\xfak/\xd2p\xad\x0b9\xc6&amp;\xcc\x1a\xcf\xf4\x8b8\xba\xe2-\xfbV\xd2\xe1\xcb\xe51\xd2\xda\xe5\xe7'</t>
  </si>
  <si>
    <t>b"\xd7\xa3\xb4'\x8e\xc7\xe9k\x05\xb1\x94\xb6\x85\xbb\xbbeb\x9d\x1c\xb9)\xf4\xf7D\xe4\xc6!\xa7\xcb^\x8e\xde"</t>
  </si>
  <si>
    <t>b"\xa87\x08tU\xdb'\xfcTk\x8f\x88\xc3\xb7]\xf8\xceO)@\x95\x11\x9a\x83\xd21\xd1\xf2Wu\x0eP"</t>
  </si>
  <si>
    <t>b'~\x9f\x07\xfa\x12\xe1k?v[0\xaey\xe9\xe4\x8a\x11\xa0\xa4\xdb!\x13\x81X\x0b5\xf0\x1eo\x1a\xe9\xc7'</t>
  </si>
  <si>
    <t>b'V\xb4\x81\xbc\xefu\x96\xbd\x81\x18\xaeU\xa0F\x1c\xa9S&gt;\xd9\xd3\x0e1\x02\xdfk\xe4\x9f8V\xa6\xa4\xaf'</t>
  </si>
  <si>
    <t>b'\x06\x8eQ\xeaW\xa0\\\\(\x1d\x8e\x95\xf1\r\xca\xe2.\x1f\xa5\x05\x0b*\xafr\xd2\xce|\x81J\xf3\x06\xbf'</t>
  </si>
  <si>
    <t>b'8\xa0V\xc5\xa0\xab\x00\xba}\x86\x06\x1a\xd6e.h\xa7\x83\x88\xe4\xac\xd0\xe9\x03A9\x96\xb3C\x9e\x0cB'</t>
  </si>
  <si>
    <t>b":\xba\xe3j\x14z\x9b\x13L\x9e\x9aQS\xce'\x8a\xe7u\xb4S\r\x00\xea\xa5;\xa3\xc4\xaerj\xa2 "</t>
  </si>
  <si>
    <t>b'/\xbe\x7f&gt;E&lt;\x1d\x00\xe3\x15\x18\xb3\xe9\xc8tg\xa1O\xbf\xe0\xd5\xe1-\x95+\x9dW\xda\x80E\x03\xfd'</t>
  </si>
  <si>
    <t>b'\x94\x05PF\xf9R\xb1\x03u7\x11\\\xec\x88\x9c\xcfL\xacA\x04\x13a\xa6Ym\x0f)*Wf\x88\x1c'</t>
  </si>
  <si>
    <t>b'[\x14\x1e\xcf\xc4\nsHT~\x1a\x1b\xab\xa4\x85X$T\xbe\x02\xe2,\x97\xff2\x87B\x89\x86\xcfD\x92'</t>
  </si>
  <si>
    <t>b"\xa9\xd4\x17\xe5\xb3\xe4W\x90\xbe\xbb\xe0O\xf2\xd3'\xac\xac]\xbcS\xde?\xe7\x0e\x9dz\x92\xf9\xc2C\x97c"</t>
  </si>
  <si>
    <t>b'\xb2\xfeZ`\xe1\\\xfe\x04a\xaa0\xbduT\xa3\xe0\xe0TPC\x17\xa6\x9ec\xdf\x15\xa43\xfa\xc7\x8a\xc2'</t>
  </si>
  <si>
    <t>b'\xa7\xdc4\xd1\x1e\xd1~Rhk\xd8\xf3&lt;\\\x85\xd2w\xd4I\x1br\x94\n%1\x0f\xd6\x1a&lt;m\x03\xae'</t>
  </si>
  <si>
    <t>b"\x93\xf1\n\xe9\xd2\x83&gt;\xb8\xb3\xfb:`\xe23Ty\xd5\xe1Z\x92\x18\xa6\x9d\xb0\xbb\xd5\xd1N\x80\x9a\x07'"</t>
  </si>
  <si>
    <t>b'\x01\xd4\x82\xeb=Ar#\xe5\xa2\xf3#`\xec\xbdx\x92\x80\x00/#\xf5Y\xbc\xdavi,h\xe7\x10\xa3'</t>
  </si>
  <si>
    <t>b'\x17FU\xb9%r\xc0\xc9\xdb\x19\x84&amp;\xc7\xcc\xbeo\xe7\x1d\xa8\x82\xe6\xd2#\x028b\xf5\xc0\xd0\xd2\xfc\x99'</t>
  </si>
  <si>
    <t>b'W\xdb){\xe2$\xf5{\xc6\xca\xd2\x82\x8d{\nq\x0e\xf9\x8f\xb6X=nP\xafSW\xc9P\n\x8c\xe0'</t>
  </si>
  <si>
    <t>b'c\xe9\x9a\xc25\x00&amp;\x96\rf\x8aGF*\x8d\x18PZ4\xaa\xb2\x876B\xe9\xeb\xb8 \xe5U\xe5^'</t>
  </si>
  <si>
    <t>b'd\xa1]X\xe8\x12\x80\x87\xc1\xb6\xe2iQ\xe4\x9dl\xba\x04\xfa\xe0\x872\x02\x88?\xd10\x87\xa0\xb9\r\x9d'</t>
  </si>
  <si>
    <t>b'\xe1\x7f#\xae\x0c\xb8\xab\xcbP\xa3\xc6\xb8xWm\x87a\xdbA\xa1\xba\x82k\xa8\x05\x84\\\xdb\xdcy\xc1$'</t>
  </si>
  <si>
    <t>b'\xabpcNJ.Y\xb0)\\\xb3\xa2$\x0bf}=\xebA:0F\xc4\xb7;\xd3\xbe\xdc\x12&gt;\xf2\x1d'</t>
  </si>
  <si>
    <t>b'\x0f^\x9d`\xe6\xb6\xfc?\xa4\xab\xbb\\\x15\x01\xa2\xe4P\xado\x11i\xec\xd0ByVF\xc5\xd2?o_'</t>
  </si>
  <si>
    <t>b'\x80^\xd25\xd7\xb2\x1f\xf8\x16\x02\xc2\xb2\xd9\xa9\xa6-:\xfa\x8e\x8d\xa0f/j\xec{\xc6\xeb\xc9\xe8\xbd\t'</t>
  </si>
  <si>
    <t>b'\x80\xbd:F#\xd1\xc2u,\xafhR\xead%9\xdb \xe0\xb3yz\xc0a\xae\x07\xd2\xc0(EM]'</t>
  </si>
  <si>
    <t>b'\xee1;\x8d\xb0\xf9\xb0\xe6\x12\x9a\x86\xea[\xb8\x0e$%p\x13\xb1\x94)Sz\xf8DB\xc9x\x9d\x9f\x08'</t>
  </si>
  <si>
    <t>b'2z9DZ\x7fv\xf4c\x97Q\xde\xf6\xb9N\x88W(I\xc7Dg\xc3\xa0h \r\x82\x7fP\x0b\xe6'</t>
  </si>
  <si>
    <t>b"Df\x13\xb7\x1e'\xe5R^\xce\x9b\xd5\xd9\x8c\x7f\x90\x94)\xde\xf4\x9c=\xf0]\xe2\xe6\xfc\xcdA\xb7\x03}"</t>
  </si>
  <si>
    <t>b"\xd9\xb4\xa6'p\xfb\x84\xb0d\xba\x9b!A\xc8 '\xd0\xbcFf\x15\xb1[m\x1b\x1c\xf2\xa6\n\xe7\\\xa5"</t>
  </si>
  <si>
    <t>b'\xa4\x15j(0fK\xe2GR\x86\xc0\xce\xa3nV\xd9\xa2\xd6\xc0vS\xf4W\x01a\xe0\xd9M\xf59\xfc'</t>
  </si>
  <si>
    <t>b'\x05\x9b45\xda\xe5#\x92\xa3\xdf\x05A^\xb7\xbb\xcc{\x91\xadUu\xdd\xf0\xc4\xa41\xa2\x99\xa05\xbe\x11'</t>
  </si>
  <si>
    <t>b'\xde\xbf\x025\x9b\xc9\x9a\xfax\xec\xc0\x13!.\xa7\xb2\xc7\xcd\xf3M?\xf6,1\t\x9e\xe7\xfb\x9c\xfb\x94F'</t>
  </si>
  <si>
    <t>b'\xf9\x97.aX\xef{\xe2O@\x9c!\x1f\x1d\x0fGX\x0e^\x9b\xcb~\x0b\xc8e\xa0\x8d\xe4\xa7\xca\xc2&lt;'</t>
  </si>
  <si>
    <t>b'C\xfa\x93\x1c\x95\t\xb2\xd8\x05c\xad\x9d\xcc\xf8\xd0\xf7mx\xe7\xddO1\xa8\xf3\xf4\xd4FVM\xd3\x88-'</t>
  </si>
  <si>
    <t>b'\xf4CC\x148C\xca\xc4\x08\x0f\xf1_\xa3\x08\x16\xa0\xc0^\xe3\x8f\x15\x01b\xd7\xff\x00&gt;\x1c\xe9u\x94\xe6'</t>
  </si>
  <si>
    <t>b'A\xfd\xd9\xfd8XX \x87\x8a\xd5\xdda\xc1\xfa\xef0\x04\x9bV)\x1aJ\x8f\xa5\x86-u\xf3j\x97@'</t>
  </si>
  <si>
    <t>b'u\xb9W\xd8\xad\x04H\xc5\xd5\xeb\xea\xf2\x1b\xef\xd0&amp;\xc1\xac\x90\x06i\xd7\x90*\x1f\xa7\x97\x8e\xb8\x82\x0eU'</t>
  </si>
  <si>
    <t>b'\xe6@\x1b\xf6\x1f\xd2VP`\xea\x8a\x0f\x0e!\xbc\xed\x15\xfbe\xafc\xc3\xa0\xcf\xb1\xf6\xc4\xd8J\xc49z'</t>
  </si>
  <si>
    <t>b'v\xce\x93\x0b\xcaO\x1d/0:?M\x8a\xa1\xb0\xd3Nz8\xa5\xbd_%\xce\xcc/E\n\x8e`\xe5\xb2'</t>
  </si>
  <si>
    <t>b'jE\x94^k\x14\xc7\x05s\x0bx8\xea\x0e\xb1}f\xdd9\xba|\xbew\xd0\xf3\xa6\xe0\x1f\xf3\x7f\\K'</t>
  </si>
  <si>
    <t>b'@#:\x9c\x7f8_\x96e\xe6y2+#\xe9\xc8\xb1G\xb4\x9c\x92\x89\x199\xcfY!\xe6\xe5;t\xeb'</t>
  </si>
  <si>
    <t>b'\t\xb9\xfe\xbe\x90\xfb\x92\xbc\x16I\x95\xcc\x9c\xb0\x8f\x03N\xe3{C_\xa03\xf8`\xf5/v\xb8\xf0\x19\xbc'</t>
  </si>
  <si>
    <t>b':\xa8\xaf\x1e\xe86\xe0z-\x02\xc8\xea9\xf6\xd9e\xdd\xaa\xd4!Mj\x16B{\xe3\xe4\xf0\x98\x06dK'</t>
  </si>
  <si>
    <t>b'\xb6\xf5ZI\x10\x1b\xe0\xdc\x9e\x03Z\xdc\\m\xf0\xebq\xa5\xfa\xe4\x90F\x08\xfe\x03\xdbkZ8\xa0\x85m'</t>
  </si>
  <si>
    <t>b'q\x1d\x9e\xf9\xcf\x19j\xae=i\x1a\x7f\xd0\x9e21\xaa/?\xce\xcf\xa2\xf5M)\xf6\x99B\x0cV\xcdu'</t>
  </si>
  <si>
    <t>b'\xd3\xc1\xf2ED\x80"\xa6\xb8\x1dU\xeb8a\xde0\xaf\x83\xa3M&amp;\x883s\xb5kQ\xe4\xe5\x93\r^'</t>
  </si>
  <si>
    <t>b'\x16\xc6\xb4\xfe\xc4\xe3\x80\x05\xe8\xc7\xa3n\xce\xf6Y%\xbbT\xffht\xe1)e\xe2\xa4\xa9\x9b\x8c\xae\xd6\x1f'</t>
  </si>
  <si>
    <t>b'H\xee\xdfr\xd0l\xb1\xaa\x120\xbc|P\xef\xe8\xd6a\xfa\xa3N\xeen\x83\x95\xe4\x1b\x19\x8c)\xa1\xbe\x12'</t>
  </si>
  <si>
    <t>b'\xc7\x8a\xa7x\xb1\xa9\xbeE\x16Z\xd9p\x95\x8b"\xd9\x9b\x01\xe3l\xc6\x810\x07O\x1d\xa2\x93\x98{:x'</t>
  </si>
  <si>
    <t>b'!`k\xa2\xd2}\xb7\x9c\xba\xca\xcc\x86\xa8\x0b\xb2q\x96H\x1b\x99A\xfb\x8ct\xc3\x998tB\x89\xf1]'</t>
  </si>
  <si>
    <t>b'\xc2\xf5\x1a\x7f\x8b\x95\x99\xc3g\xb5\xa7h\xe8\x19\xce].\xd4R^\x90P\xcc\xded/\x0e\x8a\xf1M!\x82'</t>
  </si>
  <si>
    <t>b'\xcd \x07\xd8j\x8f\xfbi\xc4\xa73\t\x828v\x08\x99\x03&amp;%\x07\xb2B\xa9\xe4\x7f\xbb\xee\xa1&gt;\x00g'</t>
  </si>
  <si>
    <t>b'\xac\xb0ap\xc46\xae\xed\xa2\xd1\xae~\x1b\x9a!pz\x18  \xf1\xa4\x94\xf3U\xaf\xab\xb3(\xe3?\xe6'</t>
  </si>
  <si>
    <t>b'\x1b\xb1\x1f\x84\x80\xc0\xe2\xef\x8a\x04\x8f\xdd\xa5x\x84zv\xb6\x03\x85\xa3\x96\xde\x82\x13s\x100\x1b\x9b\x8d\xa6'</t>
  </si>
  <si>
    <t>b'\xffq\x93\nh"\xac"v\x95-\x91AXe\xdfV\x01\xa6\x98\xb5f\'c\xf4\xa1\x10/\xde\xb1\xe8\xbd'</t>
  </si>
  <si>
    <t>b'\x8e\xa5\x1cYTet\xba\x82\xa5m\x05\xc7\xa3\xf8\xc1}\xd4=N:\x12\xff\xea\xcb\xb3\x10W\x029$\x10'</t>
  </si>
  <si>
    <t>IA</t>
  </si>
  <si>
    <t>511xx</t>
  </si>
  <si>
    <t>b'Z\xd7[\x15"\xdb3\xfa0i\xf0\x85\x1cg\xe1@\xb7j\x8c\xe0\xd3\x80:?\x8a\xe9\xb3\xe9@Vc\xab'</t>
  </si>
  <si>
    <t>b'`(\xef,C\xe76\xd2@}@6\x93\xd0\x84f\xf4\xf5\xc3\xd0\x95@a\xf77\xbd\xdffZ\xc3\x9b\x8e'</t>
  </si>
  <si>
    <t>b'\x10V\x97\x06\x7fq\x17\x1f\xd3/\x8fb\x05\xc0Y\xf1\x14qd\xf8/V\x98jU\xd1&gt;4eFW\x03'</t>
  </si>
  <si>
    <t>b'\xb3k\x8aJe\x9b?#U\x9b1ucB"r\xd4[\x00\xf0F\xe6R\'\xea\x96\xd9\x00\xa2A8+'</t>
  </si>
  <si>
    <t>b'\xadTP\x7f!X\xa0\x92\x98eEw\xfbD\xdb1\x12\x98\xf8\xde\xc7=Y\xcda\xb4\xdfU\xe1\x92m\x7f'</t>
  </si>
  <si>
    <t>b"\x03M\x15\xef\r\xc3\x02&gt;\xd3\xd0L}\xa6\xdaJ\x91\xba\xdf\xc6\xb6\x8ex'\xd0&amp;hJ\x8c\xac\xddA\xbc"</t>
  </si>
  <si>
    <t>b';\xd9k7\xf6(#\xc8\xf9\xdc+\xeb:O\xb8\x97J\xddb\xb2G\xf9\x8c\x8c\x89|\xd8\xc5\xb0\xae\x02\x83'</t>
  </si>
  <si>
    <t>b")'q\xb0T\xdaa$B\xf1\x04\xd4\x99\xb2\xe0\r&gt;\xadcD^\x8e\xcd\x9a[\xbc\x88}\xa0\xc0\x80'"</t>
  </si>
  <si>
    <t>b'\xd9\r\x9dq#\xf8\xf2\xd6\xdf\xa6\x14\xaa\x1f\xf4\x19U5\x86\xb8S`\xf0\xa7\x80\xf7cd\xe0\xdd\x8fA('</t>
  </si>
  <si>
    <t>b'x\x8c\xd8,I7\x8d\xa4#\x17l\x88a\x1c\xaa\x960\xf8\xe4&lt;\xcbo\xc5\xfcKC,\x86Msr\xee'</t>
  </si>
  <si>
    <t>b'\x98\xca\xc1\tx\xe6\x81I\xb0G`f\x1aQ@\xc1\x87\xfcm(\x0e-\xb7A\xb7-\x85\x94F\xcdV9'</t>
  </si>
  <si>
    <t>b'O\x14\xb6-\x08n\x14\x88\xfca\xcfG\x1d\xe4\x83\xabQ\xab\xea\xbdP\\&amp;:[\xee\xbc\xdb\nX\xb8\x83'</t>
  </si>
  <si>
    <t>b'\t\xf6D\xd7\x82\xaa\xd0%I\x16^\xd0\xaa\xe8\x1e\xa2\x80{\xf11+~\xd1L\xf6\x1b5\xb8\xc3X\xc6\x9f'</t>
  </si>
  <si>
    <t>b'\x93\x10\xa8\xb0W\xbe\x05\xcb\xf3\xbap\x0c\xdc\x9d\xfb\xfd\xcd!\xa4C\xe9\x9e\xf2\xf6\xac/tr|\x95\xde\x0f'</t>
  </si>
  <si>
    <t>b'V\x9e\x12\x84Q\xb4]\xc5V.#Kp\xb9\xe0h\x19*\xc5\xde\xf8\xb5\x02\xd6p\xd6b\x1f\xd7\x9eZ7'</t>
  </si>
  <si>
    <t>b'}\xa5XU\xec\x8aV\xb2\x95$\xcb\x7f\x1011\xc5E\x9b\xe2\xba\xea\xa5\xa2\x82\xe5\xde\x93g\xc6\x8f\xac_'</t>
  </si>
  <si>
    <t>b'h\xdf\x8c\xf6\x12\xa1\x8f\xe6\xf0\xd9\xc6\xc3\xa4\xaf)&gt;\xed\xff\xce.\x81=\xdav\xd0"\x0f\xaa\x1b\x1f\xb9Y'</t>
  </si>
  <si>
    <t>b'e\x15\xb3\xc8h\x95\xee\x7f.+\x02b\x16\xdcP&lt;m\xe7+\x1e\xe3$\xabS\xf2$\xd8\x96\xd5\xb6\xdbn'</t>
  </si>
  <si>
    <t>b'\x0f\xd3\xeb\xa7x%\xd4\xe4\x8b\x99L\xfe\xd1\xe3\xc3\x05\xce\n\xf9\xdac\xe21T\xb8\xfa\xa9\x1bo\x1c\xd3Z'</t>
  </si>
  <si>
    <t>b'\x97n1Gy\x0fhg&amp;\x9ej\xb9\xd8\xc5z\xb9\xe8\xe73\xa1\xa5\xba\x81I\xda&lt;w\x11\x07&lt;z\xfe'</t>
  </si>
  <si>
    <t>b'\x15X(\xc7BY\xa8Xh\x1d\x99\xc7\x16\xbd\xf1\xbf|A\xd87\x8bz\xd3\x8b\xa2\xba\x80S\xb7Nv0'</t>
  </si>
  <si>
    <t>b'\x1f\x1c9\xec\xdd\xed\xa0\xea\x97F\xe1\xf6\x0e#\x14I\xf4\xce[\xf2h\xe7\x1f}\xe0:\xc0[q\xb2\xd5\x95'</t>
  </si>
  <si>
    <t>b'\x13\xbd\xed\x91&lt;An&amp;\xac\x13\x9c\xf3S\xb7/MFUG\x82\x11~*\x12H\xb2\x1bpl\xb1\xe5\xa4'</t>
  </si>
  <si>
    <t>b'\xe0y\xd7\xe7$\xcc\x84n7\xf99`\xc9\xee7\xad[h\xe7xv\x83\xc5d$=\xd7\xb9\xb2v\xd8\xca'</t>
  </si>
  <si>
    <t>b'\xc3g\xecY\xf1\xcb\xa0\x10\xc69\x95\\\xdb\xb1\xf5K;lv\xe6\xf2\x07p!\x18[\xe1CR\xc2M\x80'</t>
  </si>
  <si>
    <t>b'\n\xb7z\xe1\xca\xb8\xb2\xebz}\x11\xf4\xf9Qa_\xb2\x02\xd1N\xf2R\x92\xe6o\x1d\xdd\x13\xeeZ\xde@'</t>
  </si>
  <si>
    <t>b'c\x85\xea\xbb\x82(#\xbf\xa7\x07\xdeu:\xa2k\x84\xfd\xefR\xb8\xe7\xfdYn\xd2^\x05|NX\x17\xb6'</t>
  </si>
  <si>
    <t>b"\xcb\x0f\xf1\x16!\xd6E%\xde\xb2\xf0\x83\x1b\x05l\x08\x9d!\x1c\xf5j%&lt;8\xbd\xf12$Nl'\xb8"</t>
  </si>
  <si>
    <t>b'\x80\xe0\xbd\x91V\xba\x05\xc5\xd6\xc7\xbfV_V\xd7L\xe3\xb7S\xf1\xf3Vs\xfa\xfb\\1\xa4\x84\xa6\x80\x96'</t>
  </si>
  <si>
    <t>b'\x8e\x8a\xdb\xd1\xf8x\xd1{\n\x059\xb8\xcc~\xab5\xcd\xe9\x8e""\xca\x10\xc4\x08\xae\\\xd3\xd9\xa0\xa1\xde'</t>
  </si>
  <si>
    <t>b"rx\xa5\xff\xc0\x8f\x16\xd2&lt;\xeb\xf0\xe3\\H'Sy\x8b\xe0\x1b\xf4\x80\xe1\xea\x818\x82\x15|\x80\xe4\xaa"</t>
  </si>
  <si>
    <t>b'\xed}\xba\x12\xbfj\x01\xd4\x8a\xb5x\xd4\xa46\xc1\xa6\x0f`M\xd4\xb5\x8c1\xccl6Xv\xd9*`\xc3'</t>
  </si>
  <si>
    <t>b"Z\xd192\xa2\x1c\xf7Y\xb2\x8c\xf7c(g\x04;\x8f(\xa4\x1b\xb6\xcf\x02\x17\x0bv\xdc\x8f\xc5'\xca\xd3"</t>
  </si>
  <si>
    <t>b'\xc3X\xe7Pf\xa4]\x9eX5\xd9}vgIt\\\xf9M\xba*\x8d\xbc$f\x8f\xbb\xd9\xc6\x0f\x7fe'</t>
  </si>
  <si>
    <t>b'\xf4K4\xd1*\x82\xab\xa7\xc1\x95\xf1\xe5\x04X\x8b3kk\xbe(\x8en\xd1\x17\xf8\x80\xd8\xe8\x1f#&amp;\xee'</t>
  </si>
  <si>
    <t>b'\x1b\xf3,\xff\xfc\xc0x\r\x01\x08\xc2\xbc\xfe\x81&amp;\xf4\\\xda\x12\xc5l,\xc5\x92\x0bl\x87\xa8sE\x02\x17'</t>
  </si>
  <si>
    <t>b")F\x982l'*_\xf8\xde\xb0\xd5\xe3\x89]]8#D\xdcQ\xcf\x07PH\x8d\xf7\x17\x1a\x83\x8bg"</t>
  </si>
  <si>
    <t>b'j\xc8b\x85\x08\xbb\xcc\xd5uM\xdd\x82\x83\xe1\x8a\xf5\xd2cV\x91\xa9\x86\x81Z\xc6\xd1\xaan\x12\xa5l!'</t>
  </si>
  <si>
    <t>b"3~v.F\x847\x16\x8aY\xed\xf8\x16\xad'\x07@\x81\x03_\x02\x07m\x88\xd9\xed\xe5\xa0$\x91\x18\x89"</t>
  </si>
  <si>
    <t>b'\x90-\xbb\xd7)}\xc6\xe8\x04\xf8\xff\xce\xa7\x7f\x89B\x7f\xd5\xaa\xd3U\x11B\xd5\xa4kM\xcb\xffM\x05\x03'</t>
  </si>
  <si>
    <t>b'\xaa\x9a\xef\x82e\xa1&amp;\xdarpg\x01\xb2k\xf8\xf19\xaf\xedB\x8f\xf84sc\x89\x80c-\x01h\xc9'</t>
  </si>
  <si>
    <t>b'\x85\xe7l\xdd)\xa1\xf6\x829\xda\x87[\xb9b\xdcZ\xc6\xd9\xfa\x8c\x0c\xc2\xc6\x9f\xd8\xf2\xb5n\xa1l\xd4\xd4'</t>
  </si>
  <si>
    <t>b'\xa5%\xb9\xcfl\xf5\xe5Z1\x1fK\x86\x82\x87\xadh\xfe\xa5v\xdd\x96 \x02\xf3\x1c4f\xbc\xf4\xd4\xc9\xb4'</t>
  </si>
  <si>
    <t>b'\x9cI\x84.\x11E^\x83\n\x8d\xea\x8b\xbdT\xbb\x10&amp;l\x08\xe5\xd6$\xa3\xf0\x8axp\x0b\x94\x03\xce)'</t>
  </si>
  <si>
    <t>b'\xbc\x8a3\x8e\n\t2\xfd\x02!\x01G\xb66k\xdc\x7f;\xe2\x0cC\xad\xc3\xaf\x11\x0e\x7f\xd6Py\x02\xa9'</t>
  </si>
  <si>
    <t>b"\xe7\x0fF\x01\x0c7\xb4\xe1\xe9H\xb2\xf4G'7Xt!\x1d\x1b\xd5\x98'\x94E\xdc\xca\x9b\x00J\x17m"</t>
  </si>
  <si>
    <t>b'\x94\xc0I78dz\x93z\x9e\xb9X\x1bq\x02Rg\xecJ\x17}!\x1b\x96\xf3\x9c.\x84\xf2\xac\x1cQ'</t>
  </si>
  <si>
    <t>b'\xb7VxfZMS\x90\xd12\xfc\xd2\x84\xa5\xd0\xa3])\x0cT\xd8U\xce\x1e\xfe,-\x02c\xaf\xacc'</t>
  </si>
  <si>
    <t>b'\xa4=n;P\xee\xa4/\xc3\np\xc2\x11\xb1\xdc}\xed{\x02\x1b\x8dL\xc1\xf3\xe2J\x11d\x91\xdc%\x08'</t>
  </si>
  <si>
    <t>b'\xd0h\x8d\xa6~B\xad?|\xfb\x9d\xf0\x17\xb8\xc9\x16\x99\xec\xa2\xe6\x87k\xe2w\xedm_\xfe\xfd\xb0\xfa\x1d'</t>
  </si>
  <si>
    <t>b'\xef*\xe1X\xf8\xc9\x888\x1d\xee\x85bk\xb4B\x8aN ro\x15\xfdh\xbc-\xb9\xc0i\xcac\x9a\xef'</t>
  </si>
  <si>
    <t>b'\xba\xf9\x0e\x9e\xe2\x02B\x94ot\xbd\xdea_\x0e6F\xddn)z\xd1\xb0\xec\xc3\x88\xd5\xf5\xcb\xae\x16x'</t>
  </si>
  <si>
    <t>b'DI\xda\x95x\r\xbe\xdc\xdc\x81\xf7\xd21\xf4\x1f\xb4\xf6jI\xd0\x0b\x98\xb6L\xdc\xb2=b\xd4\xffn\x18'</t>
  </si>
  <si>
    <t>b"r4~\x8d\x86R\x02\x12w`\xdf\xc9\xfb\xe4\xfd\x97'y\x13sYu\xe5l\xd7\xeb\xcb{\xa1\n\x93L"</t>
  </si>
  <si>
    <t>b'Pj\xb7u@\xad|\xbfB\x1e\x9e&gt;\xce\xe3XG\xde{\xf1\xf1\xa5\x7f\x0e\xe3\x02\x88(\x9e\x10\x9eO\xfb'</t>
  </si>
  <si>
    <t>b'\xed\n\xb8M]\xb5D\xa6\x12\xc5\xd6B\x1a\x9d#\x1f\x9d\xeeE:\xce\xe6\xca\x8fm\xfa\xfa\xf0\x0f\xcb]&gt;'</t>
  </si>
  <si>
    <t>b'R\xfc\xfa\xf5\xae\xcem}\x10$\x07!\xb2EE\xbb\x9dO\xbe\xb4n\xb6s\xc0Ama&gt;\x0c.\xa3\xf7'</t>
  </si>
  <si>
    <t>b'\xbb\xf5\xeda_K\xcd\xc3\x17@C\xac&amp;\xd1\xc5\x0c\xbc[\x15\x06/I\xa1\x0c\xd1"\r\xbf|\xc5I8'</t>
  </si>
  <si>
    <t>b'T\xca\xc7\\k\xc8\xd0)\xe95\xd6\x1e\xf4{\x9c[\xec\xedtH\x97F\xd2\xc2^6&gt;?\xc4\xa5\xb4\x03'</t>
  </si>
  <si>
    <t>b'&lt;\xff\np\x89`\xb98\xfdE\x07\xaa\xb7lC\x18\xcd\xc8\xbf\x084tf\xc6\xcb\xa4[\xbeK\x83^Q'</t>
  </si>
  <si>
    <t>b'\xeb\xa0\x91\x9c\xb7w\x82\xa7B\x9fa\x1d=l\x0b\xc7\xde\xc9\x88\x08k\x1f\xdfZ\xdc\x16\x91\xa3\xe1\x17\xb7\xfb'</t>
  </si>
  <si>
    <t>b'\xfe\x02#\x97\x82\xa3\x85\xfe4\xc2\x81\x14x\xd0E\xea3\xf8L\xc8\xa3\xb2l(\xa4\xb4\xad:\xb4=\xd9\xc5'</t>
  </si>
  <si>
    <t>b"H\xd5\xfc0f\x1b@\x8fZ\x01`~z\x93c;!\x04[\x9c'\xcd\xb1r\x1b8\xa5\x00\xfcF\x88\x8a"</t>
  </si>
  <si>
    <t>b'5\x01a\xcds^S\xcf\x7f\xb7V\x9c\x07JQ\x8cU*\xa8\xc2R\x04\x06R\n!\xf3\x9cc\x9e$F'</t>
  </si>
  <si>
    <t>b'\x07\xc5\xb9v\xce{\xe3g\xf5\xc9\x84\xf8\x0e\xfc\xa2\x189tO\xa3Q2\xb9*\x01\xc0~\xcb\x1b\xc0\t3'</t>
  </si>
  <si>
    <t>b'\xbf\xf5\xbe\xb3\x8f0\x9aYo\x89\xfe;}\xef\xa5\xa0\xc0\xe0\xa6\x01*\x86v2\xbd\xca\xf9\x8b-\xbd\x08\xdf'</t>
  </si>
  <si>
    <t>b'\xc2ZT\x98+\x89\xc7\xe4T\xdf?\x80\xe1\xaf!\xcf\xed\n\x8f|\xba&lt;\xfe\xb0\xb6I\xc8^\x07\r\xb6n'</t>
  </si>
  <si>
    <t>b'\xc7#\xd7A\x18%u#\xbe\xe7\xe7*C\x9cu\xa3V\xadx\xa7\x08\xb8\xb3\xafj\xdc\xc51\xd0h\x86\xdc'</t>
  </si>
  <si>
    <t>b'\x1b9m\xdc\xd8\x0e\x89L\xf2\xb7YUM:\x88EE\xf4\xd0|\xcc&gt;\x0f\xaf\x97\xf2\x02GvdX2'</t>
  </si>
  <si>
    <t>b'\xfd\xce9\xd2j\xd5\\\xf0D\x89\x17\x03\x10Z\x8b\xf4cd&lt;2\x9a\xc6\xf9\xdc\xb7\xd7D9\xa9\xe1#\xf1'</t>
  </si>
  <si>
    <t>b'[w\xe2\xdd\x80\xb46\xeaE\xf5\xbc\xbb\x0e\x8e\xf0W\x97\xf11M\xea\xcd\xaa\xac\xb1&amp;3\x04\xd2-^\xdc'</t>
  </si>
  <si>
    <t>b'\x18\xb24\xc92\xbc\xf0TA\x1fs\t\xd5\x8b\xb5\xfbf\x15\x06\xc8y\xfe\xd4\xec\xee\x936\x87\x18\xb0\x86\x89'</t>
  </si>
  <si>
    <t>b'-_\x05\xf2\r\xd5\xd3\xd9\xe9\r#\x1d\xb7)T\xcb\x8c\xd7\xc5\xdf\xc57\x19\xae3\xfb4\xcb\x0c\xb2\x95$'</t>
  </si>
  <si>
    <t>b"\xc7oP\x10\xdc\xf6I\x9b\xcdz\xaa'\r\xfe\xe8\xacN$W6f\xfb\xa8\x82\xae\x1744\xef+c\xc6"</t>
  </si>
  <si>
    <t>b"g\xe07e\r\x94PO\xd5iZ@'\xa3R\rT\n\x9f\xc9\xaa\x1c\x94\xdeRs\xc7\x08\xf1\xeecl"</t>
  </si>
  <si>
    <t>b'\x0b\x927\xfa\xb2\xea\xd2\xb3\xb5`\xa3\x99;q\xd5y\x90\xf4\xa1\xf3\xe9\x03/*h\xc6\x98/B\xb1`\xda'</t>
  </si>
  <si>
    <t>b'\xad\xa9O\xa6G\xb3\xd9\xf8l*)*\xc0\x1c\x9aB\xf3\xf8\xb7\xf6\xca\xc3\xbaKi\xd7&amp;\xd9@4p\xb7'</t>
  </si>
  <si>
    <t>b'\xeb\xe7\xae\xb8\xbaGPA\x8a\xa1\x154\x1d\xba\xb7\xa4i|\x1b\x9aC\x99\xb3\xec\x13\xaf\x1f\x90\xf96\\\xde'</t>
  </si>
  <si>
    <t>b'\xce\xfe~\xb6\x7fb\x08\x9d\xae\xa8d\xc4\xde4\xce5/\x9f}t\xf1\xe8u[K\xde\xc4\x9d\x10]\xf5\x0e'</t>
  </si>
  <si>
    <t>b'g~\x91e4\xaeF\x12j\x05/\x87IK~\xa8\xc0\x9agZ\x05D\xcd\xa7\x0e\xb8Y\xd7\x04\x0cP\xe8'</t>
  </si>
  <si>
    <t>b"\x1fM\xf0\\fv\xe0@\x14\xe1\xc7\xa8\xf8\xd8'tm\x1c\xa9c\x01\xa4\x93\x80\xf7w\x16iH\x13\xc2\xe3"</t>
  </si>
  <si>
    <t>b"{+\x03ta\xb8d\xd0]Xx\xbc\xf0^\xdf\xe4'\xb4\x15e\xb4\xa2*L\xf0\x85\x13\xd5(o9\xb7"</t>
  </si>
  <si>
    <t>b'm\x87\xd2\xa5\xed\x9fl\x93W\xc2\xf7\xf1\xf2\x00:\xa5\xee\x05c\x9f\xad\x114]k\xda\xd0\x9b\x10g(\xcd'</t>
  </si>
  <si>
    <t>b'\xe9iW\x8c\x91-\x83`\xa2\x99\xd6\xbe*\x99\x02\xd3pD{\xa4t;\xc9F\xdd\xf43\xed\xbb\x10T\xae'</t>
  </si>
  <si>
    <t>b' {\x88\x1a?\xb8\xf43\xa6U\xca\xf0\x10\x9bH\x132\xf2\x84e/\xda\xe1|\xe5\xc1\xb1nl\xbe(X'</t>
  </si>
  <si>
    <t>b'\x93PcDV\xdf]\\\xda\xb0\x98Wi\x03h\xd4\xee\x18\xc5\xf8\xe3\x0b\x9c\xb7w$\x83]C\xaf(\xd1'</t>
  </si>
  <si>
    <t>b'I\xc0N\xef\x1c\xaa\x94\x1c\xd1\xc1\xd4\xb3Q5\xa4\xc6\xa9qz\x07\xb6\x98k\x88j\xaf\xa3,o8\xcaw'</t>
  </si>
  <si>
    <t>b'\x9a\xbc\xb3\x95\xfe\x15\xc2o\xd6?R-e4\x05)\x7f\xc1\xfes\xc2\x1c\xa7\xee1\x03\xafj\x82\xa6R\x1a'</t>
  </si>
  <si>
    <t>b'\x08\xb8\x95X\xa2K#\xfb\x05\x1fz\xb0\x9dT\x83\x00\xb8\xc1\xd3\rUy\xce\x94\xddFuU\x9b\xc7{\xef'</t>
  </si>
  <si>
    <t>b'*&gt;P\x0eOg\xf8\xc1T\x14\xc1\xb3\x90\xc1\xda\x189\xff\xd6?\x10\xb9\x11\x8f1\x89\xbe\xf3l\x9a\xad\xb5'</t>
  </si>
  <si>
    <t>b'\x86Ub\xfbH\xd1\xffv\xc6H\xb4M0J\x18&gt;F\xf7\xad\x85\xddI\xfc\x9d,@L\x18N?\x97\xc6'</t>
  </si>
  <si>
    <t>b'\x04\x06\xe9\x10\xe1`XTg\xc5\r\x9e\xe1\xb6\xdd&amp;\xaa_\x84\xb5\xcfb8\xbc\x1d\xf6\xce\x17\x02e\x9d:'</t>
  </si>
  <si>
    <t>b'$\x165X\xf3\r\x07n\xf2&amp;\x83\xceh\xb2\xe8D\xd4 \xcey1\xae\xfa2\xf8\x1d3H~\x90\x8b}'</t>
  </si>
  <si>
    <t>b'F\x89\xa5\xe9\x90\xe4\xb7=\x15W\xb2v\xa4(\xe6\x8fA\xe9\x03\xb9\x83Y\xee\xeb?\xd0\xcb\x14\xcb\xaa\xffv'</t>
  </si>
  <si>
    <t>b"\xd0\xe3j\xfe'\xfa\x19\xb4\x8fa\xd2/\x8d\x1e\xa9o\xe1\x89\x8f\xe5\xa3%x-\xbfuAB\xd3\x00=\xed"</t>
  </si>
  <si>
    <t>b'\x83\xf9\x12\xea5D\x83\x8a\xe9\xb3sI\xd7I\x80JG!2`\xb8\\9 &amp;\x07\xb4\xbb\xee0\x9b\xb5'</t>
  </si>
  <si>
    <t>b'\xf4C\xca\x9f\xdco\x00\x84\xc6\x8c\x8e\xb4\x05\xad\x1c\xc1\x0f\x9c*B\xc6C\x07\x1f\x85\x05\x91Q\xdfu\xdb#'</t>
  </si>
  <si>
    <t>b'}\xa7\x08\xebc\xb3\x10\x94,j\xeb\xeb"Y\xe1u\x965\xca\xfc\xfa\x86L\xd6z\xba\xaf\xc7\xd8T\x15\x16'</t>
  </si>
  <si>
    <t>b'\xe7\x0b\xb3\x05:\x97\xeb~\x9d\xc7\xda\xba\xd1\xc2\x97\x85Xx\xa1\xa9\xd2\xee\x88,\x8b\xfbi\x13J\xb2\x1bY'</t>
  </si>
  <si>
    <t>b'&lt;\xf7\x15\xaa\x15\x03\xe8\x92\xb8\x97\x18TSs\xb2\xb4\x05\x15\xaeBpQN\xe5\xb7\xad\xe6H=%"\xc1'</t>
  </si>
  <si>
    <t>b'\xe6\xc1\xab\xfe\xc1\xf5\x18\xe0\xa4I\xfa\x88\x8e%\xf9\xd7\x9fkRNP^J\xb6%\xdf\x13\x00.\xf7\xb2\x82'</t>
  </si>
  <si>
    <t>b'\xb0\xf6\xfa\x0cR\xd3~h\xa4\x00 \xceu\xfbHI\x88\xab\xf6\xcd\xc3\xf3\xec#F\x91\x85\xac?\x84&gt;\xab'</t>
  </si>
  <si>
    <t>b'\xbb\t\xac"^9-\xd0H\x18MUm\x89\xa1\xbe\xa5?\xda\xc1\xea\xdeY\xab\x9c=\xaa\xeb_G7\xf3'</t>
  </si>
  <si>
    <t>b'[\xe5\xe8a\x7f\x15\xbb\xb83\xca\x18\\j\xa6\xa8\xe8\xc4\x99\xc3@l\xde\xd87\x82\x80\x96\xce\xe8\xc0\xd8='</t>
  </si>
  <si>
    <t>b'L\n\xfdT\xd1\xd4\x88\x1f\xbbp\xd3\xa6\x04\xe4a-\xc3\xa1\xe1\xcc\xdf\xeb8pT\xf2\xd3\xfa\xe7mb7'</t>
  </si>
  <si>
    <t>b'n5I\x85:\x05\x87\xf0\xa1\xad\xf6y\x9a&lt;8\xe8\x99\xe8\x7f\xc5e\x12\xc5\xf3\x04D@\xd80A0\xbf'</t>
  </si>
  <si>
    <t>b'b~\xf5\xb5\xe5E\xfb\xd4~[\xaa\xdbL\x93QG]\xb8\x8a\xacj(\xc4\x99\x13\x15\xb3G\xfb:\xaa\xbe'</t>
  </si>
  <si>
    <t>b'\x11@\xa7f\xdf\xcc\x91\x94\x93b\x1c,\x89,)\x9b!\xc0\x9et\x8e\x90\x82\xc5M\xab\xec\xca\xac\xe9Pi'</t>
  </si>
  <si>
    <t>b'\x12\xf1A\xc0Cv\xa1\xb2=\x8a\x03\xebb\xc4b\xfc@fy\x00hn\x93w8:[3D\xe1\x80\xca'</t>
  </si>
  <si>
    <t>b'hC\xb8)\xd24\xe1\xd2\xaeC\xd2\xff\xd4\xb6-I\xb1\xd4\xc0\x98\xf6\xf6\xce\xfe\xed\x14S/\xa2\xeb\x83~'</t>
  </si>
  <si>
    <t>b'\xbf\xca\x8d\x85\xc6@\xbd\xee\xa8G[\x83\xcc\xb4\xf4\xfa\xa6\xfef\x13@\xfa\xc5\x8b_9\xae\xb57\xd0\x93\xb5'</t>
  </si>
  <si>
    <t>b'\xa7\xdd{;\xf4,\x10\xe2]~\x91\xe0\xf90hl\x84\xb0\xf8\x9b\n\xdd \x98?&gt;v\x07\x96IJ\xb7'</t>
  </si>
  <si>
    <t>b'6\x89\xbey#\xde2\x9c\xc15\xaa`\xae\x0e\xdd\xb50|Z\xec\\\xe0\xd3\x80@\xe7|}\xabuK\xef'</t>
  </si>
  <si>
    <t>b'8`\xa4\xa0{#&gt;\xb6}B\xd1\x18\xf8H\t1\x971\xa8\x89\x9cho\xdc\x05E\xb8\x18\xda\xea.H'</t>
  </si>
  <si>
    <t>b'4b\x93\x1f\t\xee\xe5\xf8f\x97\xbc&gt;_x\x13pRzAa(\xdf\xa65M\xc2\xbcg\xda\xcf\x8f\xcf'</t>
  </si>
  <si>
    <t>b'\xa1\xf0\xa0P\x81}"M\xf5E\x0b\xcf$\xae\xb0\x9dK\xe0\x8cn\x82\xf0\xb3\x16\xb4`$s\xceFp\xa0'</t>
  </si>
  <si>
    <t>b'\x98\xe3\x98\x96\x81\xc1\xea}\xf8\xed7\x9f\x86\x07N \x9c\x81\xbbh\x16l\xc5f\t\xa3H+(\xf9a\xb8'</t>
  </si>
  <si>
    <t>b'\xfe\xb0\x08`1\x13\x87\xf0\x1d\xc7\x15\xe0g\xbaL\xdf\xc7\xf7\x1c}U\x94\xa5\x83\xd9h\x884\xbd-*\xd4'</t>
  </si>
  <si>
    <t>b'\xb3\x82\\\x0bb}\x1e\x1f\xea?\xd9U\xc8xDB\xac\x9a\xd7\xf7\xda\xc8\x01\x84\xd6\xbd\x91T\xeb\x8b\xd6\xa3'</t>
  </si>
  <si>
    <t>b'\x9b\t\xdf\x16\xef\xc5\xbe\xa2\xf6\xdbl\xe7\xc8\xdd\x83\x85\xa2Y\xd8\xa2\x18\x06q\x86$\xe0r\xc6\n\x827\xac'</t>
  </si>
  <si>
    <t>b'\x98\x9a\xce\xd9`\xbfJA\xe0~\xac\x91cO\xdb\x03\nm\xb3\x9dPA.$\t+\xee[\xee\x9e\xec\xe0'</t>
  </si>
  <si>
    <t>b'\x8f\xb9U\xd2}\x15\x83\xdd\xc2\x84C\xa7}\xa6\xd1\xc1\x8c\x95&gt;\r\xd3\xdc\x99\xe2M\x87%\xd8\xe9\xf78q'</t>
  </si>
  <si>
    <t>b'\xd2\xcf\x1e&amp;\xfa\xe8\xe6\x9f\x80\x1d\x81\xadzsQ\xe9k\x9a1D\nj\xcc\x06\x1eVS\xeb\xfd\xe6i\x9d'</t>
  </si>
  <si>
    <t>b"\xc3\x9f*\xb6/\n\x84\xe4\xab\xa6\x00\xd9\xd2\xd7\x01CY!F=cL\x996'\x9c\xe6]\x9dWTL"</t>
  </si>
  <si>
    <t>b'\xed\x96,T\xc1\xb1\xe6\xb6-\x0c\xcfo\xe6\xc0\xf1\x99|\xd3=\xcc.\xda\xe7;Z\x0b\xd1w\xb1\x97Q\xcd'</t>
  </si>
  <si>
    <t>b'@\x8d\x99\xdd\xee\xe4\xc2G\xf60\xe5\xa0\xee\xdd\xc7\xfa\x9db\xd2~|\x8a\xcat\x8c\x0bc\xe8\xf6;,\xb8'</t>
  </si>
  <si>
    <t>b'\x82\x18\xee\x7f\xba\x9d\xd1\x1eN\xadG\xcf\xfa\x04\xb3&gt;#\x1b\x0c\xb8RQ\xf2\x93\xf9\xe7\xc9d\xf8Q\x13\xf7'</t>
  </si>
  <si>
    <t>b"CO\xb1'\xda\xb8\xa1\x8eq\xf3\xfd\xbe\xab\xdb\xca\xbb\xb5\xf8\xe3\x11\x98\x08Y;%=\x13\x95Z\x80\xf0\x9e"</t>
  </si>
  <si>
    <t>b'\xc7\xccDx0^%\x8as,w\xab\xb04\xd6\xd8i1Z%\xe2\xe7\x12Y\xa5\xce\xf9b\xf37a\x0b'</t>
  </si>
  <si>
    <t>b'\xd7\xfc\x03\xf5K\xe7\x82Cp#\x81\x84\x9c\xc0\xbb\xa91z\xea6\xbbq\x16!*\xed\xe5\xf1\xbe \xedw'</t>
  </si>
  <si>
    <t>b'\x1b\x83\x82\xf0FR\x97\xc8=B}\x96\xa5\xbd\x15/\xf8c.$=\xa2[\xd65Y\t\xa1\xf8\xbe\xbaJ'</t>
  </si>
  <si>
    <t>b'\xc84\xe3\xb7\xa2\x90/\x97\xdf\x9av\xfd8+\xa4\xce\xf7\xb2\xfb\x06\x04\xae\xceS\x9c\xac\xf56\x98\xb6\x06\xf1'</t>
  </si>
  <si>
    <t>b'\xcbu\xc0\xca\xd2\xeb\x18\x9d\xc6\x7f\xd1\xc5\x91\xce=\xa4\xcc\xffh\xc9\x04\xdc\xa0\xba~1\xd1j\xdb\x18\x84\xb2'</t>
  </si>
  <si>
    <t>b"\x88\xe3\xefS)\x9b\xf9\xbb\xf2\xfe|\xa3\x86\xd2x\xdc~?L~\x80'\xb7\xd4eT\x9e\xca0\x02xH"</t>
  </si>
  <si>
    <t>b'K\xcbc\xef\x86\x81!N"I\xd2\xeb\x8a|\xd7\xa1\xc7\x0c\xc8\xdd\x1a\x9c\xd0\x81\x1a\xd5\xcc\xc2[d\xc0\xf4'</t>
  </si>
  <si>
    <t>b'\\\xb7\xadT\xbc"\xea\x0fR;\xf6\x0fQS%\xbb\x83\xbd\x9c\x04\x99\xa7\x9f\xb5AF\x03\x1e_\xd9|\x12'</t>
  </si>
  <si>
    <t>b'\x14?\xed\x9a\x15\x14~t\x99\xd9\xd0n\xee\x14\x0b\x15,\xaa\xd3\xe3\xacz\x94\x8f\xe3{;\xd4\xc6\xd39\x07'</t>
  </si>
  <si>
    <t>b"\x17\xdbK\xa7cG\xa4m$\x92X\xa1\xce\xeb:\xbb\x81\xab\xe9V\x17\xebt\xd57\x98'V\x14\x9e\x8eB"</t>
  </si>
  <si>
    <t>b'\xd1\x8f\'\xcb\xa4\x08\x0b\x8d\xa8\xe5n\xf9\t\xd9a\xe3\xdc0Hn\x93\xa5\x1b",Q\xc6\xc8\xf1[`\xbd'</t>
  </si>
  <si>
    <t>b'\xd4\x1dU\xa2\xba\x9e\xfb,\xbd\x9d\xff\xad\x86\x8d\x12\x1c I\xb4\xdd&lt;b+\xcb\x87\xe2\x08w\xdf-H\xb0'</t>
  </si>
  <si>
    <t>b'\xca\x00\xbf\x91\xacV\x06\xffys\x89\xcd\xf8\xf6\xfc\x14\xff\x17\xdb]\x95\xb7\x0f\xc1\xab\x94\xd9\xfe\xfb\x9e+3'</t>
  </si>
  <si>
    <t>b'^N\xf0\xda*\xeb\x912\x1c\xfcP\x0b\xe5v~d\xba\x08=\xd9&lt;iq&amp;E&amp;\x86\\\x0c\xa8\x01\xac'</t>
  </si>
  <si>
    <t>b'\x9a\xfa\x82+\x1f\x18\xcd\xc9\x93\x015\x13+\xf3\xc1"6\xe8\x8c\x83\x1b]5+b0\'\xee)\x840\x99'</t>
  </si>
  <si>
    <t>b'_\xebR\xe9@\xb5\x07$&lt;\x80\xb9\x88\xb6\xbe\xa3\x88\x19\xd7g~E\x10K\x02"\x10\xd5\xb2\xae"\'\x9a'</t>
  </si>
  <si>
    <t>b'\xff\xe2\xc4\xe5\xc82\x9d\xedx^_\x18\xce\xaa\x85\xf8\xa6|\x01\xd9\x11|0\x80W\x91gY\xbd\xf0\xd5\xa8'</t>
  </si>
  <si>
    <t>b's 9j\x99\xda\x15Z`\x81\xaa\x1fe\xba}\xe1\x0e\x1fU\xa4\x83\xd4\x8c\xd67:\xa4o+\xddP\xc9'</t>
  </si>
  <si>
    <t>b'Vg\xab\x10\xd2\x10\xc0\xbf\xcc0\xe2\xd6#\xb9\x11\x93I\xe1\x9al\xc7\x0e\x98l\xd5\x92:\x8a\xcd\x0f\xc2\t'</t>
  </si>
  <si>
    <t>b'&gt;\xdf\xc0\x80|\xac:\xb9~\xd7r\xc1\x01V~\xef\x0fK+\x92j\xff\x96&gt;\x07=\xc0\x9dZ\x81\xe4\x9c'</t>
  </si>
  <si>
    <t>b'\xd9\x1a\x8e\xda\xe6U\xba\x17\x8d\xdf_\xde\xbd\xbatcO\x8e\x04C2%,s\xc8\xcc4y\r\xcb"\x05'</t>
  </si>
  <si>
    <t>b'\x85\x1e2v\xeb\x82\n\xe8\x91l#\xc8aT&gt;C\xc7\xe2EY\x14\xb9?\xa6\x10\xda2\xe2O\t(\xd3'</t>
  </si>
  <si>
    <t>b'\xe0@\xf1\x8c?\xa8\x9aAD\xd3\xbc\xe1\xb3\xd2\xab\xba&amp;\r\xb5\x90\xa9\xc6\xb9~R\n\xc9\xeb\x8e\xbe&amp;a'</t>
  </si>
  <si>
    <t>b"\x15p\x19\x83u\xd1Y\xfd\xd8mJ\xc3MD\xc52\x9a-\x96\xf3N\xd5kP'\x10\x92\xa7\xa4^}\xc3"</t>
  </si>
  <si>
    <t>b'\xe4\x0c=oL\xd3OP\x0c\xde)\x06\xd5\x80\xf0\x0c\xe9I\xb3\xfbB,\xd8\x00\xa8=1}\x81\x8e\xb4\xcb'</t>
  </si>
  <si>
    <t>b'\xc9\x9e\x07|\xb1\xc2\xb3*3\x01\x17ZMUA?\xb9\xa2\xb3Hb\xedJ:\x9d-&gt;W\x0c|\xaf\xd5'</t>
  </si>
  <si>
    <t>b'\rg\x02\xfa\x9d`oR\xb1\xf4\xf8\x81~\xef=\xb0K\xaf\xca\xbaO\xc4i\n\xf6\x90\xb9?\xfa\xb5g\xf5'</t>
  </si>
  <si>
    <t>b'\xf4x\xf6aI@\x8b\xc2\xc0\x0c\xf2\xb9\xf8\xefb\xcc\x8c[g!\xaa\x83MeyOnk\xba\x03\xb2:'</t>
  </si>
  <si>
    <t>b'r}^\x0c\xa7-\x1a\xc8\xc8_\xaa\x00\x03\xde\xc10\x18\x10$\x87otl\x7f\xf3\xbc\\\x05hH&lt;\xf7'</t>
  </si>
  <si>
    <t>b'\x1e\xe4\xf9i\t\x86;N\xcd\xbe:m/u\xf1\xd6\x9a\'^\t\x11\x83w\x1e\xbd4\xb0\x13\xdd\xd8"\x9f'</t>
  </si>
  <si>
    <t>b'\xf8\xdf\x08r\x04MR\x80\xd8\xa8\xd8E4z\x04\x99\xbaI\xff\xf0d\xf1 U$\\kvlO)\xc1'</t>
  </si>
  <si>
    <t>b'\x0c\xf2\xdcr\xa5\xaa\xc7N\xc6\xa7\xf1\x83\x83\x0e\xe8:\x17\x8c\xd8\x91\x99\x80\xec\xe2(\x10\xfd\x8c\xbc\xf4\x90\xc6'</t>
  </si>
  <si>
    <t>b'\xb5\xe7w\x9b\xd8\x12\xd8^vK\xccR\xc9H\xb2\xa2fN&gt;\xae\x9b\x1e\xb1\xa9}\xf4\xfe\xa3Q@\xc7b'</t>
  </si>
  <si>
    <t>b"9\x06:\xff\x0f\xbae\x05\xda\x98H\x90\x86\x94\xd9\x93'\xe4\t\xe3\xdd\x9bl\x93.\x06=\xc2d^K\xd1"</t>
  </si>
  <si>
    <t>b"D8\x83\x9a\xba\x1b\xa6\xe0-\xdf@v'\xccrU\xf6\x9e\x84\x9bd\xfbA\xc1\xd8\xa7q\xda\xf8e\x98\xbd"</t>
  </si>
  <si>
    <t>b'\x86&gt;\x0b\rC\xf19\xd2&amp;\xd7\xd4]^1V\xd4\x8c\xa1\xb6\xf6\x149n=\xf7\x7f\x8f;S\xce\xab2'</t>
  </si>
  <si>
    <t>b'm\x13\xe0\xd3\xb9\xabs\x13\xf9\xf8m\xc4\xb2\x87\xac\xd8\xbf\xf6\xe9X\xfb\x11\x86*\x8f\xbb\x8e\xe2R\x15\x11q'</t>
  </si>
  <si>
    <t>b'\xd5\xfd\xa0\xdd\xd9q\xb1 \xd5\x87\xda97\x975\xed`]C\xec\xf07\xe7\x84\xb5o\x9a81\xd2\xb6\xe7'</t>
  </si>
  <si>
    <t>b"\xa1!\xedT\x93mg\xe5\x11\x8d\x1d\x10\x8cL\xb53$\xfe'\xb5\xacF\x0f'$\x00\x9dCt\xdb\xaa\xa9"</t>
  </si>
  <si>
    <t>b"\x82\x97O\xb9\xd9\xe58\x00\x7f\xe9\x1b\xa8\x90s'\xc4I\rf\x03T\x12\xaf\xfbH\xc3Q\xc0&lt;\x86\xb7\xbd"</t>
  </si>
  <si>
    <t>b'\xac}o\x8c!\x9e\xf3w\x19\x81\xfdW\xc9\xc1\xff\x1d\xe2\x1fo\xf1\xd2\xfe5\xbc\xe6\xa6o\x95\xb0I\x91\xc3'</t>
  </si>
  <si>
    <t>b'j^/\xe7\xf0\x1dT\xe5)\x1co6d\xd5\xf5\xcf[\xd8R\x9a[fr\xd5"D~\xce5\xc5^\x86'</t>
  </si>
  <si>
    <t>b'j3\x8a4\xce\xcb~v}ao\xd3d\xe9\xf0\xa8\xafoA\xbbu{W%9\xc2\xf3y\x93\x819\x82'</t>
  </si>
  <si>
    <t>b'\\\xea_\x0cM\xc49\r1b\xa5\xb8\xcf\xfb\x1fx\xb5\x8bL@\xcax`S\x94a\xcc\x99\x08\xd7\xa0\xd6'</t>
  </si>
  <si>
    <t>b'\xe4\x04\xe0\xc6r\xa2\x03f\xb8\xfc^\xe0\xff/\x87\x1a\x02\x8a__\xd7\xe0Q(\xa6w\xaf\xc4\xffG\xc36'</t>
  </si>
  <si>
    <t>b'\xf8\x00\xb8\x90\xc5\xcf\x0e+"\x06\xd3\xdc)\xbf:\xec\x81~1\xca\x18/\x8b\xf6&gt;@\x1f]\x1f\x1a\xd8\xec'</t>
  </si>
  <si>
    <t>b'\xbf\xab*\x03\xdf\xc6\x0b\xe8\x03\x19\xf5\n\xd0lA\x86pw\x94\xf2?7\xd4\xd4\x02\xaa\xae\xf6ps\xe3n'</t>
  </si>
  <si>
    <t>b'j&amp;L\xca,\xd7\n\xec\x8e\xba\xf1\xf8\xa0\xf4~\xf4\tA\xb1\xb9\x86\xfa\xe8\xff\xdd\x9c\x9a;`\x04\x90\xa4'</t>
  </si>
  <si>
    <t>b'8\x9fav\xdbg\x91L\xf1\xd0\xb4\xb6\xc7\xfd\x072\x9e\xc4\xc6]\x0e}&gt;\x8c&lt;\xf4\xc2\xe5\xd7jy+'</t>
  </si>
  <si>
    <t>b'\x07\x9eDe\x9bQ\x1e\xcc\x82\x8eN\xc8\xbdI\xe8\xf7\xd9GC\xf9\x0e\xf9\x844\xb1\xd1\xaf\x9aX\xb0D\xde'</t>
  </si>
  <si>
    <t>b'\xec]\x8fa\xdc"\xb3|fg\xfd.,qakI\xadB)\xe1\x18\xaav&lt;\x1a*\xca\x98\r\xb5w'</t>
  </si>
  <si>
    <t>b"\x99\xf7\x8a\x94\xcb\xe3\xf6*\x8fZ\xe6\xe4l\x0cM'\xa5\xc0\xfb\xfe\x1bP\x14\xe8\xd1I\x17\xd0\xaf\xa2!d"</t>
  </si>
  <si>
    <t>b'5\xf0Y\x96\x80\xffq\x98\x87\x07Z\xb1\xb4\xa5/\xe2\x00Lx=\x97\xea\x12\x9c\xe0\xed\x07\xa4\xd0k"\xfa'</t>
  </si>
  <si>
    <t>b'\xab\xb3\xb0tu\x1e\xd2\xef@k*\xb6\xb5P\x9c\xfc\x8e\xe2\x8a\x0eo\x04&gt;Q\x1e\x87\xfb\xd7\xc8\xe1\x00U'</t>
  </si>
  <si>
    <t>b'}\xebi\xc8Xr\xb3"\x9f\xfa\xc1\xb6\xc6M\xcc"\xda\x17\x98\x8a\xcf\x11\x8f\xf0\x88\x9aA\xc0\xff\xa2x\x8a'</t>
  </si>
  <si>
    <t>b'\xb6\xf7 #\xc3(\xa5\xf6\xde\x13 [\x9c\xbe\xbe\x05V\x1d\xd1\x82\x9c\x95\xd3+\xa0\x04\x85\xc0\x1db\x97A'</t>
  </si>
  <si>
    <t>b'\xf8\xa7,\r\x11\xf4\xc6$\xbd\x980\x8b\xc6\x0e\x0bK\xa6\x0e\x87\x88q\xcc\xd7\xb2f\xb5\x8eXp\x1c\x17\x98'</t>
  </si>
  <si>
    <t>b"\x06y\xe0\xe5:\x1e|\xac\xae\x16\xd3.\xbeu'\xd9w\xb9\\\x9ed\x9e\xee\xce\xd3u\x00P\x83\xa6&lt;\xd3"</t>
  </si>
  <si>
    <t>b'|[=\x13\x87\xee\x1bt\xbf\xe4\xfe\tl\xd9D\x89\xdf\xc9\x99\x15\xf3ZT\xf4?\xb2\x89\x9d\x9d([\xc2'</t>
  </si>
  <si>
    <t>b']\xdc\xe0!UB\xfbf\x97\xec`1\xa9S\xa1\xe5|\xdeb\xee\xad\x81\xfe\x14\x86=\xc0\x0b\xfc\x97\n\xbc'</t>
  </si>
  <si>
    <t>b'3\xd2/\xe2\xc5\xff \xb2-T\x7f\x08|\xf5P\xcf|G\xb6sZ\xce\x94 \x82:\x1bp\xb9G\xef\x96'</t>
  </si>
  <si>
    <t>b'q\xfd?\xaa\xa3\x15$\xb3(^\xe2\x8f^0Y=\x96 e\xbb"\xbe\xff+r\x12\xc0\xf8\x8f(\n='</t>
  </si>
  <si>
    <t>b'Ob\xe7\xd5\x120]\xfb{\x85\xc1\x1d\r\xe2\xd1#^f\xffU}~\xed\x9a\xaf\x97m\x10\x07\x97\x04A'</t>
  </si>
  <si>
    <t>b' \x8c\x0c\x11\xd8\xe2\xc1\x88\xe5s\xb6\xe1!hj\x82\xc4v\xad\xa2\x19P\x16A9\x98/\xfb\xd6\xbd\x1c\xed'</t>
  </si>
  <si>
    <t>b'WT\t\x8fl\r\xcei\x1b/\xf9\xa0\xdd\xa3\xb3\xc8D\xfe\x1f6K\xe81)\xb5t\x06+\xd4\r\xf7\xdf'</t>
  </si>
  <si>
    <t>b'\xa5\x9e\xc7\xbf\x7f=\xed\xd2"\xcf\xd7\xb0\xd6QR\x88\xf7{\x1e\xff\xef\xa1w=N\x87\xaax\xe2bEq'</t>
  </si>
  <si>
    <t>b'\xe1`U\x1aP\x8e\r\xed\xcfN\xc8\x9c!\x18\xcc\x80\xd1\x9f\xd9&gt;\xe7H\xb0\x8b\x16\x82\x18\x98f\x8dw%'</t>
  </si>
  <si>
    <t>b"\xdb_\\.\x92\xe3\xea\x82v\xe4)\xa3\x8coR\xd08\x01I,Af\x0e\x1f\x88\xb1\x89K\x10\xc1\x1e'"</t>
  </si>
  <si>
    <t>b'\xf7\x15\xab\xebT\x9d.\x83\x08/\xbe?\xdav#\xdc\xa5\x8a\x18\xa73\x11V#&amp;\xeegf\xcf\x9d\xa4H'</t>
  </si>
  <si>
    <t>b'\xe5\xc4\x03|\xf5\x9c\x9do~\xc7\x88\xfa\xc8\x1d\xc3\xb7&amp;M\xb2\xea_\xe5z[,C\x0b41\x91B5'</t>
  </si>
  <si>
    <t>b'\xce\x0bl&lt;N\xa0=\xb6g\xb9\x14]\n\xa0\x8b\xb3\xc23\x11\x99\x8d=\xa5z\x9f\xc0\xc3b\xca)5\x0e'</t>
  </si>
  <si>
    <t>b'\x131$}\x91\xf7\x95&gt;o\x9b{\x1b\x02\x9b`\r:\x88}o\x94\xa0=\xb7\xac\x14o6\x16:\xc2~'</t>
  </si>
  <si>
    <t>b'\xc2\xcc[\xc1\x0c\x1cq\xe9L\x87,t\x1f\xcc\xfd\xf1Ze\x1b$\xd3\\\xa4\x1b\xbfL\xdd\x184p\xe9\xb2'</t>
  </si>
  <si>
    <t>b'\xd6\xf1Iv\xac\x11\xee6\xed\xc8\xc6\xdat(\x16\x08\x81~\xd0lx\x83i\x1c\xc0YH\x19\x9a\xff\x86\xc9'</t>
  </si>
  <si>
    <t>b'\xf50\x8c\x1d\xe6\xa5m\xf4 "a\xfd\xea\x90\xb4\xe8o(\xb7\xa8\x07\xd5\x15}\x81\x92HS\xb32\xd6\x15'</t>
  </si>
  <si>
    <t>b"\x08\xa1Pg\x95N\x1a#6 19\xacu\xd0\xee'F\xcb\x92\x12\xa3\xf9Q\xce\xa1\xe8\xbc\xc7\x84\xa7_"</t>
  </si>
  <si>
    <t>b'\t\x80\xf7\xf8\xb6\x85\xed\xec{d[dp\x92\x05\xcd\xa0b\xc5\xbe\x04t3\xc9\xae=p\x14n&amp;-a'</t>
  </si>
  <si>
    <t>b'\xf0\x85\xd1]\xc3\xc5\x04\x0e\xc2\xd1\xfeQ\x10\x1f63\x0e\xd4\xd1{\xe6\x1e9-O\x04\xebx\xa1y;\x0e'</t>
  </si>
  <si>
    <t>b'\xc5\xba\xcd\x1c\x89\x92\xef\xaf\x9dBR0\x8f$s\xd2\x84i#\xd3\xcf+!}\x95\x8f\x17\xd8\xf2\r\x93\xb8'</t>
  </si>
  <si>
    <t>b'\xa40\xea&amp;\x16\xeac\xf9\x82\x93:\xa4\xc6C\x80\xe4\x9c1\xba\x81\xb2\x19=7/\x99)]\xb1\xe2\x84?'</t>
  </si>
  <si>
    <t>b'\xc1\x8d\xc1\xa8\xd03\x7f\x05\xfeIKJ\x13\x0c\x07R\x8c$\x11\xc8\x13\x07;\xb4Y\xb7\x07{\xe6\x0e\xa0\xdf'</t>
  </si>
  <si>
    <t>b's\xbb\xa5\xd7;\x83\x98\x99\xc4\xee\x8b\x81\x82\x1a\x11J?\xf6\xe2I\xb6\xd3\xfdL!\x17\xc4H\xe4\xe3\x80K'</t>
  </si>
  <si>
    <t>b'\x84B\x14\xf0\x08&gt;\xe5n\xdd\xa7\x7f\xb0\xf8\xb8\x8c\xa7)\xbe\xee\xdc_\x15U\x1d\xd2\xc0E\x1d\xf8\xe9\x8f\x87'</t>
  </si>
  <si>
    <t>b'\xe9|Nf\x08\xf1Y\xd5\x08\x8cx\xde%\x90\xb1b(\xb8\xae\x9eL\xf4\xa3K\xb3\xcd\xa8@\xe4}\xd3\xa5'</t>
  </si>
  <si>
    <t>b'\xa2l4|K\xfd\x07\x87\x08\xd7\xff\xfc\t\xdd~\xb178U5\x809KNu\xe7\xaa\xa6\xe19o\x80'</t>
  </si>
  <si>
    <t>b'\xf5\x01`\x9b\x00\xa6\x9d\x83\xa2i\xa5u0\xf6\x9d\xc3\x90\x1d\xce\xa1\x1f\xa1\xb9\x11&gt;\x87\xebX"\xac\xb5M'</t>
  </si>
  <si>
    <t>b"\xe6\\\xbc!\xc9jK+\xf3\xe4\xb3\\\xf6\xb8g\x8a\x96\x10\xc3I\xda\xaa\x91TX\x93\xb2'&amp;\x01v\r"</t>
  </si>
  <si>
    <t>b'\xf7\n7l\x99_\xbf\xf9\xd5w\xbf`\xa6c\x99\xaf\xe420\xdf7G\xd6*s\xaf\xfd\xed\xee\x90\x0b\x9e'</t>
  </si>
  <si>
    <t>b'\xc7\xf8\xb6\xc7\x7fJ\x9a\xae\xa7\x9a\x8a\xebR\x052\xebS\xb5\x8d\xe3\x8bh\x87\x1a\xaa\x1fQD9c\xcb\xa0'</t>
  </si>
  <si>
    <t>b'Z0l,\xb4\xf6\x06syq\xbe\x1a[\xc4\xde7O\x0c+\xc6\xb8\xff\xf1\xb9\xf8\x901\x96Y\x1b\xc9b'</t>
  </si>
  <si>
    <t>b'\x7f\x84\x84|j\x18\x0c\x8a\xe3\r0\xaf\x97\xb7\xd7\xad\xbf\xab\xf1\x01\xb2\x02\xa7&lt;\x11\xcb+J\x88\x0eZ\xc1'</t>
  </si>
  <si>
    <t>b'q=\xa2\xc8\xcc?pZK^\x8fG&lt;\x1e\x07\xbd9\xa9\x18W)*\xa3\xa0\xa0\x96\x9b\x19\xea2\n\x02'</t>
  </si>
  <si>
    <t>b'7L\x10\x90F\x00\x888\xd1\x03\xa7\xe9{`6\xc1\xe7\xd9\xd9\x18D\xad\x1f\xa6\x06\xac$\x91\x1d\xf2v\x96'</t>
  </si>
  <si>
    <t>b'\x9d\xe7\xd5\x84m\xea\xff\xf7,fY\xfb\xe2q\xd2\xe2b\xe0\xdd\xbe\xa0o\xf0\xf9\x10\xaaS\x1f,]5\xe5'</t>
  </si>
  <si>
    <t>b'\xd2\x11\x81O\x1f\xdf\xa0\xacm\xfa\xd5^\xb9\xe6z\xb2\xf5:I\xe5\x99\xc0\xcf\xd6P\xf1b\x9b\x0c\x997\xf4'</t>
  </si>
  <si>
    <t>b'x\xb7\xee4\x12\xf4\xa3\x96D\xda2\xa0\x03N\xef)\xb5\xd7\x81\xf9\xab\x1e\xbd\xf6\x8e\x7fc\x8d\xc5\xfbs\xb6'</t>
  </si>
  <si>
    <t>b"/\xfd\x99\xe2\xf5\x89 F\xc1C\x7fk\xed\xf8'\xadW\xd13\xb2\x0c\xcc\x15?\x862c\xff&amp;,\x02\x03"</t>
  </si>
  <si>
    <t>b'X~\xd4\x11Z;\xce\xe3i\x8e\xc5\x83\x9b\x80\x11\xbf\x07l+\xd6\xea\r\xc2\xba\x1c$\xea\xc8\x17\xcd3O'</t>
  </si>
  <si>
    <t>b'\xedg\xf3\xe4\xca\xd87\xe2\x01\x97\x99F\x03M\xa3\\q\xffCw\xf7\xb11\xb6\xc7I\xba\x12~\tw/'</t>
  </si>
  <si>
    <t>b'\x84\x870I\xf7\x10\xf81#\x9f\xd0\xd4q\x84\xbd6#Mi;:\xc2VY\xcee\xc3\x9eoC\xcc}'</t>
  </si>
  <si>
    <t>b'uS\x87\xa4\x07\xf2\xec\x1d\xa6\x11\x9ca\xe6_\x1c\x03ve\x8au(\xd18\xc0N\xd8\xf4\x96c\xab\xe1\x11'</t>
  </si>
  <si>
    <t>b"\x16\xcb\xf1m\x8d\x8d\xcc\xd0f\xe6\x10\xc1\xe4Q'\xfd\x00\xe7\xb06\xb8\xe1\xd0n\xc3\xc2lw}\xd1:s"</t>
  </si>
  <si>
    <t>b'\x0b^\xe2\x8f^\xc1\xed\x8a\xea\xf3\xdfo\x04\xb2\x98\xb43k5\xc1!\xed\xd8\x84\xc8\xe9$\xba\x16\xac\x8ee'</t>
  </si>
  <si>
    <t>b'%\xa7p\xcb\xa4\xe6);!\x17\x82\xe1\xe1`\xf9]\xba\xc0\nlS\xc8\xaf\x05\xf2.\xfb?\x18V\xb6\x04'</t>
  </si>
  <si>
    <t>b'r&lt;\xf0\xdb.\x9b\xbfWf\xed\xc5C\x8c_\xa8\x91LK\xb8\x16&amp;zw\xf78\xe7T0\x17\xe9\xfal'</t>
  </si>
  <si>
    <t>b'+\x9c\xa4\xf5\xb6@Q\x86\xb5\xc8\xd63\x90\x80\x14\xf1\x0f\x8fn\xc0^&amp;\xbd\x9e\xbe\xa0\xff\xcd~A\x19T'</t>
  </si>
  <si>
    <t>b'\xe6\xcdK\x86\xb01\x14\x14.\x8aHGZR8\xf6\xe2\xd5\x12\x0c\x1e\x80\x9f\xa8\xb0\xc2\x01\xe4%\xc0\xb6\xff'</t>
  </si>
  <si>
    <t>b'\xba/\xdb%\xa2\x9b?\xff/\x12c\xf3!\xac8}c~G\x97\r\xe1\xe5\xf0\xe3\xf5N}\xd2\xaf\x97\x17'</t>
  </si>
  <si>
    <t>b'\xa0S\xe3\xf4#\x1c\x16\xb4\xe3\x88B\xa9\x05G\xe7\xd7iA\r\xec\x9f\xb7\xa35\xfbV:ZV\xaf\x18\x0e'</t>
  </si>
  <si>
    <t>b'+\xa3\x01"n\x0cI\xb9\x87\x9d\xb6\x172\xe6\xc0\xe5\xcbX(r\xb3\xa1]Cu\x90Of\x1d\x0c\n\xaa'</t>
  </si>
  <si>
    <t>b'-(Y\x93\x1b\x16&amp;\x93\x07n\x0fE4m\xbb/\x7f\x90\x7f\xc3X\x03\x87\xc3\xd8F\xe0\x16\xdak\xa5m'</t>
  </si>
  <si>
    <t>b'\xd0\xef7\xc7j\xd0&amp;\x80(q&lt;6\xbe\xf7\xe3\xf1\xd4\xdc\xc8LwC:\xb2\xa5\x9b\x1dl\xf5\x1aVl'</t>
  </si>
  <si>
    <t>b'\xa8\x9c\x89\x7f\x92c\xe9KC\\\x933\xa4t\x05\xd4\xd6\xd1\xc7\x84c\xe3\x83\x0c\xef\x956\x8a\x90\xf6\x99*'</t>
  </si>
  <si>
    <t>b'm\xb7\xf0\x14FU\x01\xd0\xef\xf9%\xcf&amp;\xef\x81?n\x80\x07\x00\xd9\xd6xI\xe6zz\xb1\xbc\xb8\xe2\xcd'</t>
  </si>
  <si>
    <t>b'\x99\xd42\xbcjP\xf1\xb0\x13"\x97\x8aX+\xef\r\xa4\xd5\x17(:&amp;;\xb3\xe3~G\xa4\x02\xeeG\x10'</t>
  </si>
  <si>
    <t>b'{9)j\x03_\xa0\xba\x8e\xaaV\xd6)s\xd2\xa1\xe9\x8cr\xf7\xd0\xfdz ^T\xe3C\xeb@\x10\xde'</t>
  </si>
  <si>
    <t>b'\x89\x9d\xc1\x10u\xee\xbe\x85\xa8Ju\xd8)\x00\x82\xc3\\s\x93"\x07\x9b\x85\x93\n_\xb3\xc2\xc4\xa0"\xbc'</t>
  </si>
  <si>
    <t>b'}\xd3D{\xa2\x86!g\xab|m\xa0\x11\xee\x93&lt;\xaa&lt;\xc6\xe3\xbf\x85\xc2\x0c\x7f(\xc5\x9d\x9f\xa2\xb8\x9c'</t>
  </si>
  <si>
    <t>b'd\x917\x84+\x12\xec-Te\x8f\xec\xf8\xaak=\xf1\xd4X6\xe2\x17\x96?\xd5Z\xb2/,@\xc8.'</t>
  </si>
  <si>
    <t>b'\x14yHP\xefsZ\xcb\xf3!Yu\xdb8\x7f&gt;\xefK\xb8\xae\xa9@\xadR\xe9A\xdf\xa5j\x13\xba\x91'</t>
  </si>
  <si>
    <t>b')m\xd3\xc4\xda\x7f#\xa3O;\xec\x9b\xbf\xc8\x1c\xe8\xb3\x87d\x99\x92\xcf\x97\xbd\xca\xe9hQ3zY\xce'</t>
  </si>
  <si>
    <t>b'\xd0\xfc\x9eh\x1f\xde\xdd\x02nl\x94\xaa4\xe5/\xe7\xea\xb6A\xffUr\xe3lx\xbd\xd4\x89\xaf\xc6N\xb8'</t>
  </si>
  <si>
    <t>b'\x91\xb3\xbd\xb5\xc8\x8f\x83\xe3\xc5\xe5R\x89\x99\xca;\xb3~\x15{n?\x08|\xe4\xe0\xa7 \x80.:N6'</t>
  </si>
  <si>
    <t>b'(O\xf4H\xebi\xf1\xc1j\x0b\xd8\x83\x18\xcaRXc\xdc\xb6}d\x1a/\xd3\xe8a\xfdN\xf9\x11\xf5 '</t>
  </si>
  <si>
    <t>b'E]\t}\x84/w\xd4,\x1b\xfc\x102\xe0\xd0\x94\x1d\x18\x17\x94V\xd5|\xaa]\xde\xeep\xa4P\xcc\xac'</t>
  </si>
  <si>
    <t>b'\xf8\x84\xa2&lt;\xd4\x11\x98\xa2\xbb\xb5#&lt;E\x89\xce\\\x1c\xfb\xcf\x10\xa1}\x05\xb0q&gt;\xac\xf6\xc2\xdd\xe5\x19'</t>
  </si>
  <si>
    <t>b'\xb41\xb5\xfa\xc7*\x8c!\xf8\xb5U-)\xc6\x0f\xe6\xfcQz\xcah\xe1\x87\xec3\x8dY\xfa\xc3\x16\xf4&lt;'</t>
  </si>
  <si>
    <t>b'\xd4 \xda\x1f\xc8X\xc1$\x18\x9e\xe0|1\xe5\xe4F\x9b\xe9\x03\x95\xbc\xcawa/\xe1\x01\xbc\xe9b\xa9k'</t>
  </si>
  <si>
    <t>b'?\xddD\x06\xec{\x88\x84Fn\x01\xd4|I\x99Y\xefn.\x94\xde\\\x7f\x8b]G\xbf\x8bq^\xdeL'</t>
  </si>
  <si>
    <t>b'\x94d\xb4\r8\xa4\xcfQ\xd6\xc5\xfc\xb7/@fq\xceO\x19\x8c;\x92\xbd\x8d\xf0\xc9\xcb\x041\xc7\x1c\xd7'</t>
  </si>
  <si>
    <t>b'\xedv\xe5\xac\xed\x05\xa2lMa\x1d\xe0e\xfft\x84\x08\xaa\x10c\xa0L\x18N\xbd)\xa5W\x02\xa2\x7fj'</t>
  </si>
  <si>
    <t>b'S}O1\xf3\xa2G#~Z`=\x12R\x13\xb0\xcf\x9f\x182\xc5\xd3\xb1H\xc7fl\xdb\xd0\x05\x15\xaf'</t>
  </si>
  <si>
    <t>b'4\xe9\xb2D\xb8;7\xd34\xad\xe0\xfb\xf0frsr\xbf\x1f\x91&lt;?\x1c]\x11yR\xd3\x82\xd8\xeb\xe8'</t>
  </si>
  <si>
    <t>b'IQy\x19\xa3\xb3\xaae\xdd\xdd9\xd4\xcd&gt;L\x93\x00x5\xa4\xce\xc7\xa2D)\x01\xf9H(\xf0\xcf\x01'</t>
  </si>
  <si>
    <t>b'\x1e@\x96\xc4LO\xfc\xb93\t\xd0\xb1v?\x00~s0\x85\xa4&amp;\xe0\xf1q \xf4(\xa3\xed\x90\x10\x93'</t>
  </si>
  <si>
    <t>b"\x92V'\xf4_\xca\x17\x8f|\x99\x18\x14\xb5\x01\xc7\xcf\xe6\x05?\xc8\xb4)em-\x0b5\xe1\x8d\x0e$y"</t>
  </si>
  <si>
    <t>b'\xbf \xdbG\\\xafQ@=H\xe5O\xd9a\x0e\xcfxM\xb9`C\xe4uX \xd3\x88\xfe=\xa0I%'</t>
  </si>
  <si>
    <t>b'\x0f\xfaw8\xf1RN\x8e\xea\x1a\xf2M(\xefv\xa0?15\xe7\xb5\x1d\xf5\xbb\x7f\x88\xf9\xfd\xae!7,'</t>
  </si>
  <si>
    <t>b'\xea\x01B\xb5\x9dQ\x08\xc0\xa75k\xe6\xbc8\t&lt;\x05e\xfa\xbd\xf3QU\x92!\x9aV\xdf\xa0\x89}['</t>
  </si>
  <si>
    <t>b'\x86)\xa5-t\t\x7ft5\xd5J\x10\x166\xda0\x19%\\*\xf5g#\x08$\x01f]\x88\xbe*\xd2'</t>
  </si>
  <si>
    <t>b'\x0b\xf5_=3Z\x99\xc5\x8d\xc9C\x17\xf4&gt;\x9a\xc5\xce6\x85\x06\xce\xbf\xe1\xeac$\xf3\x0f\xef\x1ff\xe3'</t>
  </si>
  <si>
    <t>b'\t\xb3O\x92\xd4\x00\x1a|F\xcdm\x01\x96Z.\xdaQ1i\r\xdd\x86u\x08\x17\xea\xd8f\x13\xc6vp'</t>
  </si>
  <si>
    <t>b'\x0b\xe8\xb7\x05\t\xd6Q\xff\xf8-\xa8{Y\x8f\xe9R,sffFjpC\xed\x06\x898\x8d\xe5JV'</t>
  </si>
  <si>
    <t>b'\xe9@oE\xb3\xfe\xaa==Ja\xc9\xf6\xbf\xe5\xfe\xe9\x1b\x8b)/\xa4b\x1a,\xec8\xb5\xca\x11\xee\xf3'</t>
  </si>
  <si>
    <t>b'\x13uj\xe4"\x08\x16\x9d!\xcby\xfar\x86g\xac:qF\x82\xd0\xac8\xd8\x8e+[\x07R\x9f\xd9\xb2'</t>
  </si>
  <si>
    <t>b'\xe9\xacj\x1e\xa1\xd6~\xfa\xa2\xadP\x0f\xd9\xafN\xbd\xd5#\xc6t]_\xc0A\xcc\x07\rF\xf7\xca\xc3\x92'</t>
  </si>
  <si>
    <t>b'\xed{\xc1I2D\x85\x19\xa8\xa9(U\xe7\xf2\xe1nWN\xef\xf7\x118\xc5\xa7\x94\xdb8\x05\x13\xcfF\xa0'</t>
  </si>
  <si>
    <t>b'cW\xbfbx\x15\x16\x93\xfe^\xf2C0C\x9ad!N\xe0\x84P\xcf\xa2\xce\xdbf\xe8\x9d\x0f\x19\x00\xca'</t>
  </si>
  <si>
    <t>b'\xbczK\xa9\xf7\xd8Q\xa5\xf1\xd5{\x94\xe5\x05$W\r\xff\xe1\xac\xf1D\xb3L\xe2P:\x9c\x08j\xf0\xdb'</t>
  </si>
  <si>
    <t>b'\xa9b\xc9\x05\xc8\x8b\xfc\x17\xd8I\x80=_\xf92\xae\x1e\xe3$\x97\xe7\x9adQ\xd2"\x86\'\xf8\xa01\x85'</t>
  </si>
  <si>
    <t>b'\xb4\xcff\x8c\xe2\x02\x95\xd0\t\x99\x9f\x8c\xc5b\xeb\xf0R!\x04\\\xd16S\x08\xcf\xe8\xde9\x8f"k\x11'</t>
  </si>
  <si>
    <t>b'o\xf3\xaf\xe7\xd9\xcb\x8a1\x83cU;\x06a\xe0U\x84\xbb\xde\x15B\x9fcG\xe16\xd3\x04\xf8\xf2\x82j'</t>
  </si>
  <si>
    <t>b'\x11\xcc\xc9\x05]\xf0\xd8\x11T\xfc\xfeLXN1\xc9\xac\xd61\x82\\\x88R\x80\x12\xf3\x83\xba\xb1\xfe\xebI'</t>
  </si>
  <si>
    <t>b'e\xb3\xf2a\xe7;+\x149&amp;g\xc6\xf6 [\x9f\x9e\x8f\xc8s_\x1ab\xfa\xd2\x940\xcf\x10`F\xda'</t>
  </si>
  <si>
    <t>b'f\xda"\xe5\xc4!3\xc8K\xb9yZ[\x9c\xee$\x05\xae\x8c\xbe\x8c\x92\xc3\x8f6d1\xfc\xfd\x9c\xc1\xfd'</t>
  </si>
  <si>
    <t>b'\xe6D$caI\x16\xdbk\xdf+\x82\xc9\xdcI\xa1\xf4\xd7\x17z\x97\x06\xda\xc6\x0bR1\x9c\xf07\xd7\x88'</t>
  </si>
  <si>
    <t>b'V\xaf[}\xa9\x0c\x00\xc6\xe5Hu\x0b\x1d/rR\x9f\xd9\xb6\xc7_\xce\xbc\x87\xdb\xbe0\x9dk \xa1J'</t>
  </si>
  <si>
    <t>b'\xb5Hh\xda\x88[\xd2\x88\x9a\x88\x95\t\x98\x83\xd6\x02\x8fzo\xa3\xbcr\x17\x08Jv\x7f\xe7d\xcb\xbe]'</t>
  </si>
  <si>
    <t>b'#o\x1b\xa2\x93g\xbe\xd4\xf6\xb3y\x81k[\x08/o\xd6]C&amp;\xb2\xc9]8o\x88vL&gt;`3'</t>
  </si>
  <si>
    <t>b'\x14O?Z\xdd\x8c\xb7\x93\xeeh\x0c\xcc\x11\x85T\x08\x99\xef\x85-\xa0\xdd\xe0\xfc)aR\x92\xf2@\xd1\x11'</t>
  </si>
  <si>
    <t>b'\xd1\xd0\\\xf8\xa8\xdd\x89XV.\xdc\xf9y\x92\x9e\xc3\xe9\xce\x11_\xdc\xdd\xe5S_\xb3j\xc3\x11\xe7b\xf0'</t>
  </si>
  <si>
    <t>b'\x88\xe1\x9e*T\x16\xec\xf9\xa2\x97\x02\x83\xeeYbG\x8eV\xeeVRU\t\xd9\xef\xe6\x0f\xa9\x1e1\xa5V'</t>
  </si>
  <si>
    <t>b'=l\xfc\x96\x91\xa3\xd5\xb7\xd4\xd4\xb5sz\xfc:\x0b^7d\xdc\xa8\xd3\xd2\xd2{*3\xadL\xb8\x00\xd4'</t>
  </si>
  <si>
    <t>b'\xa5\xd3\x0f\xb5\x00&amp;Wo\x88\xefH\xd1\x9c\xc0\xfe\xebp\x85&lt;\x86;\xf2\xde\xb9y\xf7\xa4\xe3\xb4y\xe2\xe3'</t>
  </si>
  <si>
    <t>b'\x0f\x9f\x0f\xb98\x94.n\x06\xc7\x86Ne`\xc7\xc8\xc7\xc4\xf9\xba&gt;6o\xea\x0f0.\xfa\x1b\xcee0'</t>
  </si>
  <si>
    <t>b'\x81P\x04\x94\xf8Q\\\xcd\x8a\xa5\xa6\xd8\xc4\x94\xc5Q\xaa\x92\xdf4w\xb3\x83\xce&amp;\xfb\xdf\xba\x0ee\xa6T'</t>
  </si>
  <si>
    <t>b'31\xb7\x0f\x84\xf7A\x15#\x0c\xb7V\x9a\x8d4{S\xdc\xe6\x8f\x14\xb0\xfd;G\xb8C\xc4\x91pp\x0c'</t>
  </si>
  <si>
    <t>b'\x8f\xe7vW\xde%\x1d\xbd\xc921w&gt;[*:=Q\xdf\n\xd2!C\xdb\xd2\xb01\xec\x9b\xc1Z\x81'</t>
  </si>
  <si>
    <t>b'\xe0\x040\xcf\xddO\x10\xae\x02\x93\x10\x1e\x8dxc\nQ\xc9vq\x9e)(\xadu\xe1\n.k\xc9\x18\xff'</t>
  </si>
  <si>
    <t>b'\xb7j\xc1\xe2\x89\x8fx\x99/\x96d\xd4$\x1c\x1e\\\x0fkhk\x93\xad\x12\x9b\xb4vD\x8cz,+\xec'</t>
  </si>
  <si>
    <t>b'\xb4\x1ce|\xc9\xdegCH-j+~\x859\xf6\x10\xb6\xf1\xd3k\xb9\xb7\x07\xa0\xd1\xf13\x92g\xc0\x16'</t>
  </si>
  <si>
    <t>b'\xa15$\x92:\x1c-p\xd1l\xc0\xab\xd8Fp\x1b\\\xe0\xbd(u\xd7\xcb\xdf\xbbr\x06v\xd4$\x18m'</t>
  </si>
  <si>
    <t>b"\xb2\xbe '\xb6lj?\x85Ny\xb2y\xd2\xc3\xed|\xd0Y\xc6\x9a\x1b\x1b*\xe1\x1b\n\x9c\xa4\x95\xc3\x19"</t>
  </si>
  <si>
    <t>b'h \x1aY\x94\xf2\xd6\xf8}~\xa6y6\xd8\xa9\xfa\x8c$\x89\xf6\xf0\xa6\x84I\xe8Z\xfaB\xbbfKs'</t>
  </si>
  <si>
    <t>b'\xd2Q,OJz\x8as\xb8tZ\t\xed\xe2\xde=\xb3l7A\xe9\x89:.\xe2\x80\x95\x8bI\xfb\xcf\xee'</t>
  </si>
  <si>
    <t>b"\xa4\x7f\x92!\xb5\xd5\x13\x00@O'\xc0\x14[\x9b\x1f\xc7b\x16\x94X!\xc2M\xde\xd9\t\x19\x1bF}\xe4"</t>
  </si>
  <si>
    <t>b'\xb6ZlI\xeb\xa3\xdc\x93\x02\x8cg\x92RW\xdd\x9bO\xa9tt\x15vYP0\x9e\xf9\x8bc\xe9\xfbX'</t>
  </si>
  <si>
    <t>b's&gt;\x0bN\x954\xe6(N\xb3\xdb\x9c\x95\x9f\x8a\x07E\xfe\xdd\x1f\x83X\xd4K\xf3;,\x99#\x12\xf3z'</t>
  </si>
  <si>
    <t>b'\x94Qx\xc6;&amp;\xd0\x98\x01-6\xb2v\xb8}9]\x01\xb7ih\xb9\xa0j\xac\x14\xee\xbf\xb7\xcc\\\xd9'</t>
  </si>
  <si>
    <t>b'y\x02B\xc1J%\xfe\xc7H\x1cg\xdc\x13\x03\x0b\xd5\xf4A\x9c&gt;\xc0\xeb\xbb+\xc3F\x16\xf7\xce\xd9+\xfe'</t>
  </si>
  <si>
    <t>b'51\xf9H\xac\xcc\xe5G\xaf\xdd|]b\x82\xd0\x19\xd6-\x89\x8e\xbe\x05U\xda\x8f\xf5\x8fW:0\x99\xcf'</t>
  </si>
  <si>
    <t>b'R\xa4r\xe1\xf1#\xf9i\x06\x86\x80\x80\x96\xfb\xad\xc1\xa6\xe8\xd9"xJ\x01X\x05\x85\x9f\x0c/ pR'</t>
  </si>
  <si>
    <t>b'f\x82f\xa7 /C\r\x1d\xb3j\xaa\xd9\xad\xdeop)u&gt;GGZ\xed\x0c&lt;\xb64\x9b\xd5\xc7j'</t>
  </si>
  <si>
    <t>b'\xa7;v\x9d\xb2F?[]yu\xc1\xe2\x1a\x9c\x0c[\x82^1\xf5\x8b2^\x81\xd7\xe79F\xccO\xca'</t>
  </si>
  <si>
    <t>b'\xdd\x84\xe2\x14}\n:\x9cW\xfd]x\x89\xcf\xceI\xf2\x92)\\\x92\x06Rs\xa2\x0b`6`&lt;\xabB'</t>
  </si>
  <si>
    <t>b'\xae}/\x02\x82\xad\xd6\x98\xd6v\xc5\x19O\x83w"V9\x0c\xb6K\x0e\xbd]\xbf\x99B\r\xb8\xc02\x04'</t>
  </si>
  <si>
    <t>b'\x88\x1d\xe4\x8f\x1cC2(I\xdd\xe4s(6\xb7\xa2\xdd\x14\x84\x8avM\xef\x9f}\x1d\x04l\xd1k\xa0R'</t>
  </si>
  <si>
    <t>b'\xee9\xc7A+\xd9\x85\xfa\xdb]?P$J\xcd\xfc\x9e\x12\xa8\xa6\xe5\xf1\x96M\x87\x0e\x02H!\x08#\xb7'</t>
  </si>
  <si>
    <t>b'\xf7\\A/\xe75\x0e\x1b\x7f\xf4P\xf7p\xba\xf1j^E\xb8Y\xb1\xb9\xb8g\xddX\x9e\xfa\r\xc71\x1a'</t>
  </si>
  <si>
    <t>b'\x8c\xd5y\xa4\r\x15\xb4\x9dm\xa3\x03\xe6\x92\xe3\x92\xae&amp;\x13\xaf\xa1\r\x9d\x8dA5\x8fe\xd6\x92\x1d\xccF'</t>
  </si>
  <si>
    <t>b'\x9e\xcd\xf8\xeb\xec\xf9{\xa3\xa6\xb3\xb3\xa6\xa6\xab\xb7\xea\xee\x0cb\xc0\xe6\xbe\xa7\x1f3h`\xd2p\x84\xf0\xa2'</t>
  </si>
  <si>
    <t>b'\x18\x8f\x9d(\x16\xaf\xbd\xf5\xd7\x1f\x04\xc6`]eQk\xd1\xb1\xe6\xcd\xaeO\xb6\xb7]\x03\xc2\xe7M\xa3\xdc'</t>
  </si>
  <si>
    <t>b'\x8b\xb4K\x80\xa0\xee\x16;\xb3\xd8\xf0-%l\x88?\xfcc\x9e,\xae\xab[\x00(_\xd3\x18(F\xa4\xbd'</t>
  </si>
  <si>
    <t>b'2Pv\xf7 \xe2\xbb|\xae\xb0\x833\x989f\xc0\xf9\x83A\xb4\x13\xcfTb\xc7Y\xe6{\xb9M\xa2&lt;'</t>
  </si>
  <si>
    <t>b'\x02b\x13\xec\xc9[[\xf8C\xac\xac\x00\xa9b\xa6\x123\xfe\xe0How\xf0`\n\xa7\xc7![\xc53\xbf'</t>
  </si>
  <si>
    <t>b'\x96\xc0\xd55\xbf\xe9\x95?\x96\xe2y\x87NBh\xb6H~M#\xf50\xb2S{\xdaa15\xf9\xd6`'</t>
  </si>
  <si>
    <t>b'\xeba&gt;\xbb=`djR D\xd0\xc3e\t\x96\xad\x10\x10\x9f\xb0\xbb#\xb6K9\x15,D\x01\x0c0'</t>
  </si>
  <si>
    <t>b"\xb9N\xf1\xc4\xa7(-r\xd0`\x84'C\xecl\xd9\xdb\xdeZ\t\x90\xd3\x06+l\xa7\xbe#\xcd\xf0\x90\\"</t>
  </si>
  <si>
    <t>b'\x9dtO\xd1?\xab\x9e\x94\xb4\x08\x96\xd1.7\xe8`Y\xb9\xa9\x7fJ\x84=\xe6\x11\x00Cw\xc9\xaav\x15'</t>
  </si>
  <si>
    <t>b'`\x7f$ \xa2E"\xfa}l\xe6/\xde\xc9*P&lt;H\xec\t.\x12v\x1d\x9f[\xce\xadH\x81\xe3\xd5'</t>
  </si>
  <si>
    <t>b'Y\xef\xa3\xfa\xeeP\xa2h\xc7\xc8De\xc0c\x90\xb5\xa2l\xd1\xc4\xaf\x9d\x08_\x01\xea\x1e\xddGEX9'</t>
  </si>
  <si>
    <t>b'\xa3urF\xf8\xe9!\xdd\x9b.\x90&gt;]\x93\xbd7s\xd8HY1\xfdP\xbb_\x05\x96\xfb\xd4df\xc1'</t>
  </si>
  <si>
    <t>b'\xbd)}\xdc\xa5\xb8\x8b\x8br(y\x1f\x9d\x8bf\xa6\xa2i\xdb.\xab\x19\x97\xdaP\xbfeX\x99\xb4\xaf\x07'</t>
  </si>
  <si>
    <t>b'W\x87\x8a\xce\x03\t^\xf8\xe8\xe7\xa2K\x06\xdc\x07;1Dq\xfc(J\x8c\x91)v^?\xb2\xe8\x14}'</t>
  </si>
  <si>
    <t>b':}\x1b\xd2e\x884\xfe\xc1\x88YT\x8e\x0f6\xaf\xa0\xb0R\x86\xe3z\x0b\xc8\x82\xa0\xaa\xf6\xfdB\xf3\xab'</t>
  </si>
  <si>
    <t>b'#\x141\x8b\x93\xb4"6\xa6x\xcf*\x05w\xe4\xc9)dS\xb9=\xbdV\x9aZn\xf7\xb2\xbb\xd1\x16c'</t>
  </si>
  <si>
    <t>b'\xe7\xb9\x10Y(\x11w\x9d\xaf^%\x0e\xee\x9c\xf2E\xfb&amp;\xbf\xb5\xfc\xe5v=\xae\x15I\xe2\x90\xbb\xd36'</t>
  </si>
  <si>
    <t>b'%\x08\xf5\xbfM\xeb#\xc4\x83t\xf2\x16S\x82W\x06S\xafpd\xffKe-\x14\xc4\x8e\x14eZ\xd8\xd9'</t>
  </si>
  <si>
    <t>b'\x7fj\xc7?i\x84\xc7\x8d\xdb\x10F&lt;~r\xec\x0fP\x9aCBPj?\xee\x8f\x10\xac\xa9f\xacjK'</t>
  </si>
  <si>
    <t>b'y\x19\x9c\xe6\x10\xcc\xe0\xd4\xf9-I\xc5jg\xbc}\xd5\xff^\xef\xd39\x84\x9f\x17\x83\x19\xa1t\xbc;\xc2'</t>
  </si>
  <si>
    <t>b"\xe8\x99'\x1e\x93\x12\xa6\xe4\xdf@\x9e\xed$%\xba\xca\xbc3\x13\xced1\x9c\x9c\x84\xfa\xf7_\xf8\x03\xd3\xa0"</t>
  </si>
  <si>
    <t>b'\xdbT\xa27\xed\x8a,\x84\x11\x83**\xb3V\xfd\x04V\x9b\xa5\x9d\x18H\xd5\xe6\x04\xff)\xecr\xf3\xb8l'</t>
  </si>
  <si>
    <t>b'\xb5a-\x16O\xbc\n\xc2\xabQUhB[Y/Md=X\xcd\x17\xf5\xd4Vs~\xc3cMTN'</t>
  </si>
  <si>
    <t>b'\x08\xfe\x9b\x84\x9cJm\xef?\xe98\xfa+\xf7f\xd0{\xe2$%\x12\xdbcs&gt;p\xba\xc8\x82\x1c\xe4\xed'</t>
  </si>
  <si>
    <t>b'\xdb\x0c\x0b\xa5\xd4\x94\x91HFd\xc3T8*\xc7tG\x81\xd8\x96Z\xa3\x94\xeb\x00\xde\x88\xfc\n\x9f\x0c\x7f'</t>
  </si>
  <si>
    <t>b'Us\xf7\xf1\x94A\xfb\xa7\xf0\x0b]V\x12\xe9\xc7\x9f\x1d\x91`\xf1\x01[5\xeb\xdb]\x0c\x0c\x81\xf8#L'</t>
  </si>
  <si>
    <t>b'1\xac\x1a\x80bv\xb1\xc9\xe7\xecb\x1duH[\x19\x0b]\xc7[~O\x17\x88\x89:)1\xc0m5\xdc'</t>
  </si>
  <si>
    <t>b'\x83[\x7f\xbez\xc2j\xb1\xd6T\xff6\xc2\rOL\x1a\xf7\xf91\x16\xf1\xac\xf2\xb1\xeb\x1c\x05\xce#\x1do'</t>
  </si>
  <si>
    <t>b'\xfe\xff\x83\xe23K\x8e\xc4\xb1\x83&lt;0\xc6\xf5[\x00i\xc8\xbfarQ\x95-\xcf\x10\xbb\x81\xeb\x01\xf4\x97'</t>
  </si>
  <si>
    <t>b"\xfc\x97\xbf\x81\xca)\xd4X\x14\x04\x08\xf9\x12V\xef\x15\xfaK\nes\xf0e\xaa\x0c\x1f\x1d\x8a\xf0'H@"</t>
  </si>
  <si>
    <t>b'x\xadu\x87\xb4\x87\xefk\xce\x97\x92\xf1\xa7p\xbf\x16\xb7\xae\xa8%AZ\xc3\xbb\xc8/\xd0~X\xa7\xe3\x10'</t>
  </si>
  <si>
    <t>b'\xfb:\x87_S\x8a\xa2\xcac\xd5o\xfa\r\xe0\xd3\x8f\x7f\xe0\xa0\xaa\xb7Z\xd1/\x1a\xd9\x94\xeda\x1bg\x94'</t>
  </si>
  <si>
    <t>b'3\xce\xd8\x90oiQ\xe7\x07\xd2\xfe\xd3\xc0\xfc-\xacS\xe1\xaf\x9a\x07\xe6}\x12\x7f\x81u\xe3\xe8\xaf\x9d\x9e'</t>
  </si>
  <si>
    <t>b'\x02]\xc4;\x9b\x1b\x9et#(\x96\xc4\xc2=\xf7 \xad\x97\x89?\xaa\x13F\xa1\x05X\xcc`\x9b\xf2\x85\x08'</t>
  </si>
  <si>
    <t>b'T\xf4\x8f?6y\xf8\xeeM\x1ef$\x05-\xd7z\x19\x83\t\xf7\xa5\xcc)\x19\x0e\xcb\x80\x94\x80Sj\x93'</t>
  </si>
  <si>
    <t>b'6\x97d\xb9"\xef\xaf&amp;\xde\xe4\x8bW\xa4\x7f\xad\xb1\xef\x05jY+\xdc\x08\x83s\xcfZ\x01E\xdb f'</t>
  </si>
  <si>
    <t>b"\x91\x10\xdf\x13(\x08\x18\xf49^W\xa2'\x9dT\x0e\xcc~\x1cbCJ\x0c]\xe1 %\xc5\xf6\xae?\xa2"</t>
  </si>
  <si>
    <t>b'\xa5m\x98\x8a\xe8\x86\x9cd\x1b\x84\xe6E&lt;N,\x96\xf40\x8c|c\xd5\x97#8L\xb9\x88\xa1\x01v\x1d'</t>
  </si>
  <si>
    <t>b'\x17\x07\x9dz\xdb\x8beH\x86\x04\x13c\xb8\xc1\xa8\x89tK\xfb\x07\xa8\xa0\x03o\xf1?\x1dq\x98\xd5}\xa4'</t>
  </si>
  <si>
    <t>b'y0\x04\xf3M_\x85\x83\x17,\xb3\xcf\xbe\x8a\x84v]p\x03\x8e\x05\xd1\x8f\x81?\x7fm\x0c\x9e\x00S\xb4'</t>
  </si>
  <si>
    <t>b"e\xaa\x9f\\\xf0a'\x9f\xeb\xa2\xb7fC\x9f\xee?I\xd6'\x89\xc1l;v\x94l_!7\x8b\xcb\x9a"</t>
  </si>
  <si>
    <t>b'yl((\xd6tj\xabA\xec;\xb0\x11\xc0\xac)\x14SY\xc1v\xf7&lt;\xeb\xa38\xf8\xac\xaay\xba\x97'</t>
  </si>
  <si>
    <t>b'\x9a\xe9#]\xfb\xa2\xb9\x96c\xd5\xfe(\xc1\x16&gt;\x00\x18\xed\x8e\xe7\x05Z\x82a\xf6\xcf\x07\xc9\xd5\x17\xf8('</t>
  </si>
  <si>
    <t>b'\xfc\x1d}\xa3\t{\xf3\x8b\x0eD\n\xad\xcag\xb0\xc4\xb1@)\xcf\x84U\xd0\xb4u8\x88\xe7\x88\x81\xef='</t>
  </si>
  <si>
    <t>b'\x8bRF&gt;S0!o\xcaE5)\xdc*\xb4\x9b\x84Z\r\x0b\x88R\xa5\t\xdc@\x9ca0|\x91\xef'</t>
  </si>
  <si>
    <t>b'\xa5\xec3\x9f\\R\x9e\x80\xba\xb9\xa0\x0f\xb6\xd8\x8a,\x8f\xf7\xc3\xf2\x9dV\xfdb\xe7\x9c@\x02\x03\xc8\x9c\xec'</t>
  </si>
  <si>
    <t>b'\xd1\xbf^\x83Y3\xb0\x97^JP\xa6\xf2\xf9\xe6\xcd\xce\x88\xdfu\xe3\x9f\r\x83\xfe6d\xa4%T\xc2{'</t>
  </si>
  <si>
    <t>b'@c|&lt;\xb8\x8a\xe9\xa8\x9d-\xd4\xd99&amp;\xa6\x9e\xe0b\xaa\x11\x17.\xbf\x07G\xd5\xc0\xcaf\x15c\xd8'</t>
  </si>
  <si>
    <t>b'\x85\xf5\x0b\x0e\xa3\x99\xa5\xa3\xbc\xe5\xd8\xa7\x9emB\xba\x99\x1b\x89\x97c\xa7\xf8\x0b\x12"\xa6\xaa\xfe\x19\x01|'</t>
  </si>
  <si>
    <t>b'c\xb2\xabA\xb8\x94\xce\x11,\xf1\xc6{\x84\xc1\xd0\x0cl\xff\xc7=\x8d\x86\x1a\x12r\xe8\x88g%\xd0\xc5D'</t>
  </si>
  <si>
    <t>b'\x89\x89E\tA\xc6\r\xfa\x88\x02\xb9\xdaD\xa5\x07\xea\xb4A\x8a-\xe2c"\xdb\x94\xbe\xfd\xd6\xe0\xe8\x00\xf8'</t>
  </si>
  <si>
    <t>b'\xe4E\xf3\nDd\x10Y\x83\x98\x15\x9f\x1f\xb7\xc84X\xadV\xf9\x172\xe1a\x13\x8b\xcc\xd9\xe9\x90\x16\xe2'</t>
  </si>
  <si>
    <t>b'\xc9\xe7C\x17:\x1f\xc5s\xd3Q\x16\x90pQ\x00\x0big\xf8\xf1e\x04\x81=\xa3\xa8\x16\xfd\x14\xf9\x8c\xac'</t>
  </si>
  <si>
    <t>b'\xcc&amp;\xa7\x8f\xeb\xea\x84\x83}\xca\xdfG\x14JM\xb5${\xaf\xff\xad\x18\\\xe9\xe7\x17fp\xc9\x04)\xd7'</t>
  </si>
  <si>
    <t>b'\xf5&amp;\xcfJ\xfc\x0f\xc5\xf8O~\x83\x19L\x90W\xde\xf0A%h\xa1\x19T\x11\x91M\\\x08C\x05b\x12'</t>
  </si>
  <si>
    <t>b'P\xc1)\xb4\xf8\x86yY\x90\xba\xfab\x90=\n\xeb\xf4\xce\xd6\xf6Z&gt;\xa8\x81\xb3~/\xc0\xf9\xa7\x95#'</t>
  </si>
  <si>
    <t>b'\x02\xc1Sp6\xed\x0cn}\xb3\xfd\xc1\xd8\x12\xdc\x92k\x11\xfe\xef\x12S\t\x7fn\xa6^9\xffB\x87z'</t>
  </si>
  <si>
    <t>b'\xe1[S\xef \xab\x10\xedf\xfcA\tQF;q\x08\x9a"D\x87vm8\x1f\xd1LGH\x8a\xc1^'</t>
  </si>
  <si>
    <t>b'\xa8\xc3}\x9cj\t0\x87\xe8\xfb\xe5x\x06Rz\x8c\x06X\x19\xd4&lt;\x8b\x80V\xbb\xb5\xd3\x08\xa1\xe7\x1e\xad'</t>
  </si>
  <si>
    <t>b'Z\x17\x84\xa2%\xecv\x91\xd1\x93\x88Kr\xbb\x00\x01\x0b\x02zm\x83+0G\xe9\xdf\xe4\x90\xf5\xc2\xcb\xd6'</t>
  </si>
  <si>
    <t>b'\xa0\xc4\xb2\xea8\xc5\xd8`\xac\xc2\x14\x85\xc6 yIN\x84"\x01\xb7=&lt;\xf9\xc0@F\xce\xca\x84K!'</t>
  </si>
  <si>
    <t>b'\xce\xf5\x1dx{\xa6\x0b+2&lt;&amp;2\xe5a\x89\x7f\x08\xc3U\x92\x91\xd6O\x02\x1dl\x81\x12!o\xccB'</t>
  </si>
  <si>
    <t>b'\t;\xcb)eh%x:\x9e\xb0\xe4\xa1.\x7f%\x17\xb4\xa6m\x11J\x89Z\xaaY\xb2\xfc\x1cu0\xbc'</t>
  </si>
  <si>
    <t>b'j\xa6\x03L\x0e\xe8\xe8\xbc\xe7\xa4\xf4\xa7D]\xb8\xc8XH\xd8\xff\x05\xb0\xf0p`0\xd1!\xc9{\x16\x00'</t>
  </si>
  <si>
    <t>b'\xdb\x85\xaed\x99\x05;\xfbX\xff\xe5\xe9- \xf9\xf2 \\\xf2\xfc\xa9\xfa%Nt\xad\x83\x01\xfb\x9aM\x19'</t>
  </si>
  <si>
    <t>b'I\xab\x94\xd8J*\x1a\x06.\\\x14\xacV\x0e&gt;~{l\xce\xdfS\xe7\xc8\xa3\xf6OH\xfa\x1a\xe2\xa6\xb8'</t>
  </si>
  <si>
    <t>b"\xa4\xc1\x7f\xc25.L\xb0\x04\xedE\xabm\xcc\xa2B\xc9|\xcf\x19\xba\xd8\xe5\xdd\xa7`\xf6\x06'\xb5\xff\xc9"</t>
  </si>
  <si>
    <t>b'\xd84\xb4\x0b\xe0E\x9fG$f%\x9a\xa0|\xa6\xadV*\x91\xfc\xb7\x8b\\M\xd9\xee\xea\xd1\xd8\xdb\x98\x93'</t>
  </si>
  <si>
    <t>b'\xe1\xdd\xb4m\xb5K%\x1f\xc6Y\xadg\xf9\xe5Vk\xca\x05\x9b\x05E\x15S\xc6r^\x0cF\xbf\xda\x82*'</t>
  </si>
  <si>
    <t>b'\x84\x18E\x0c\x08\x0e\x90\xe2Y\xf0&gt;\xf9%r\xe8\xfcO\xe8\xa6\x9a\xb8\xad\x9c\x7fE:\x9fI\x1dY2\xc3'</t>
  </si>
  <si>
    <t>b'\xc7\xcc&lt;\x9f\xed-\x7f\xf7\xa9"\x8fM\x05\xd7\x05\x11\xd6\xf6\xb7\x04\x1dG\xac\xbfT\xaa\xba\x1a\xf2Z\x87\xdb'</t>
  </si>
  <si>
    <t>b'\xdf\xf0&amp;\xe5\x93\xb1\xc2\x18\xd7\x17`i\xa4a3B\xb4\xd6d\xf0\xe4\xdd\x03\xfe]m`\x83\x8f5f^'</t>
  </si>
  <si>
    <t>b'o\x0fm?\xe8\x82S\xb1\xe8f\xdc\x99\xa5F\x1bs\xb7\xe4\x15\xa0\xc2\xde\x85\xb3\xe0\x91\xea\xec\n\xe8IQ'</t>
  </si>
  <si>
    <t>b'g\xfd\xa3u}b\xe9\xa53\xc8-\\\x9c\xc5\xa3q\xb4\x10;\xad3\x0b6dV\t\xad\xc1\xf7\xee\x8ck'</t>
  </si>
  <si>
    <t>b'\xec\x8a\x87\xda\xbc\xad\x99\xbd\xae\xadwz)\xf42&amp;\x19\xd9\xce\xdf\xda\x97\xe0:W5\x8f\x08e(R#'</t>
  </si>
  <si>
    <t>b"\xa2\xc5\xa3\xd5\xd8\xf6\x84\x93\x16#q\x9c?(q\\|\x1d\xa8\xd6\xbcJ\xd7\x98\xfb\xd3\\\xc8\x0fy'\x8d"</t>
  </si>
  <si>
    <t>b'\xca\xed\xe7E\xc5`\xf7\xd4s8_\xdb\x8a&lt;\x9e\xc1\xd0\xec\xd7\xce\x8fU\x0e\x06a\xb8\xf7\xc0I\x9ay\x82'</t>
  </si>
  <si>
    <t>b"\x12\xbaX=\xb4&lt;p\x04%\xa6v\x1c\xdb\xc3\\`'\x11gJ\x87Sm\xe6\x84\t\xc8\xfb\x17X{;"</t>
  </si>
  <si>
    <t>b'!\x8e\xa3;D#*4\xa3\xe31\x9eA4\xe9\xa7\xb0\x8b\xd0l\x08\x9e&lt;\x08\xe8Z/\x8d\x04(T\xc2'</t>
  </si>
  <si>
    <t>b'\xbd\xa4c\xd0\xe9\xdc\xf7:VB\xc2g\xfd]BE\xfa/\x94\xc1\xd9\xd8\xfd\xe17s\x1b\x8aJ\xa3.\xf3'</t>
  </si>
  <si>
    <t>b"K5!Y$J-\x0c\xb8\x1c\r5'd\xc5sc9\x10S\x1b\xdc\xa1 \x01\xbe\xe7l\x85\nTe"</t>
  </si>
  <si>
    <t>b"5\xaf\xfb\xa1.\xac\xba\xab2\x86\xfc\xda\xb5\xd5/K!k\xbdg\xc4\x08\xa3\xc9o\r\x92'\xa4\xa9d\x7f"</t>
  </si>
  <si>
    <t>b'\x930\xfa9\x02\xc3\xd3\xa8\xccQ5Be\x05\x93\x99o\xf3\xf0uO,\xd6\x82 =\xf5\x12\x19Ia('</t>
  </si>
  <si>
    <t>b'\xeb,\xbd\xf9s\xb9q\xf6\xce\xdc\xacl\xb8Z/\x94\xe7\xa6\x13\x99\xf0\xbe\xc5\x848\xc8\x81\xe6\xc7\xd8\xee\xc6'</t>
  </si>
  <si>
    <t>b'\x12Uf :QD\x9dN\xdc&lt;\'\xc1\xc9\xb1\xe7\xe6$!\xe0Y\xb1\xb61\x83"Q\xb7\xe0\xe9\xb2\xa4'</t>
  </si>
  <si>
    <t>b'\xa5S\x1f\x1ejMx:\x95\xcb\xbc\xda:\x9fpsTU&lt;\xec@\xc7a\xc8\x89y\xf28|\xc7.\xae'</t>
  </si>
  <si>
    <t>b'_\xe0?\xbb\xcbj\xd3\xec\x14BIN\xb4+\x05\x12\xdb\xd7\x8e\x86E::X\xac\xce+o\xc4g\xa53'</t>
  </si>
  <si>
    <t>b's\x8d\xdf\xb9d\x16\x16\xdf\t\xeb~\xfc\xc7\xd0L\x02\xf1i\x98[#/{\xf4\x0b\xa5]\xed0\xde\xb8\x88'</t>
  </si>
  <si>
    <t>b'\x90\xb1\xd5gv\\\xa4\xcdo\xaa3\xe8\x9f\xf1,\x94\xbcjxp\xae\xd6\x97\xc0\xb8\xf0\x81-\xab\xb6?&gt;'</t>
  </si>
  <si>
    <t>b'\xe5\xa2\xe9\xf2\xa7\x0e\x8c\x951\x8d\x8b\xb4 \xa1\xfdM\xc9,\xff$\xc4\\\xf9\x91\x10Ol\x01\xa5,\xc1\xfd'</t>
  </si>
  <si>
    <t>b'T\xcd\x84S\xb9\xce\xfc\xbdS\xe8\xa4\x93\xb9\xc7\xb55\xc14\x0e\xe2s%\x8b\xa6T"\xe5\xb5a\xdc\xadz'</t>
  </si>
  <si>
    <t>b'\xfd\x85jNZ\x98\xf2\x02\x93\xb6\xb6\t\x99R\xb5\xf5\xcc\x94\xd1\x9e&amp;\x15\xb3\xc3\xc0%Z\xf3\x9eg\xdf\xc0'</t>
  </si>
  <si>
    <t>b'g\xfaF\xb6\xbe\x13\x85U\x92\xc5\xdd\xa0Q=k\x0f\x95i\x16}\xf5\x8f\x08@W1\xcc\xb9\xbd\xa9\xd9\xb7'</t>
  </si>
  <si>
    <t>b'\xb7k\xf0h[\x0c|\xe8\xf1Bi\x157\xf0I\x8a&amp;\xa9j\x93\xd8\x87s\x0c\xbc\xad\xefAF\xcaQ\xa0'</t>
  </si>
  <si>
    <t>b'\xa1&amp;"49\xfd\x89\x95\xd6\x18\x92\x8b\xc9u\xeeL\x9d`\xe6o\xf2\x95{\xf8\xca\x9a\'W4o{\\'</t>
  </si>
  <si>
    <t>b"\x02'\x8c\xbe\xd4,XZzF\xfa\xb9\x98\x98p2\xa4\x04\x8fD\xf4\xc7^\x92\xabQI\\/=\x88\xf0"</t>
  </si>
  <si>
    <t>b'\x04L9\x86\xc2N-m\x188\x9b\x8eW\xe4@\x1cT\xff\xd5&gt;\x14BZ`7\xd8\xeb\xaf\x03i\x87S'</t>
  </si>
  <si>
    <t>b'\xc2y\xb5\xfaI)-\xd2\xf1\xd4\x87\xa6\x18\xb6\x18\xc7\x16k\xdc\x18\xb0\x903pg\xf5\xb5\xa9\xc6\x10\xc8\x9b'</t>
  </si>
  <si>
    <t>b'\x85=\xad\x14\x87=\xe7\xb0$\xe3\xea*C\x85\xccYUX|W[\x11\xd2\xf4\xb1\x81\xcb\x84\xc7\x81\x8a\x03'</t>
  </si>
  <si>
    <t>b'5g\x02\x8a\xb5\xc2\xfa\xccq\xf6s6*K\r\x1e\xc3\xb9 \xe7+\xff\x1a5Rd\xb9\x97\x9a\xbb\xb4\xde'</t>
  </si>
  <si>
    <t>b'\x90\xdfQ\x07\xdd^\xc1\xd6Z}y\xd1\x179\xec$\x17\x8c\x9a\xafT\x0f\x91\xd1\xba\xa3\x02x\rE\x8c\xb4'</t>
  </si>
  <si>
    <t>b'\xc6!\xac\xc3\x92\xbe(\x83\x94I\x14sr\x8de!\xe1\xd2I\xdeS[\xdb\xc4\xfb\xc4\x05m:*\x04\x99'</t>
  </si>
  <si>
    <t>b'\xb8\xe9J\x9ci\xae\x14*\xaewI%Fk\x05I\x83J\x8fN\\%\xef-\x04\xe5\xc0\xb4G\x90Y\xd8'</t>
  </si>
  <si>
    <t>b'\x97\xdf?\xec\xea\xed\x17\xa3\x8bI\xe6\xfb\xc5\xd4\x8f-$\x91\xe5\xd5\xf9\x8d\x8d\x83M\x18\xf5\xd2\xd34\x02X'</t>
  </si>
  <si>
    <t>b'F\xa7\t\xee\xdd\xd5B\xdb&gt;\x8f\xa4\xe9\x12\r\xe1DI\xd8\x01S\xd7]k\x14\x94R\x85V\x8c\x8b\xb9\xf8'</t>
  </si>
  <si>
    <t>b'LC\x8c\xb9\xc4\x02bF-\xa1X\x1d\xb6i\x8e\x85\xc9\xa9\x9f\xdawb}\xee\xc7\x9a5EB\x85U\xff'</t>
  </si>
  <si>
    <t>b'r\x15\x9e)A\x94\x9a\xbek\xf7\x13\x00\x18K\x89&amp;g\n\x0f\xbart\x8d%d\xb7\x838E\xab\xe1\x07'</t>
  </si>
  <si>
    <t>b'\x9c\xba\x94\xae\x8f8\xa6\\\x9b\xce\xf5d\x01\xb3Js\xdf\xdb\x88\x8eEn\xb2\x9d\x84\xcd\x0bx\xba\x9cl\xe0'</t>
  </si>
  <si>
    <t>b'\xea\x15|\xe9tE\xf9I\xc7\xe6\x9b\xf8\x0fp\x00\x06\xfd\xcd-Z\x83\xd9\x1b3r\x84\xa6\xc8e\x0fQ\x91'</t>
  </si>
  <si>
    <t>b'\xc1\xd0Y*\xdf"\xdcC\x06\xa2\x18\xaa\x02\xfag\x1c\xc6\xba$p\xc9l\x01\xde\xd1\xb0\xe0\x9dx\xd8\xf6%'</t>
  </si>
  <si>
    <t>b'\xea\xab\x1e\x94\x94\x90^9\x89O#\x9a\x85\xf4\xea\xf5\x95\x94f\x11m|\x96m~\xce\xb1vEf4\x8c'</t>
  </si>
  <si>
    <t>b'J\x9a\xaf\xaaf\xaa9M+\x83\x0c\x85\x17\xd3\x02\xfc\xe5\xef\xce\xd6\x02u*\x83\x83\xe5\xc6\x8a\xe41\xcd\xc4'</t>
  </si>
  <si>
    <t>b'mH\xb9\x97D\xf7~\xeb\xf9\xe2\xdf\xd7\xa38B\xa0\xab\xe8\xf7L\n\x9d\xe2\x92\x9a\xb7\xd95\xa3\x15\xd7C'</t>
  </si>
  <si>
    <t>b'\xd8\xa7\x1b\xf4\x92\xe7\xa7\r6HL\xad\xce\xd8|\xe0\x9bQ\x19\xae\xfdG]I\x11o\xae\xa2C\xc4\xfb\xc4'</t>
  </si>
  <si>
    <t>b'\x85\xea\xb2?\xa79Zu\xdb\x11\xc9\x9dp\xd0\x01\xa0\x83\xfa\x8a\x92\x8fU\x91\xb4C1Xf%\x83\xbam'</t>
  </si>
  <si>
    <t>b'\xfe\xb1\xc3\t\x18\x9a!\x91&lt;\xc0\xa8\x08\x97\xda\xcdO\xcehnIN\rj\xbb\xf1T\xe6vy\x96\xbe\xae'</t>
  </si>
  <si>
    <t>b"\t\xa9,h\xb9\xd4\xd5\xf1\x1b\xb0g&lt;Nw\xa0\xeaB\xe3\x86*?r\x08rJq\x95\xa9\xa1'4\xaf"</t>
  </si>
  <si>
    <t>b"\xec^\x0f\xd3\x85'\xe4\x00\x13\x91\x02&gt;UC\x85_\xff\xae\xbc\xea\x80\xa8\x991\x8f\x7f\xc7\xf3\x8b\x05n\x1f"</t>
  </si>
  <si>
    <t>b'\xad\x8b\xdb\x04[z\x12\x86\xb0#\x0b\x8f\xb8`6\xb3\xc2\xc9\xf2\xd1\xb5Y/\xbah\xa1\xc5/\xa3!\x888'</t>
  </si>
  <si>
    <t>b'\xad\xbd\xeaqX\xb9\xb1"f\xbe^\xa1\x03mb\x14@\xe2W\xbd3\x98\xb7\x8d\xbaM\xed\xf0\xa5OR\xcb'</t>
  </si>
  <si>
    <t>b'}\x9f\xd6 \x12"\xe0\xd4\xf7;\x1dCN\xbdvI\xee\xaaB\x04\x82\x98t\xc8\x81\'\xce\x94\xb8:\xb6\xdd'</t>
  </si>
  <si>
    <t>b'\xe2\xe0\x90_\xc8q\xe9\xd5k\xa8A\xa6\xb5&gt;\x88r\x0ee\xc8\xdf+\xd9\x8f\xca\x1e\xc4\xefv\x82ZC\xf8'</t>
  </si>
  <si>
    <t>b'\xbd\xb9\x95.a\x01\xe9\x95\xc6\xca\x04\r\x02\x02\x9a\xf8D\xe3\x98S[g;\xef\xf6\xda$\xa6}"\x81\xdc'</t>
  </si>
  <si>
    <t>b'\xf9\x10\xf9\xfd\x8b\x0coD[wCU\x03\xac)\x9e\xe3/e\x8e\xd3\xba\xb7\xb2j\x94\x0bZX(\x86-'</t>
  </si>
  <si>
    <t>b'\xc6RV\xfe)_\xa1VJ\xc0\xba\xfa\xec@\x8b\xe4\xe7c\t7bQkR\xda\x12\xb9}\xecQRk'</t>
  </si>
  <si>
    <t>b'\xf0&amp;\xb4\x05\xe1\xbe\x86n\xb7\x91\xd8\xdb\xe6\xf8\xa1\x18X\xfc\x04\x9e\x11\xdbg\xa6\x1b\xb2\x12\xcd\x04\xec|z'</t>
  </si>
  <si>
    <t>b'\xfc\x81O\x90\xe3v}\x0c\xfe/\xb9o$\x9dZ\x13\x0e\tV\xc7\xc7R}\xe2j:\x04I\x05\x9f\xe7\n'</t>
  </si>
  <si>
    <t>b'1\x98\xbb+\xc8\x04\xd4\xe6O\xdf\xb4\x08\x88\xeaGi\x91\xc5\x93\x95\xb3I&gt;\xb2c\xd2&gt;\x07@%_\xc5'</t>
  </si>
  <si>
    <t>b'KZt\x91\xfby\xc9\x8f\xe5\xbal9X*\xf3\x81\xa1\xe4\xado\xc1\xea\'\x80\x97\xed\x98\x80\xca\xfc\xd7"'</t>
  </si>
  <si>
    <t>b'\xacF\x91\xa8\x81g\xb8\xed\xee\x8eQ\x02\xd1w\xb6@\xfeq\xadn\xd7\xcd\xd3\x03\x0b\x85a\xcdB\x03\xedH'</t>
  </si>
  <si>
    <t>b'\xab#\xc8a\x17\x8b\xbfQ\x8fJ\xb94\x07\x89\xcc\x9a\xc5\xa2h\x83\xebJ\x8cu\xee`]$\xf2w\x1a\xab'</t>
  </si>
  <si>
    <t>b'\x0fz\xdcv\xb5\x8f\xa0\xa5\xf7e\xe3&gt;\xf2\xbf\xdd\rSYmI\x14\xf4\xa7\x8f\x9f[\x8b\x9f\xb7\xc9\xd1\xe1'</t>
  </si>
  <si>
    <t>b'\x98\xbfG\x8a\x82\x7f524\xcbD\xd9\x96v\xe50\xe3D\xdc\xa8,i\xffh0\x9f\x80v&amp;\xbd3j'</t>
  </si>
  <si>
    <t>b'\x11\x1aq\xf3\xdda\x17M\xe1m^ \xe0\xc3\xc1\xca_\x95\x8d,U\xa0\xaeu\xa8\x0b\xde\xcb,\xd5\xd5D'</t>
  </si>
  <si>
    <t>b'\xcf\xf3\x18tP6AwNJ&lt;\x0b\xc19\xb28L+HR\x1c\x1a\x0b\x85K\x8dQ&amp;T\xa6\x8f\xfc'</t>
  </si>
  <si>
    <t>b'\x81$b\x8a\xcbXN\x12\xaa\xa5e\x99\xec\xcb\xea\xaa\x08\x07a&lt;\xfd\xa8\xc9\xb2@\x00\xdd\xea\xdf#\xb5E'</t>
  </si>
  <si>
    <t>b'\x94M\xc6\xa7;\x1a\xfe@\xdfl9^\xa5\xf0\xf1\xa3\x1d\x9f[1\xce\xb9\xdc54&amp;\x00dM`#9'</t>
  </si>
  <si>
    <t>b'\xa4\xce\xa2&lt;\xc5\xfc]\x86\x155o\xaa\x19\xcfJ\x9au+\x85n\t\x84\xd9Fdk\xf2\x9be\xd7u\x02'</t>
  </si>
  <si>
    <t>b'A\x13\x96\xb3\x14\xe6\xb4\xf2W\xee\x81\xf6Ti\xde_&gt;P$\xca\x0c\x12V\x1f\x0f\xb5\xfdDe\xa0\x1e\xe8'</t>
  </si>
  <si>
    <t>b'*5+Y\xb5"w&lt;\x1c\xd0GZ\xbf\xfb1\xc9.B\xa1\xa8\x16`\xf8\x90\xb2\xa1\xfb\xd69\xa2)1'</t>
  </si>
  <si>
    <t>b'h\xd2\xbf\x93\xf5\r\xa6{;\xfa\xef\x08\x9b\xb1\xec^0}]\xbc\x88\xed\xd7Co\xf3`\xf4v\xd5\xcd\xf7'</t>
  </si>
  <si>
    <t>b"A\xf6x\x91\xb4\xbdt\x12&lt;\xab&gt;\xd8\x08'\xd1\x9f\xdbb\x08\x86-ev\x11`V\x80-\x1b^\xdd\t"</t>
  </si>
  <si>
    <t>b'\x95\x16\x98\xca\xad\xbd\xee$K\xde\x03L\xe9J\xeb\xa5\x92G\x15\xa1?\x9eu\xed\x8bM~*Y-\xbe\xaf'</t>
  </si>
  <si>
    <t>b'~\xac7\xf7\xba\xe6\x06\xf4\xa0\x98\xa5\xd6z\xc2Zb0J\x8b\xfb\xfc&gt;}\x0b\xc6:\xac\xd0\xbaqQ\xe5'</t>
  </si>
  <si>
    <t>b'~\x86\xf67\xc5\xb8\xe2\xc5-#R^\xcd#}"S\xa3\xcb\x97n ?\xf4\xc0\x03A\xd6\xd1\xf9O\xab'</t>
  </si>
  <si>
    <t>b'g\xecT\xff\x07\xfcU\xaf\xffh\xeb\x19\x9d.\x80\x9dE\x9c\xf4@j\xdea5\xc2\xd8\xfe)\xe4\xf7\x92q'</t>
  </si>
  <si>
    <t>b'\xad\x1a\x7f-\xed\x14\xaf}\x88\xce\xe7\xff\x01\x10\x8f\xaet0\xcd/Nr\xaf\x83\xac \xd8\xc5\xcb\x14\x9b\xdd'</t>
  </si>
  <si>
    <t>b'\xe2@\xff\xa2\xf9{\xa7zl\xe74\xf1%\x85\x04\x1eVaA\xb8\x9f\xc28-e]9\xac\xee.\xb0\x03'</t>
  </si>
  <si>
    <t>b'9nI3,@\xff\x91\r\xba\x92\xadS\xb57\xa3qtT&gt;\xbe\xa10{-\xd9\x94\xb4h\xcb\xa8\x92'</t>
  </si>
  <si>
    <t>b'\xa0\x05\xe1a\x88u\x08\xc7\x02\xa9\xe1\x95\x90Dq2Q\xa3\\\xb4\x86\xe8J\xc8\x9e\xd6\xbc\xa1j1\xeb\xb5'</t>
  </si>
  <si>
    <t>b'e\xa4\xce\xa51\x9c\xbd\xbb\xa1\xaf\x99y\t\xf0\xf7"V\xe8\xf4D\xd0\xeb\x7f&gt;v\x87\x8d\x13\xd4\x10\x19h'</t>
  </si>
  <si>
    <t>b'\xdd\x91/@\xfc\\\xa6St\x19\xd2\x17\xf5\xb262LD\xe0\xf6-\xf7\xad\xca\xbd?\xaeTh\xbc\xab\x9c'</t>
  </si>
  <si>
    <t>b")3O'\x1aP\xc6R\xbe\x89\xc6*\xad_\x9b\xf4\xd74/\x06q\x12\xee-UkQ\xb7\x9b\xc8\x8aj"</t>
  </si>
  <si>
    <t>b"K\x95\x81\x8b\xeby\x07m&gt;R\x8c)\xd6\xc4\x83'l\xcf\x9f\xb0e0\xae\x9b\x90&amp;\x10\xc0\xca\xa9\x1a\xc4"</t>
  </si>
  <si>
    <t>b'\x85\x04&lt;T\xb3hy/\xdb\x02\x99\xc1W\x12\xeb\xb0\xd71\xc9.\x95\x12D\xc5fdC%\xef\x0c9\x81'</t>
  </si>
  <si>
    <t>b'Kg\xfc-\x7f\xc4\xd8m,kR\x04\x16\xe4f\xcfzN\x1c\x9b\xcc\xdbx\x95\xa4zc\xc1\xd3\x0fR\xad'</t>
  </si>
  <si>
    <t>b'\xb3QL\xce\xe2\xdb6f\xf9\x043\xeeDk\x04\x9d\xdb\x9b)\xf9^K\xae\x1e~\xd8\x99\xa52\xb6\xadH'</t>
  </si>
  <si>
    <t>b'\x11\x84\xe0q2\xa2ZI\x14pE\\%\x93_%yPp)\xd2{\xe1\xd1\x86\xfb\xe9\x8a"\x94VO'</t>
  </si>
  <si>
    <t>b'\x13\xf9sY\xc6\x90\x9b\xfd"\xca=l\x0f\x00\x88\x9c\x0bx\x98\x86O\x90\x87Ecc\xd4\xe71sc&lt;'</t>
  </si>
  <si>
    <t>b'/6\xa5\xc2q\xf4\x8c(\x84\xb0\xa9$\x90\x8cN\xf1!P\x1a\x9f&gt;i\x00\xd3\x88&amp;a\xf4\x01+Q\x1f'</t>
  </si>
  <si>
    <t>b'`/\xaf\xf24MJ\xce\xe8Z\n\xb1\x94\x00\xd6\xe0|\xd7&lt;\xbcf\xb5\xd9\x15Z6\x98\x8f\xd0\xa6\x13\xf1'</t>
  </si>
  <si>
    <t>b'\xc6\xd2f\x92\x00Bt\xc3:Z\xb1\x8d\x1cFO\x89B0\x11m\x06d^\x95j\xfetu.,0\xc9'</t>
  </si>
  <si>
    <t>b'\xa0\xc3\x83)N\x94\x14Cso$\xbf\xd1o\xb2\x9eC\x08\xa9K\x93E\xb1&gt;\xea\xc3\xb6\xba\x88&amp;\r\xcc'</t>
  </si>
  <si>
    <t>b"\x97oE\xe9\xd1\x9c'\x84\xaf\xd9J\xc3;\x00\xd6\xb0Ayt+\xfaT\x83\xe6)\x10\xfd\xd5\xdf\x9a-f"</t>
  </si>
  <si>
    <t>b'\xb0\xca\xbfu\x8b\x14u\xf3\xefC\xce\x8e\xa7*\\&lt;rm\xa0\xc1)\xf6\xb2\x8f"O\xf1\xea\x84\xb9\nw'</t>
  </si>
  <si>
    <t>b'\x00\x8e\xde:\xcf\xfb\xd7\xb1\x00\x1cb\xe4G\xfa\x8dhG\x00\xc3\xf3\xed\xf8\xb4\xd9\x19\xe5\xe3r\xea\x14\x14\xaf'</t>
  </si>
  <si>
    <t>b'k{y~\xe9\xb8\xd3^\xad\xe5\x0f\xdb\xe5Q\xbb\x19j=&amp;\x1e\xb2\t\x1a\xea\xccf`\xfb\xbc\xc1\xd8\x19'</t>
  </si>
  <si>
    <t>b'\xdd\x0e4\x06o\xa7\xee\xb7q-\x8b}\x038\n\xdb\x8f\xbf\xbf1\x15\x8f\x8f&lt;\xe0\x07}Yt\xber\x0e'</t>
  </si>
  <si>
    <t>b"\x9f:7\xb2\x11^\x100:9\xe4]\xf4\x15V\xd5'\xd1li\x1f\x1f\xe4\xcb\xe3 \xcb\x16?K\xfc\x1b"</t>
  </si>
  <si>
    <t>b'\r\xc9F+\x86\xc7\x7f%\xf6?+\x02\x0c\xba\xec\xc33\x08,\x86j\x8e\x0e\x01\xc1\xbe#\xf8\x1cVz\xa0'</t>
  </si>
  <si>
    <t>b'\xb3`\xcf\xb3Y+\xb1M\x14\x99\xf9\xa4\xc7\xc4\xdfa\xd9e\xa5\x95\xbdH\x0cuE\x87\xb6`\xb5\xe9b\xa5'</t>
  </si>
  <si>
    <t>b"\x8f\x10}\x98'}c\xb3b\x8c\xd9\xee\xfdZ\xf3\x0e\n\x03{\xbb\xd7`\xe6\xc5\xbc\x97\xa2\x8f\xc5\x86\xea7"</t>
  </si>
  <si>
    <t>b'\xcc\xe99C\x99\xfd\xc6u\x9f\x9c\xee\x84|b\xe1U\x0c\xd5\x8d\xe6\xdd\x97\x8b\x0f~8E\xed\xaf5\xf6?'</t>
  </si>
  <si>
    <t>b'\xb9\x0c?$\xbcd\xccN\t,\xd3\x19XwKPx\x0b\xa6\xb9\x86\xd2\x11\xe2\xe9\t\xaa\xbc\x8a\x8f\xf3\xda'</t>
  </si>
  <si>
    <t>b'B\xe6C\xfb\xdaQ\xdd\x03\x9b\x15\xe1\x15/Vg6|\xf5/g-\x97!\xe8\xf6\xcc\xd3\xe0\xf9\xdb\t\xd9'</t>
  </si>
  <si>
    <t>b'\xc4\xc1L@\xbf\xaf~\x8d\x9f*\x98j\x97!\xd7\x95\xfd\xef}\xb8\x86L\x8d\xd9\x13\xb7\r\xd0j\xb0\xec\x88'</t>
  </si>
  <si>
    <t>b'&gt;\xf1\x07\xbf\x97\xbc\xa2\xd4 \xaf0vZ@OE$5t\xd6\xca\xcb\xebz\x1c\xee\xc9\x80\xa0\x85^\xca'</t>
  </si>
  <si>
    <t>b'y\x98\xfc\x97\x00%\xf8E\xb5\x04\xc3R\xa7\xca\x1d1\xdd(%\x051}]m\xa7\x1d\xc7\x92\xde\xb4\xee\xa9'</t>
  </si>
  <si>
    <t>b'\x8b\xc9\xb4\xec|d`\xd4\xc0\xd7\t\x9d*r\xfa|\xb5\\F@X\x8ca\xc3G]\x16JE\x00\x87D'</t>
  </si>
  <si>
    <t>b'+\x86\xd1}\x9f\xd9\x11\xbf\xee^\x13*[\xda\x8a[\x1b\xd1\xf6\xbb\x94\xeb\xd0\x04iNa\xc1d\x15Q$'</t>
  </si>
  <si>
    <t>b'\xd6[\xbam\xe4\x0bo\x12\x86q\xf9\xd3\xdb%\xf3 \xa6\xb9+\xb6Z:\x90&gt;{\xb32\xc0Z~F9'</t>
  </si>
  <si>
    <t>b'\xb0f\x0fBM\xa5\xe2\x83\xc9(\xbaJ`O\x1f\xdc\xe30\x1eZAw\x1f\x1cL\xcb\xf3\xedlk\xec\xb5'</t>
  </si>
  <si>
    <t>b'\xce\xbeo{\x94%\xa9 \xd2e`=\\@?$\xf6\xe9\xf2N\xbf\x86\xff\x9f\xa1-eD\x01\xca\xa5\x96'</t>
  </si>
  <si>
    <t>b'\x0cU\xf5\x9f`{\xd5\xd6\xc7\xa0\xf7\xf4y(V~\xc1\x92\x08\xa2V/\xfa\xb5\xc4h\xddIb\xe2\xcf\xd2'</t>
  </si>
  <si>
    <t>b'\xae\xc3&lt;\xdb\xefT\xd3\xc9\x9e\xb7\xc2\xfb\xad\x04F%\xf8\xd5L\xe4b\xfcB\xab\xf9\xb8\x85\x80\xc9\x83\xad\xe1'</t>
  </si>
  <si>
    <t>b'\xe6\x8f\x84\xa8k\xe7Y6[E\xb6)\xd5\n3\xf6P\xa8\xd4EF\xe2\xe9V\xef\x0f\xc6\xf2\x10\x9f}a'</t>
  </si>
  <si>
    <t>b'\x84\n4q!\x91\x14\xfe\xf8\x86\x01Mo\\\x07QJ\x82\xd8S\xe4KF\x8a\x86\x1c\x14\xcb3#\xda\x0c'</t>
  </si>
  <si>
    <t>b'l@\xc7\xc1\xf2\xc1\xea\xa6\xadLkh\xce^\x88\x9d$\xf6\xa2\xd8ml\x1a\x87\xabP\xed-B\xdc\x9d~'</t>
  </si>
  <si>
    <t>b"\xa6^\x89\xa9\x83\x16:\xc7\xeb\xdb\xadJ\xdd\xfb\x0b\x96\r\xbf'\x85}\xfc\xf9\xde\xdf\xd9$\xb3\xd9\x17\x1f{"</t>
  </si>
  <si>
    <t>b'\xaaj\x97H\xf6\xffH\x8f\x9a\xec\x10\xc6%\x1d\x99\xdb\x80\x85\x13\x06\xed8\x00\xae\xa8b\xd6R&gt;\xed,\xfc'</t>
  </si>
  <si>
    <t>b'i?\xc4XD#\xa1\x95\xc9\xf5\xcag\x8c\xec\xab\x80\x05T\x03#Mg\xeb\x1d\x1a\x9e,\x99\x06\xa1\xa6['</t>
  </si>
  <si>
    <t>b'\x85&amp;=\xee\x80\x84n4T\n\x02!\x10J\xe1\xfew\xc0\xedA\xf9\xea\xa9\x10\x00\xe1\xd3\x8ed&amp;~\xb9'</t>
  </si>
  <si>
    <t>b'&amp;x\x8e\xda\xd49\x91k]\xc2\xc9\xa0v&lt;HJ"N\xec\x15\xd5\xaa\x9b\x01&lt;\xe1\x1f[\xb8\xb7d\x89'</t>
  </si>
  <si>
    <t>b'\x15&lt;\xdaf\xa22\xe8CRC\xfe&gt;{\xb5\n\x9d\x9ac\x80\xb2\xd7\x1eX\xcd\x1e\xe5\xb5"\xa2Y\xc6\xbc'</t>
  </si>
  <si>
    <t>b'Ca\x8c}\x11\x91x\x0c&amp;Ju^\xe58A\xf3o\xddv%6l\xc0\xdf`26\xa8\x157]o'</t>
  </si>
  <si>
    <t>b'\xe19Rm\xb0\x84\xa1/\x9f\x16\xc7^f\x9f\xd0\xbb\xe6?I\xa52\xc1\xdbv\x81\x08\xf4Vj\xc6\xa8^'</t>
  </si>
  <si>
    <t>b'\xb2\xac\xa3\xdd\x84w\x83&lt;u\xdcAqN\xafe!\xe2\xe2\x10\xcf\x97\x98\xd6~\xba\xba4\xe0\xcbM\x93\x0f'</t>
  </si>
  <si>
    <t>b'\xc4u\xc2\xda\xee\xbc\xe1\xa3gi\x0e\xfb\x04.\xe9#\x9d\xbc\xf5\xa2\x8c\xc7\xd6\xf26\xbd8\xd8\xe4g\xcf3'</t>
  </si>
  <si>
    <t>b'Ok\x1fN\x8e7f\x9cJ&gt;\x84\xf5\xe89\xb8\xdc\xd8\x182\x08\x9bk\xa0\xe8:PA\x1e\t\x01Hy'</t>
  </si>
  <si>
    <t>b'|/B-0\xcfj\x95\xc3\x90\xbb\xe5\x85\xd5\xad\xfejEyM\xa7\xcf\x15\xb4\x13\x1f#E\xfc\xd8o\xbf'</t>
  </si>
  <si>
    <t>b'\x80\x96\x81j+":=\x9a\x98\xc6a\xf4\xe4\xddGr\xf6\x89z\xc0\xda\x0c5\xcc\x16\xe9\x0f\x01\xb8\x02_'</t>
  </si>
  <si>
    <t>b'\xa6!\xea\x96IX7q\x13k\xaaVm\xd0\xd7|\xe6\xbf`\xa2\x0c\x92\xc9o\x86\x1c\xe6\xb5\xde*\x01\xad'</t>
  </si>
  <si>
    <t>b'\x08"a\xfb\xb1\xa9\xa3\xd8\\\xdf"\xa1o\xb1\xf2\xb9w\xd8\xaeL\x05@\x9b\'\xb9i\xdf\x88*g\xe6\x1c'</t>
  </si>
  <si>
    <t>b'\xb2qFqH\xbar\xd3\xfb"C\x1c\xc4/\x18\xf6?g\x8d[\xedp\x0b"\xcb\xde\x10\xcd\x05\xd3X{'</t>
  </si>
  <si>
    <t>b'4*\x1a\x1d}#\xe7#\x86\xd0\xbb\xf3\xc8\x1b\x16\n\xd1\x8aXK\xd7\xdd\xf2\x85\xee:\x14F\xca\x02\xfe\xa8'</t>
  </si>
  <si>
    <t>b'"\xb8oZ\x91e%\xebL\xbc\xf9\x17RQ\xe4&lt;\xb8-\x17\x80g\x05{8\x85h\x99\xe5c\x1a\x93t'</t>
  </si>
  <si>
    <t>b'\xaa\xb9\xdb\xad\x1e\x1c\x03e\xcb\xdc\x0b\x87\xc0o\x07\xb2c\xe0\xce^\x8a\xd6\xa5\xb0\xec\xb2o\x99\xfd\x1a\xce\x8e'</t>
  </si>
  <si>
    <t>b's#\xd0\x1a\x93N\xf78\x9fo\xc9\x19\x9f\x1d\xfe\xce&lt;\x8d\x14:\xb1\x19TPy\xd2\xba\xdcGr*\x80'</t>
  </si>
  <si>
    <t>b'\x00\xaa\x9c\n#=\x8e\'Mv2[{iL\xd6"\xad\xe2\xb4\xbb8\xb2\xdd\xb30\x11\xaf=K\xab\xdc'</t>
  </si>
  <si>
    <t>b'r|\xcd\xa9\xd3\t\xb5\xe1\xbb\xda\x1f\xd0\x00LJO\xa96\x0757\x8e\xd8Xe\xa1\x028I\xf9\xb6\xc0'</t>
  </si>
  <si>
    <t>b"\x7f\xb09\x00 \xaa\xdbnr\xcd\x15\xdbV\x1a\xa5\xa7\x93\xe7\xd3\x9e]'}\xc7 *\xcb\x0c\t\x044O"</t>
  </si>
  <si>
    <t>b'n\x13mQ\xa5\xea\x00ob\xa9\x02\xc3\xb8"\x14\xd5a\xc3\xc6\xf9\xb3=\xfa\x98%n\xb2a\x85\xfa\x84\xbb'</t>
  </si>
  <si>
    <t>b"\x11]\xdd\xf8\xa4\xe2\x7f3W\xe8\xd6B;\xf7'\xc3\x1a\xe4\xc4 \xf4\x9b@\x88\xe2\xd6%\x85\xfe\xfe\xa0\x14"</t>
  </si>
  <si>
    <t>b'\xbcX \xd3\x89\x15\xa9\xbe\xf2\xdd\x0c\x05\n\xe8\x96\\v&amp;\xbf\xe8s8\x0e`\x84Wa\xc2\x1b}\x87P'</t>
  </si>
  <si>
    <t>b'C\xf0A\x1dWri\rF7\xd0C\x01\xc4J\xfeJ\xbc~\x12\x94iK\xb5\xa0\x99C\n\xa7\xeec\x15'</t>
  </si>
  <si>
    <t>b'\x8en\x05\xd1la\x1c\xf1(\x99\xe4;c\xb1\x0f$\x89\xdb\xbb{J\xac\xf6\x85\xae9k\x1e\x1c\x81\xd3\xcc'</t>
  </si>
  <si>
    <t>b' S\xd6\x13\xbc\xd0\xb4\x18\x83s\x13\x1bl\x10\xe7\xf3K\xfd\xe6y\x8fh\xd1\x12S]5\x81S%\x8fX'</t>
  </si>
  <si>
    <t>b'\xd4~\x97\x03\x08k\x94\x86L\xdbs\xbb\xec\n9\xb3\xad)\rr\x9b,\x00\x06%a|\x03\xd5\xfaJ\x89'</t>
  </si>
  <si>
    <t>b"\x1aof'aB\x8a\xcb\xbe\xf4\xd3\x97\xd1\xb0cK\xee\xcd\x9a\xed\xb2\x1d=\xa50\x9b\x8c)\xee\xb6\xaf\x18"</t>
  </si>
  <si>
    <t>b'\x8d\x0f\xeb2\xaa9\x17u\x8b\xa6fH\xd9_l\x9a\xd9\xf4\xfc\x85\xb7\xa0\xb9\xc3\xf5\x9a\xf5r1\x8aT\x12'</t>
  </si>
  <si>
    <t>b'\xd1\x83Z\xf3\x1a\x04\xc2\xa9\x99\xb2i\x07\x85F\xedZ|\xc6\xfb\xd9\xff.\x83ZS\xb7\x90\x90\x8f\xa5s\xf5'</t>
  </si>
  <si>
    <t>b'\x88n\xa2\xa3e\x1c\xdfx\xa5}\xca$\xe5Hh\xf3\x1f\xbdmq$\n\xa0\xb5\xaa&lt;*\x9f5M\xd9\xce'</t>
  </si>
  <si>
    <t>b'r_\r\x8aeI,\x8eq\xf5J^\x81ssP\xe5\x85&amp;\xbb\xd2C\x8f6\xce\x9cU]|q\x00|'</t>
  </si>
  <si>
    <t>b'/\xa5\x86%\x1fV\xbbRk\x9e\xdf|\x19\x0eW\xdb\x84k\xca\xfa\xff?\xa91\xa57d_\x12\xf0\x07T'</t>
  </si>
  <si>
    <t>b'\x93\x8bm[\x85\xdf\x94_^"|\xb0"\x16\xc2;\xa9\x97@\xb4\xc6\xd9\x87DgD\xdb\xb9\xaa\xe1\xa8*'</t>
  </si>
  <si>
    <t>b'\x8eOMG\x92\xc9\xba@3I\x04\x98\x04\xe7\x80\xae\xfe(\x19\n\xa4X\x11&lt;~\xaa{c\xc7\xe3?\xa0'</t>
  </si>
  <si>
    <t>b'\x07v\xc2\xe0,g\xf9\xca+\xd7\x82\xc2\xe6\x0e\xd1\xad\xad&amp;\x99~\x86f\xcfOK\xa1z\x9c\x88v;s'</t>
  </si>
  <si>
    <t>b'*\x1a\xb2\x11\xe9MEz\xad\xacj\xa1Y\xc7\xf6:)\xba&gt;\xeeQ8xy\x93\xa2S\x96\xd9\xaa\xf8i'</t>
  </si>
  <si>
    <t>b',`H\xb5y^\x10\xfaS\xd1\xbc\x87\xd1?\xd5\xb6\xb7Y\xebQ\x06a4\xaa\xe6\x96\xe2w\xbc\xa1\x0c\xf2'</t>
  </si>
  <si>
    <t>b'\xda\x87h34\xf0\xc88\xe3\xea(\xe7R\xee\x93\xdeyt\x85\x9c\x91\x12-\x91\xc2o\xb1nX\x9cl\x9b'</t>
  </si>
  <si>
    <t>b'M\xe8vB\xbe\xa3\x19\xd4\xdf\xdd\xa6h\xd8\x96n\x1b\xa7\xa1 \x06\xe6U\xcf`\xe2\xffHV\x060\xb8\xab'</t>
  </si>
  <si>
    <t>b'\xca\x17\xd2\xf4Y)\x83y\xa0\x16z\xb8\xc0\xe4\x81\xa0\xfbm|\x8c\x16\x0eNDU\x124\x92,)4^'</t>
  </si>
  <si>
    <t>b'z\xe6\xfb\x10H\x87\x14\x07r\x9b!\x92rpp\xf9\x01\xfc\x06\x93\x9c&gt;\xffB\x8fw\x00\x9c4\x8e\xc7\xf2'</t>
  </si>
  <si>
    <t>b'Vt[#\xe6\xcb\x12[\xcflJ\x0b\xe1\t\x82\x8e\x9a\x1d\xcd\xbdp]\xcc\x0f+E\x1c=\x19W\x0f\x0b'</t>
  </si>
  <si>
    <t>b'\xf8\xab\xfe\xfeu\x02\xd9\x96\x9b\xcb\xb4\x1b\x90\xe9\x9b}\xbaQ\xf8s^\xfay5\x8cN\xda\xbb\r\xe5\xca/'</t>
  </si>
  <si>
    <t>b"\xfe\xe5\r\xd6\xc5\xeb\xf1\x85\x7fM'\x01T\xe9\x1d\xac\x1c\xb4\xbf\x17VU\xd9\xa8-\xff\x9e\xb7|\x84\xce!"</t>
  </si>
  <si>
    <t>b'\x7f\xd1}\x08\x0bW\x87b\xe3~\xf3\xe8\x16\x9d&lt;7\xedr\xfe\x87\x83\x85\x12\xd4\xe7\x84\xf7\x14\x14\x83\xcb\xd1'</t>
  </si>
  <si>
    <t>b'zCxuF\xae\x82\xaf\r\xca\xc7\x87\x15\x90f\x960#\xa98\xd6\xcb\xcba\x1e\xc8\xb7\x17\xc3\xd7\x93\x04'</t>
  </si>
  <si>
    <t>b'h\xfb\x0f\x19^\xcb\x94\x8d\xec\xe5\xa2\t&lt;\x98\xa5A\xad\xd3\xb1\xc7\xac]&lt;\xee\x9f\xc0U\xdd\x9d\xe5\xcc\xba'</t>
  </si>
  <si>
    <t>b'\xf5\xd1\x8bNo~\xb9.|\x7f\xb3\xb5\xe4lBwxm\xd52\x13\x89\x1f\x94\xcd\x1c\x89\x15\xb8\x91\xc4\xb0'</t>
  </si>
  <si>
    <t>b'\x9b\xe4\x88\x82^\x93\x87\x84\x10\xe0\xaf\xdd\xe3\x15\xa1\xd4\xde\xe2F\xd5\xd7\x80\x85z\x15U\xee\x1b\xd8\xdd3\xae'</t>
  </si>
  <si>
    <t>b'aQ\x1d\x19\x9b\xd2G\xd2vf\n7\xa0:2\x19&lt;\r\x03\xc3\xfeU94/\xd9+\x01\xed7\xc9\x92'</t>
  </si>
  <si>
    <t>b'\x1a\x8c\x19\xe2\xceQ\xe9\xdb(\'S/\xfe"\x12\xae8\x17g\xb7\x94\xddh\x89\xab\x7fA\xeb\\Lf\xef'</t>
  </si>
  <si>
    <t>b"\n/\x10\xf8'\x8a\xfd\xfasWec\xcf\xd0z\x16\x1c\x9a\x93\xb4\xd7\xda\xd7\xf1\xb8\x90\xc7\x060\x05\x1a\xd5"</t>
  </si>
  <si>
    <t>b'\x9f\xeaBp\xa74\x81\xce\xd6\xec\xee\x02b\x7f\xe5_\xe6K\x07d?\x00\xee\x01&gt;Mw*\xd1O\xb0\x91'</t>
  </si>
  <si>
    <t>b'\xf9#_\xab//\x05\xd5\\\xe9\x04\x0e\xac\xa6^\xceo\x0c\xe4\x9f\xd71-\xe7\x1dS\nk\xf8\xf7\x9aW'</t>
  </si>
  <si>
    <t>b'\xb5\x06\xff\xe7iv\x93\x9d\xe3\xd3\xc8\xf4\xbcT\xe9\xea&gt;B\x1e\x1c\x16\x1fB\xdb\x82\xe70\x0b\xff\xd8\x99\xcb'</t>
  </si>
  <si>
    <t>b'\xd5C\xce\xf7\xfb\xaa\xc2Q\xe3\x06\xfdZ;\xe1\xa1\xfa\x84\xb9\x80\x99\x02\xda\xa5\\?[\x02\xfd:\xc4Z"'</t>
  </si>
  <si>
    <t>b'y\xaaU\xb7\xc5n\xee@\xd8\xb0\x91,\xdd?\xfa\xc9\x84\xac\xf3\xb8\xc1\xaaTi%\xf1P\xe1\xf1\xb6{\xa1'</t>
  </si>
  <si>
    <t>b']]\x99\x06\xa9\xc6\x04~\x9b\x8b\xed\x9c@x\x84\x85\x94\\\xd9\xd0\xff\xda\xf2\xd3\xd6\x90\xe9\xaa\xc8\xa5P\x10'</t>
  </si>
  <si>
    <t>b'r\x00$\xeb\x07x\x9f\xd9\xdc:K\x86\xbbN5{\x97rX\xf2\xe3\xdahc+\xb8^\x18\xac\x02\xea\xa7'</t>
  </si>
  <si>
    <t>b'\tw\x8d\xfcE&lt;\xb5\xe7\x1a&lt;\xbc\x95\xbcW`a\xd5,\x85\xcb\xcb\x1eeR\x01\xd4\x86\xa2\xed\xe1\x14\xc3'</t>
  </si>
  <si>
    <t>b'\xc9\xc53\x87\xbf\xdc\x10:\xc3\xa8\xb0\x0e\x1e\xc0\xd9V8\xe5\xa6\xd4&gt;k\xe2\x86\x01\xd5\x966q\xce\x14\xc8'</t>
  </si>
  <si>
    <t>b'\xc0\xe0;\x911\x18\x86i\x98EE\x06\xac\xef\x88\xb4\xbcG\xfe/\xd5\x1c\xf2Im]\xbd&gt;cN\xe9\x10'</t>
  </si>
  <si>
    <t>b'@\x92\x10\xb4V8\xad\x00\xda\x97\x89u9m\xb7\x94\xa9\x7f\x0e\xa3\xf7\x0f\x01\nT\xd8#\xd4m\xbb\xd0u'</t>
  </si>
  <si>
    <t>b"T\x11\xa0\xff\x11\x99\x9d\xed\xaa\xeb[\xbc\x12\x02\xbb,\x91|\xbd'\x14^x\xa3sV\x05\x83}Ze\xf7"</t>
  </si>
  <si>
    <t>b'\xd1\xb6\xb7\x86\xc7\x90i\x1b\x9e6\r\x0c\xc8\xfeY\xee\x94\x04\xacE\x16eP\xca\xe3M\xb6\xf8\x87\xb2\x0bC'</t>
  </si>
  <si>
    <t>b'\xbe\xc7N\xd1\x89\xd4\xccT\x03w\x94\xad\x9a\xdc\x9ddfk\n\xe3\xb8o\xf1\x1f\xc8\xb0\xc2Y\x9f\xf8V\x1d'</t>
  </si>
  <si>
    <t>b'\xa2\x9f\xf2\xa7\xecnGu{w\x9c\x98\x93\x82\xad@\xd7]\x85W\xe7n\xa3\x87\xf0Z\x81\x9c\x89%\x7fL'</t>
  </si>
  <si>
    <t>b'\xf9\rq\x96w\x04\xd1_\x97w\xd3\x93\x14]&gt;\xef\xb7`-\xd4\x94-3E\xa1^s\xad*T\xfd\xe4'</t>
  </si>
  <si>
    <t>b"\xba\x8bZ\xcc\x84\x0b\xc5\x11\x1f\xf4\xf7\xe64\x92\x92'\xa0\x13\x8c\xf7\xf5{\xd8 KX\x05\xd2\x06\xf6$\x1a"</t>
  </si>
  <si>
    <t>b'V\xbc2\xd9R\x93\x99\x14Od\xac"\xfe\xbem1\xb8\xd9\x06\xa70GnW\x17\xbb\x94\x8fT\x9f\x05r'</t>
  </si>
  <si>
    <t>b'\x87+\xb5vn\xde\xf1\xd85\xd24t=\xd5\x9b\xd1\xacU\xeb\xf9&lt;\x9e\xb3\x80\x08\xfcz\x8c\x7f\x1a\xef3'</t>
  </si>
  <si>
    <t>b'\xfd\xaf\x13\xd3\xe7\xad\x87\x86J]\xb3\x10\x83\x1f8{\xbbu9Ws\x8ct\xcb\x0e\xe1\xa8\xb6\\{9\x05'</t>
  </si>
  <si>
    <t>b'\xab\xb3Zr\xe5\x90R\x18\xb3v\x08\x1c\x9ea\xd0]\xe1_\x84\x18\x92\x92(\x14\xa1@\x18\x11\x0c7\x90.'</t>
  </si>
  <si>
    <t>b'\\\xab\x7f\xf6\xc0n\xf8\xa8jah\xc6&lt;\xbd{\xf4\xa2Z\xabC\xfc\x11\xaf\xfd)\xd7\xca#\x0e\n\xfd\xa3'</t>
  </si>
  <si>
    <t>b'AV]\xb6R\xa2\x86\r\xa9\xe5\xaa&lt;\xe6\xb0\xe9\xe8J_#\xf8\x8c&gt;\x84\x95c\xbcx[W\xc5\xae\xcc'</t>
  </si>
  <si>
    <t>b'ktY\x19\xd4\xf3\xad%\x1a\xfc\xe0\xb1\x9fb\xfaf\r\x83\xb9\xec\xa0\xd5)e^&lt;V\x8d\xb0\x8e\xc5@'</t>
  </si>
  <si>
    <t>b'\x9d\xac\xde\x0c\x9f\xd3&gt;\xf2e\xd1\r]3\xd9\x83\x9f\x89\xe9\xa1\x87\xc8\xc9\x13\xaf\t )x|\x8d\xc3-'</t>
  </si>
  <si>
    <t>b'\x18p\xecb\xe0k=*\x07\x8a\x97g\x12\xb9"\xe6z\x0bD\x03Dk\x10\xf5J&lt;f\x99\xf8\xb9\x82\xe2'</t>
  </si>
  <si>
    <t>b"\xa0\r\xd5\xa0=Q*\xe8#\x8a7\x91C\xe3\xb4\xa6\xe1\xf3\x16x\xb4\xbe\xf2\x90\x0f\xa2'7m\x045~"</t>
  </si>
  <si>
    <t>b'?t\xd1\xbb\x8a\xbb\x13\x9d\x04\xbc\xd5=\xf1+\xbc7p1\xa6\x18w\x94\xa7\x9b4\xcc\xc5\x17\xb6q\xaeg'</t>
  </si>
  <si>
    <t>b'\x0c\xf6vq\xdbh\x0bn\xb4\xcc#6\x84/\x87VB\x04I\xea\xd92\x12\xcf\x846\r\xcb\x14\x1f\xb7\xda'</t>
  </si>
  <si>
    <t>b'&lt;\xed\xd5\xef^\x0b\xf2\xec\x96\xa0-\xff\x8f\x04\x1bx.\xe9\xc4@q\xfd\x1f\xc9\xdbF\xd8T\xdb)\x9ak'</t>
  </si>
  <si>
    <t>b'Q/p\x81\xf6b\x9c!\x160\xdc\x9e\x9f/\n\xba\xd3I\x94\x98\x1d\x81i\x17\xd4\xb8@\x9f\xcet$\xec'</t>
  </si>
  <si>
    <t>b'B\xee\x15&amp;f\xc9\xda\x15\xa1r\x1dg\x08)\x02\x18\xbc\xcd\x87\xdb\x19\xacgK\xbf\x96\x1f\xef\xee\xda93'</t>
  </si>
  <si>
    <t>b'2\x02Z\xb0\xf1m\xaf\x88i\xad\xd7\x1d\xbd\x7fdG\xa9*T\x14\xf8\x15k\x1df$\xf1Q; \xb3\x10'</t>
  </si>
  <si>
    <t>b'\x9c\xe4\xd2\x1c\xad\xb1m\xa2\xcf\xe3\x04moy\xbeC\xec\xde\xf6\x1bi\xaf\xbca;\xb2CC\x1f\x02L\x9e'</t>
  </si>
  <si>
    <t>b'8\xec\xac6\x05\xcf\xee4\xb2\x82\x8c\xc6\xa8\x92SMB\xaf\x95\xc4FP\x9a\x92\xa9\x1f\x05\x1a\x9a\xfcx\xd8'</t>
  </si>
  <si>
    <t>b'\x7f\rF\x9f\x89P\xe7\xf8\x19\xe7\x89\xcb\xf4\xe5\x97\x13P\xfc\tXK\x91\xfb\x8b\x7f\xa4\x01\xac\xad\xbbJX'</t>
  </si>
  <si>
    <t>b'\x1e\xa4"\xe4\x1b\xa3\xbc&gt;\xfeBNe\xf5\xb1:\xb2\xc5\xc5\x9a@_%\x05\x92\x93F\xc8\xbb\xa1\x8c\xde%'</t>
  </si>
  <si>
    <t>b'\x13\xa3rd\xe9\xbcG1\xbd\x9a\x7fK\x9c\x99\xe7\t!\xc6\xe8\xad\xe3C\xe7\xb8Ip\x8b2\xff\xa2l\xaa'</t>
  </si>
  <si>
    <t>b'\x9e\x96\xed\xe7v\xdb1\xbf\xec\x1a!g\xe2nl^h\xfadd)\xd0\x11\x0c-\x9d\x94\xac\xf2\xe1n#'</t>
  </si>
  <si>
    <t>b"\x1e\x1d\x87\xcdh'\x17\xc1\x98\xb1[\x13x\xb4\x7f\x01\x9d\x89\x14\xbb\xb2\x9d:U\xdb\xbff3\x88\xb7\xecB"</t>
  </si>
  <si>
    <t>b'\x91.B\x98R:\xc5\ty+9M\x92\x9d\x94g\x9auK\x82\xd3\x02\xbf\x00\x9e\x99\xee\xf2\x884X\xad'</t>
  </si>
  <si>
    <t>b'\xd2\xd0\xb9\xc3\xfbz\x9d2\xed\x91\xe8\x89L\x87\xa5\xa0P\x9f\xc0\xae\xce&gt;E\xad\x86O\xf8\xcbaE\x15\xe0'</t>
  </si>
  <si>
    <t>b'\xe6M\xa3\xf1\x88}Z\xb26\x93\xa2\x0f\xa1D\x8e\x12\xb6\xd49}\xf5\xd5B\x847\xfc\x99sa\xfbA\xa3'</t>
  </si>
  <si>
    <t>b'\x8a\xf7\xb8y\xe3OZ\xb1N\xa5\x06+\xcc\xc5QNy -\xfckt\xbfV&lt;\xa9V=\xdd\xca\xcf%'</t>
  </si>
  <si>
    <t>b"G\xb6\x99\xea\xc0\xcc\xbe\xc5G\x01\xc6\\\x18)\xe8\x87\x93g3\xcc\xb2\x8d\xe7~#'VzbE\xace"</t>
  </si>
  <si>
    <t>b'\xa5,\x04\xa7\xf3\xb6\x92\xac5\xd6\x9b\x81\xf6T_\x89\xa7\x03\x80\x8bcj\x0b\xda\x92\x840\x1e\x1a\xb0\xd9 '</t>
  </si>
  <si>
    <t>b'sL\x93Z\x1d\xd00\xca\xd6\x1eE\xaf\xc3\x92\x19\xcf(g\x96\r\xdf\xfe\xbb\xd9\x9e\x9f\xb4\x89\xb2\xa8\xcf\x1b'</t>
  </si>
  <si>
    <t>b't\xba\xa7\x0e2t\x0e\xc3\\\xcb)\xcd.\xad5%\xfc25\xd8V\x8f\x12s3\x85-\xbe\x87x\x14;'</t>
  </si>
  <si>
    <t>b'\xa7\x18\xc5Ax\xed\xcc\xffX\xe8\xd1\x8c\x0e|8\xcc\x1c[d\xa3\xdb\xbc\x89\x85\x1fW\xc6\xa85\x84\x91|'</t>
  </si>
  <si>
    <t>b'\xeb\x08i2\x9f\xbb\x8d\xcb\xc8C\xe02V\xed\'\x9ey\xbf\xcc\x1d\xd1\xdc\xda\xf9n\xd5+\xd5\xf0"\x0bT'</t>
  </si>
  <si>
    <t>b'\x19&lt;!\xca\x8d\x06T\xa0\x9f\x1c\xa4\x0f4\x00\xe6j\x8b\x86\xb2\xaf/\xb3\xf7p\x85\xbatj\xd6q\xe6q'</t>
  </si>
  <si>
    <t>b'l\x81\x0c\x8a\xbb\x90\x9f\x8f=0\xde~\xc9\xdf\xe80Ol\x17F\xd9\xc8\xa7+zU\xcf\t\xc5\x08\x9a\xc1'</t>
  </si>
  <si>
    <t>b'\x91\xe8\x9e\xa6\x18"\x88\xb7V\x1cd\xbe\x180\xef9\x92!v\xa3&amp;\x96 \x8f\x9e\x8b\x17&lt;\xaa\xb4\xbd\x93'</t>
  </si>
  <si>
    <t>b'\xa3\x90\xba6\xc1\xa8\xd6\n\x0c\xba#Y\x0b\xf00\x01\xc4N\xdd=\xd2ym\x03\x1c\x11 \x17IU\xb8\xe8'</t>
  </si>
  <si>
    <t>b'4\xc0Q\xce\xcdDh{cEi\x07e\xd8\xd9@\xd7\x81\x91(\xbc3\xb4\xde\xde\x9dG0\x08F\xc7\x91'</t>
  </si>
  <si>
    <t>b'\xbe\xc3\xb1n\xca.\xba\xb7\xcb\xb4\x1d]B\x93B{/6\xb0\x9e\x8a\x12\xc9\x90\xe5\xd9\xe8\x1f\x9e\x11\x8e\xfd'</t>
  </si>
  <si>
    <t>b'\x85\r\x94\xccG\x1d\xf0\x1a\xb7\xb0%\x0b\x07 \xc4-$\n\xf46;B-7\x07"\x85\xe7\xfc=7J'</t>
  </si>
  <si>
    <t>b'\x02\x91?\xea\x9d&lt;q\xb7X\xb6\x15q\x8aw*\xf0N\xdb\xa8\xd9i\x1bl\x92o\xd3O\x80\x0c\xc9\xfc$'</t>
  </si>
  <si>
    <t>b'-\xca\xaa\x93\x1c\xa3-\x85g\x8f\x91\x80l0#\x9d\xde5\x9a\xbc\xb2\xee\xc6\x80\xff\x11\x1f\xb8\xfek\xc5g'</t>
  </si>
  <si>
    <t>b'#$\x00\xf3&gt;[o9\x1f\xbc`\xb0\xac\xe0\x8bW7\xcb\xa7\x14\xe7\xc7\x9d7\xe1\x8e:\xbfM\xec\x80\xd8'</t>
  </si>
  <si>
    <t>b'\xb1\x06\xd4\x81\xd1\x009\xb5U\xaeO4\xe3\xe2z\x1c\x81\x1a!\xad\xbe&gt;\xad\x13\xd4S\xf2\x06:\xe6\xfbY'</t>
  </si>
  <si>
    <t>b'\xd2\xd2\xd2\xc5\xdd\xc2\x01\xfdu;u}\xa7\x82PL\xdc\xcb\xa3\x8f\xbew\x81S7\x8c=4\xe9\xb7\xd4i'</t>
  </si>
  <si>
    <t>b'e&gt;jj3\xc1\x88\xd4m\xacL\xd8\x82\xc4!as\xcc\xbd|\xb8+\xd6\xa6\x97hs\xe6Y.\xb2\xef'</t>
  </si>
  <si>
    <t>b"mS\n\xb32M\xed\xab\x1e\xd7&lt;\x97\\eZ\x95\xdccI/d\x93\x98\x92'\x1cm+\x04 \x86\xd5"</t>
  </si>
  <si>
    <t>b'\x81S\xf9\xd0g\xabN\x15u\x901\xb8\x81R\xb3\xcf\x06\x84a\xeaVY\xb6&lt;3\t\x89\x94\xca\xaaxQ'</t>
  </si>
  <si>
    <t>b'\xb0\xc2=:\xc9\xa9a\xf4\xd5\xb5\xc25\xfb\xdeg42\t\x08\xa6j\xb7\xadg,E\xb0\xd3S\xd5Mm'</t>
  </si>
  <si>
    <t>b'h\xf1\x88\xa0\xd1\xb7&amp;\x1aI\xf1d\x99\x1b\xcdI\x1d\x83\x9d\x9f\xa7\x11\x80\x03$\xc9\x8ec\xb9P\xe7\x84\xb5'</t>
  </si>
  <si>
    <t>b'\xbd\xc3\xddX+\xac&lt;\x9b\x0e$\xe1;O1\xc3\x0c\x82\xbb(;\x8f\r\x11\xf7\x11\xb0\xe0^\x94~\xc6\xb2'</t>
  </si>
  <si>
    <t>b'+\xb0x\x9bj\xb9\xbf\xc070V\x87\xe3e\xd6\xab\x01\x9d\xa9Q\x16\x02\x90\xb3\xa6\xc4\xd2\xb1UC\x18\xb1'</t>
  </si>
  <si>
    <t>b'\xc4\x00\x9c\x84_\xd4\x8e&gt;\x80\xa4:\x97rizj\xec\x93\x8a\xcc\x9b\xaa\xb2\xf3\xcb\x0c\xbf\xc8\x86\xe6\xbb\xb1'</t>
  </si>
  <si>
    <t>b'\xf09/\x92\x85\x0c\x97\xfd\xca\\\xa7P&gt;\xc4*u\xd8+\x12\xcc\x9bM\xdaXK\xfb\xc1j\xbb\x1a\x15('</t>
  </si>
  <si>
    <t>b'\xdbH\x02\xf3\xaf\xa7h9f\x96}H\xcc\xd9\xa7\xb0!H\xf9%\\@\xc4i\xa4\xa1e\xa1GO\xd9F'</t>
  </si>
  <si>
    <t>b'V\xe8\x99\x835\x1d#\xe0\\jR\xe0\x1b|\xf2\xe4\xa9\x13\x98fL~J\x02G\xa8js\xbeD\xe6&gt;'</t>
  </si>
  <si>
    <t>b'\xb0\x14/\xdaK"\xb2\xaeW{\xe8a,|S\x1442\x04\xaeD\x02\x810\xa6\x8b\x80G\xb3\xb8M\xaf'</t>
  </si>
  <si>
    <t>b'\xd6\xa0\xd9\xd24J\xd8\x85O\x17|\xd4\x0b_\x87&gt;\xbef\xdanM-gI,\xb9\x7f\xb1\x00\xba\xfc\xc3'</t>
  </si>
  <si>
    <t>b'\x97\x98\xf3\xa4y\xdb\xe2?l\xa3F\xf2\xe5Y\xc0\x1f\xc2\x8e\xdcg=\xd9\xb6\xf9\xb6\xc3%\xe2|\xa3\x17&gt;'</t>
  </si>
  <si>
    <t>b'p\x820D3H\xf5\xe6\xa9\x8cJ\xach\xae\xf75v\x08y\xa0\xc0^\xae\xf6,\x95\xfb\xd3\x88&lt;T\xf9'</t>
  </si>
  <si>
    <t>b"FR\xae\x15\xbc'\xbe\xcdt \x80k4\xd2\xe8\xf8\t\xc3H\x14\xa2\x90\x189\x170\xe5_\x84\x11\x1a\x99"</t>
  </si>
  <si>
    <t>b'_cds\x11*\xb2\xe2m\xb83\xb7{\xbcx\xb3H3\xc8z\x0c&amp;\xba\x08Y8`\x08[\xa3\xe7\xb6'</t>
  </si>
  <si>
    <t>b'W\x92n\xd9\xa8\xdf\x8bW\xc5 -\x04\xb7\xb2gd\x8a\xe6,\xbf4?\xaa\xc1M\xf9^\x99\xcc\xab"`'</t>
  </si>
  <si>
    <t>b'\x8d\xe7\x80\xee\xfb\xcd\xf0O4\\\xdb\xf1\xb9\x93e\xf1\xb9\xa6\xad\x03\xb3d\xac\xbb\xa1\xb0xu}\xcc\xacQ'</t>
  </si>
  <si>
    <t>b'J-j\x0e\x00\x8e\xb5:,w^d\x96P2\xdd\xca\x9e\xf3\xea(\xc1m8K\xd3u\xa8\xd6\x0e7k'</t>
  </si>
  <si>
    <t>b'\x8fb\xaf\xa4\xe8\xe2\xa5\xef\xf5\xf6\x80\xe3\x043fZ\xd2!\x0f\xca&amp;\xebqN5\x8ar\xa5\xbb\xe7\xc3\xdc'</t>
  </si>
  <si>
    <t>b';\xf0[\xb69\xe0ff7\xe1\xbf\xf3\xa3\x85\xd8\x93\t\xa4B\xfaO\x81\xecz\xbb\x16\xac\xfet\xa2\x8dj'</t>
  </si>
  <si>
    <t>b'\xe4t$\xcc\xc8\xca&lt;7\x02\xb6\x95n\x1e\xfd#\xa2\xd0s\xdc\x15\x1b\xd1\x84X\x92,\xda\xf43W\xfa$'</t>
  </si>
  <si>
    <t>b'\x95\x10|\xa9\nV&gt;\xf08\xbfD\x1c\xef}H\xba\x8b4\xbf\xf7\xff3=dw\xfa\x02\xba$\x8er\xc7'</t>
  </si>
  <si>
    <t>b'N\xf7\x86\x80\xe45\xdd\xcc\x1b&gt;\x01Vj}\x85B\x87\xff\xf9\x00L)\xf2 \x18\x98\xcd\xa14\xc7\xb9p'</t>
  </si>
  <si>
    <t>b'/\xffy\x92\xd4\xfd\xc6\xdc\xc52\x08\x1c;Sa\xc2\x94\x08\xfbR{\x1b\xff\xfd\xf9\xf4t\x85q\xd3\x178'</t>
  </si>
  <si>
    <t>b'&amp;fp*\x1c\xd9\xcd\x99U\xda^ZT\x83\xae\xc6\x1f\xb7\xd4\xf3\xdc\xa0T\x15T\x99\xf8\xfc&lt;\x08\x83D'</t>
  </si>
  <si>
    <t>b'\x11\xb4\xaa\xa5r\x9cn\x04\xf75@\xb0\xe8\xd0\xa9n\xb7\xba\n\x81\x11\x18\xc9\x9d\x00\x1b&gt;\xe1\x0b(7\x0e'</t>
  </si>
  <si>
    <t>b'T\x99\x8b\x9a\x05\x9dI\'\x1e\x94\xc6e\xf5\xd2\x19\xa5\xb9\x00iK\x0fhj\x0c"\x98\xad{\xbd\xa5\xd3\xa8'</t>
  </si>
  <si>
    <t>b'}\x1f\x8d\x1e\xb1\x14?\x08;\xe9\x0e5\x1b\xd9a\x17\xcc\xdaG][V\xdb\x1b\x1b\xbd\xe7\x87\x94\xad\x11='</t>
  </si>
  <si>
    <t>b'xE\x1e{\xf0\x97\x88\xea\x81h\xa5\x85\x87\xa0\x9c\xae\x97\xf41\xf2\xca0\x9d2\xff?-\xbbKL\xc4\x9a'</t>
  </si>
  <si>
    <t>b"\xf9;\xe1}\x85\xac\xd1)\xc6Z\xd2\xff]/\x84:\x863\xa5\x9f\xd9;1\x89\xa9\x98\xd4\xbdq'\xe6\xbc"</t>
  </si>
  <si>
    <t>b'\xb1\xad\x906\x11\xb5\xe7T\xfa!\xbc\x92\x98\xd8\xd1\xf1\xbcS^\xeeX\x04\x94.\x88wH\xf4\xe5\xae0\xb0'</t>
  </si>
  <si>
    <t>b'\x94_\x17\xe3\xfd^\xd6\xfd\x05\xde\xc4\xeb\x82\x89,\x97#\x1e\xa9@_\xe7F{r\xe4o\xd0\x08\xa9-\xee'</t>
  </si>
  <si>
    <t>b'\xdfS\xd4)\x12\xef\xdc8\xbdE\xb7J\xd7\xca"\xbc \x92k\xe5\xeb\xa2v#\x08\xbc\xa3@\xe0\xcc]\x06'</t>
  </si>
  <si>
    <t>b'\xce\x12_{B\x89\xc7\xf0\x18(\\\x05\x9e\xcaW\xe2D\x9e\x1b\x91\x06\\\x07%\xfe\x970\x99\xb4k\x80\x99'</t>
  </si>
  <si>
    <t>b'\x9b\xce\xc5\xbe\x00V\xeb\x07t\x8e\xeb\xf9\xd6\xd6\xb8T\xbe\xff\xd5&lt;a\xeb\xd6t\xe8O;G\x8e\x92\x7f\xf0'</t>
  </si>
  <si>
    <t>b'7K\xa4\xccj\xda\xf7\x96\\,\x9f\xa9!\x8c\xc1\xb1\xd4.\xbc\xc1\xca\xe4\xc3:,t\xe3@VW\x01\x1a'</t>
  </si>
  <si>
    <t>b'\xbbk\x07dg\xfb\xfc\xc3)\xc3\x17f\xf0\xe2\xe47p\xf9\r\x8d\xac\x99\xd0z\x859\x0fW\x82\xaa\xff\x04'</t>
  </si>
  <si>
    <t>b'c\x04O\x05\t\x99I\xb5?/1\x1e\xffsX\x15\x14\xa7\x1c\xc9(c\xd20\xc1 +\x90\xf3&gt;\x8c\xa1'</t>
  </si>
  <si>
    <t>b'nth[\x14\xa9\x8dG\xf8\x8d\x92\x8c\x1cH\x01\xce@\xa0\xccP4\xff\xc8x\x0b\x1b\xff\xd9\x14.ic'</t>
  </si>
  <si>
    <t>b'\xf3\xaf\xaay\xe7f\xb3s\xc0\x89\xecU\xe1\xbcP\xebcJa\x90\xbe\xddX"\x07\xf9\xff\xa0\xae=p3'</t>
  </si>
  <si>
    <t>b'\xc5\xa3\x07\x9d;Z\xc4\xdd\xddl\xe6*\xb3x\xc1\x8f\x8aV H\xe3\x10a\x06x\x1dI\xdd\x94\x07\x05x'</t>
  </si>
  <si>
    <t>b'\x85\x84d\x83e\xfa\xd5\xfa\xe6\xcdPd\xb0T\x93\xda\x05\xc9\xfc8\xf6\x86\xbeV\xc7\x87\x91\xcaagL\xcb'</t>
  </si>
  <si>
    <t>b'\xea\xa3\xadE\x96\xa0}X\x87\xad&lt;,\xcb\x998\x953-T\xdb\xc6\x99%\xeb\xfb(\x90"\xc5*\xcc\x89'</t>
  </si>
  <si>
    <t>b'[\x12pH\xa1\x91\xc3\xf1\x1d[$\x81\xf7\xd3\xa0\xbc?@\x1ch/\x9d\xfdc\x0b\xb3\xe5\xe9\x13%\xe4\xdd'</t>
  </si>
  <si>
    <t>b'\xe2\x01\x17i\x06\xb1\xa7*L\xed\xba\xeb\xc6E\xda\xde\x89\xb5M\xa7_dP\x13u\xeejn\xf4+s\xd0'</t>
  </si>
  <si>
    <t>b'Fy\x07\xe1\x03q\xe5\xc9\xf8%H\x85\x99\n\x92\xc8\x83\x0c\xad\xef\xc5ra\xe8:R\xe3\xaa\xef\xdf\xd9Q'</t>
  </si>
  <si>
    <t>b"^\x98\xe7\xbe\x93\xbb\xc53\xe3\x1a\x9c\xb9!'\x1a\xc1\x10\xfb\xd3,\xb4 \xb3\xa7:vv\xd8\xdf\x0e\xaa\x14"</t>
  </si>
  <si>
    <t>b'\xac\xa3\xb3l\xc3\xc1lyt\xd3\xe4\xb9\xe6D\nd\xe5\xe0\x850\xc9\xb2\\\x04m:X\xa4z\xe7\xfc\x84'</t>
  </si>
  <si>
    <t>b's\xb7\xff\xe5\xd7d$M\xbf\xf9\xcb\xe2dy\xc7\x9dP]V\x1c\xb4\xb2\xf7;\x92\xa3F\xb6\x0c\xa9\xdb\x94'</t>
  </si>
  <si>
    <t>b'\xf9f\xdb\xe1\x1e\xbc\x18-j\xb1l\xc6\x0fH\xa8\xccP\xc1f\xc1\xa8\xdb\xaaq\xb4\x05\x8d\xfe\x00\xaa\xf9\xb8'</t>
  </si>
  <si>
    <t>b'\x1eB}&lt;\x14\x02o\xb0-\x032\xcc\x99\xb14O\r\xafjE\xd9n\xc7\xa3G\xb1S\xaf\xb6\xd0\xa5\xa9'</t>
  </si>
  <si>
    <t>b'\x03\xd4\xa3\xb5b\xd4\x86\xfb?9q\xf9iyO\x83X\x1dHU\x86\xe9\xdc\x105]1\x05\x97!K\xde'</t>
  </si>
  <si>
    <t>b'\xa2m\xb9=\xa3\xcb2\xa8\xc0i&lt;\xeea\x15Y\x11 \xfa\xfc\x06J\xd2\x95\x8eO\x1b\xd8Vz\xeaDw'</t>
  </si>
  <si>
    <t>b'\xf5\xb2\xf8\x97\xe9\xe4-\xc9\xe1\x0c\\"\xa6IG\xb3,]_\xae\xa1\x8e\x1a\x06`b\x8f\x8a\xc8b\xe6\xdd'</t>
  </si>
  <si>
    <t>b'\xd5\xea\x8d\xbbl^Z\xec\xd5=\xec\x16\x14\x90G\x98\xf0\xbbU\x7f"\xad\x1f\x15\x1f\x8f\xa3\xe0t\xbd\xdd^'</t>
  </si>
  <si>
    <t>b'\xae\xc9\x82\xce\x12\x95\x05\xee\xe2\x8e\x8eW\x9f6\x89F\xd2\x83q\xa05\xb3\x98\xd7\x1c\x99\x02[\xb64\xcd\x85'</t>
  </si>
  <si>
    <t>b'\x97\xc1\xb9\x92M\xc4\xfd\xc1&lt;&gt;\xa2)+\x91#}\xbe]Q\x8f\xf9\xc1\xa7$`\xcb\x13A\xf8\x94\xf4\x01'</t>
  </si>
  <si>
    <t>b'\x1e_\x93\xc7\xf59&amp;C\x15;Z\x85\x1a\xeb\x087\x0e\x11\x13h\xfeM&gt;\xac\xba\xbf\xf7\xe8\xce~1\xfd'</t>
  </si>
  <si>
    <t>b'i\x9a\x02YPH\x99\x00D9\x9e\xd5!\x00n\xd6\x9b\x82\xd3\xf44a\x9c\xe6\xceX(\xc2g\xfdA\x9d'</t>
  </si>
  <si>
    <t>b'\xfb\xa6UV\xb1K\x0b\xc7Vc\xbb@\x80\xc2\xc0u\xbe\xb5+\xca\xc8\xa3\x0ex$,Eu\x19\x99`\xb5'</t>
  </si>
  <si>
    <t>b'9q\xb5\x8e?\x16~\xcc\x15\xdc~\xb1\n\xb3\xacJ\xa84\xad\xd25/\x7f@-m\x9aYcH\xdc/'</t>
  </si>
  <si>
    <t>b'\xa3\x96\x088@\xe3}F%M\x90\xa4@\xca\x86x\xaa{\xa0\xe4\x8b\x95\xde\xd4\xea\xde[\xe5\x1c\xf9\x0f\x06'</t>
  </si>
  <si>
    <t>b'J\x91\x87x\xeeJz\xfe\xba\xd49\xf2\x9eG\x0c\xa1\xaf\x8cf\x93\xfe\xc7\x13\x87\x13;cce2\x06^'</t>
  </si>
  <si>
    <t>b'3\xda\x8e@\xc5\xe3\x8c\x1a\x17\r34\xe5\x95\x93\xb9j\x16\x9f\xb2,\x9e\xc7\xfe\xfb\x97vG[b"\xde'</t>
  </si>
  <si>
    <t>b'*\xb3[\xe1\xa9\x9a\x91\xea\xcd\xe8\x93#+\x98\x12J\xa3\x10J\x04\x1f/4\xe4\xd0;\xa8\x82\xd8\\\x8f4'</t>
  </si>
  <si>
    <t>b'\xe4\xdeP\x8b\xe2\x93\x11\\B:\x13);\x83\xf9\xeaJaP\xf4g\x97\n\x99`\xef\xd3\x17\x94\x1b\xfb\xa2'</t>
  </si>
  <si>
    <t>b'\x0b&gt;w\xbd\x12g\x07%\xd6\x84\xd7\xaf\x01\xe0\xe4C\x0b\xb8\x99~\xbc\xfe9(\xf4 G\xbd\xd4\xa6\x1fq'</t>
  </si>
  <si>
    <t>b'\xc9m\xc3\x853\xc1\x9dP\x9c\x82\xdcqi\x85K\x17\xe3.}\xb9K\xc0\xd6\xbe\xc9\xf0\xfb\xac\x93m\xa4\xa7'</t>
  </si>
  <si>
    <t>b'\x9d\xd9S92A{\xe8\xa4\xb6\x89\xc4\xdd\x9b\x90y\xc5\x85\x981\xbeT\xde\xc1\x16\xe2\x81\xb6\xda\x02O\x1c'</t>
  </si>
  <si>
    <t>b'\x85*\xa7\xd1&lt;\xed\x95(\x92\xb6\xc4x*R\x83p\xda\xa0\x83\xa2\xd1|Qw\xefG\xef \x97\xd6\xcd\xa3'</t>
  </si>
  <si>
    <t>b'\xb2\xa9\x91\xbfk(\x8c~\x91SY$3g\xb0\x80\x11\x96kL\xf6d\xa1T\x8e\xf6\xb5\xaaY\xf6\xf96'</t>
  </si>
  <si>
    <t>b'\xd5/\xc2\xbd\x94;\xef\xe1\xd9\xe0\xfe\x14\xe2\x0c\xc8]\x8a\x7f\xa5\xb0\n\xd5\xb3/C\xe1X\xf6\xf7\xac9\xaa'</t>
  </si>
  <si>
    <t>b"\x98\xc95q\x89\xa6\xd6\x99bu\x93@\xc6\xab\xb2 \xef1\xc4\xe6\xb1\x9b\x10@\xdf%\xcaYI'\xbb\x9a"</t>
  </si>
  <si>
    <t>b'\x8e\xdfM\x1d=r\xb3x\xba\xe0{F\xa2S\xec\xf2/t\n1&gt;\xdc=\xb6\xe3\xccV\xa6\t\xeal\xab'</t>
  </si>
  <si>
    <t>b'\xd0\x83\x82\xc1\xbe\x05\x80\xa3\xa0i\xf8$j\xe7\xc5\xa2\xa1d\x1e\xca\x97\xe9\xce\xfa\xb73\xd1\xbc\xc2\x8d5\x00'</t>
  </si>
  <si>
    <t>b'\xe5\x9bY\xd9\xb7\xda\xce\xbf\xa0\xf0\xc4s\xf9\xe4\xd0\xaay\xeb\xea/\\\x08\x0e\xdf\xecv3\x81\xac\xe9\xb5\x18'</t>
  </si>
  <si>
    <t>b'\xe0f\xca\xd0\xb5\xea\xde\xa8\xc0[\xf0\xfb\x88%\xb7\xcd&lt;\xbc\xf3.\x81\xda\x1d\xac\xa2*i\xcaq{\x060'</t>
  </si>
  <si>
    <t>b"L\x1c\xf8\x04V\xfa\xf2Y@\x99\xfa\x00\x06\xf0\x08\x0c\xfbMS,0\n^\xe8\x16\xca\x02'\t=.+"</t>
  </si>
  <si>
    <t>b'\x19.\x81K\x03\x90\x00f\xb1\\\x84\xb3\x88\x84\x87\xa8i:\x91G\x1d\xb8\x9b\x0b\xe2ry1~\x80J\x1b'</t>
  </si>
  <si>
    <t>b'\x0cis\xfd\xe0\xb7j\x7f\x1f\x82&lt;\xebk\x05\xe0T\x9a\xb2\xcd~\x13Z\xb0\xbf(\xdd\x7f\xe8\\\xea\x18A'</t>
  </si>
  <si>
    <t>b'\'\xeb\x01\xe53/\xca)"\xb7\x80\x12\x1f\xd7\xbf\x87@S\x03\x93\xc2\xd9\xecf\xfa\xd1t\xf1^B\xefz'</t>
  </si>
  <si>
    <t>b'\x82\x01&lt;\x9e\xe1\xbeH\xbc\x81\xbc\xae\x96\xc3k\xbeOS\xe9hVg\x96L\xb3g=\x00\xd4i\xf2\x85/'</t>
  </si>
  <si>
    <t>b"\x862K)\x82\xad'\xe5\xcai\x92\xef\xc7\xd1h\x93z\x19G\xf8Ebn\x88\xd0nZ{\x0fc\xca\x84"</t>
  </si>
  <si>
    <t>b'\x17\xfc\xb0\xba\xbc\xe8\x17\xcf8\xe2\x07\xaa\x1b\xb1q;7$\x0f\x85\xe4\x8a\xbc\xae\xac_3p\x7f\xf3Qn'</t>
  </si>
  <si>
    <t>b'\x8d\xdd\x90\xe0\x9f\xbf\xfc\xdc\xddo\xde\\-\xc5\x1dE3Ab\xe5wR\xdbM,\x8f\xf6\xeaL\xa8Q|'</t>
  </si>
  <si>
    <t>b'H\xb9\x13\xfb\x1e\xd9\xbe&amp;/\x05\xfap\xaa\x03\x8a\t\xb2\xff\x7f\xa35!m\x86;\x0c\x93\x06R\xf2\xd9\xe3'</t>
  </si>
  <si>
    <t>b'\xa7x\xcaQ\x83A\x10\x19J)\x9f\x16\x82\xefa\xf2\xb3\x17{\np\n\xe7\xa7\xd9\xfeoeY\xae\xac\xef'</t>
  </si>
  <si>
    <t>b'\xad\xae\xe5B\x0e\xec\xccO!\xd37\x84\t5\x10\x96\xe2W\x9a\xa3\xf5\x95A\xf8n\xa7~U)\xc2\x8c\xcf'</t>
  </si>
  <si>
    <t>b'\xad\x14\x9dp\xaf\xd3 8\x9c\x7f\xf7\xc3\xeeB/\x9e\xcd\t38\xb9*\x96\x85\x19\x81}\xbbxq\x1b\xd3'</t>
  </si>
  <si>
    <t>b'\x08to\xd8\x06\xfe(\x03IL\xab\xca\xaci\xda1\x92\xe2E\x19\x86\x18\x9bK"[\xe2\xf3\xcc\xb8\xf5\xb8'</t>
  </si>
  <si>
    <t>b'3H\x15\x9a&lt;\x0bh\xca\r!&amp;\xc7\x1b\xad\x0el\xc1\x87\x87\nr\xa3!s\xde\xd5\xc7\xac\x179x\x04'</t>
  </si>
  <si>
    <t>b'\x90\x9a+*\x07^\x95\xdf\xf0\x14y#\xb71{\x8c\x17\x10\xb5 \xf4\\\xc2\xf9y\x17S\xeaTn\x07\x01'</t>
  </si>
  <si>
    <t>b'\xa8\x1c\x1dp&lt;\xb8\xa3\xb57\xc9.&lt;\xdcjin\x93\xaa\x85f\xd3\xdb\x98\xd2\xc8cA\xb5yX;Z'</t>
  </si>
  <si>
    <t>b'\x11\x84}\xa4\x00\x84\x18\xe8hs$$\xd49G\x10\xb6\xa9R\x19\xd7\xdeL\xbc\xc3X\x84\xa1\x8e\x8a\x04\x9b'</t>
  </si>
  <si>
    <t>b'\xff\x92\x01Ar\xeeu\xee\x0b\x99$zMM\n[\x85\x16\xbc\xc8\x84\xe4\x91\xf5w\xec\x0bK\xc0&amp;q-'</t>
  </si>
  <si>
    <t>b'\xf6\xa0\xe0\x92\x10\x97\xef\xd0\xf9\x1f\x07\x84\xbf\x0e\x13\xe4\x1c1Rg\xb1\xfa+o@\xd7&amp;\xa0$\x1d\x85\xd2'</t>
  </si>
  <si>
    <t>b"'\x1a\x03\xf2\xf2\x14\x18\xa3\xdd\x8d\xfeH\xc1x\xfb\xbbi\xe2\xb0\xde\x80:\xf0|b\xddh\x19\xba\xc0\x07\x0f"</t>
  </si>
  <si>
    <t>b'\x97\x8b6\x0c\xc6\xc6\xa5\xcdiL\x06!3\x89\x82{\xb2?H\xed93\x95\x06\xfd6lv4\xecS\xb8'</t>
  </si>
  <si>
    <t>b"#\x0fC!\x86\xe8L'\x07X\x13\xeb\xdaF\xd4`\x1fdJ\xed\xb9i[\x8a\xb7)\xaeIB\x0c\xa1k"</t>
  </si>
  <si>
    <t>b'2\x9aN\xf8\xb76\xd3\'\xc7\xe9\x04\x9b\x84"\xb7/\x82\xd6\x8cx\xa5&amp;\x97\xa6\x84\xc42K\xd3\xf6\xe1V'</t>
  </si>
  <si>
    <t>b'\x14\xcd\x9c8hs\xad\xea\xcdD\xc1X\xf1\x13\xb4\x91~\xa4I\x0b_\xd1.R]f\xe86\xa7!\x90\xa5'</t>
  </si>
  <si>
    <t>b'-L\xea\xdeR\xf3YPH\x04\xfe\xaa\xf3\x99\xcb\xf0\x930\xa2,\xc2\x93\xfd\x06\xc5J\x90X\xc0\xf11M'</t>
  </si>
  <si>
    <t>b'\xbaT\x8cj4\x7f\xa3\xe4\x9c\xc8\xeaEBLg\x1eZs\x8e \xa3\xe2\x83\xa6\xc5\xef\xa7O\xfdbm\xb0'</t>
  </si>
  <si>
    <t>b'\xba6\x81|KxN\xf2\x03\xbcj\xbe\xd3s\xb5\x9c\xc0\x80\xf7wf\x8b\xa4\xb4\xca\x81\x1b\xc7\xcd\xfdw`'</t>
  </si>
  <si>
    <t>b'\xae\x90\x90\x88\xe7\x8f\x19\x1f\x16$/\x1d\xeb\xb4\x04D\xda\x8b\xbb\xbc\xa2n-DM)\xcaD?bl\xf5'</t>
  </si>
  <si>
    <t>b'``\xb6\xd4\xe0\xf7fF\rp\xc1\x19\xceG\xcc/Zr\xb0&gt;|tb%\xd2O\x80+\xfa\xaf\x84\xa8'</t>
  </si>
  <si>
    <t>b'KN~6\xc3o\x1f\x9cV\xc9\xabE\x00w\x89\x9aX\xea\xec\xe2\xc1^\xa8J\x12\xabN.\x11s"\xf1'</t>
  </si>
  <si>
    <t>b'(/S={+\xdb\xca}.&lt;l\xd3\nf/\x92\xc3\x00,\xcd$R\x94\x13G\x92\xd2\x1b\xf2T\x93'</t>
  </si>
  <si>
    <t>b'\x83\xa2\x92\xb0\x8a)\xbd:#\x08\xda\xee\x85\xcd4\xa2$\xe9\xe8\xa7\xe4\xe4\x80G"\xe0\xc8\xaf\x9a\x96\x9bn'</t>
  </si>
  <si>
    <t>b'G\xef\xcdv8\xeb\xe9\xfe\xbb\x07\xe2\x81eK\xc1$l\x0c\xf4\xdan\xaf\xbe}\x10\xe6S\x9aP\x87\xf0 '</t>
  </si>
  <si>
    <t>b'\x0f\x95\xf8d\xb3\xb5E\x19\xddP\xbc\xe6Y\x94\x9c\xf0{\xa0Mq7db\xbe\xd5f\x0c\xd6|Y;y'</t>
  </si>
  <si>
    <t>b'\xa0\xa0!u\xa4\xe0[\xdd\x8f\xf6\x977{\xa9\xd3L"\xbc\xc6:4\xa1\xe3#\x08v\x91\xc0\x0cS\xea\xf8'</t>
  </si>
  <si>
    <t>b"Ao\xbb\xe4\x15\xb7\x1a\xe2\xb4\xe5d\xb2S\xda'\xe30\xf5\xd2\xe7\xc5\xb1\x0cS\xc4+\x8e\xf6\x9a\xa2\x07\xd3"</t>
  </si>
  <si>
    <t>b'+\xad*\x9d\xcc\xe0/\xc2\x15\xba\x0c~\x8f\xf6\xb9\xe0Z\xf6\x9c\x1ae\x06\x10g\xb1E[e\xbd=\xb8\x16'</t>
  </si>
  <si>
    <t>b"\x11\xf2\xc7\x19N]'I_O\x10PQW\xb7^C\x9fK\xbf\x02\xaa\x02#8j\x0cX\x88C\xc6x"</t>
  </si>
  <si>
    <t>b'\xbb\xf9\x9c\xf4d\x86&amp;k\xaa\x854\x04K\x9fb\xc1f\x95\xad\xfb\xed\xeagl\xd1H\x93\x16\xa8_\xe9\xe2'</t>
  </si>
  <si>
    <t>b'Y\x86\xb4&gt;\xda\xa3\x86\xc3\x00\xe8\xe6)\x8bO\x8a+\xf8ud\x0b@\x92Z\x81A\xadPYe \xff\xec'</t>
  </si>
  <si>
    <t>b'\xfa\x87{\x9e\xf5\xa5\x06\xe1\x15\xf5\xc4\x0c\t3\x95j\xec\x04"~\xd8,\x90\xa6C\x9a\x12M\xeeb[m'</t>
  </si>
  <si>
    <t>b"\x9e\xa9\x14\x88\x7f\xc9\xf6r'G\xfb\x90\xbd\xaf\xeb\xbd\xab\x8c\x96Hh\x0c\xa8\xa2\xb5\xa7\x9b\xac\xf9\x89`j"</t>
  </si>
  <si>
    <t>b'\xb09]\xa2\xaak\xfa\x18\x16\xda\xa1\xc2\xf4\xae)\xbe\x92\xfe&lt;\x9f\x1ft\xb3\x1e\x176L\x12"X\x9c\x1a'</t>
  </si>
  <si>
    <t>b'\x9b\xb1Or[!\x1d\xc1a-/W\xf0X$\xf32\x02\xaf\xa1\xa3\x06\xfad \xcb\x03\x0e\xdb\xba_\xe5'</t>
  </si>
  <si>
    <t>b'\xa4\xc3\xd3\xeeyD\xee[\x03\xdb\xe0\xc2O\x0e\xbb\xae\x88\xdb\xa3\xd9\xc8;a\xccCF%\xd7L?\x17\xc3'</t>
  </si>
  <si>
    <t>b'\xd8[LW\xf6\xa9|\xb5\x97l\x9a\x88{OqG\x94\xda\xc6\x8a{\xe9\x08U\x98\xfd[\xed\xea\xc6\x7f\x9b'</t>
  </si>
  <si>
    <t>b'\x96\xf3\xd9|\xfd\xfe\xf6]o@\x13\xf5\xba\xbb\xca\x12\x8aK\x82\xe94:\x17Q\xd0\x12\xfdl)\xe9\x12/'</t>
  </si>
  <si>
    <t>b'Q\xfe\xc6\x10k\x90\x9d\x1fC\xf0}\xa4\xb7\x96\xaf;\xa5\xdc\xce\x8f\x19a\xf1N\xb1\x06\xb3o\xb0\xe6\xfa\x84'</t>
  </si>
  <si>
    <t>b'..\xbe[\xc2t\x06v\xfa\x03\x07\x18\xca\xdf|\xefy\x9f\x7f\x06\x02\xb4\xf4\xbe\x86\xf3\xaa\xd3\xe3\xb3n\xef'</t>
  </si>
  <si>
    <t>b'\xebb\xfb}-\xb8?\xdeC_q^m\xbd+J\x7f\xd8b\xac\xc9\xfeh\x85\x12\x88\x0b\x06\xbd\xc0\xbd\xc4'</t>
  </si>
  <si>
    <t>b'\xa1-\xff\x8e\x1dd\xa8\xb0\xae^\x94\x90d\x7f#M~\xde\xee\x1c.\x83\x8c!\xccpp?m%\xcd\xa6'</t>
  </si>
  <si>
    <t>b'#t\xb4w\x9e\xe4y\xa8.\x9e\xf0\xe0\x06\x1f\x89V\xb28\xd0\xa8\xe5\xeb\x9e\x16^i\xad)\xa4L)\xf8'</t>
  </si>
  <si>
    <t>b'\x07\xd67\x8a\x97\xa54o+WV\xe4\xeaN\xd2}\x8b!_\x1a\x7f8`t\xdd!9\x82\xd2V\n\xbf'</t>
  </si>
  <si>
    <t>b'B\xe6ZX2\xaa\xb2\x8b\xf8f\x1c3\xbfC$]\xfb\x1b\xf7$\xe1ZM~\xe8\x95\x90X\xc6.\xca\x17'</t>
  </si>
  <si>
    <t>b'\xc6\xa6\xf536\xd4\xd5\xf3.\x13\xbb\xcb\x8cj|TV\xaf\xa1\xd9\xb0C\x03\x1b\xed\x18\xe4\x89\xbbw"\xba'</t>
  </si>
  <si>
    <t>b'\xe6\x87\xd1kd)6&gt;\xe5\x84\xce\xc9l\x01\xf7\x05\xbe\xaey)g\x8c"\x88,\xea\xd9\xd7\x9cs\x17{'</t>
  </si>
  <si>
    <t>b'\x1c|\x93\xda\x8f\xc0\x00_\xf1\xddYv\x88W\xed\r\xfa!=\xa2\xf3\xe5t@\xe8o\xaf\x85\xcf^\x98\x01'</t>
  </si>
  <si>
    <t>b'\xdc\xc1\x1eV\x1cz\xcc\xb9Y\x99\xe9\x9a\xbe\xff\xed\xa2\xc9+\x0e\x89&lt;\x18\xafTg\x87\xdc\x8e\xd7\xa3\x10\x18'</t>
  </si>
  <si>
    <t>b'\x0bo@v\x80^\xdcI\x0e\x048\x93\x14\xcfo?5E\x1e\x81-\xbe\xb1&lt;\x18\x887"\xefEG\xd4'</t>
  </si>
  <si>
    <t>b'i\xde\xa5\xd4\x15\xbbZ\x14\x18^\xd4\x1d\xb2\xb8\xec\x91\xc1\xf07\xf9\xe0%\x04\xe5\xff\x8aA\xd11\xe0\xfe\xd9'</t>
  </si>
  <si>
    <t>b'S\xd2\xfe\xc9\x1b.\xef\xff\x0e&gt;\x0fn\xe7\x0b0\xecI\x11\x98\xae)|.\xaf\xcd3\xf7\x96\x815\xa9e'</t>
  </si>
  <si>
    <t>b'\x1f\xf5\xab\x90\x01|\xf5\xe3A\t]\xe6\xc7\xc7\xf1\x01\x1aN\xbc)\x02\xd6P;\x8dN\x03j\xd2\xb8(\xec'</t>
  </si>
  <si>
    <t>b'\x15\x93\x83\xaek\xd1\n\x042\x95\xde\xe3jZ\x1c\xdc\x0e\xed\xd6\x13qQ\xfb~i\xed\x1d\xf2V\x92\xf6\x87'</t>
  </si>
  <si>
    <t>b'\xaa\x04L\xca\xdb\xc9DR\xefUVE\xe9v\x95[6\xb4\xd8\x06\xac\x9b\xb1\xb7\xed%TIC\xceH\xcc'</t>
  </si>
  <si>
    <t>b'|_\x92\xc9\x1c\xb1\xaa]\xa3\xe2$K\x1d\xdb"0\xaf\x96\x93\xd7M\xd1\x1bZ\xf4\xba\x86\xe1\xed\x1b\xad\x03'</t>
  </si>
  <si>
    <t>b'l\x16a\xb4\xdb\x1a\xcf\xeah%\xda\x1eIDH&amp;\xc0\xda\xa4SQ\x9c\x0bL\x17)R_s\x93\xe3\xad'</t>
  </si>
  <si>
    <t>b'\xd7J\xec\xe4\x9cz9jp?tI \xd9\xeev\xbd\x1a,\x82\xff\x88\xe6\xfc\x8fO\xb2\x97wW\x8a\x8a'</t>
  </si>
  <si>
    <t>b'\xe13\x1aZ\x1b\xd3e)F\xa2N\x9c\xe8\xda7\xfe-\xf8\x1c\xb7\rD\x1f\xd4@\xe6\t\x97\x06L\x97\xf1'</t>
  </si>
  <si>
    <t>b'%iE1S;\x8b}\xf3c\x85\x8e\xf2\x05*\x86\x93\x06.8\xbb\xaa\xbd\xfb\xa79\x06 \xf0!\x82\xde'</t>
  </si>
  <si>
    <t>b'm\x97rxm\xea\xa0\xaa\xd0\xdc\xc1\xb6\xc3\xc4ygXL\x0b\xf8\x1f\xdd*\xa4\x00"\xfa\xd4w\xf0\x14a'</t>
  </si>
  <si>
    <t>b'\xe1L\xcd\xbe\x9a\xc4&lt;yT\xf8#\xa9kGxWC\xb80\xe5\xafA\xc8:\xde\xe7\xc8\xcfm\xafI\xad'</t>
  </si>
  <si>
    <t>b'A\x07\xd9h7o\xcc2\x17\x88\x0f\x91D\xf6\xee\xf9y\x8d=|(\x1e\xfci\x0ct&amp;dJ\xcax\xb5'</t>
  </si>
  <si>
    <t>b'\x92V\xc3\xec\x0b\xd7)r\x11\xb0xz\xcb\xcc"\x9b\xe8\xb7\x95\xd5\xd9\x1e\xcd%7\xd7\xb22\xff\xb4,\xab'</t>
  </si>
  <si>
    <t>b'U\x8f\xd1\xb5}\xa9\x1b\xfbH\x16* \xf6\x83\xbfg\xc5\xba\xcc3\x93\x7ft\x12\xdf\xc0\x9f\x16\x94\x89@\x87'</t>
  </si>
  <si>
    <t>b'\x0e;\xfd(\x934\xf7\xd1\x1a\xda\x0f\xc4\xeb\xfb|\x9e\x05\xefV&lt;&gt;\xa6\x1aE\x1f\xe9\x86\xcc0\xd7\xd3%'</t>
  </si>
  <si>
    <t>b'h\xd2=\xf0&amp;\x01\xe2\xef\x82u\x0b|\xf7\xd3rX\xdat\xa1\xb8B}\xd8\xfc*k\xa1\t|\xaa\xee\x9e'</t>
  </si>
  <si>
    <t>b'\x1c?\x0b~\x1a\xb1w\xe2\x13\x02\xad[D\x80T1_\x14\xda\x19\xc7*u^\xdcl)\x9c\x93\x0c\x04s'</t>
  </si>
  <si>
    <t>b'n\xd1\xc5\x02\xa2*\x87:L\xd6I\x10S\xc8\x7f\xe1/\x1cSk\xd7\x97M\xa5a2\xf7}\xf2*O.'</t>
  </si>
  <si>
    <t>b'\xc0\xcd\xb3}\x8fC\x17%G\xceD9\x9d\xc2\xee\xcc\x82\xb2\xc8|\x0e\x083\x95\xc4.\x9a\x08\x82J\x8b\xb3'</t>
  </si>
  <si>
    <t>b'\x05l\xed\x19\x8b\xfe\x81&amp;^dy\x9d\xef\xc8\x8a\x0cF\x13\x10c\n(W\xda\x19\xcc\xa2A\x00\xc8\xa9\xfd'</t>
  </si>
  <si>
    <t>b'\x9aX\t\xd1\xe5\x9c0J\x9e_\x0e\xb4\xb4\t\xc6i\x10\xe7;\xfb\xd2\xaa[_:\x80Bz\xb2\x04D9'</t>
  </si>
  <si>
    <t>b'\xab\x13M*`\xce\xaeF$\xe8F\x1e.\x99Gkv?\x91\x9e\xd1\x95\xc5\xb4\x199\x03?\xe0\xd4A;'</t>
  </si>
  <si>
    <t>b'\xcb\xb1\xe0\x9a\xdf\x1b\xebv8\xe2\x8f\x0f\x13[D\xab\xdd\x16\x93Z\x8417U_}\x96\xf1d\xda\xa2\xbb'</t>
  </si>
  <si>
    <t>b'\x10&gt;?X\xa9\x96\xcb\xdbC\xe97]\xec\xa4b\xb2\xa2#^\x02XU\t\xd9\x14\x9e\xd0N\xc2\xd2\xacU'</t>
  </si>
  <si>
    <t>b'\x89\x91N"\x03k7(n(\xc3\xfc&lt; { \x13\x88\xb4.\n\x13%p\xf5\xd4\t\xb6\x8d\x87\x85\xbb'</t>
  </si>
  <si>
    <t>b'Ma\xe4\x8c*\x1f\xa1\xdbs(\x89\x84g3bD\xa4\xa9\xb5\xc2q\xe2~BR\xd4\xd8\xde\r\xdb a'</t>
  </si>
  <si>
    <t>b'\xfe\xb1\xb1\xe8H\x9a\x92\xcd\xd2.}F\xa9B\xd6K0\xb4\x9f"\x87\x98\x07]\x94\xc7\x08N\xd2\x02\xa6\xdc'</t>
  </si>
  <si>
    <t>b'e\x07\xef]\x1e\x99\xc2\xbf\xbfxt\x8e\xc2\xd6*\xbe&gt;v\xef\x81\x14N\xbc\x8e\x8a\xf7A\xee\x0fx\xf1\xb3'</t>
  </si>
  <si>
    <t>b'1\xbaa\xa7h-\xdf\xbd\xca\xb4\xaf\xe2@\x06\xb7\xb5E?h\x81\x85\xf1\xd7\xc7\x17\xf4J@\x8f\x90!\xbb'</t>
  </si>
  <si>
    <t>b'\x1cY\xf6\x11\xc3\xe1\xa7\xe5\x04a\xc6\x10;F3\xbe\x15\xd0\x07\xb3wg\x04 \x99\xae\xe9*\xa1r@~'</t>
  </si>
  <si>
    <t>b'\x11\xc1\xaf\xd1u\xcegZ\xb8\xd9\x0b\x7f]}=\xf0\xebV\xf6\x10\xd7\xff\xdb\xf6&gt;\xf3,D\x9d\xa8\xf0X'</t>
  </si>
  <si>
    <t>b"\xb0`]\xf7\xf1@\xea7\x7f\xa2\x95T\xc8\xdf\x8b\xca\xf0\xecKzm\x9e\xf703!\xdb\xae\xc5'\xfbq"</t>
  </si>
  <si>
    <t>b'\x18\xd2\x98\r\x0cUO\xba\x1f\x19e\x87\xb1\x02gZ\x16\x7f\xb9\x80=\xd8v\x98\x14u\x0c\xc9)\xb6\xfb$'</t>
  </si>
  <si>
    <t>b'\xe6\xb2\xd2^\x03\xee1\xc7z\rA\x82/S5\xa5\xae\xa6l)\xb3i\xdfo\x0e\xf2G\r\xd9\x99;\xfc'</t>
  </si>
  <si>
    <t>b'\xc8s_rs;\xe4\x98\xc0\x82\xc0C\\R\x82\xfa\xc9X5\x18m\xca\xd6\xf9c\x18Em\xa9\x02b\x94'</t>
  </si>
  <si>
    <t>b'\x91\xc8\xe9\xba!\x077\xe7\xf3\x9bP_\xf0/\x9f\xa5\xc1\xc5\xbeF5`\xa00\xbb\x81\xa6\x03d\x9f\x9c\xde'</t>
  </si>
  <si>
    <t>b'\x853\x1dp)\xff\xac\x83\xfc\xb6m\xce7\xf8=\xd5P\xe1?|#q\xce\xc2\xca\xc3\t\xf5\x16\x17\xc7h'</t>
  </si>
  <si>
    <t>b'u\xad("\x13\xa2\xb8\xa9L\xa7\x9b\x80\x12\x8f\x92&gt;\xe1\x87\xe7X\xbe\xe8O\xc1U\xf8\x8f\xebE\x91\x8c\xf2'</t>
  </si>
  <si>
    <t>b'\x84A\xbc\x92\xa2y\xfa\x1e\x987\xf0\xdd0\x06\xb3zJ\x8b\xc3\xbeo,\xb0\\l(~\x83\xd9\xb9\xd2\x1b'</t>
  </si>
  <si>
    <t>b'6\xe5\x96TOsb$\x86\x1c\x9fx\xben\x7ff+^g4Kr\xc4\x8a\x99\xcc0x\xceM3D'</t>
  </si>
  <si>
    <t>b'\xe7\x9b\xc1\x1f\x81\xcdm\xb5\x94\xa0&gt;t\xe8M%\xdc\xbfy\x05@\x07\xe2\xd2\x03\x1a\xddz\xcb\x1b\xcbf\xdb'</t>
  </si>
  <si>
    <t>b';\x949\xd0\x03\x17A\x86\xe9UsP\xa8Qm\xcf\xb85\xecw\xe6\x9az\xfeO\xfeO\xcf&lt;\xe4\x01+'</t>
  </si>
  <si>
    <t>b't\xeaZ\xadu\xdf\xbcd\x82\xb0\xca\xc9\x9b\x1dR\x0b\xbfVX\xc3/\x85\xe7N\xa2\x84+\x81j\xc6\xd9\xd8'</t>
  </si>
  <si>
    <t>b' \xd9sU}\xb32\xd6!\xc3\t\x01\x1fMkE\xbd\x99=\xa3\x18\xadd\x14\x04\x1e\x0f\x87F\x13\x96d'</t>
  </si>
  <si>
    <t>b'\xe6\xbe\x16\xfb\xe1\xfe\xd4\xfc,\xc7\xeah5\x1b\x12\x12\xe6k\x03eD)c\xe7\xd0\x9a\xc7Q)=W0'</t>
  </si>
  <si>
    <t>b'\x8c\x124\x8a&lt;\xfa\n\xe7\x90\x8aH\x057\xac[\xb8\xa7\x8d\x9b\xb4j3\xd4\t\x7f\xde\x8a\x82(\x9b\xdf\xbe'</t>
  </si>
  <si>
    <t>b'\x02\xeb\xb0\xf2L/\x86\xee\xf5\xb8\t\xc1\xbb\xac\xe6\x87g\xab\xa1\xdb#y\x071WG&amp;\x15T\xeft\xc5'</t>
  </si>
  <si>
    <t>b'0\xbc^\xd8d\xa5f\x98\x99:\xdc\xddr\xe5\\\xc7\x87s\xa7\xear1\xdc\xe6\xed\xa9\x1d\xfcA\x08H8'</t>
  </si>
  <si>
    <t>b'I\x95\xa9\x7f\x85\xf3Y\xdd\xf7\x8aw\xe6=\x1e\xd6\xeeF[\xe1\x9c\xa5\xeb\xf1\x99\x17j\xb8\xed\xf2\xde\x87B'</t>
  </si>
  <si>
    <t>b'\x82\x9f\x0cF\x11\x91\xf3Q+\xa1\xdf\xa7\x1e\xcf\x04*\xd2=\xfb\xb5R\x97\xd3\xa6\x9e\x8f[\x19\xdc\x17\x1d\xbe'</t>
  </si>
  <si>
    <t>b"\xb2%X\x82\xcb:\xe1=o'\xc8\xa5\xef/\x1bO\xbd(r\xe7\xc5\x99\xd0\xd3R\x92\xb4K\xe33r\xae"</t>
  </si>
  <si>
    <t>b'\x08\xe1-?Z\x08V\xb5:\x03\x81h$\xd8\xa2\x86\xc1\xe3\xdfg\xdb!\xa2\xeeu\xe2\xf3\xe8\x9dS\x1c\xd4'</t>
  </si>
  <si>
    <t>b'\xb36?\x8e1\xf4u\xf2.\xf9z(y.z\x9a\x7f\x14\xe9:\x92\xfb\xf8\xae\xde*\x177\xd6\xd7\x00\x15'</t>
  </si>
  <si>
    <t>b'!%Z\x81\xe0B\x1a\xe8\xb2\x8d.\x91(\xb6\xf3\x02\xf7b\x8b`\x80\x1f=\x80k\x9b;\xed\xfd\xcc\x97C'</t>
  </si>
  <si>
    <t>b'\xf9\x89\xc6\x12l\xa5N\xa9&gt;\xd2\x96uH\xac/s\xf3W\\\x83\xc4\x82\xa3\xa8\xe9\xc9\x93\x9dDb\xa8\xa4'</t>
  </si>
  <si>
    <t>b'\x08\xbd)&lt;K6mz\xfe\xcd&amp;\x0b\xc4f.\x85\x84\x9f\xd9\x96\xea\t#\t\xe8\xe2\xa8(9 \xf1\xde'</t>
  </si>
  <si>
    <t>b'uc\xf1\x8f\x9dw\x98\xf2\xd3l\xd1\xbd\x16\xd4\xeb1#\x03\x82\xef\x03\x8b!;j\xc6\x0c\xdd\xb5\x83\xbe_'</t>
  </si>
  <si>
    <t>b'\x17|\x87\x96\xfe\xc7\x02\xc8u\xe3\x0f\xef-\xe1`\x84\n\xcc\x91n\x96SSL\xa2:\xa8\xfa\xdd\x95l?'</t>
  </si>
  <si>
    <t>b'(\x01m\xafk\xb8\x99\xb4Z\xc20pL$\xe0iG\x98\xf0JH:\x9c\x86\xed9?L\xa4\x86i{'</t>
  </si>
  <si>
    <t>b'\xc5\xca\x0e\xb2\x914\x03\x95\xe9\x93\x13\xab\xffS[f\xeee&gt;7q\x97\x07\xe3\xe6\xf3\xd8\x05\x84}\xad7'</t>
  </si>
  <si>
    <t>b'\xf5\x82\x03/M"+$\x95\x9cQ\x86a@\x18\xab\x03`2\x00E\xf5\x0b\xdf\xc2\x15A\x96\x12q\\U'</t>
  </si>
  <si>
    <t>b'x[0\xb3\xde\xe5\xec\xe6\xbag\x97\xdfsf\xbf\x18?\x9c\x801]X\x8a\n&lt;j\xe5\xe8\x90T\x9b\xbc'</t>
  </si>
  <si>
    <t>b'\xb8\xa2\xbewt-\xe1\xdb\xc2\x0b\x90Or\x1b]\x8c\x92t\xc6\xf3\x02\xca\x0c\xd1\x92\xa0\x13\xd9\x9aT\x01\xc4'</t>
  </si>
  <si>
    <t>b'\xdf\x9b\xac%\x07\x85\xfd\xff\xe8mX\x13\xf7[\xdaez\xa2\t1\xb9\xd7\xc9\x07D}]\xdd\xdab\xe6\xba'</t>
  </si>
  <si>
    <t>b'\x0f\x0c~+\x0f\xfc*\xaf\x07a\x0e\xc4,2\xa8\x13\x11\xbd\x03\xcb\xf4\x0c\x84\x8e"\xb6\xae\xc3H\xe1\xce\x10'</t>
  </si>
  <si>
    <t>b'$\xe8\xff|\xa5\xa5!\x8c7\x02\xcd\xf4\x00\r\xecN\x15\xcdq&amp;\rv\xa2\x87\xdf\xd3\xab\xe7\x16@"/'</t>
  </si>
  <si>
    <t>b'\\/\x86\t,\x11\x1a\x82\xfc\xfd[\xaf\x0c\x86qt\xda"\x0b\xae\x97]f\x10\x14\x81\x86E\x83I4\x11'</t>
  </si>
  <si>
    <t>b')%\xfc\xd18\xf6\xe8i4\x95\xc8\xd1j\xa4\xd2p|G\x0b2}"]\x03\x87"\xc0\x18DO\x0b\xea'</t>
  </si>
  <si>
    <t>b'\x976\xfaz\x16\xfbz\x99\xbf\x17{\xfd7,\x7f\xc3\xcc\x80\x8f\xef\xce\x10\x07\x12\xb4W#f\xa0\x0e^\xd6'</t>
  </si>
  <si>
    <t>b'9\xc56\xfa\x9e\xdfj\xcfo\xc5=\xec\xb0\xbc\x10\xc1e|q\x80\xc3\x8dxu\xdf\xe2\x91\x0e\x7f\xfe%\x1f'</t>
  </si>
  <si>
    <t>b':\x06;\x82\xa65\xf4\xd1x7\xa3 0\x8b\xdd\x8b\xb8\x06\x96]a\x93\x86\x05\xb2\x10\x9bv\xa9E\xf6L'</t>
  </si>
  <si>
    <t>b'M\xfa\x90B\xc9\xd5\xefR\xebl4\xd6\xc3.\xc6\xbep\xc5\x9e\xef&lt;#\xb5/\x92\xb4$\xcecu8\xba'</t>
  </si>
  <si>
    <t>b'\x81\xe0\x83C*\xfe\x18\x83\x95z\x19^\xde\xeb\xb2\xffl\xfb7g\x067pqF\x02f\xa6P\x10\x97y'</t>
  </si>
  <si>
    <t>b'Alka\xe1\x92\xc4\r\xd03\xda\x8a\x928\xb2N\x014L\xa8b/\x0f\xe7q5l\x0c\xd3\xe2-}'</t>
  </si>
  <si>
    <t>b'5\xc9\x1a\x97\x15\x9c\x91\xbbrmR_O\x0f\xb8\xb5\x93\xf0D\x05\xab\x1b\xcat\xa7xg\nJxR\x9d'</t>
  </si>
  <si>
    <t>b'\x15g|\xfbM\x1d\xe7\xa4\x8e!\x8fG5TZ\x97:\xcb\xd8R\xd0\x12\x03i\xe1!\xbd\xc0\xcb\xf3O\xb0'</t>
  </si>
  <si>
    <t>b'c-\xc6\x84\xc9\x10u\xeaEmF\xbd5kXyL\x9dY~\x9d`Y\x9a\xb7\x8etA&amp;q\x01\x12'</t>
  </si>
  <si>
    <t>b'"\xa8\x9c\xb1\x9c\x11\x03\xf0\x164\x99(\x9f\xf8*\xc4\x13W\x16\xed\x1c\x05\xa3f\x89x\x81\xa7\x7f\'-\xe7'</t>
  </si>
  <si>
    <t>b'tw\x83\xdf\x96\xa7\xae[\xf1\xd2\xc0x\x95\xdc=\xd4\x86Dpj\xeaq\x8a\xf9w\x03#Q\x95\x1e\x15\x06'</t>
  </si>
  <si>
    <t>b'\xdf2\xaf\x0f\xa4\xa2]\xb3\xaf\xb1Y\xbfr\xec\xe2@\xcfE\xea\x9c\xcc\x91\x96\x1a\xd5\xf3\x9e\x82\x8aF\x0f&gt;'</t>
  </si>
  <si>
    <t>b'\xce\x18/\x93H\xde\xad~\x00\xbc\xd5\xf0$!xa\xc73\xce\xe9T/\x94\x14~\x88z\xfe&gt;\x98\x89#'</t>
  </si>
  <si>
    <t>b'\xd6kc\xdf\xdeY\xa4K\xfc\x9f\x91\x801Q\xe9\rB\x1dr\xd8\x90\xf4\xe3\xf4\x8d\x94\xa7H\xf6\xc2\x1c\xa9'</t>
  </si>
  <si>
    <t>b'`\xa1\xc15hv\x99\x1a9\xb8U\xcf\x84\xa7\xb8P\xfa9B\xae\xf0B\x0c0\xec\x81\x89\xd6\x8e\xbb\xbf\xc7'</t>
  </si>
  <si>
    <t>b'\xcb\xd1be\xca?}\xdd\xe7]b\x0c\xf0/W\xfeA[\xca,\xd2V:5\xe4Y&amp;\xeb\xda\xd4\xc6\xba'</t>
  </si>
  <si>
    <t>b'8B\x1f\xb8\xa1\xd3\x8b\xfe\xac\xee\xa6\xc5\x14\xfb\xc8\x82_\xd4\xc1\x7f\x02\xa0*H\xb3V \xbe\xbb4\xd8\xb5'</t>
  </si>
  <si>
    <t>b'B\xc5\xca8\x02=\xe0\x990\x80*K\xb3\xa6\xfa\x02C\x85\xc4re\xd2#\xa1\xbb6\xb6\x12n\xe2\xceY'</t>
  </si>
  <si>
    <t>b'\xb3\x803\x0b\n\xcd^6`D\xf7\xd6\x01F\xfe\x07\xce\xdf\x80\x1b\xd4-\xb2_{Z\xdb\x80]\xcfgU'</t>
  </si>
  <si>
    <t>b'\xf5\x80=\x94\x0e\xe6\x88\x19"\x14\xa3\x9f\xad8\xac\xfa*\nXD\x0bX\x11\xa8%iH\x861kA('</t>
  </si>
  <si>
    <t>b"?\xba\xfc\xaaqS,\xd5,\x18{!\xfb\xbf\xf5\xef\xe4\x8f\x80'\xf8\xf5\xc1B\x80\x86\xd5\x8fY\x818\x8e"</t>
  </si>
  <si>
    <t>b'd?\xbc\x86\xaaH&amp;P\x84\x0e\xf7\xdfN\x10u\xb6\x12\xa2%\xf2)DtBnQiB_\xd3\xd3\x0c'</t>
  </si>
  <si>
    <t>b'\xefTIx\xdd+\x9cBgE{\xac\x07J\x0f$\t&amp;&lt;KY\xbf@Kt\xdf\x1f\xde\xbc\xdd\x97M'</t>
  </si>
  <si>
    <t>b'\xfe\x07t\xb0Q\xbf\xbc\xee83\x89\xcb\x10 \x7fn~\xc1\xc4\x8ft?\xf5\xfc\x114C\x9a\x03+3i'</t>
  </si>
  <si>
    <t>b'\x82k\xb9\xc1\xc4\xf6\xda\x89w:0\x8a!\xc68\x12\xc5\xbf}\xb5\xa3v\x10\xe1N\x8e\xb6i\xd4\xc3&gt;\x8a'</t>
  </si>
  <si>
    <t>b'\x13\x1a\xeaa\x96gQ\xa6&lt;\x95\xbeOw\xb5\x98&amp;Q5\x9e\xb3\xaf$L\x8b\xc7\xf5\xae\x18\xee\xb7\x1cI'</t>
  </si>
  <si>
    <t>b'W\x9d\x8af\xe4\x83\n\xf7\xectbh\x10d\xfc\xe5&lt;//\xba\xaa&amp;\x1d\x02\xc5Ff\xa3\xa5D\xfa\x1f'</t>
  </si>
  <si>
    <t>b"\xc1\xab(\xd6_9\xafJ\xfe/\xbe\xca\xd5\n*\x89\x7f\xd5Y4\xc3\x1c'\x99\x1a\x05\xb1\xac\x0eT-\x91"</t>
  </si>
  <si>
    <t>b'\t\xf2\x1d^\x80\xbe\x97\x00/EP%d\x96\xe4\xd2_\x99a\x15t\xc1\xb6\xebF\x1e&amp;\xa4\xae\x1e\x0b\xe2'</t>
  </si>
  <si>
    <t>b'\xd6t\xba?\xb8\xcd\xf6\x9f\xa8F\x11\x14\x88`g\x13\xb5\xaa\xdcPm\xdbg5\t\x9a\x87M\xef\xaa5!'</t>
  </si>
  <si>
    <t>b'!\xa4\x8d\x99\xf6s\x16\xa6\x0e\xbd\xfc\xb0\xd5\xa5\xbf*uE-\x0fn}g~:\xe2\\\x13=K\xa76'</t>
  </si>
  <si>
    <t>b'\xad\xfb,\x00\xae\xae\xec\xf1i0\x01\xd6\xd18FFe\xb7\x06"0\xe2\xeb\x05pE\xd8h\xb48\x8e\xc2'</t>
  </si>
  <si>
    <t>b'\xc9\xa1&gt;\xb0#\xd2ba\xaceK\xad\x88\xe6i\x12\xae\xab\xd8OB\xcf\xe7\xe0\x89\xbaI\xbd/m\xbd\x03'</t>
  </si>
  <si>
    <t>b'\tN\xff\x9e\r|\xd8U\x81;\xbc\xe9\x9dd\xfck\xd7\xf3\x83\xfe&lt;@{{w\xc8SG\xc8\x8f\\i'</t>
  </si>
  <si>
    <t>b'\xd1e\x80t\nd\x85]3l\x91\n\xd7\xbe\x8a\xcc\x94\x13\xbd\xcd\x8f\xd71p\xab\xff\xf7\xe5S\xe3\xdc\x07'</t>
  </si>
  <si>
    <t>b'!\x19\xed\x92\xd5\xea\xe8\xfd\xf2g^\x878\x93\xf5\x90\x845]Z\xcc\x9a&gt;d]\xf0(\xfc\xb2\xfaX\x0b'</t>
  </si>
  <si>
    <t>b'\xb6\xb8\xc8\x14\xb5V\xaf\xa2\x86\x98\t\xaf\xe2\x11\xf9\xc1\xba!\xf7\xeb0\xcd[\x85wO2\x18\x19\xc1\x1aG'</t>
  </si>
  <si>
    <t>b'\x0b\xc9\xca\xfd\xd8\x94\x851R\x98%K74\xd4lM\x93/\xfd\x16:\xd8\rf+\x8c2s\xb2,\xd1'</t>
  </si>
  <si>
    <t>b"\xc5\xd8}'\x06\xc9Tm\x94SE\xb7Y,N5b\xa3\x00\xe8\xe5Ui\xc1\x8d\n\x95\xceju\xf5_"</t>
  </si>
  <si>
    <t>b'\xf2\xaf\x83\x7f\x08\xb5\x86\xdf\x90\xa8\xeb\xf5\x12\x8e\xfb\xea]&amp;\x90\x1f\xa7\xe1i\x8f\xb7\xbe\xd7\x89\x9b\x80\xac]'</t>
  </si>
  <si>
    <t>b'\xba\xed\x150\x99\xa0s\x07`\xe1\x964\x196\n\xff/\xf4i;`\xf2\xc9\xf5l\xa1\\\x1fr\xa9\x80O'</t>
  </si>
  <si>
    <t>b'\xe4\x96\x00\x9f\xd3S\xe9#r)\xd0\xea\xfak\xfb\xd5J\x1c\x189\xafp\x16\xd6\x8d[\x00\x0fk\\\x8cO'</t>
  </si>
  <si>
    <t>b':"[t\xcf\x8c\x1f,gvu\x9clQ\xa3\xf0\xf07lX\xdf\xd2\x7f\xaa\xb8\xff?!\x86q\xf3O'</t>
  </si>
  <si>
    <t>b'\xd3\xad+\xd9`UdA\\N\x83\x1bW\x97\x17`\xd6El\n/`\x88\x81v\x04\xd9\x97\xb9\xdf\xd3\x0f'</t>
  </si>
  <si>
    <t>b'\xdf\x06\x82\x1d\xf3\x93\xa3\xf3\x8cZ\x05=\x9a\xf7\x1f\x8b\xf6\xcb\xdc\xd3\xa00H&lt;FM\xa1\x19\x10Km\xdc'</t>
  </si>
  <si>
    <t>b'\x98B\x00\xf0\x06\xce&amp;\x99[\xbe\x7f\xa8I\x88\x01\xec\xf4\xb6a\x89\xda\x15?\xd2\x97\x94\xcb6\x92\x8b\x02\xa0'</t>
  </si>
  <si>
    <t>b'\xe3\xd4V\xbcG\xcag\x1e@y\x9d,\xdb\x8a\x93\x00\x10~\xb7[\xa8\xf5\x01\xb9\x0b\xd12v\x95\x0ey\xaa'</t>
  </si>
  <si>
    <t>b';/]H\x11;=\xa6X\xcd\xbe[\x97\xff\xf6\xd1\xf7\x0e\xbch\xf9\x1ah\xff5\x00\x91\xcf\x06"\xf5\xcb'</t>
  </si>
  <si>
    <t>b'NU\x0f\xa5=\xfe~i\xddIA\xa7B2A\xe8`\x8a`i8P\x83\xd0p\x97\xf6\xf4P\x02\x05t'</t>
  </si>
  <si>
    <t>b"\xe0'\x83\xd9\x94.5LT\xfew\xeeE\xe9\xc3\x9a\x04\xf2D\\\xe5\xd0\xbfz4\xb7\xf6\x0e\xb0\x9b\x08\x1d"</t>
  </si>
  <si>
    <t>b"\x1b&amp;3\xc7\x98\xbdpVS\xeb\x82\xab}]P\x88\xde\xfc\xa7'^\x8c\xa9\xab\x0bq\x19\x1d\x10g\xa6\xfa"</t>
  </si>
  <si>
    <t>b"\xe6&amp;\xc7x\xf0/\x13\x01K\x13\xfb\xc2y\xbe&amp;\x1a\xa9\xc0*M\xa0_\xba\xea'A\xfb\x0f\x97&amp;\x9b\xca"</t>
  </si>
  <si>
    <t>b'\xad\xa3\xeb\x17\xf3O\xf5\xbd\xdf5\x04\xe2;\xbd\x0cu\xf8c\xf9W\xb8\xf8\x13\x96+\x1d\x12\xe2\x1a\x1a\x9e\xa0'</t>
  </si>
  <si>
    <t>b"t\xd9'[L\xc1\x96\xd26\x1f\x13;\x00\xb9\xff*E]\xae\x88\x1b\xca\xea\xaf\n\xfd\x11\xfe]5yU"</t>
  </si>
  <si>
    <t>b"~j+'&amp;\x8e\xddi\x8eB^+\xe7x\xd1`\xea\xd29\x08\xf6\x1c`\xe1j\x8c\xa9\xb1}k\x08\x1e"</t>
  </si>
  <si>
    <t>b'g\xc6\x90s\xec\xecF\xba3&lt;\xadw\xf5\x01\xbb\x8f\xcd\x94t\xc2\xb0\xea\x98\x1ao\x9c\x7f\xcbz\xab\xe0x'</t>
  </si>
  <si>
    <t>b'\x8f\x08\xfd\x91@Q\x99\xd9c\xc7z\xc4T\xc4):]`0\x03\xeb\xa2N\xd1\xf8\xbd\x8e5Y\xa6\xea\xce'</t>
  </si>
  <si>
    <t>b'[\x1d\xe3\x13\xaaY\xad\xcc\xb3\xfd\x9f\x87\xd9S\xe7\x13\xfe\xd5\xf9\x13Yl\x0e\xbe\xc6\x92x?\xd4\xee\xd8\xf4'</t>
  </si>
  <si>
    <t>b'\xf9\xba7\x1d\x95\x84\x8a\x1f4\xe041 w(&amp;\xc0\xc05]\xea\xe8K$G\xd7\xc4?\xaa\\Z\xc9'</t>
  </si>
  <si>
    <t>b'&lt;Z\xba\xfd\xa2\xda\xb8\xc1\xc7\xc5\x95g\xfa\xcd\xeb\xe5w\x1cV5\xb9$% \x0c1\xd7?Nal['</t>
  </si>
  <si>
    <t>b'\xaa\xbd8\xd4}\xd6\x8d\xc2a\xef@8g\xd9E\xf4\xcd\x10\xe6n\x94\xb0U\xed\x1b`)\xdbD_\xb3\x81'</t>
  </si>
  <si>
    <t>b"\xe9\xa9\xe0\x01\xa2\xa94~\x1f&gt;\x81\x18YN\x08\\a%\xbd\x1f\x96\xe0\x1a\xdf[\xa6-\xad7\x10';"</t>
  </si>
  <si>
    <t>b'\r\xf27R\xf0\xc1N\x90\xc2?\x92\x13\xb7o\xcb\xc2\x18\xbe?\x93\xee\xea\x80dz3\xce\xcdQS\xc3\x85'</t>
  </si>
  <si>
    <t>b"r\xfau\xda\xe95\xc03\xd8\xe5\x96\xe9KQ~\xd4]\xc6Z\xf0H\xaeKpO\xd7\xfa\xe1\xf8\x9a'\xb9"</t>
  </si>
  <si>
    <t>b'\xfd\xe9\xb4\x12\xa3E\xe8\xe4\x84\xba\xb4\x8ag\x8a\xb2\x14\xa3\x18[C,%y5\xad\xd5r6\xfa\x9f\xd3\x02'</t>
  </si>
  <si>
    <t>b"\xd5\xd5\xc0z'\xda&amp;fw\x8bz\x9aO\xbeb\x04\x95\xff\x9e\xb0\xf4\xc6!\x9b\xae@+\x7f^\xf8\x0c\x84"</t>
  </si>
  <si>
    <t>b'\xa95\xd6\x9e\x07\x13\xfe\x90\x7f\xc3!\x11\x05\xa5\xc8\x98\x07\xb7\xc5\xa0\xd8\r5\x8bW\xbd\xf0\x89ZT\xd7*'</t>
  </si>
  <si>
    <t>b'%V\xbe\x05e"WRC\xfa\xea{\xa35\x08\xe8\xf9S\xcc\xd0!\xb7QC\x86[\xa2zzm.3'</t>
  </si>
  <si>
    <t>b'\xb4\xec\x0c\xe80*\x16\xc9,z\xc5\xac\xab\x99\xf8\xf0"\x19V^\r]P\x9aO(\xe7z\xc7\xdb"\xc6'</t>
  </si>
  <si>
    <t>b"!\xd1\xbaA\xa1\r\xae\x11'\x03~`\xb0\x01\r\x8e!AW\x85\xff\xeeY\xd8\x06\x90\x89\x0eaGY\x89"</t>
  </si>
  <si>
    <t>b'\xc7J\x14*\xe2\x10sP&gt;39\xc7 +s\x95\xf7\x91=\xa0\xa0\x05\xd8\xd6\xda:=\x0cM\x8b@\x96'</t>
  </si>
  <si>
    <t>b'\xdd\xa7]\xdeu&amp;;\xd92u\xa7\x82\x19\xf0\xe7,\xcd\x86d\xf1\x16\x0e*(2\xd9\x88\xe2\xf4\xb2\x90u'</t>
  </si>
  <si>
    <t>b'n\xcd\xeeL?\xe9\x19[\x05]\r\xc8@\x93A\xba\xa6\xc7\xe5\x95\xda\x1e\t\xe0Q%J:\x9f\xd4\xe5\x92'</t>
  </si>
  <si>
    <t>b'qI\xcf\xbfc4\x14O\xab\x9e!\xf1\xd6\x8b\xfd\xc7\x11\xd9x\x98&amp;\xc2\xcbh0pC\xf7\xf8\xe4\xe3\xd9'</t>
  </si>
  <si>
    <t>b'\xed\xea\xa6-\xb5z\x01\xc1_\r\xb2\xf0\x01UB\x05.c\x08\xe1\xfc~\x86\x90\x904n\xfe\xdd\x0bn8'</t>
  </si>
  <si>
    <t>b'X\xa7\x81M^\xda&lt;\xb0v\xc6\xcb\xeb\x87\x92\x9cC{\x9a\xbd|\xeb\xbe]u\r\x9a\xdf\xcb\xff\xa9x\xae'</t>
  </si>
  <si>
    <t>b'F\xae\xd1\xa8\xbd\xe6\xee\x07\xdaM\xcd3\x11w\xaeQ\x8e\x0f\x0fM\x8b\xa9939DLr;2\xa1\x11'</t>
  </si>
  <si>
    <t>b'_\xb5_Z\x80\x95\xd8=\xa8\xe5\xcb]\r\xda9s\xd1\x00B\xd7\xd8\xeb\x7f\x88\x816\x99\xfd\x91\xa5\xc1\xaf'</t>
  </si>
  <si>
    <t>b'\x1chW\xdaJ\xebP\x0f\x17\xb3\x97l8\x7f\xce\xccl#\xaa\xea\xa1\xbc\x14\\^\xe3\x96\xad\xcf-\x83\xad'</t>
  </si>
  <si>
    <t>b"\xc5\xdbp(W\xc2\xa8~\x83\xed\xa5V,\xe1l\xcb,\xba+8B\x9e\xeb\x80A\xa6\x9b1'\x81\xc2\x9c"</t>
  </si>
  <si>
    <t>b'\xac\x8b\x06\x1cfz\xb2\xebl\x06y\xe0bx\x17\xebzM\xbd\xaf\xc2\xb4]D\x01\x1d\xe7\xeb\x8f\xde\x15\x90'</t>
  </si>
  <si>
    <t>b'\xc2bs\xcbI\xb4\x08B\nR0\x82\xbf\xc3r\xa5x\x18Dy\x86\xee\x11\xc8\x1d\xe8\x01\x9d`T\tq'</t>
  </si>
  <si>
    <t>b'\xbe\x05\xcf\xa1&gt;\x18\xa6\xd6\xb2=\x18L\x81\x01\x1c\xc0\xb2\xa2\xda\xc4\xcb@Y\xb8dgs\xbdt{&gt;2'</t>
  </si>
  <si>
    <t>b'\x01\x18p\x84+H\xfc\xedO\x10;\xbf\x1f\x87\xab\xa2D\xbc\x85\x95\n\xb2,\xebP[\x88\x92\xbe\xc6\xbdU'</t>
  </si>
  <si>
    <t>b'~\xb3\x12\xdco\xcf%\xd6v\x98\xcc\x02t\xbb1\x13\xd2\xf8\xdb4\x8a&amp;\x11\xcc&amp;W\xdff\xb4K@j'</t>
  </si>
  <si>
    <t>b'j\x04\x03\x9e\x80\xf7\x90\xe7\x15\x99\xaa\x8cH\xd4r\xa8AE\xc7\x91\xa6\x8b\xcd\xb0{\x82q\xc7\xbf\n\x12\x10'</t>
  </si>
  <si>
    <t>b'}n-aA\xf7_\xfd\x1c\xfd\x91\x9e\x97N0\x84O\xa9\x9aoW\x15\x85I/\xd3sH\x04\x95q\xf3'</t>
  </si>
  <si>
    <t>b'\xa2\xfb\x82\xf8J\x04\x91C&lt;60#f\x07w\x1d4\xa8\xdc3O\xb1h\xa9\xac\xdf\xe6&amp;)*\x16\xbc'</t>
  </si>
  <si>
    <t>b'#\x90u\xa7\x96=D\x90\xa0M\xf6\t\xf2\xe5\xccf\x11\xe75\xf1\x85\x80\x009\xaa3w1\xf8\xa15\xfe'</t>
  </si>
  <si>
    <t>b'\x1f\x0b\xdd\xa1\x9a\xa9\x95\xf0\x83\xba\x08.\x0fO\xc1J\x1d\x82\x06\xa2$$\x7f{\xdc7e\xe4\xc7O%\xed'</t>
  </si>
  <si>
    <t>b'\xd6\xdaG5\x072\x1c\x8b/\xa2\x97\xeb\x02\x9e\x96#C\xfd\x1cbB#\x94:\xc0\xd6\x8f\xc1\x93\xaa\xa6\x08'</t>
  </si>
  <si>
    <t>b"\x85\x1e\xb3$x\xf0\xe8h\xb2\xbaO\x83a\xcc\xf8\xbe\x03\x9a\xb3\x9b\x07CV@\x8c\xf8\xd6'\x8b\xe8S\xcf"</t>
  </si>
  <si>
    <t>b'\x0fbs\xd316\xa9\x90\xc5S\xa7\xb4\xc4\xa8d\xaf\xe5\x88K\xd7\x9e\xe5*qX@\xf5\xb6^\xbf\xc5\xd2'</t>
  </si>
  <si>
    <t>b'\xa4N+\xfc\x93\xc1"j\x18\xcc*\xc0\xf7)\x02O\xad\x88k\x03\xaa\xc5\x02q\xd6S\x08\xc4\xeb\x92\x0c\xdd'</t>
  </si>
  <si>
    <t>b'\xb0\xde\r\x96\xdb8\xd2\x82@/\xbf\xa4\x8b\xdc\xa1DQ4\xf6\x87\x0e\xc5\xdd\xeb\xf0\xbd\xc3_B/\xe3\xcb'</t>
  </si>
  <si>
    <t>b'\xb7}T\xfc\xd7\x9e\xbc\x0b;\xaaE\x1d\n\xdf|@\xd8lv\x1b\xb1U\x82\xc2\xf1\x8f\x9ev\xe3\x08\xaa\xf6'</t>
  </si>
  <si>
    <t>b'8\xb7\xa4E\x88\x96\x07)\xf7\xe6\x99\x91\xe2|O\xffFGZ\x11)\xe0\x9a_\xe7\xa0\x16\x16i\x96\xb5p'</t>
  </si>
  <si>
    <t>b'\xf5#\x0e\xee\x16\x9f\x0e\x0fF\x1d&gt;\xb47\x89$\x15\xa9\xc9k\xaf+V\x80\x02\x11\x8azj\xb9e&gt;U'</t>
  </si>
  <si>
    <t>b"dd\x1c\x8eNx\x05q\xe3y\xe2~]\x07\xde\x84'=\xd5\xdb\x9b\x80\x8fA;&gt;\xf5 L\x85}\x1f"</t>
  </si>
  <si>
    <t>b'.0\x06\xf74\xe8\x867\xfc\x90\x7fN\xb8^\xf6\x9bc\xcc0\x12\\\xb8\x95Vx\\\x11\xd5\xe9\x03 \xb9'</t>
  </si>
  <si>
    <t>b'\xae\xd59\xca\xb6nK\xff\xd2\xd5Q\x85\xa0|\x19Z\xac\xe1\x87\x02A!\x19N\xa9\x1az\xf3\xdbN\x8e\xdf'</t>
  </si>
  <si>
    <t>b'\x7fi\xbf\xb1\x14\xe3\x81\xc3\xa0i\xb4\xc5\xf7s\x81\x8c\xcf\xf6.\x93b\xac\xc1\xe8\x83|v\x9c6\xfc\x88G'</t>
  </si>
  <si>
    <t>b'M9\t]\xafDH\xa1E\x7f\xfc\x14\xbd\xc2\xf2\xa1@\xf8\x94\xcc/\xbc?\x7fE;\xdcg\xf4i\x88\x93'</t>
  </si>
  <si>
    <t>b'\xa2\xad\xd8\xe1.?\xc6\x9b\xd4\xb3\xd5\x93o\xbd\x16\xc9U*\xe6JMi\x1f\xc9\xab\x07*\x81\x017N\x98'</t>
  </si>
  <si>
    <t>b'?.\xc9\x05\xdd\t\xc2\xbbu\x92&gt;\xa8i\xb8/\xca\xa0\x00A\xff\x8e\xd1\xec5W\xf5\xcd\x8e\x0cam\x16'</t>
  </si>
  <si>
    <t>b'\x06\xbc\x97\xc8\x04\x0f\x84o\xa9\xee6\x8fT\xc3\x12w\x82:N\x17\x93\xc6\x95\x16\xaf\xc8\x17\xee\xa3Mp$'</t>
  </si>
  <si>
    <t>b'_Q\xc8\xaa\xe8N\xe3\xae\xcd\xfb\xad\xe4j\xfe\xfa\nI\xd89\x1c\x8e\xddx\xfe\xc8\x84\xd68\xbeZe\x19'</t>
  </si>
  <si>
    <t>b'H\xd1r\xa3!\xdf\x0ex\x12\x85s\x00E\x97B\xb2/\x00\xe3\x86\xa1\xf4\x9aA\xdc\x8b\x85\x90,\xf32\xe7'</t>
  </si>
  <si>
    <t>b'~yVQ\x0c\x92\x10\xbe\xef\x02T\x9c\xe7\xc3\xe7\xb5\xaf\x17\xb6t\x05@S\x93S\x10!\x93p\xe5\x00\xda'</t>
  </si>
  <si>
    <t>b'\xf4\x84\xa0\x87\xef\xd5\xf5s\xac\xb6xb\xb13D\xc2\xe0\xe5X\x9e\xd4(-\xc7\x93\xb2\x810\xfd\x93f\xdc'</t>
  </si>
  <si>
    <t>b'\xb2\x86r\x8d\x9f\xab\xc7I\xe9-\x9a\xd7_\xd3\x16\xd5%\xd1\x11\x13\xea3\xf4\xe7\xd9&gt;+Qe\x90s\x7f'</t>
  </si>
  <si>
    <t>b'Nh9q0&lt;\xb3~\xe3\xf1\xfb*/\x8c\xffb\xa0\xe8h\xa8Df\x9d\xeb\xffI~H\x81\x04\x19\x8e'</t>
  </si>
  <si>
    <t>b'\xd1b|\xd8\xe8,\xb7\n\x18|\xb8h&amp;\xcbZ\xc9\xa6\x1f\xb7\xa8:de\x06\x86\x04\xe7\xeb#\r\x94T'</t>
  </si>
  <si>
    <t>b' ~~\x13\xf4\xb2hn\xb3R\xd1\x9aD\xd1\xaa9P\x0b\xe0c\xd9H\x92=9=\xcd\x9bq\xf2Ux'</t>
  </si>
  <si>
    <t>b'\x07\x06\x1d\x99Jf\xa8\x88\xe8\xe6\xff\xad\xae$\xcd\xebT9\xa7\x90\x0f\\|\xbap#s\x0eM\x19\xa5.'</t>
  </si>
  <si>
    <t>b'\xd9\x89h\xe4\xaa\xdd\xd1\xdc\xa8_\xb2\x16\xd3A\x8c\xaa\xcd*i\xd0\xb2\x85\xb2\x9e\xef\xe6\x9fJ\x11;\xb8\x80'</t>
  </si>
  <si>
    <t>b'\x0f\xcd\xfb\x9d,\x1d$\xde\xbf\x04\x90K\xcf-\xabrhA\x88y\x06!\x8d\x99\x02\xe3o\xeb\x9cV@\xc9'</t>
  </si>
  <si>
    <t>b'K\xb7\r\xef\\L\xb9R\x7f\x8f\xc5\x96\xbdq\x94W\xc3\x8e?\xb4_\x9cv\xb8\xd6\x05\xb1\xb0E\xe8\xdeG'</t>
  </si>
  <si>
    <t>b'\xd4\xf3\xbd\x16\xd8\x85W\xed\x94\x8dZ=d\xb0V\xd6\xe1\xe3\x0cPE\x85\x02\xe2yh\\\xc5\xcb)\xbfk'</t>
  </si>
  <si>
    <t>b'\xfbj\x9a\x03\xc8\xe7)\x90i\xe4\x16\x06\xa4p\xe1\xfe\x9dKZ\xd7\xb4\x81\xb0z.\xa8\xc5\x08\xbf\xd9\x8d('</t>
  </si>
  <si>
    <t>b'{W\xee\x1f\x8f\xda\xd69vyt\xf6\x8ewq\xc1z\xfa\x06\xa2\xdc\xb4\xbb6*\xfcQ7\x1a\rXg'</t>
  </si>
  <si>
    <t>b"\x1d'I\xed\x19\xedB\xcaUcm\xf6\xd8Q7\x11\xbf\x0e\x9d\xd0\x9d\x84\xa4\x83\x88\xb8\xa2\xc5\x18\x8a\x9d\xd0"</t>
  </si>
  <si>
    <t>b'(\xc4\x87\xc8\xda\x11\xa1O\xe0U\x95\xbaK\x9f\xb0\xf3\xe3S\xd2*\xc0\x06\x93\xc3\xfaA\xd9\t\xfc\xbe\xca\xe3'</t>
  </si>
  <si>
    <t>b'&lt;-\xb8\xf0\xa3\xea\xf3\xfb\x7f\x03&amp;U\\\xd8\x90\x83\x8cd\x16\x89G\xf0\x8e\xd1\xb9\xe2\x8ab\x0f\x00\xa2\x1e'</t>
  </si>
  <si>
    <t>b'&lt;\xe8\x0ce\xd0\xdf\xa6\xa7\xd7\x9a{\xa1\xc2|\xd8\x06\x90\xfb\x92Gv\xee\x87/N\xf4^\xfa\x14\x03\xd5\xfa'</t>
  </si>
  <si>
    <t>b'\x04voC_@.dp\x1f\xd2\xb8\x03\xe0\xc2W\x14\x8fk\x96/[zF\xdcoy\xbdH8\xd0W'</t>
  </si>
  <si>
    <t>b'\xac\x8e(\x9f\xb9\x0c`\xe5\xd8YPY\xd3\xbe\x8d\xf3\xdaz\xbe\x90\x94^\x87Z\xde\x9e\xe5\xa4\xe0\xd6rj'</t>
  </si>
  <si>
    <t>b'\xc8\x81\xd2j\x04\xf04\x16E\xb4C\xe7\x90\xbc\x8e\xd0"i4\t\x02\x88\x95bFv:\x01\x18\x03^o'</t>
  </si>
  <si>
    <t>b"{\xfb\xfe\xdb\xed.\xf3'\xe4\xbc\xe8lST\xdc\x8e\xb1nAb\xf5\xdeH \xcbk\xbd\x19\x932\xffU"</t>
  </si>
  <si>
    <t>b'(}\t\x8e\xaa\x93\x8d\x0b^\xfb\x7f\xc3\x0e\x18\x13b\x9f\x85p\xa3c4\xd9\x84\xdd\xd0\xd9\x0c\x98\x1f\xa7\x9a'</t>
  </si>
  <si>
    <t>b'\xddy\xcb\xf2\xdd\x14\x8e\x11\x07\xdf\x06n\x89\x84\xe5\xa5\x81l^\\Q\xe1;\xab\xb3\x10\xd7\x1b\xacosa'</t>
  </si>
  <si>
    <t>b'\xbd\xcaR^\x8b\n\xaa\xee\x9c\xdd\x17\xd1\xa6\x16\xc3\xbc\xae\x88\xd2\xe9&amp;\xd9,\xec\xf6ba\x00\xd7S\x93\xa0'</t>
  </si>
  <si>
    <t>b'1n\xe7&gt;\t\xfdF\xe8\xae\xda\x9cV!\xe0\x9c\xb6m\xa52-`8\xa5\x95\x9a\x0b#\x1e\xf6\xd0\x08\xc6'</t>
  </si>
  <si>
    <t>b"\\-e\x80\x90'\xd8\xa3=n\xfb\xff\xc1\xf1\xa2\xf5\xae;\xa1[\x91#\xd4.D9]\nb0\xc4\xd3"</t>
  </si>
  <si>
    <t>b'\x87]4\x955L`\x90}\xe8d\xb0(\xe7\xd39ij\xd4\xcb\xe1\x9eI\xb4e\xd6O\xa7B\x9eq\x00'</t>
  </si>
  <si>
    <t>b'Wk?\x1aBR\xd2vf\x8d\xd4\xa9\xa3\xdfp\xfc\x04\x14#M\xd7\x1b\xe6\x17Y\x1fX7\x97\xa3(6'</t>
  </si>
  <si>
    <t>b'\xf6\xd2\x99\x932MIp\x00R\x9ew`s\x0c\xc1\xd5\x0b\x8d\xc9|;\xec\xe2DPD\xd9\x98\x83\xaem'</t>
  </si>
  <si>
    <t>b'\xde\xa2\x8b\x9a\x0c\xd2}&amp;\xe9\xe1\\\x83\x88\xa5\x8a\xeb\x1dWD\x12\x80\x82\x19\xd2C\xcc=U\x9a1\xe2\xc5'</t>
  </si>
  <si>
    <t>b'b\x846s\xa6\r.K\t0!\x9c\xd7p*\x87C\x0c\xccU\xc7M\xf0\x1a\xed?\xb2\xf2\x90x\x80\x1f'</t>
  </si>
  <si>
    <t>b'\x94\xc0oS\xd9t\x9e\xbf\xff\xf9^\x95\xca\xc7\xcb!l&lt;\xb7\x82\xd9\x96\xddi\x9a\xf6&lt;\xce\xc0\xcb\xc6u'</t>
  </si>
  <si>
    <t>b'q\xe6\xf9\xeeP\x01U\x8e\x05\xf8\x1eRa\xf4\x87g\x89T\xe6\xf3\xba&amp;\xb9\x1d\xb6\xf150\xf6\xe3\x06!'</t>
  </si>
  <si>
    <t>b'\x14\xb3vq\xe4\x08!\x17|\xa9&amp;\xf63\x9aZ\x9b\x06\xec\x17h\xe2\x0b\x80x"\x86B2\\\x84\xe5\xbe'</t>
  </si>
  <si>
    <t>b'/\xfa\x18\xcdHL\x08\xca\x1f\xcc\xae8&lt;\xf7O\xeb\xa5\xde\xf2\xf2Y5^j\xf8P\x99{*\xf3b\xad'</t>
  </si>
  <si>
    <t>b'Q\x03\xa4\x93\xcd\xc7\xb5\xf5\xed?\xbd\xca\x07\xb1\xacFj\xce\x1d\xdcW\xe0\xc2\x83\xf0\x1c\xb0p\x03\x16v\xa2'</t>
  </si>
  <si>
    <t>b'x\x0b_,\xfd&lt;\xd0\xea\x07\xef:\x90N\x02+v\x9cb(\xffj\xb7SPgf\x16\xb5\xe7\xe1y~'</t>
  </si>
  <si>
    <t>b'\x0eM&amp;`\xff\x16\xe9\x14\x10\xfeu\xf2\xd1\xb8\x16D\x18&lt;V\x85\xa0\x98)\xa3!\xe8\x9a|\xa3\x1e%s'</t>
  </si>
  <si>
    <t>b'`\xb36\xae\xaa\xdbH\xd2\x1f\xcba\xd9\x1b\xe42}[nK\xec\x1a\xebpCg#\xd83[\x17\xecZ'</t>
  </si>
  <si>
    <t>b'\xe1BhAik \x94-\x892\xdeq$\x800\x01kz1m\xb8\x83&amp;\xd6\x17!\x142\x7f\x81#'</t>
  </si>
  <si>
    <t>b'\xb4\x0b8\xf8\xee\r\x9e"D\xebiZ-\xbd\xabS($I9\xba\xa8\xc1\xbd\xa0\x07]M\x96&lt;O\x86'</t>
  </si>
  <si>
    <t>b'&lt;D\xa1yU\x8a\xd0\x0f0\xfc\xe6\x95\xba\x9e\xcem\x85y\xcf\xe5\xbe\xd56\x9aP\x1e\xa9\x01VBL\xc6'</t>
  </si>
  <si>
    <t>b'\xc7\x0e_\x1e\xe7\xa1,_9\xe8\xf0\xf2Q\x01\xe3\x90\x10\x82-$\xc5K\x1a\x91o\xcd\x7f\x94\x02|\xcb.'</t>
  </si>
  <si>
    <t>b'Q"ru\xcc\x02bF\xd7\xba|\xe5\x1e\xd8\xf3/!jwh\xfe\xeeW\x04\xa4\xc8\xec\xb1\x83\xae\x8b}'</t>
  </si>
  <si>
    <t>b'Q\xda\xf8\xa9\xc2\x82\x811\xcc=q\xa1\xfb\x96\x81P\xc9&gt;8\xac\xdd\x85\xfe\x19\xc1\xae\xd0Y&lt;\x17\xf6\xa8'</t>
  </si>
  <si>
    <t>b'\xc6S\xaa\xb6\xdc\xa02\xd0\xaa\xc1"\x05\xa2\xbd\xa6\xb0\x8a\xd0\x0c\xbe=\xe0\xfb\x91\x07cz\x97\x1b\xa9\x02\xf1'</t>
  </si>
  <si>
    <t>b'\x8c\x90\xe3\x80@I= "t\x9a\xabJ\x8f\xff\x85\x18]G\x00\x00\x9f2\x86\xd1\xd5\x9e-\n\\\x1fO'</t>
  </si>
  <si>
    <t>b'\xa0\xc0\xa1\xaa\t\x92\xb76\x84b\x1aX\x8b\xa7\xd3\xac\xbb~^\x13hA\xa6|\xc7iC\xee\x0ce\x03\x05'</t>
  </si>
  <si>
    <t>b'\x19.\xfdo81Ak\xbc\xb195\xeb4\xc0h\\;\xba\xa3\xb3Jy\xee\x9e\xa8\xeef\xbc\xdeP\xdc'</t>
  </si>
  <si>
    <t>b'~~\xa5\xb6\xd3\x150\xfa\n\x9f^&lt;\xa7\xbb\x0e\xe2\x1f`\x95\\\xe4\x1f|#\x93\x00S\x8f\xfc\xd7\xa6\xb5'</t>
  </si>
  <si>
    <t>b"XD4w\xf4\xfb\xac%\x1cW'\xe5 ~\xef\x1e\xdb0\x90\xd8R\xe4\xa7\x1f\xbd\xbac\xa1[G\xdfd"</t>
  </si>
  <si>
    <t>b'\x1d\x02\xf0\xcb?;\x0eAF\xed;:\xea\xc2\xc0%\x03!\xf5\x9f&lt;kC\xc6\xf9;\xa0_\xe3K\x9a\xf4'</t>
  </si>
  <si>
    <t>b'4l\xf1^Y(Mib\x14\xe7\t\x81\x94\ty\x97z\xb5\x06\xae\xe8\x98W\x18\xc0^\x06\xad\t05'</t>
  </si>
  <si>
    <t>b"\xeb\x0fRf\xbc\xb1`\x99Q\xde\xe0NOXM\x88\tJI\xae'#\\H_\xe5\x9c\x14?\x8d K"</t>
  </si>
  <si>
    <t>b'\x15\x18\xf5\x83e\xe7\x97\xc0CB\xb0\xc1\xba\xb0h\xadI\x08\x97\x93E\x1c\x898=\xaa[c\x80\xbb\x9e\xc9'</t>
  </si>
  <si>
    <t>b'N\xb3AeK\xb7Y\xa8\x05\xb1\xf3\xc8\xbb4\xf7\x1aD\xa6I\xe1i\x892#n|\x8dR\xe1\xf5U\x99'</t>
  </si>
  <si>
    <t>b'\xbf\xa1\xe0\xb8M\x9e\xfd/\xda\tWI)\xcbi\x80\x12\xcf\x8eH\x06c\x0b\n\xf1\x0ej@W\x7fdp'</t>
  </si>
  <si>
    <t>b'u\x16\x8b\x84,\xca\x87\xcb\x7f\xf2\xc2}\xb3\xc7\x90m\xfa\xd3T\xff\xc3Oj\xf8J\x89\xe0\xa1\xf9e\xa6\xbb'</t>
  </si>
  <si>
    <t>b'\xac-\x9bp\xb4\xf0?wV\xb4\xeb\xc6)\xb4\t\xed\xdd\xd3[\xb8\x06\xf3\x98$D\x92e\x03\x83e\xd5\xa0'</t>
  </si>
  <si>
    <t>b"\x11\xfc\x97+Okz\xf8\x98\x0e'\x1e\xce\xf1\x17\xec\x9e\xe7\xfc\xaak\xa6\xcc\x1b\xab\xf0Z^\x91\xa06d"</t>
  </si>
  <si>
    <t>b'\x07\xf8\xff\xd0\x8b\x8c\x1b\xc9\x00\xcc\x8e\x01\xfa\x84\xb3h-t\x9a"\xa9\xdb\x96W\xedp\xd15+\xe3\x95\xf1'</t>
  </si>
  <si>
    <t>b'\xca\xa7\xda\xe9\x90\x9e\xff\xd3\xa3\xd3\x0f^\x0c\x9b\xab\xd3\x1a\x1c7\xc6\xa1\x839\xf9\x152\xb2YK\x8cK\xbe'</t>
  </si>
  <si>
    <t>b'\\&gt;\xd5\xc8`\xee\x8b\x87\xaeOT\x1aX\xc8\xf1\x02ty\x90\xaf\xfb\xfd\xeah\x8a\xcb\xf6\xd51\x13\xf3\xcb'</t>
  </si>
  <si>
    <t>b"\x8dBaX\xb1\xe9I\xad\xedm\xc2\\a+a\xd6\n\x02'\xee\x1d4\xea\xa8g=W\x9a\xd8\xa4\xa2\x0e"</t>
  </si>
  <si>
    <t>b'\x0b\x86?f\xf5\x16\xa6\xf6\xccx\xba=\xab\xc2\x85\xfa\xea\xacU\xae\xe9\x80\x9e\xf3{\xceIa1@\xbb|'</t>
  </si>
  <si>
    <t>b'\x0fa\xf6\xa9Kg\x88\x006\x9cgFR\x18\xc4\\m\xb19\x99T\xe67G;\xf1\x89\x15\xb6-a\xe3'</t>
  </si>
  <si>
    <t>b'0\x1f\x02M\x14\xb2\xe2\xef\xee\x8e\xd7\xf4\xcd\x91;\n\xd5\x87\x95c;\x17\x90G\xebM\xffal\x05\x87\xc6'</t>
  </si>
  <si>
    <t>b'\xcb\xb7a\x14;s^&gt;\x17\xbaC\x8csx\x07i\xbe\x99\x85\xbfmB\xf6\xeb\xf9\xd5~\x81\xef5~\xe5'</t>
  </si>
  <si>
    <t>b'Z\x1agO(\xa0\x0c\x87\xd0v\xf9\xa4\xb3\xc4\xe4e\xc1\xff\x86\xc2S\\\xe7\x11)\xc4\x15v\xe3Y\xca\xc8'</t>
  </si>
  <si>
    <t>b'-\x03\xf6V\xd1\xb5P\x9fuN\\\xe6\x9a\x15\xf0\x15\xd3\x11\xa3\xaaF\xd61&lt;\xe0Jx\xfbr\x90\xc1\xa5'</t>
  </si>
  <si>
    <t>b'\xee\xed\xe3`N\xd7-3\xbc\xfb\x80xN\x1b\xbb\xa3\xec\xc76\x16\xb8\n\\\xad\xac\xf0\x7fy\xcd\xb6w='</t>
  </si>
  <si>
    <t>b'\xfa\x00"\x86\x7f\xc8\xcd\xaf\xe5Y\xdd+7\x0f\xd6\x13\xed\x9a\xfb\x95\x95\xf2\x06\x9d\xc5\xaa\x8d\x04e\xf5\x03\xe7'</t>
  </si>
  <si>
    <t>b'&lt;%\xe9\xf7p\xb6\xde\xfd\xb90m=r\\/\xd6\x89\xc5\xc0\x05D0~\x90w\xe3\xd4RP:,\x84'</t>
  </si>
  <si>
    <t>b';\x15\xdaG\x93\xfd\xee\xf0m;\x06\x14f\x90\xe4U\xc8\x91T- \xf8VU\xdaY\x1e\xa8\x93\x90 \x96'</t>
  </si>
  <si>
    <t>b'\x8e\\#W\xd8fm|\xe0\x1cfL\x81\xb2\xd8\xff\xac\xb9\xec\xa2(\x14\x83b\xa38\x99\x8cQ\xc3U\x8b'</t>
  </si>
  <si>
    <t>b'j\xdcs\x97\x9f\xc4z \xce\x1b\xde\xb6\xf74c+`\x0b\xee%0W@KP\x8fK_^\x0b\xd3\x82'</t>
  </si>
  <si>
    <t>b'?\xc6~\x10\x00\x01\xf5\x88\xc2\\\rS\xe09\xfbv7AFi5;T\xc2_=\xaa\xa9Y3\xdba'</t>
  </si>
  <si>
    <t>b'\xda{Wwj\x8a\xcaa$\xbez\xeb\xc6=vZ\x98\xc1)N\x96\x94\xe7\xa2\x15\xac[\x1f\xf1\xc0(6'</t>
  </si>
  <si>
    <t>b'\xb09Q\x02\xe2n\xd5\x8f\x92\xaa&lt;\xc6\x90\x9cj-\xcf\x0c\xc4\xb6\xf8]\x8dV\xa7h\xcaF\xf7d.%'</t>
  </si>
  <si>
    <t>b',g\x0b\x1a\xbfI\xb1\xeb\xc6@\x9bk\xdd\x0e07\xd5\xb3\xe4\xa8\x97\xc2\n\x82\x82\x8a\x96\xd4\xc8\xc6Z\x1c'</t>
  </si>
  <si>
    <t>b'\xb8\xd89\x85u\x92\x99\xf8\xafI\x07\x94)\x9b\xa2\xddO\x84\x14.\xe7x\x91\x80\x11c0\\\xfc\t6['</t>
  </si>
  <si>
    <t>b'\x10/\xf1\xf4a(\xb1\x8f\x9bBFa^NV{\xbc\x08^\x89G.\x1b\x0f\xcbv?\xcb\xb6\x05\x902'</t>
  </si>
  <si>
    <t>b"Wt&amp;3\xb0H\xb7\xf3\xd9\xbf\xe4\xe3h\x9e'}\xc2\xea:n\x02\x88l\xcd\xd6\xb3A\xf0aP\xc5\x9d"</t>
  </si>
  <si>
    <t>b'\x08QJ\xb2Q3D\xfe\xfd\xcd\x8f\x9e\xb8\x07\xd0\xd2\xdfF\x14\xf1\x80n\x06m,*\xdcG\xff\xe0&amp;\\'</t>
  </si>
  <si>
    <t>b"\xb5\xec\xd9\xee\xe7\xf4\xc5\x89\xad\x12\x1d\xfb'\xfc\xcc\xf1\xa8\x98J\xe8\x8a-C\xe0\x8e*\xb5b\xb1\xed\xafl"</t>
  </si>
  <si>
    <t>b's\x13W\xb1\xc1\x84\xb4\xb9!Q\x00M\x81\xc3c\x1c\xe7\xbee\xee\x874u\x0c\xc2O5\xfa\x1c&amp;\xf3\x02'</t>
  </si>
  <si>
    <t>b'\x17\xc0\xc7\x0b!\xff1E\x0e\xcc\xc9\xfc\xea\xcf\x03\x84\xde\x9c\xf3\n\xec\x83|4\xe8\x89=\xdc\xa4Y#%'</t>
  </si>
  <si>
    <t>b"\xc3\xce\xeb9\xc2\x80\xaa\xb2\x10\x1f\xe9'\xc3H\x97O0\x98\x80I\xa1(3U\xe8whl\xa0|\x07\x16"</t>
  </si>
  <si>
    <t>b'\x9a\xee\x868\xb1\xa9\x10\xc2\x1b\x92\x85\xe4\x8dD\xf8yJ\x18\xcb\xe7\x17U\x01\xe2\x00\xc0o\xce\x0f\xf0n8'</t>
  </si>
  <si>
    <t>b'w\r\x0fD\xed\xb1\xba\xa5\\\xc8:\xcb\xd2eqY\xe7\x8b\xc6u\xa7\x9e:\xb9\x93\x8d\xd3\xee\x97*04'</t>
  </si>
  <si>
    <t>b'@2R,jTg\x8b\x05Z\x91\xcf\x01m\xd4\xfc\xc4(\xe1\x9d\x08\x0f6\xe3oM\x13&gt;\xe7\x01\xe3\x97'</t>
  </si>
  <si>
    <t>b'\x8d\xa5\x93\x8a\xfd\xcd\x02\xfd\x9e\x19\xb0\x04\n\xe6\xadz\x96`\xfe\x18U\xa5u\x89\xa8\xea\xe5\xd4\xa4@\x84+'</t>
  </si>
  <si>
    <t>b'\xa2\xa1m\xb0\x98\x94\xd7\xf4yU\x11\xfc=\xa5\xa0\x83\xb6k:\x1914FUCt\x8b\x01\xff\xac\x90"'</t>
  </si>
  <si>
    <t>b"\xa6H\xec\x19\xe4\xc8\xaf\x03\xe8w\xd5\xb7|\x94\x96'\x89\x8e\xa3\x85\xd4\xcfe[\x00\xdc\xb3\x93\xc5\xedc\xe2"</t>
  </si>
  <si>
    <t>b'\xa30\x98C}8fc\xfdx\xf4\x8am\xe6J\xa3%\xf4D\x1f\xa6Y\x83Xo\x9f\x13\xa2\xd3\xd2\xd6\xf4'</t>
  </si>
  <si>
    <t>b'(\xbe\x0b}\xdb+\xe2\xc8\x0f\xf8&amp;c\x16\x9a\x06\x95\xe9\xe5\x18n\xa8\xd4x\xe3p\xab$X\xdb\x04\xb9\x9a'</t>
  </si>
  <si>
    <t>b'\xff\t]\x0cU\x0b\xac\xae\xb7\x154\xc7v\xfc\x83\xc7!\x84\x9d\x7f\x8e\t\xf15p\xcc\xc4o\xf6\xb1\xa0\xcc'</t>
  </si>
  <si>
    <t>b'\xff\xa5z\x03\xac\xb2\xab\x03\x07\x93\x1f\x0e\xc7\xb3\xad\xf5\x02\x16\xe0\x10\xd7E7\xa3\xf3=(\x05\x0f\xb7e&lt;'</t>
  </si>
  <si>
    <t>b'\x18}^5]\xfdYN\xa91v\xcbe\xc6\x0b,\x12\x13\x0b\x17:qC\x83\x9dT\xa6\x0c\xcd,\xb5p'</t>
  </si>
  <si>
    <t>b'\x139\x04\t\xf0,\xe9W\x10b\xeb\xb4\xdcs\x88=SP\x8f\xfbX\xdd\xe2(\xdd\xb1\xaa+\x17\xd9\xbeU'</t>
  </si>
  <si>
    <t>b'2 cT\x8cN\x1e}$0K\xfcS\xc5\x9d\x8d\x10\xd0\x0f\xe6\x85\xe5}\xa3\\\xdec\xfe\xd1o\x9d\x93'</t>
  </si>
  <si>
    <t>b'\x1b\x0e|\xe9\xf6Zw0&amp;T8&gt;I0HQQ\xaa1O@\x05M,9|\xb0\x0b\xb4o\xbc\xa5'</t>
  </si>
  <si>
    <t>b'\xd2\x01\xea\xd0\xdaJ\xf3\x1eV\xc4\x0f\x06\x08^\x12\x0c8R5\xf4\xb34\xda\x10\t\xaa;\x13\xc48\xc1\xc7'</t>
  </si>
  <si>
    <t>b'\x15\x84\xfc\xf7\xb7H!\xb7\x88\xa2\x8f\x99\xa3\xe0\xdd\xef\xf6\xcb\x02\xde\x1a\xc2x\xf9=F\xc7\xe9\xe7\x88\x8d\n'</t>
  </si>
  <si>
    <t>b'\xb0\x10\x0c?\x82\x9a\xde?\xfcJ\x80j\xcdn\xce\x06T\x16\x07\xaa8F\xcc\xc3\xa1}\xd1\x9fQ\xdd\xc7a'</t>
  </si>
  <si>
    <t>b'\x8d`\x0e\x0c\x12`x\xe9\r7\xf3\xfa\xc5N\x06\x078$F\xa5\x0e\xd1s\xcfHpA\xe8\xd6R+\xbf'</t>
  </si>
  <si>
    <t>b'K\xf1\x0eZw21\x8b\xe0q\xf2\xf60\x91I#W?%m\xf8\x14O\xa0\xcf\x99\xe3d\xa2\xad}%'</t>
  </si>
  <si>
    <t>b'\x19c@\x96\xcdX\x8a\x8c\xf6\xa3\x99p\x98\xa3\xa9\xe4\xee\xcbq0\x13\x0fs&gt;:W\x04f\xe4\xda\xfb&gt;'</t>
  </si>
  <si>
    <t>b'\x07r\xce\xdf/\xb3\x07q|\xee\xa0\x896_5X\xeb\xc8\xde\xcdX\xe0\xba\xac\x0f\xde\x9ah\x97\xe6R\xa9'</t>
  </si>
  <si>
    <t>b'\xf5f4c\x11\xe9\x19\xe3\xa7&amp;5\n\xdb\x18\x93\x92\xd8\x920\x10\x8b\xb3\xdc\x95\xb1n\xc5[\xdb\xce3\x84'</t>
  </si>
  <si>
    <t>b'\xff*\xe0\x10r\xb4\xeb\xf7\x1f3#\xfc2\xc8\xc3F\xce\xc9\x1bl\x8e\x98\tm\xf6\xb1\x98\xf3e\xb56d'</t>
  </si>
  <si>
    <t>b'\x1c\x06#\xbe\xff\x9d\xc1\xc6=Oh-\xc3}\xcaUzC\xce\x03Z\x05\xe9C\xe1\xe1\x94\x15\x02\xb8e\xe3'</t>
  </si>
  <si>
    <t>b'I0\xa4\x9c\xf0T\xeflr\x1e\xa1\xbaN\xdfu\xdf\xa3d\x0b\x0f\xc9\xa0\xf8\xc2\xd7y:\xe3\xdc\xfa\xdb\xf0'</t>
  </si>
  <si>
    <t>b'\x9e\xd0E\x94AHD\xb41`\x00\xaf\xab\xee\x18\x84l\xb5\x8d"z%\xdd;%Z\x8cJv\x87n\xc7'</t>
  </si>
  <si>
    <t>b'#\x1a\xc5\xa5\xe8\xcdh\xd8\x1f\x85\xe3@\x00qD/\x08\xe3\x1bK\x19o\xf8\x08\xad\xfe\x8e\xaa\x08\xc3\xad9'</t>
  </si>
  <si>
    <t>b'\xbaR\xe2\xe0w\xb1\xd3\xb0\x1f*\x8b\xf2\xe9\xbc\xb9\xde\xd6k\xe2\x154\x99\x01O\x11\x1d\xcb\xbd\xe0\xc2d_'</t>
  </si>
  <si>
    <t>b'\xbd%2\x13\x88}qk\xaan\xd9\x19=\np\x83\xa7z%\x85\xcas\xdf\xab\xb0I\xcf\x80\xb0\x03`\x00'</t>
  </si>
  <si>
    <t>b'\x89,GF"\x10:\x1d&amp;\x0e\x8f\x0e\x8f\xe9L=V\xbcV\xd4\xc8\xb5M`\x08\xae\x14\x8c\x92\xecp\xd0'</t>
  </si>
  <si>
    <t>b'\x1c#&amp;%\xf2*V&gt;EIW\xbd\xc2[$\xb8\xb5\xc4\xf7\xa6\xf6\x0f\xbc0\xcf\x1a\x06\x17\x90&amp;1/'</t>
  </si>
  <si>
    <t>b'm\xf0\x81\xbeFE|6\n\x9cD\xed\xadU\xb4\xb6+Ru\x8c_\\q\x9dU\xef\xf2\xea\x96\xd4\xed\x92'</t>
  </si>
  <si>
    <t>b'\xfb\xfc.\t\x13\xe7\xca\xf3\x0b\xb2\xf5oz\xa4k\xe2Q\x94\x9e\xf3\x86\x0f\x96V3\xe3\x0e\x0b\x16\xb4I)'</t>
  </si>
  <si>
    <t>b'\x18\xa0\x08\x85\x19\x97\xf3\t\xdb@\x98*\x98\xc1\xcc\x15\xcf}\x9aE\xf4\x9c&lt;\xff\x9c\x90J\x8bT_\xd8\x97'</t>
  </si>
  <si>
    <t>b"%\xef\x18K\xd0vi\xe0j\x16r&amp;'\xf1)\xfa!\xf3\xb6\xd7\xd2\xf1\xe2Z\xf3\xce \xf3\xfbz\x03\xdb"</t>
  </si>
  <si>
    <t>b'\xd8I\xbch\xdd\xf6\xe13&gt;\x91\xc5\x81\x9ee\x9b\xcf\xfe\x05\xf0\xa5\x11\\\x0c\xf2D\xcf\xcc7\x1cV7 '</t>
  </si>
  <si>
    <t>b'/0_2&gt;\xa7\xcd)\x18\xea/\xd3\xf2\xa8Q`K[6\xa4\r\x12\x92\xcc\x04\x8bs2t%\x01\x12'</t>
  </si>
  <si>
    <t>b'\xd9\x93\x88\xe2\x05-\x0e\xa7\xac\xbe\xe1\xc5d\x86\x0e}kE\x00ve\x90ap\xed\x00/V\x8a\x11\xb3$'</t>
  </si>
  <si>
    <t>b'\xac\xa4\xbf.\x94w\r9&amp;r\x9fC\xb9\x9aGc\xaa\x0b\xfc\xb5\x1cOd\xe8\x0f\xc1N K1=\xac'</t>
  </si>
  <si>
    <t>b'\x7fe\xc2\xddu\\\xa35%\xc47Z\xc1r\x0cf\xcc\x0b\xd9)\x05\xd7\x82\xc9\xfd\xbaF\x83\xec\xb1\xcf\x06'</t>
  </si>
  <si>
    <t>b'Z\x124\xec\x9d\xa4#^\x89\xf4\xbe@\xff\x9b\xbe\xc4\xe0\xa3\x14J\xe7F\xd8\x1b0\x9ai\xfdz:\xc5W'</t>
  </si>
  <si>
    <t>b'\xdd\xabZ\x1eG\x88\x97}\x9d\x80\x80\xd9\xe1\x1a\x04\xc0?\xd15^\xd6x\x00|\x9d\xc3\x9f\x08\xb4T\xa6['</t>
  </si>
  <si>
    <t>b'\x16x\x9a\x91tWj\xb4\xac\x05)Y\xab\x14\xb73\xa0\xf9(\xb5\x05\x18^I\x9a\xcd\xbb\x82\xd9\x13\x19\xa3'</t>
  </si>
  <si>
    <t>b'94\xcf=\xd1\x90j \xbd\xff\xd2\xaf\x98\xf9\xf3u\xd6u\\\xfd\x97c\xf9\x12\xc9\x13=D)\x8f\xc3!'</t>
  </si>
  <si>
    <t>b'\xd3\x83a\x10\x10\x82\x81\x83+y\xf8\x87a\xe6v\xf8C\xd03\x94\xf4\x02\x0c\xa12\\$\x1f\xcf\x10NL'</t>
  </si>
  <si>
    <t>b'\xfbg)A\x92\x02\x91\xb8m\x9a\xcf&lt;\xda\xf1\xef\x0b\xa1\xca\xed\xa56\xe1\x1a\xa0\xb2\xa5\x08@\x7faF\xcf'</t>
  </si>
  <si>
    <t>b'\x80U\x83j\x17\xec\xfc\xba,\xf75\xaa\xc6\xfcGE\x12\x11\x03L\x8d\x11z\xbe\x93/&lt;Q\x15\xa4\xde5'</t>
  </si>
  <si>
    <t>b'\x16\x83\xb0\xc5\x90\xb2\x80\x80\x18(\xd5\x8cjQ\x9b\x9c\x89\xf0\xe6E\x96\x0e\x16\x8c\xc3\xdd~\x96\xce"g#'</t>
  </si>
  <si>
    <t>b'&gt;\x9fYn^\xc2\xfasoYZ\xb3\xe0w[\x08-H\xf9\x01}\x94\xd8\xfdW.N\xa2\xc8\x97{X'</t>
  </si>
  <si>
    <t>b'\xdf\xa5v{b\x15\x88\x92\x93\xea&amp;\xd5\x00\xcfj\xba\xe01/L\xb0\xadhscR|+\xf4G?\xdd'</t>
  </si>
  <si>
    <t>b'\xdf\xefV\xdeu\x9c\x1e\x8d\xea\x06Qi\xcb\x98\xcc\x8d\xc5ZZ\x95\xcbX\x9a\x00\x8e\xcb\x195N\x1a\xc8\xbd'</t>
  </si>
  <si>
    <t>b'\xc8bE4\xb6\xe4\xb7\x1f\x90\xee\x9f\xa5\x0f\x1as \xb2,d\xb0\x06^D\x0e\xd4\xcc\xbf-L\xd1l\xca'</t>
  </si>
  <si>
    <t>b'\xca\x83~E\xf5y\xf0nYR\xccd\x01\x0b\x84\xe0\xa3\xe8\xa1w\xbd\x11iq\x1b\xd3\x9c`a7\xfb\xa7'</t>
  </si>
  <si>
    <t>b'\xe5\xf7\xea\xa3\xae4\t\xea\x97\x0e5.\x0eT\x15\xb3c\x0e\xc4\x0f\xbaUnz\xe8G\x8e\x16H\x11\xbf\x9c'</t>
  </si>
  <si>
    <t>b'\xd1y\xd9\xff\x1b\nSj\xcd\xa1\x19\x9a\x17\xeeER\\\xa7\xd1i\xcd\x13\x0bk\x82\x00\xf7\nN*tL'</t>
  </si>
  <si>
    <t>b'\xcc\xeb\xb8z!\x92{\xe6\x8ef\x83&gt;\x84\xdd\x02\x9fj\x93\xfe,\x7f\x0c\xa6`&gt;\x94r\xfca\xbf@\x0e'</t>
  </si>
  <si>
    <t>b"E\xb1\xa4\xee\x06\x96\x1a\xc9!0\x1c\x94\xd3\xec~\x01\xab#\x8a\xf0\xa43\x03\x02\xfe\xddX\xdd\x81*\x00'"</t>
  </si>
  <si>
    <t>b"\xd0\x16\xb8\x89\x1fdj\x1ff\x7f'\xc8k\xbcS2V\x1c\x1c\xea\x98A\xd4[yZ\x92\x05\xa4\xa1\x1b\xf4"</t>
  </si>
  <si>
    <t>b'b\x1b\xaa\xd5F\xf9\x83\xb7=\x1a\x7f\xe82qKY\xba\xdb\x03\x1c\xb6\xde\x02S\xbd\xd05I$&amp;\xd7\xc0'</t>
  </si>
  <si>
    <t>b'\x9b\x1f`\xc5\xaa4\xf5%\xca\x83\x05";{b\xfe[\xbf!\xea}\xad\xce\xc3\x92 @\xec\xe7\'\x19i'</t>
  </si>
  <si>
    <t>b'\xa2\x83\xc3\xc5&gt;\x17\xee\xae\xcb\x8b\x92\xb9\xb4\x7f]\xee\xf6d\x8f\x03\xdf\xb4\xde\xca\x1f\xfe\xd2Tm\xc9\x9c_'</t>
  </si>
  <si>
    <t>b"\x08\xcb\x98S\xbd\x88\xa0\xbb\xa3\x87\x92U\xef\x89'\xf4b\x87\x91d\xc6\xa1\xdd\xbco\xedM])g\xab\x9f"</t>
  </si>
  <si>
    <t>b'\xd8\xbd\x9e\x0f\xcf\xf9\x7f8#\x08\xfa\x98*\x0e\xbb\xa7a\t\x83\xc2\xf0\xda\xb8\xe7A\xfa\xc0\x1f=Ce\xba'</t>
  </si>
  <si>
    <t>b'%\x07\xfd\xc3l\x81\xf8\xbf\x84(\x8a\x17\xb2\xbcC84\xcaP\xe0\'\xf7j"\xd6Gf\xade\x18\x89\xd1'</t>
  </si>
  <si>
    <t>b'/\xa3\xb2"s\x9a\xeas\xect\nl\x88\xb0\xaa\x84\x92\xe7\xea\xdd&lt;V#r\x10)\x00L\x8a?\x82W'</t>
  </si>
  <si>
    <t>b'\xd8\xb5\x12\x95\xfeT\xcc\xed"E(\x80OB\xd4+\x07\x0f\xd1!!hfQ\x00\x15\x97\xa5)\x98\xd1e'</t>
  </si>
  <si>
    <t>b'K\x16\x00K\xb2r\xd7\xbe\x1e:\xd5\x9a\xab\xd7\x89y\x1c\xcc\xc4&lt;\xc7\xdd\x15g\x19\xa1^\xf8*\x80i\xf1'</t>
  </si>
  <si>
    <t>b'\x02\xb1\xa4\x11\x14\xaa\xf9\x9ap\xf3\xff\xfbnMRl\x15\x9cF\xc4\xd3\x01\xbe\x86\xa6\x9e\xb7%o\xc28\x1e'</t>
  </si>
  <si>
    <t>b'E\x10Q{*\xd1y\x0e2\xa5v\xadB\x0b\xf5\x9e=0\x07\xcb\xe3\xc6\x0bB1DW\xc7\x83_\x92\x07'</t>
  </si>
  <si>
    <t>b'\xdd\xc2\n\xab&gt;\xd965_A\xb2\xc7s\x08\x12\x14\xef\xd7\xf4s&lt;\xd2\xe5\xcb?\x1eS\xcc\xd8\x83\xcd6'</t>
  </si>
  <si>
    <t>b'v\x9d\x9b\x0c\xbbK\xcc\x87,\xb2+04\xdd\xd1~U+\x9a\xce\xbd\xdb\x0c\xe3,X\xb5\x92\xab\xef\xf1\xe9'</t>
  </si>
  <si>
    <t>b'\x1c\xbb\xe0&gt;C\x84\xde\x88I\xcf\xd5\xf2&gt;\xb4\x8a\x12\x9c\xfe\xf8\xde\x08\xb3\x85\xf0\xb6\x9d\x0e-\x8c\xb5\x8e\xb8'</t>
  </si>
  <si>
    <t>b',\xde&gt;\x01]$\xc0\x1e\x1b,4\xe2UC\x81\x91\xf8\xfd\x7f\xeaR\xab\x92\xbc\x98\xa4\xbc\x02\xfb\x935\xc0'</t>
  </si>
  <si>
    <t>b'\xfa\x10G\xbd\xc1\x07\x99\x96\x97$b\x05[.({a\xfd\xff\xc6w\x9f\xe77\xf3\xb5\xc3~\xd2\x80H4'</t>
  </si>
  <si>
    <t>b'z(\x84g7o\xd7.\xe2\xb9\xce\xe1\x0bN\xb8\xdc&lt;\xe4\xe7K\x12\x1bj#/d\xa8+\xd0\xf7\x99&gt;'</t>
  </si>
  <si>
    <t>b'\x05\xfd\xbf\x8dA\x16&gt;\xd6\xc1\x90\xfe\x8fI\xc7\x86q1\x87\xe57f\xfe\x16\xd3\x90\x0c\xdfp\x1d;\xac\xce'</t>
  </si>
  <si>
    <t>b'\x02\xb9\xdeA\x8dl\xd8|\xb5)\x81\x85[MiD\xacb\xd8&amp;\xba\x9dy\xb6%\xae\x9d\x805 \xb31'</t>
  </si>
  <si>
    <t>b'\xb7\xd4\xebE\xbaTz\x80r.\x0c\xbf5}\xd9&gt;H(H\x8b+\xf1z\x88*\n\x9e\xf87H\x10\x1f'</t>
  </si>
  <si>
    <t>b'\xf0\xdd\n^jy|q\x9f|\x97\xe9\xe9\xf4\xae\xe8\xe0\xb3\x8c\xab&gt;\xc6Kv\x818\x8a\x9ej5\x96\xec'</t>
  </si>
  <si>
    <t>b'\x0e\x94\xdd"\x0e2\xf5\xab\xad$\x8b\x94J$\x0c\xb7_k\xc6\xf1\xd2G\r!b\xb8_\x1a\x9a\xc4\x96G'</t>
  </si>
  <si>
    <t>b'I\x80\xc1\xc8\x87\x1eG\x89\xe3\xe3\x98\xebv\xe8N*\tO\xa7\xd4\xb8s\x17n\xeb3[-YsA\xd3'</t>
  </si>
  <si>
    <t>b'\x85K\x1b\xc3_\xe1\x15bf\xfb\x86\x01\x1f}4\xfa#QC\xfd\x06\xb0\xdc\x1a\x9d\x8a\x90\xd5\xf2Q\x9f\x89'</t>
  </si>
  <si>
    <t>b'i&gt;(\x84\xad\x1dU\x8c\xbbH#\xb0LX\x06KE\xd2n\xb3I\x91\x9b\x92\xc9KIe!c;\x9d'</t>
  </si>
  <si>
    <t>b'\x82\xe2o\xae\xd9\xf8!\x9d\xac\x12\xa3\x1d|\xc3\xa8\xeeL\xb2\xc5\x02\xb16\xee\xb2Uz~q\x18\xdbf7'</t>
  </si>
  <si>
    <t>b'5\xd1F0!\xad\xb0\xc7\x99E\x84\x7f\xe6\xa2Q\xb9H\xdec\x9a\xc2V\xab\x02\xb0=\x19zu\xce\xfb\x89'</t>
  </si>
  <si>
    <t>b'f\xdf\x92\xde\xd2."j\xef\xf8\xe5\x93\xa6N\xdb\xa5G\xb5 j\x7f\x85\xb0\xe0SJwq!\x94h$'</t>
  </si>
  <si>
    <t>b'A\xee\xbc&gt;\x91\xa7\x05!\x98\x17\x94\x91l\x12!\xffPS\xaf\xcd\xa1\xf7\xc4&lt;R\xc8\xee@`\xb4\xac3'</t>
  </si>
  <si>
    <t>b'\x81\xd2\xf6\x97\xd4\x18\xd2\xf5\xa8!\xcb\xf4\x9c\x83\xc9\x17\x81\xd7\xa25\xb0]\x81\xbf\x1f\xd2\x90\xa8-\\q5'</t>
  </si>
  <si>
    <t>b'\x8d\xca\xa9\x1aj\x17\x9a\x9e\x96\xf6\xe87\xaf\xe5f\xf7\x06\x8f\x0b\xba\x1b[V\xd4\xea\xa9\xcc\xf4\x0f\x80\x852'</t>
  </si>
  <si>
    <t>b'`\xbf\x9fj9\xed&amp;\xab\xf0F\xe1\xa1p4\x81tN\x1c9\xb1\x83\x7f=\xdd\xca\x84\xeex\xe3q\xa5\x96'</t>
  </si>
  <si>
    <t>b'\xb2\x85S\x16\xad\t\xbb\xae\x84\x90r\x91\xd4\x92\x8d\xd6\xa3\x81\xd0\xa2[\xb8\x95\x16@\xcaP\x96F\xeb\x19\xd8'</t>
  </si>
  <si>
    <t>b'\x0bq\xed\x01\xac\xb4u6WU!v#\x97{A/\xa7\xdf\xcd%\x97\xaa\xb0\xb8\x97\xbe\x9e\x90~!\xba'</t>
  </si>
  <si>
    <t>b'\xc1\x96c.\xd0k,\xa7S\xcf\xe8&amp;S\x88\xa9E\xe5\x16\xe6\xd8\xd1\xfd\xa3\xe4L: *\x15\x82k\xef'</t>
  </si>
  <si>
    <t>b'Y\x08\xfa\xc0\x8e\x968-x\x99\x8e\xa3S0\x0c\xfcI\x04n&lt;\\\xc8\xe0\xcc\xb6\xe6\xa6\x0bp2\x06|'</t>
  </si>
  <si>
    <t>b'\xb5_\xec\xf3\x05n\xb9\x00(.`M\x94\xe5\xd1\x83\xd3\xe8\xdf\xc5\xae\x8f2\xe2\x8em\xbe\x8c\xf6!\xfdm'</t>
  </si>
  <si>
    <t>b';\x82(\x91\x1b\x163\x90Zc\xb5\xba\x80\x88\xe5\xa0\xa9\xf1\xd6\xa3\xff\xecza~}\xdf\xfe\x91$\xb3L'</t>
  </si>
  <si>
    <t>b'\xb7\xa1\x19"\xbd\x9e\xa8\x1e\x00\x99\xf7\x16\xeeo\x04\xb4\x12\x8d\x1c\x12\'\xe4\xc5|\xcaJ\x1d\xa2Nl\xb4j'</t>
  </si>
  <si>
    <t>b'\x9f\x1c9\xc2dz\xdaWE\xa4\x02\xb9S\x00\xfd\x8fg\xc6:\x8c\xce\x9f\xbf?V\xa2J\x85N\xc4_x'</t>
  </si>
  <si>
    <t>b"n\x8b\x07E\xf7o$\xe8\x85C&gt;\x91v?\x9e\xcd\xe1SI\xb5'\x1d\xcb\x80\x8b\xfc*\x13YD\x93="</t>
  </si>
  <si>
    <t>b'\x90\x96\xe8$03\x1cp\x89\xac\x87n\xef5\xc0\xc5\xc2\x12\xfa\xf7\xa9\xf3\xe0\x94k{\x88\xc5CT\xfd\x18'</t>
  </si>
  <si>
    <t>b'\xf7}\x90\x13\x89\x99\xad\x95\x94\xb3\xb8\x8cU\x1b\xc7\xfd^\xe3h\\\xbf&lt;\xc1\xbe3Ja\tGU\xfa7'</t>
  </si>
  <si>
    <t>b'\x04K\xe9Ix\xa7\x03\xa2\xb9\xc7\xbde\x99\xba\x84\xad\x8f\xa0u2\xd2\xbfh_\x8b\xb4\x8b\xe1\xdaQIW'</t>
  </si>
  <si>
    <t>b'dt\xca\x92\xbb^\xedf6\x16\xd4\t\xcf&gt;\xb2\x10\x884\x81o\xb8\xcc\xa2\xf93w\x83&amp;S\xad+@'</t>
  </si>
  <si>
    <t>b'\xf1\xf1\x8e\x02\xf1\xef\xe3\x18\x9fE\xd1\x17\xf4BP4\x98\xac\xb3\xd1\tvn\xca\x0e\xe9\x89\xe8q\x8b\xb4\x19'</t>
  </si>
  <si>
    <t>b'@N\xd8m\xe6\xae(W\xe1\xe2\n4P\xfd\xc0\x1d\x10\xce\x8dwG\xe8\x1e\xa3:\xfc\x12m\x0eE\xa94'</t>
  </si>
  <si>
    <t>b"Qc]\xcc/\xc1\xe6Pa\xeb\x19\xa6(\x98\xdbT\xf9\xd1/G-\x8d'\x08f\r\x9es\x80\x0b$\x15"</t>
  </si>
  <si>
    <t>b'\x9e\xaf=\xd2\xef?\x1eW\x85\\xb``,j&amp;Y\xa5\xfa@\xa4\xd7\x8c\xf0\x8067O\xcc\xdcw'</t>
  </si>
  <si>
    <t>b'\xe7B\xd7|Aq\x0c\xe7\x9amo\x0e,0\xdd\xab\x80\xa90\xbf\xda\xbb\xd2\x02m\\)h\xedUj\r'</t>
  </si>
  <si>
    <t>b'6\xaa,u.\x1e+n\xaeS\x99\x7f\xf10;\xef\xb9V\xc3-\xfb:\x03\xf3\xab\xbb\x17\xdal\xf6\xc7\x1d'</t>
  </si>
  <si>
    <t>b'i\t-2b\xb7G\xd2_\xc98\xcd\x14\xeeJ\x12B\xad\xc644\x87&lt;\x97\xb9\x83\xaeWx\xc95\xe5'</t>
  </si>
  <si>
    <t>b'd\xad\xa9\x0b\xed\xbe\x12\x1fc\x7fH\xb7\x8e\x17\\\xff5#\xe6\x8a\xdf\xfd\xb2\xe7\xc5\x1a\xb2e\xe8,m"'</t>
  </si>
  <si>
    <t>b"0\xf2\xa4;'Z\xbb I\xb3y\xd1\xbe,&lt;\xef\xa0\x14QAT#S\xb1\xf6\x05\x07\xcc\xad\x9fa\xaf"</t>
  </si>
  <si>
    <t>b'wM|\x91"brO)Wh\x08\xbez\x8b"K\xb6\xcdU\xa4\xab\x96E$\xbe\xcc\x81\xc3D\xc8\xbf'</t>
  </si>
  <si>
    <t>b'N\xee\xd1\xefW"\x03\xa0\x19&lt;\x08\xfa\x83\x00\n\x8f+\xa8\x8b-\xe4&gt;\xdf&lt;S\xd4zO\xe5\xb3\xe4\xc8'</t>
  </si>
  <si>
    <t>b'\xe2~o\xd6\xa1\xa4\xedo^J\x9aO\xe30\xd6\xf6\xe2:o\x94\xe1\xef=\xd24\xd0\x91\x831\xeb\xf6E'</t>
  </si>
  <si>
    <t>b'm\x04l\xf0FH|/c\x8b\x90\x15`\xf9\xdf^\xf5$\xf2m\xf3\x8d\x92Y\xc5\xa4h\xa3\xcc?x\x9e'</t>
  </si>
  <si>
    <t>b'\x11.\xbd\xf6j\xdd5\x7f^\xa6\xf5\xd3\xe6&lt;\xa9\xd5\x05\xe8\x13\xd5\xca\x8f\xdca\x1446\x8ei\xee\xf1\xe9'</t>
  </si>
  <si>
    <t>b'/\xaa\x14\xb2\xa5\x9c\x84}\xa5"9\xff\xed\x0b\xba5\xdc\'u&gt;\t\xba\xad\xdb\xca\xe6\x19\x08&amp;\xd2S\xd6'</t>
  </si>
  <si>
    <t>b'\xbb\xa2&lt;r+\xdba\x8f\xe9\xa8\xb8(\xebR\xc7N\x16z\x8b\xd1\x99\xbb\x9e\x84\xf8\x19f\xa3#\xf3f\x8e'</t>
  </si>
  <si>
    <t>b'\x0bw\xbf\x10\xf2a\x90J\xa4\xc7z\xd8\xf9-\x10wcD\xa3\x11\x0c\x91qH\xf3\x90:\x1e\xd8,\x9f.'</t>
  </si>
  <si>
    <t>b'\x92\xd5PmKM\xccek\x90\x0c6\xd3\xd9Ur\xdf\x9cNc}Be\xfa)\xe6d\x9e\x1f\xd1\x0cf'</t>
  </si>
  <si>
    <t>b'\xf8=`\xd2\\\x85\xad\x9f"\xb0\xf0\xc8T \x99b\xc1\xa4\xc8\xe4\x13r_%\xca\x938\xf6^\xa15\xcf'</t>
  </si>
  <si>
    <t>b'4\x01"\xb0)\t\xb6-\x05\x1dX\xb3\x13\x0b=\xaa\x05\'\xfc\xe4h\xacH\xec\xf4\xbfYEl]\x95q'</t>
  </si>
  <si>
    <t>b'n\xad.\xefY)\x03\xe4g#{\x947%7\xc2\xdc\x97\x11\xe1\xb6\xaeRr\x91\x8d\xe2\xc5\xdc\x0c\xcdE'</t>
  </si>
  <si>
    <t>b"\xed\xa73.\xedf3\x945@Oz\xe4J}\x00i\xa7\x18\xfc+[\xf2Gv\xc9\xa4\x81'!+\xbc"</t>
  </si>
  <si>
    <t>b'W^;o7\xb4\x96\xd9\x0e1\\S8tI]\x10t\xf7\xbf[\x99\xaa\x95h\x12`\xd3\x84\xa812'</t>
  </si>
  <si>
    <t>b'\x87\xe3k\xfd)\xf8:\x8d\xa0Pa\xdd-\x8c\xf0\xee\x08\xf9\x0c=y\x9d\\\x10Dt\xa5d\x83\xc1\x92\x8d'</t>
  </si>
  <si>
    <t>b'\xcf\x7f\xefV\xbc\xbf\xb4K \xd3\xc8\xda\xf5~\x10\x91\xa8q\xe0\xd3\xaa3\x8c\x0bs\x9d\x14,B\xcaX\xc1'</t>
  </si>
  <si>
    <t>b'D\xe6\x91y\x84l\xed4)\x11f\x11\x9dV\x12\xa8\n\x19\x1e\x1f)3n\x87\xeeg\xc9UN^C\x99'</t>
  </si>
  <si>
    <t>b'A9\xee\x06KL^\xa1c\xce_\xd5\xc6\x11\xbak\xe30\xd3\x97lP\x87\xd7\xb6\xa0\xd6\xce\xae\xc9\xd0\xdf'</t>
  </si>
  <si>
    <t>b'\x8d\xa3\n\xc06\xa5\x11D\xf1\r\xbdIn\xa9\xcd\x90$\xd5\xb8 \x88\x97^\xf8\x8b\x0bF\x17\xf9S\xd8\xb1'</t>
  </si>
  <si>
    <t>b'&amp;o\xc5\x02\x05\xbb\x89\xf0\xc4\x9f\xb8\xc5\t{\xe1\xaeF.\xb7=\x11\xfa\x80sV\xfc6\xdd\x8e\xd3\xca\x13'</t>
  </si>
  <si>
    <t>b'\x05\xf3z\xf7\x10x\xcf\x0fW\x83]T\xab\xb7\xdf\xcc{\xe4\xd0\x905O$\x0c$T\x90\x1aXP\x82\xe8'</t>
  </si>
  <si>
    <t>b'\xf5\xe1\xc8:\x86\xa66bC\xf7\x1f\xce\xe0\x81\xd9\xec]\xd9L\xcf\xce\xd4\xc7\xd6\x87!a8/\x10\xe4\x04'</t>
  </si>
  <si>
    <t>b'\xf8CBQ\xbb&gt;,a8$\xb63.\xea\xe8\x85\x82\xd0D)\xb7\x9a\x93u\xda* \xa2\x00\xcb\xbf\x89'</t>
  </si>
  <si>
    <t>b'=\tjIuC\xbe\xf9C\n\xc46Zm+_=2,L\x83G\xaeBu[\xc3\xd7*w\xca\xe4'</t>
  </si>
  <si>
    <t>b'&gt;BJ\xa7\xe7\xc6h\xeaFZ\xa8\x87\xa4\xcc\xbc\x1d\xc2\x1d\xcc\x02]\xa8\xcd9\xc2\xad8\xb6\xfcBn\x95'</t>
  </si>
  <si>
    <t>b'\x97\x0fS{\xe8\\C\xda\x01\x94\x95\xc7\xdcPDB\x9ft\xfd\xf7\xf0\xc34\x1f+\xc3?\x01I\xe7\x97\x98'</t>
  </si>
  <si>
    <t>b'\xd5\x9f\xaa\xa3\x8aBzv\x843\xeb\xe6\xa9\xd3\xefWV\xf3\xec\xd9 \xd0\xc7o\xa3\xb2q\x8e}\x982\xce'</t>
  </si>
  <si>
    <t>b'\\1B\xec\xd9\xce\x88\xbeZ\xaa\xfc;\xd7qd\xdc\x83BWf7y\xb6MV\xe7\xc9\x91\xadYz\xb1'</t>
  </si>
  <si>
    <t>b'\x14\x0c,\xdd\xdf\xab\x19\xd3\xcc&amp;s\x8f\x9e\x0f\xda\x19\x906Wn&amp;\xdd\xce\x9f\xfe\xcbJq\x9b\x998\xd6'</t>
  </si>
  <si>
    <t>b'q;X8\xe3B\x83\x13\x01S\x112\x1c\x01q\xdd2\xda\xe9\x81\x9b9\x7f\xd55\xa2\x1f\x86v\xcadj'</t>
  </si>
  <si>
    <t>b'\xcf\x0f\xfc\x9aSL\x88e56\xa0\xdc\xda\x8a}&lt;\xf2\xb2\xb1\xcf\xf7\x81\xc5\xbe\xe7\xda\x18q\xba\xdc\xf4\x96'</t>
  </si>
  <si>
    <t>b'\xed\x89q4\xaf\xeb\xa4\xdf\xfd\x18T\xd1,(\x881\n\x91\xb4\xd8\x99[ebtu\xb2\xd2T\xbd\xf0T'</t>
  </si>
  <si>
    <t>b'\xda\xea,\xe5\x01\x9b\x9a,/W\xda\x1c]J\x0c\xf0d\xdaW=\xc8\xd9\xc0\xc6\x8d\xc0\xc0\x1d\x1d\xcd\x9a_'</t>
  </si>
  <si>
    <t>b'\x0f\x18\x8f&gt;#1-\xf0\x82\x7fr\x14\x1f\x19\xaa\xb4\x95\x1b\x1byk\xec\xa77\xc8&amp;\xa0\x82\x1f\x05\x94\x13'</t>
  </si>
  <si>
    <t>b'\x08\xe0\xed\x89X|\x1b\xca\x1eKu\xfb/\xff\r\x9c\x07499\xb7\xa6F\xb9\xaf\xe9\x9e\xaa\xce\n\xa9\xe1'</t>
  </si>
  <si>
    <t>b'\x15\x1fOE\xd3\xfa\xab\xc4\xd1j)\xf1Gf\x9f\x97\x8cj\x87\x1d\xc1\x18Of\xab\xc7\xd6\xdd\x91\xe9#G'</t>
  </si>
  <si>
    <t>b'\xf3f\x0c_\xfbn\xee\xe7\x10\xc1\xdf\x834\xfet\x0c&lt;9\xf6K\xa7\x99d\xb3\x08\x18\x88\xfd\x17x\xc8\xc9'</t>
  </si>
  <si>
    <t>b'V\xc1Nm&gt;&amp;F\xa1\x90\x8e_k\x8c\r\xd1\xc7\x1c\x1f\xb8\x1b3\x8f\\\x19 Dx\xafR\x0c2\x13'</t>
  </si>
  <si>
    <t>b'\x17:\x053w\xb6\xaa6#~O\\4&gt;\xa0\xdapd\xe05\xe6]\x87\x1eg\xce$\xe0\x05\xbf&lt;\xc8'</t>
  </si>
  <si>
    <t>b'\x1a;/\x1d \x9c/\xec\xd3f-\xcc\xc4e\xe2I\xe5\x99J\xf1`\x8b\x07\x8cV\t\xe8\x05\xad,\xc0e'</t>
  </si>
  <si>
    <t>b'P\xdc\x11uy@i/\x98\xdb\xdb\xb9\xb52!\x92L{\x851\x7fa\xc8=\x9cP\x15\x0f\x12+\x0f\xd6'</t>
  </si>
  <si>
    <t>b'\\\xbdQK^\x1f\xf7\x1f\xf4+\x86\xa3\x9f\x15\xe8\xa3"\xf8u#\xa4\xeb7ij\x08F\x89\xedk\x17\x8e'</t>
  </si>
  <si>
    <t>b'YJ54w\x00\xa7Z=\x14\xbfO\xf51\xe5\x1f\\\xb8\x18\x0c\xa2}j\xd5\x0eoI\x0c\xdd2\x8eU'</t>
  </si>
  <si>
    <t>b'9\xcf\x1b\xd2\xa1\x02$\x85p\xe8\x1c\x99\xfb\x9b\xecF&amp;\x0b\x15l\xbb\xb4\xbac\x16&lt;^\x84\xab\xd4\xad^'</t>
  </si>
  <si>
    <t>b'XRX\xa0m\xe9\xa9\x85\x8c\x12b/&lt;h\x03\xb2\xcc\xdd\xf5\x8dv\xc1g\x97/e\x8a\x10\xbd]\xbfi'</t>
  </si>
  <si>
    <t>b'\x96\xcae\xa5\xad+\x99\xca\xac\x19\x10\xa7u\x8f\x031=\xb4\xb9\xb9\xabv\xe7%\xf16\xb26\xf4\x88%\xf5'</t>
  </si>
  <si>
    <t>b'\x91\x8f\x83\x93@b\xba\xc9\xd6\x03-tiZ\xab\x83\xca\xde\x1d\xb9\x19\xffS\x8bp\xbf%\xc2\xbb\x9d\x14)'</t>
  </si>
  <si>
    <t>b'|\xbb1\xbb\xc2\x83(]|\xcd\xef\x00\xa3P\xf6G\xc8\x98\xf3\x9aE\n\x8aT\xe8\x99\xa9\xdf&amp;7y\x10'</t>
  </si>
  <si>
    <t>b'n\xa0X\x0e \xc3n\xcdY\xb2\xa1N\xf7\xdb\xbfe\x05`e\x9e\xd4o\x85\xec|\x99\xadj\xf3\x95\x15\x9d'</t>
  </si>
  <si>
    <t>b'\x9d\xd7]\x05\xe4\xd2:\x80\x17\xd57)+8!\xfch\xd6\xc4\x11M,\xa9\x18\xce= b\x05}bJ'</t>
  </si>
  <si>
    <t>b'\x96\x14\x96\xaf\xad\xf8\x9f/\nB#\xe0\x9f\xedI\xdaz\xcf\xf3~\xb0\xb9lK\x16A\x15w1\x85\xcf\xb7'</t>
  </si>
  <si>
    <t>b'H\xf4\xbc\x95\xf6\x0b\x08E\xbe3\x00\x96\x87\xfe\x82F\x81a\xb2\x04Tl&gt;\x05??m\x9e\xf7\x92FC'</t>
  </si>
  <si>
    <t>b'x\xd49\x88\xaa\xdc77\x83\r\xa6\x8c\xb1\xa3\x17\n\x11s\x19\x04\xbf:d=\xdf\x9f\xdf\xfc\xdb\x94\xee\xe6'</t>
  </si>
  <si>
    <t>b'\x87`\x90\xf8\x88\x91\xb4\xc8s\xaexH\x1e\xd9-\xf7\xf0C%\xc2\r\x92\xac\x7f\xc3\x9c\x06\x03I\x0f\x90\xf6'</t>
  </si>
  <si>
    <t>b"\xd1\xb7\xa4\x85g\xdd*\x15?\xe9'-\xac^\xaeV\x1d\x17\xb5\xc9*\xd0z\x81\xc1Ii\xb3\xc7\xb0\xb3\xb9"</t>
  </si>
  <si>
    <t>b'\x0c\xd9\x03\xeb\x92\x91\x0fL\xd2W\x10\xcd"\xb7%*\xf2\x88\xe4\x00\x84\xad\x0eC\xd6\xfe\x86\x0c9\xff:\xd9'</t>
  </si>
  <si>
    <t>b'\x03\xb4\xc3y\xabn\xa5b\x8e\x05\xa9\x0ee\xf2K\xb1\x14g\xdd\x93\x14\x05\x9beT\x9f\xedL\x89^\x16!'</t>
  </si>
  <si>
    <t>b'\xce,jm\x9c\xff\xb8\xce\x01\xd1)\xb4Oq\x1b\x12\xe5^W\xbc\x10\xcdg\x89c\x85\x96\x19W\xba\x89h'</t>
  </si>
  <si>
    <t>b'\x12\x94\xbd%\x9f\x99\x96U\x13\xc0x\t?I\xcbe\x92\x06\xf7&amp;,\xfe\xba.\x99X\x11\xb8~\xa8\xbf\x81'</t>
  </si>
  <si>
    <t>b' \xdd*\xf6\x98\xc8"Y\xba&lt;|\xff\xd2-I\xe4\xb8//\xe9\xa1\xde\xe9\xc1\xbb\xc0\xcc\x81\x14\xffy\x9d'</t>
  </si>
  <si>
    <t>b'+aS\xbf#\xb9\x19\xe9\x1bB\xe9i\x07n\x89\x8c\x0f]r\xbe\xd8\xa2QS\x96\x08\x07\xb5\x0e\x13\x8c\t'</t>
  </si>
  <si>
    <t>b'\x85\xe9U\xee\x04\x913x\x95\xe3C\x8a\xc7\x84&gt;\xeeXc\x08\x1e\x81A\xf5\xca\xac-0\xb9W\xc9\xe5\xa0'</t>
  </si>
  <si>
    <t>b'\xd30!x\xe2gQ\x0e\xd4\xa3I\xef\xeb\x81w\xdeI\xe7\xe6\x1f\x18\x94\x13\xe2\xc5\xaf\xfd\x10V\xc4\xfc&gt;'</t>
  </si>
  <si>
    <t>b'7ue\x11vQ\xa8\xa1#"\x8f\xb6\t\xa7a\x85O/\rD\xaa Y\xae\xf7\xbd5\xf5)\x8fF]'</t>
  </si>
  <si>
    <t>b'\xab^\xa8\x95\xe2\xab\xe5\xb5?\xfbfG^\xb8\xb2M\xc2\xf5j-jN\xcc\x9fv\xa5\x95\xfbF@\x03\xe5'</t>
  </si>
  <si>
    <t>b";\xe9f\x13J\x0ce\x96\xccZ'\xdc\x1e\x19,\xc2{m\xca\xd88\xae\x7fd\x91\x0f\xd8%V\x9b\x88\xe1"</t>
  </si>
  <si>
    <t>b'o&lt;8\x98\xd8=\xafU\x95\xcf{\xfch\xad\xf9J-]\xf8\xb7f\xecQG\xd0\x97b\xb0:\xa8\xe5\xb7'</t>
  </si>
  <si>
    <t>b'\x9e\xf8,\xa1\xcc\xa6\xe4\xb9\x8c\xa0\xe4\xbd\xac\xa2\x1b\xd1\xa5c{\x83\xf0\xc7\x9d\x88\xa8T\x16\xbeZJ\x8f\x1f'</t>
  </si>
  <si>
    <t>b'\x00~|\x97BvV\xf4\x16\x8d\xf7\xab\x9c\xa8\xc0\x17\\\xbc*&amp;\x9b\x11{\x996\x97\x96;oLE\xf5'</t>
  </si>
  <si>
    <t>b'\x8b\x0e\xe4\xe3\x0e\xa3\x8ali\xc7\x073\x1f\xa2\x18\x8e8\x17\xa8[\x85\xd3\xbdXj\xbd\xbe\xc2ceDz'</t>
  </si>
  <si>
    <t>b"\x10\xb5\x99E\x9f\xf8j\xc5\xcf\xf9\x96\xfc\xc2\xabnA\x10\x18\x1b\xaa\x0b\xa0$\x93W\x0e\x9d\xcb'\xc2^\x9e"</t>
  </si>
  <si>
    <t>b'{TFL\x88\xe3\x01\xd9\t\xc3BGWo\xec\xf5Lj\xfa\x80z\xae\xace\x94\x9e\x81\xf2\xd8\xd4\xac\xdb'</t>
  </si>
  <si>
    <t>b'\x8c\xa3\xbf\xc2QR\xfd\xad\xa2j\x86\xe1\x99\n\xa9\x8d\xe3k\x0b\xb0\xcb\x13\xba\xdfU\x8c\xed\xb5Z\x83F\xb0'</t>
  </si>
  <si>
    <t>b'\xa6n\xfdz\xc9I\xa1\t\x17r\x85\xa7\xde\xe9A\xc6\xd11\x89}$H\x9aO\xa9uX\x07\x80l\xf8R'</t>
  </si>
  <si>
    <t>b'Lv\x9c\x10}\xdf\x98e\xd0&gt;\xbc\xa6C\xbfP\x1c\xa9iL \xa9\xae\x99[\xae\xbe\x92&gt;\xc1\xf6\xf5O'</t>
  </si>
  <si>
    <t>b'm\xdd\xee\xea\xbal6V\xee\xae\xb8\x8a\xb4\n\xc8\x06\xb1f\x16\xbc\xd5"k;M\xad\x12l\xe3\xfd\xf0\xea'</t>
  </si>
  <si>
    <t>b')\x8cw\n\x9al\x07\xd0\x87\xeb\x0e\x89\x99\x19u \xe0\xd1T\xa9\xf27j\xfcI\xaf\x00\x0bK\x19J\xba'</t>
  </si>
  <si>
    <t>b'\xc3\xc4\x1c\x05\xf2\x92\x9eG{Fr)\x00\x97c\x05\x103\xacRk\x87t\x1fzW\x9c\xad\x85m&lt;\xcd'</t>
  </si>
  <si>
    <t>b'\xb4\x08\x89\xbam\x87fT)\xe5\x05!\x96\x0b\xf9l\xed\xaa\x8a\xbb\x15W\xd0\xde\x02\x11Z\x97\xeavZD'</t>
  </si>
  <si>
    <t>b'\xb2\xdaV\xea\xc3\xf4\xf5\xd5\xfbgJrV\xfc\xd5g\x8e&amp;\x00\x10U;]L\xb4&amp;?N\x88+\x13\xa8'</t>
  </si>
  <si>
    <t>b'H\x85V\r\xb3r\x1a4\\@\xd6\x0b\x9d2Q\t\x1a\x19k\x95(6\xd2\xeezd6V\xcbi3/'</t>
  </si>
  <si>
    <t>b'+y\xbe\xd2FE\x9a\x15W\x16\xb4\x10&amp;\xbe\x86\x96\xb7\xee\x1e6aT\x04\xda\x83pM\xac\xad\xff\x16\xca'</t>
  </si>
  <si>
    <t>b'm\xccEu\x1c\xd4\xd3\xcc\x93\xd4hV\x14O\n+m\x1b\x1f\x14\x8e\xd9\xf1\rgE\xf2\x01\xfd\x99\xa7\xb0'</t>
  </si>
  <si>
    <t>b'\xfb\x1c\xf27\x8f}L\xa7\xa7f}\xbe\xabj\xb6\x93\xdd\xd7\x17[!:^y\xde\x95k\xd5\x83\xe7j\x0b'</t>
  </si>
  <si>
    <t>b"\x83\x8cPk\x85\x03\x03s\xc80&amp;\xb2\xb5\xc1\x00'\xd1\xf7\xbd\xaf\xac\xb4\x17\xbc.\xcc\xab\x10\xfb1\xa4\xb1"</t>
  </si>
  <si>
    <t>b'*\x9d%[`\xd0\x91&amp;m\xcc\xa1\xd0Nka\xbe8\xcby_\x01\x06\xb2c\xfcO\xdc\xff\xaa\xbb\r\x86'</t>
  </si>
  <si>
    <t>b'&gt;h\xb4\xac\x1e\x12K\xec\x07\x9e\xd7Q\x80k\x83\x98#vyFp\xaaJ\xdf\x00+\xe4\xe8apD['</t>
  </si>
  <si>
    <t>b'\x9f\xcax\xeb\x92\xddO\xc1#\x81\xcf\x12\xa2\xf9\x0b\xd5;\xc4\xebPs(a\xaa7\xceD\xacc\x17\xd0\xf4'</t>
  </si>
  <si>
    <t>b'\x9f\xea~U\x07\x9d\xf0\xbf\x9a\xf4\xc3\xe7\x8a\x97\xa7\xd9\xd1\xa9\x1fg\xe12\x1bD\xa7F\x89y\x9bz\x08\xc5'</t>
  </si>
  <si>
    <t>b'\x01\xe39\xe8\xd4\xa8n\x97\x94\xf0\x05\x0b}\xa3G\x89Y\xc3Ev6D;\x14\xf2\xbc\xc6n0\xb4\n\x18'</t>
  </si>
  <si>
    <t>b'\x02\xbc\x91\x8b\xf9\xf3\xfe\xde&gt;\xe7\x7fh=\x80\xc4\xea,PL\x07\xc9\x7fsglN \xd7\xe9o\x12\xab'</t>
  </si>
  <si>
    <t>b'GCD\xd7K\xabxI\xb5\xfdm\xaa\x86\xa0$$\x08\x12RBlf9\x9c\x1e\xa9\x88\xe3`n\xdb\x96'</t>
  </si>
  <si>
    <t>b"'~K9\xdc\xab\x1d`#-\x01\xbb\x17sJ\xdd[\x8eQi\x06\xe9V\x8d\x93k(\x95\x18\x12 N"</t>
  </si>
  <si>
    <t>b'(^\xa2r\xfe\n\xbe\x83\xd9\xdc\xd0\x16\xd5I\xf9\xbek\x00\xe4g\xa7\xca\xb0I\xfe6G\xd7#\xdfm\x07'</t>
  </si>
  <si>
    <t>b'\xd9\xf6\xd1\xf7@\x95((\xc3V[\x8e\x85\xcf\x81\xc1\x8dk!\x88,\xe5\t\xf1dLSH\x85\x9d\xb9\x81'</t>
  </si>
  <si>
    <t>b'f\x0b#\xbdT\xfaZ#\xe1\x86\xe0(\xf7R\x0bbm\xf3]\x06C\xb0hl\xce)\xa0\xbc\x0c\xfb6\x84'</t>
  </si>
  <si>
    <t>b'\xfeR\x1b+o\\;\x7f\x87R\xa2)\xf9\xe23\x86\xa5\xdbO\t\x8d\xe3\xf9.\x89[\xd0\xae\x8e\xdc\x04S'</t>
  </si>
  <si>
    <t>b'\xcc\x03\x04^\xca\xdb\xe2\xa7F?\x7f\x9f$\x91\xbe\xeb\\\x14Nw8qLE\xa6\xcc\xe5\x91r\x8b\xf0\xaf'</t>
  </si>
  <si>
    <t>b'[\x9bD$q\xb9\xab\xc7C\xadm\x94\x18\xa0\x7fa\x1cD\xce&amp;\xdd&amp;(\xcc,D\xffL8&amp;G/'</t>
  </si>
  <si>
    <t>b'n\xe3\xad\xaa\x10\xd3\xbc4P\x95\x9b\xb9\x1a\xb1\x99g\xe7f\x92\x01\xa4\xedn\xd2W\xb3"\xa54\x9dD\xe7'</t>
  </si>
  <si>
    <t>b'u\x87O*\xa5\xdfG\xd0\xaf\xc2\x8b5\n\xc7\xbd\xd3\x14w\xc71\xf5\xb3T\x81\x8db\xf0+\xc4vNR'</t>
  </si>
  <si>
    <t>b'6\r\x83\xa9W\xf3&amp;\xdb\x19Z\x04$\x9cX\xce@C\xc9\x1f\xc1\x15\xe8(\xde\xde\xd0\xf7\x15\x12\x11A\x9e'</t>
  </si>
  <si>
    <t>b'\x1d,\xfa\xc6\x0f\x16\xe0\x9b\xd9E\xc6+\x08i\x18\xd0\xd8\x0b\xf8 FYi\xf4\xe4\xf6\x03\x08d\x86\xfd\xaa'</t>
  </si>
  <si>
    <t>b'\x99\xff\x91\xf65\x8bt\x9fp\xc1\x14\xbd\xf3\x02\x19\xb8\xd9\xc9.\xa9\xf2\xce\x004:i\xd0v\xa9\x1a\x1e\x0b'</t>
  </si>
  <si>
    <t>b'.|\xc6\xce\x8ec\xebT\\\xe3\x84K\x1a\xc4\xc9V\xd4\x13C\xc8\xbb\xcd\xb9\xe9\x8e\xf0\xcc\x8cj\xbcDC'</t>
  </si>
  <si>
    <t>b'\xbdJ\x8e\xfc\xb5`zN^\xe8\xf2g\xfa\x9f;\x88\xa4\x00\x881\xbf\x85f\xe3\x1f\x07\xd9P\xadgT-'</t>
  </si>
  <si>
    <t>b'\xb3u\x01\xafn\x80\xf2z\xafI\xfc\xbc\x18J\x0b\xec\xae\xf2\x8d\x95V!\x07&amp;\xb8\xd9\xe3+:\xaa\xac\xfd'</t>
  </si>
  <si>
    <t>b'\xdb\xc9\x1f1&lt;\xd2\xcdM\xa0\x1ef|h6\x1ef2N\xf5\xed\x96\xd1\xbc!h\x91\xbf\xb5\x1e]!3'</t>
  </si>
  <si>
    <t>b'{z-q)\xbc|x\xadPZz\xe1\x0c,e\xee\xfe\xe3\x05u\x00\xb6}=\x96*\xb3+X\xad\xac'</t>
  </si>
  <si>
    <t>b'I\rf|\x94\xc0lw\xf6u\x10\x80\xba\xc2]\xd6\xa0\xfa&gt;\xa6i\xc0\x7fx@\x8b\xe2\xed"X\xf9\xdb'</t>
  </si>
  <si>
    <t>b'\xc9\xe0X\xf4R/^\xdcr\t\xcc\xad\xfe!\xf7&lt;\xabC\xeb\xf4\x8e\x9a7\xa2\xb2/\x9a\x19\x8aU\xb6\x87'</t>
  </si>
  <si>
    <t>b'\xc4\n[wXA\xd4\x12\xff\xfas\x94\xc2R]\xe5\x90\x9e~\xb2\xb8\xb9r&gt;8\x96\x16\xdf\x1a\x04?\xdb'</t>
  </si>
  <si>
    <t>b'\n\x8f\x0e\x7f\xe5\x0c\x84\xaa\xf9\xaeLe\xf0\x06\x87RG\x8c\\\xc0\x1aea\xba:\x1b\x99j\x8a\x95\xb4\x17'</t>
  </si>
  <si>
    <t>b'\xf3\x04\xe3\xfa\x0b"\x8eT\xb7O\x11\xa3\xba\xf1\x06\xe5\xbe\x80\x83X\x1eKU\x95\n\xa6=a\x8f\xb0\xc7\xee'</t>
  </si>
  <si>
    <t>b'`\x98&amp;\xb0m\x90\xfe\x03\xd4\xae\x16[\xf3\xd4a\x8a\xdf\x1a\x9cn\x03\xb1\xca\r\xbd7f\x1b\xda[\x0b\xe0'</t>
  </si>
  <si>
    <t>b'\xa23Zsw\xc59\xf7_\xfeK\x11-\xf2\x16\x88\xa1\xbco\x0fE\x99T5\xd0}*\xeb\x97\x13\xde\x94'</t>
  </si>
  <si>
    <t>b'38\x95j\xef(\x87o\xa6\xf2\x18;\xf90\xb0~\x8e\x91\xd1\xb0\x0eP\xc1\xc1\xcb\xb7\xdc\xec\x18Z\xfb\x7f'</t>
  </si>
  <si>
    <t>b'\xd5\x07:\x05&gt;w\xaek9\xe6\xd1\xc6\x18Q\x89\x07b\xd2\xdc\xba\xe3\x93\xa8\xa1\xcc\x90\xa8\xe5\x92\x82\x82\xa1'</t>
  </si>
  <si>
    <t>b'rJg\x03\x07g\xab\xab\xe6\xe0\xdc\x08\x95\x95\xd8\xc8\x17\xdc3\x0e\xf4\xbe\xc8\xfc\xdf\xe0t\xdc\x12\xcb9\r'</t>
  </si>
  <si>
    <t>b'5\xc8\xf7\x86\xa6\x1f\xbb\x11=\x94oR\xdf\xd1\xf5\x00\x01\xa8\xab\x96\x99\xd8\x8b\xfe\xf7G\x8c-Ol\xcf\xb4'</t>
  </si>
  <si>
    <t>b'\x94\xf7\xfc\xdd\xf8\x95UrP0\xe9~\x8e\xe0Yq)&gt;&gt;\x94&amp;\xb5\xb4\xe8\x8d#\xcav\xea\xa4\xf0\x8d'</t>
  </si>
  <si>
    <t>b'\xc1mh\xde\xb7\xc6@U|\xdfM\x90\xc3\xb1e\xd8K\x01%\xf9\xc2g\xed\xd9\n\xdcs\x07S\xaej\xec'</t>
  </si>
  <si>
    <t>b'&lt;\x84\xc2\x14\xcas\xa6\x85\x0f7+_c\x8f\x95\x84\xc8\xe1\x82\x12\x90\x89\xb6=1\x85u\x80\x96\x80\xd76'</t>
  </si>
  <si>
    <t>b'\x8d\xc3#\xd9\x9ak!\xf21 \xf1\xaf\x04G\xf5\x17ok\x0c\xedf\x08m_E\x95\xf0\x9dU+\x8aM'</t>
  </si>
  <si>
    <t>b'\x13\x9cX6:\xef\rY\xd3\xbfgDp\x91Mp\xd7D\x1fUD\x05-\xd3\xd3\xe8\xb2%\xa1|\xd5\xdb'</t>
  </si>
  <si>
    <t>b'\xde@\xc6#&lt;\xcbE\xe2ewy\x01~*|\xf4\xc6\xf7\xb4\x03\xc6i\xea\t\xa3w\xf1j\t\x1d\x17\xee'</t>
  </si>
  <si>
    <t>b"/+JU.\xfe\xa3\x97\x13V'\x9e\x07J\xea\xb6\x00X\xe1\xb4\xb7\xf3$\xed\xc9\xa5\xae\xac\xd0\xccV\xf3"</t>
  </si>
  <si>
    <t>b"\x05\x98\xa6\xe3\xde\xac\xf5\xeci\x91\xfa&amp;g\xa5\xe4\xef'\x19\x10f\rX\x1a\xe7/d\xf0\xf6\x08\xf1.S"</t>
  </si>
  <si>
    <t>b'\xdf\xe5\xa7\x82\x9b\x8e\xf5\xabm;\xf4\x19\xf2\x0e\x90\xc94CO\xef\xce\xc6j@N\x00\xdfB\x8ak9\xed'</t>
  </si>
  <si>
    <t>b'\r\xcd\xd0\x91\x04,i\x12\x06\x0e\xf5`\x1a\xf6\xfa\x1e&amp;%\xbb\xed\x0f\x01\x11\xd4\x8f2\xcb\xd62\xcc )'</t>
  </si>
  <si>
    <t>b'S\x99|\xa7L1\x1f\x84\xc4\x125F\xdbyG\xc0/\xd5\xaa\xd5\x08\x96\x1c\x94L\xf5\xf9\xe4\xc1\x10&amp;D'</t>
  </si>
  <si>
    <t>b'_\xa2F\x1aAR\x12]\xac\x14\x8d\x8c{Q\xb1^hk,\xae\xeb\xe9\x8b.\xd5]{T0\xd8R\xc0'</t>
  </si>
  <si>
    <t>b'\xd4\xa7.\xab&gt;\x96g\xf1\xe2\xcb\xdd\x9d\xa0k\x9b\x92B\xf9\x00\xd6\xa5\x85\xcd\xe4"rz\xfd\xad4\xee\x16'</t>
  </si>
  <si>
    <t>b'4!\xe7r\x01\xb4\xb3\xcf\xeb\xb4\x0f\x932\xbc\xb1\xdd\x96\xe0\x0eo\xbc\xaa#\xdb\xbfV\x80o"YF\xde'</t>
  </si>
  <si>
    <t>b'\xd1\xfc\x18\xd2\xc6\xb6\xb5b\x17\x04\x1f\xe61.\xa8W\xb6\xca\xb8\xe1u\xe6d\x97\xf9\xc5\x0bO\xb5jU\xbd'</t>
  </si>
  <si>
    <t>b'\xda\xdatv\xb1\xc3\x9f\x1a\xb4X\xf7\xa3R\t51{n\xea\x06\x1d\xba\xd2\xc9\xef[\x94\xad\x10\x03m&lt;'</t>
  </si>
  <si>
    <t>b'\xd6c\xa8+u\xc31N)\xa9e\x8b\xfc,y\xde\xfa\x04\xe7\xb8\x01\x84\x9b\x1b \xb7\x957M\xe1AZ'</t>
  </si>
  <si>
    <t>b'\x9f\xf0\x1bbD\x98\x9b\xa0\x1fL\xae\x06\xd8\xd7\xdd\xfaD\x9aD~kH+\xe4\x9d\xa6e"\x1e\xdf\xd8\xd4'</t>
  </si>
  <si>
    <t>b'\x1e&lt;^\x17|\xacw\xf5\xe81\xd6sa(X\x9c~D\xcc6\xe3as\xee\x9c\x07.R(\xaa\xdfA'</t>
  </si>
  <si>
    <t>b'*8\xd6\xae\xf2x{\xbb\x16\xad$\x124F\xbe\xb4\x8ex\xfa`\x8a@\xba\xe3\xf0\xfdaq\x89&amp;$\xc1'</t>
  </si>
  <si>
    <t>b')\xc9\xc8\x83\x81+\xab\xa7\xe7V8\x99r\xf3\xc0@~\t/,\xda\xe1\xaf\nO\x87\xd4\xbc\x1c\xec\\}'</t>
  </si>
  <si>
    <t>b'\xfaY\xc5\x81\xf1\xc4Cv\xd4[\x8a(Vj\xd8^_\xf5A\xe2\xeb\x8a\x08f|E@E\xfc\xc44K'</t>
  </si>
  <si>
    <t>b'\xa5+0\x80\x94\xb7\xfe\x85\xb4\x80\x1c\xd0[\xa4\xbfz\xf45_r\xbb\xd2\x0e\x99\xf2\xb9\x18#C*3\xd2'</t>
  </si>
  <si>
    <t>b'\xeb\x9f\x00\xf6\xdbq\x88\xcdb\x0f\xde\x9dN4\xbcS\x971AhKj\x1bT\x9eF\xdfb$)R8'</t>
  </si>
  <si>
    <t>b"\xdd\x7f\xf8\xd3\x19&gt;t\xa5p\xfe\r\x87{Km\xb1\xed\xff\xc73qsp'6a\xc9\x05\xf3\xd8Hh"</t>
  </si>
  <si>
    <t>b'#\xe5\xf1\xb2\xc8\xb0\xd8\xa1|+\xe1L\xad\xe1&gt;\xf1\x08\x95-\xb1v\x0b\x99\xca\x17e$@\xe3\x9fWk'</t>
  </si>
  <si>
    <t>b'i\xad|\x9f\xd6t\xa6\x03\x1d|\x81\xb7\xe74Dz\x04\xc3\x97\xe24\x9b;?\xc3\xf0\x9e\x10(3q\xf4'</t>
  </si>
  <si>
    <t>b'\xf9\xff\x8f\xfd\xe1\x00\xf5&amp;X\xb5\xff\xeaB\xb3y\x92g\x1f\x8a}?\xe2\x0b]\x03GW\xc7u\x01\x1a\x16'</t>
  </si>
  <si>
    <t>b'}\x12Tk}\xdff\xcd\xfe^ky\xb8\xfa\xe2\xda\x9f\xb2f\xaf\xf0U\xdb9;\xa0(GP\xe3\xfa@'</t>
  </si>
  <si>
    <t>b'3)i \xad\xf4*2\xe2\xfbt\x8a@\xfdzG\x11\x06\xdc\x90B`\xa6\xc8j\x14\xac\xfa\xf6\x7fz3'</t>
  </si>
  <si>
    <t>b'\x1a\xf3RZ\xe2\x8f}N\xb5\xc4\xf3\xfd\x18\xce\xd6\x93\x88\xb1APzn\x06az6\x05\rT~iL'</t>
  </si>
  <si>
    <t>b'\xa7\xebR!\xb8\xb2\x07\x8cCz\xfb\x17$7[\xc1\x05\tQ\xc1\x12\n(\xc4o\xa3\xa3\x98\x7f\xd4i\x10'</t>
  </si>
  <si>
    <t>b'V%l\x0f\x1f\xc0\xd9\x1axc\xb4\x14\xce1\xb9+7\x93\xa8\xb6&gt;\xeb\xa0\xcd)\xfb\xc2\xbb\xeauE\x11'</t>
  </si>
  <si>
    <t>b"\x04\xa5\x92\x85U\xdem\x86&gt;\xc2M\xc6\xf6\xa7\x83\xc7[\x16k\xf0\x8e2B~D&lt;_'l\x11!\xf8"</t>
  </si>
  <si>
    <t>b'"`*\xf4\xc2\x99\xc0\x84\x99\x90\xf2Qv\xf4\tG\xd6\xe7\xaf\x90\xacL\x1e\xe1E\xa0\xc1u\x1f\xff\x06\xaa'</t>
  </si>
  <si>
    <t>b'\x07\xe3\xc6\xe7\x85\x13r\xcb\xe5\x07\x84Tme\xc9Y\xb5\x05)b-\x9d\x80LvS1\nT\xb7{h'</t>
  </si>
  <si>
    <t>b'2\x99\xa8\xf1\xcfQ\xf6zW\x854\x0eH\x89\xe4(\x0c\xff\xb4\x1bi\xa2%\x85\xeb-7\x07\xc0Q\x9a&lt;'</t>
  </si>
  <si>
    <t>b';\x92$tt=\xb1\xed\xb1AM\x1c\xb8[S\x1a\xc6\xb2\x1a\xc7\xbe\xce\x10\x7fh\x00\x9a\xd0:\xd4_\xa4'</t>
  </si>
  <si>
    <t>b'e\xd0\xea\xf5\x1b\xe0\xe7\xe5\xa9\x804H\xd1\x11\xaeY9c\xdc\xd8\r\xe7\x07?\xe1\x1dx\x9f\xdb\xa5YQ'</t>
  </si>
  <si>
    <t>b'\xac\xcf*E\xc1S\xb3\xea\xa9\xe2\\\xf9=s3\x1b\x9d\xd9\x93\xf0\xfe\x1e\xf1\xd2\x15&lt;\xe3x\x96,\xf9\xcd'</t>
  </si>
  <si>
    <t>b'"\x1c|\xe0(\x12\xb4\xcdTS\x8c\xf8\x9dD\xedKR\xde\x06s\xaa\xfc\x9b\x80H\x0e+\xa1k\xeaP\xf9'</t>
  </si>
  <si>
    <t>b'\x81\xc6\x19\xa4\x023\xf2\xeb\x91V\x88 \xf5x&gt;}\xc3\xc5\xa7\xabO\xa0\xa0\x0f0\x156H.Xq*'</t>
  </si>
  <si>
    <t>b'\xbf\xed\x1eVe\x8a\x1c\xc8\xcbw\xf6\xe9\x1f\xd9\xcc\xff\xf5\xd5\xe6Y7t}\x0cc\xa7zXo\xe7`p'</t>
  </si>
  <si>
    <t>b'\xe83D4\n;\xfd\xc2+\x98w\xc6WQ\x1c\x10\x95I\xb8\x9f\xf0\xa1$\xb6(\x110\xe6\xe3M\x1b\xfe'</t>
  </si>
  <si>
    <t>b'\xe0\xdat\x1e\x14\xb1\x07\xd9,\x07\x0f\xc4\xe0\xe5\x0ep\xcb\xc0\x1f\x82\xb7O\x15\x8e\x8a\xdc\x02J^\x0fn\x16'</t>
  </si>
  <si>
    <t>b"\xe16\x196\xc2\xc7Nqw\xf3\x19\xd3\xc0\x05\xf7\x96'o\x93\x17\xde\x81\x10\x9f\xbd\xfe\x94m\xc6h\xe8\x07"</t>
  </si>
  <si>
    <t>b'U\x88\xf5\xfa5\xff\xbb\x9d\x95\x89\xc9~\x9aIQ!\x81l\xdd\xa9\xb9\x9a8\x1cdn\x04\xd1W\xa9\x8fE'</t>
  </si>
  <si>
    <t>b'\xf2\xbc\xaf\x0fIfi\xcc\xb2\xb05r\xb3\xde&amp;\xb2\xcf\x97\\\xa3\x85u%Eq\xe2\x83G\xfd\xb8&gt;t'</t>
  </si>
  <si>
    <t>b'\x8a\xaa\r\xc4\x9e-\xe5~\x9cg\xfcx=\xbfv\xde\xbf\x02e{I\xa4\xee&amp;\xa6\xb8\xdd\xecw\x88\xfb\xb0'</t>
  </si>
  <si>
    <t>b'\xfd\xf7\x98\x86\xcf\xfc\xfc\xa1\x8cA\xbe#\xbd\xe6\x95hY\x0ej\x10\xc6\xf3!\x1e\xeb\xff\xd5\x04\x06\xda\xaa#'</t>
  </si>
  <si>
    <t>b'\xb6r78R\xbb\xabF\x92h#Nc\xa3\xf1\xdf\xb3:MBv\xef\xf1\xc2X\x18\xcc{\xb6\x99\xf4-'</t>
  </si>
  <si>
    <t>b'\x10_P\xa2\xf6\xf9\xb0\xd8\x07\xea\xa0d\xaf\x1a\x8e\xa1\r\xda\xd1#\x9e3&gt;\xab\xeaN\xb3\x1eB\xac\xa7\xde'</t>
  </si>
  <si>
    <t>b'\x8f\xd9`s\n\x81\xfff\xf9\xdb\x13\x92\x84;o\xb2k\x14\xb8Z\x9f[{\x04\xa7\x14\xaf\x11p&amp;\xdf-'</t>
  </si>
  <si>
    <t>b'\x1a\xdc\x10\xcd\xfe\xf6c\x00\xf3%K{\x0f\xf6}nD?\x84\x0c\\fl\xc7\xa15\xd8\x12\xaa\xbdM\x9a'</t>
  </si>
  <si>
    <t>b' x\xc7AH\xf4\xcb\x06\x8d\xb3\xd0#+i\xd4F\xf76\x047\xe7m\xd2AZT\xf6\xdf\x9f\xc4\xee\x02'</t>
  </si>
  <si>
    <t>b"\xe8d\xb1\xee\xc2\xf9\x8f\x91\xc25\x92\xd8'Uy\x88\x1b\r\x07H\xbc:e\xd7\xc3\xf9\xd8\x8d\x1c\x89\x04\x12"</t>
  </si>
  <si>
    <t>b'\xe2\xfd\xfe\xd0\x83\x83\xc2W\x03\x11\x8a\xb2\x90\xca^)\xd2\x8c?;A\xd0\xa0\xb9\x8b\xc6\xc4\xbd\xd6),o'</t>
  </si>
  <si>
    <t>b'\xca_\x8c[\xd9\xe9%\x8a\x14\xf1&lt;x\xe3(\xbb\x19!(\x7f\xb4\xbb0\x10f\xa9\xc6\x1c\x12\xee\xd1\xa2\x95'</t>
  </si>
  <si>
    <t>b'\xc5!!\xd9\xf3\x9f:\xdd&lt;W\xb9\xa4\x83\xa7;B\xfa\xe5I+\x87\xb8\xf2!\xdf$\x88\x1d\x80\t\xebd'</t>
  </si>
  <si>
    <t>b'N\xa2|:\xb8\xd1\xa9\xefR\xb2z\x1d\x06_.\xc3.\n\xf1\xfa\x93x\x15\xcbb\xf3w\x832Tu\xa4'</t>
  </si>
  <si>
    <t>b'\xa3W\xd5\x00\xa0\xe2\xd1&amp;\xb1\x172|[\x12\xe3\x91\x87\xe3\x95\x85\xc5\xf4\x1f\xd8\xe7\x81\x19F&lt;}\xcb\x83'</t>
  </si>
  <si>
    <t>b'\x9fu\x9a\x14`\x1d\x07\xfc\xdc\x91\xa9\xa4\xd2z\xae\xc8\xd2\xc2\xeeU\\A\xf5\x99\x9a\x8bx\xfd&gt;\xe4W}'</t>
  </si>
  <si>
    <t>b"\xcd\xdfDI\xaf,C`\x11\x94\x83\xa1ER_\xd5\xbe\x1b\t\xb5?\xd6\x80\r'~!\x8c\xad\xf7\x9a8"</t>
  </si>
  <si>
    <t>b'\xc5N\xfc6\x00\xb06\xf5\xd7\x93k\xbeA\xe87y\xf6a\xd6\x0bE\xcfI\x1e\xb5[\x81\xa8&gt;\xac\r?'</t>
  </si>
  <si>
    <t>b"4\xd1&lt;0\xa2wd\x88\xa2\xd2\x81h\xf8_\xc3\xf0\x8fol\xf1\xc0\xbb\xb9\xdf\xfb\xc6aF&lt;'\xd0\xdb"</t>
  </si>
  <si>
    <t>b'o:\x89\xb5\x81\x12\xca\x17\x8e\xf7\xd4\x8f\xebU\x8cJk\x1d0\xb3V\x1e\xb9Hj\x8c*\x08;R\xffe'</t>
  </si>
  <si>
    <t>b'~\x9b7\xeej\xedH\x91[I\x1cK\xf6\xb9\xbf(\xb2\xd7\xcd\xbc1\xe3"\xda\n\xc2rmG\xb3@\xa9'</t>
  </si>
  <si>
    <t>b'\xccD(\xb9"\xa4\xc1\xe2\n\xfd\xbe|\xb6\xad\xcal/z\xf2\xa7\xcb\x1d\xc6&gt;\xb3~\xe1\xdd\xec\xef\xbb\xf2'</t>
  </si>
  <si>
    <t>b'z\xd3 )\t\x07~\xce\xfb\xf3Q\x7f\x1d\xcc\x1b \xd5\x9b$\xa7\x87\xeb\xad\x14\xa6kyR.an\x1d'</t>
  </si>
  <si>
    <t>b':\x99K\x0bp\xc3\x16\xd8\x7f-a\x8fm\xa9\xfa\x88\x8a\xd0U\xec\xcc^\xc3\xe5M\x17\x94\xa2\xfeh\xec\xaa'</t>
  </si>
  <si>
    <t>b'\x13\x8c\xe3\xf1\x93\x1a\n\x86\x99\xb4\x072\x15B\x01f\x91s\x1b\xe4\xdb\xaf\xa8.\x97r\x96\xb0\xdf\xfa*\xb9'</t>
  </si>
  <si>
    <t>b'\xd0\xb7L:\r-\x00\xf9+\x0c\x8e-\xe5E\xe6R\xe5wX\x12\x82f\x14.A\x18\xef\xa1\xccc\xc3#'</t>
  </si>
  <si>
    <t>b'`\x99\xd3\xfb^,X\xb8!\xbanN\x84o\xbbs\xed\x07K`\xb8\xb3\xed8\xd9\xd5\xde\xd9\x1bZ\x88\xb4'</t>
  </si>
  <si>
    <t>b'\xe5\x04\xea^\xa7\x11\xa2\xba\xd2+\xc0\x11q\x84c\xd8\x1fo\x1e\xc6\xe48J\x08\xd0CVfn\xc3\xa3\x1c'</t>
  </si>
  <si>
    <t>b'Hg\xa5\x99a\xde\xdf\xbd\xc6\x93\x14\x141$4\xa7%R\x1fc\xddMb&gt;\xe8t5\xabQ\xdb\xa1.'</t>
  </si>
  <si>
    <t>b'&lt; p\xa2\xd3{r\xa0\xc4zX\x99\xc3\xaf\xe4\xdb\xe7E\x00p\xa1\xe1\xe2(\n\xda\xd5\xaeD\xdc\xcbV'</t>
  </si>
  <si>
    <t>b'\x91klXB6\xa8\x91P\xeb\xe0\t\xc0\xd5o\xc5\xf6\xd0c\xa3\xec\xfb\xc2D\xab\xb6\xbf+\xee\xc4\xdf\x14'</t>
  </si>
  <si>
    <t>b'S53\x9aO`\xe9Q\xa6\x80\xc1\x81\xfd\x9e\xd69H\xc5i\xfaeU\x9b\xd8\xfe(\x18|\xe0\xb5\xfe\xf6'</t>
  </si>
  <si>
    <t>b'\xd2\\c\x1d\xbf\x88\tYB\x03\x1d\xff\x14`\x9f\xfelE\xd2\xc2I\x08\xd3\x82.\x02*\x03\x83\xfdR\xa4'</t>
  </si>
  <si>
    <t>b'\xb7\\\xa9 OR;\x0fw\xdcT`E\xf7H\x12\x84\x01Ju\xbe\xc9}\x9bSj\xb6\r\r\xdb\x80,'</t>
  </si>
  <si>
    <t>b'3e\x98\xba6\xcd\xbb[\x16\xc1\xc60[3\x8d9\x85\xb7\x8e\xdd`@\xe7\xcdd\xf0\x00\\\x8c\x13r\xe0'</t>
  </si>
  <si>
    <t>b'\xde\x1ez\xe2(\x04C\xafY\xfe\x91\xdc\n\x820\xd1bx\xf9\x8f8\xe9,"\x80\xd2\xdf\xc5\xce\xe0v\xf6'</t>
  </si>
  <si>
    <t>b'\xd5\xca\xcf\xff\xa5\xf8\xb1\xc9\x84R\xedi\xbay\x16\x89\xfc%\xabG{\xb5\n\x02*\xa2J+\xb7\x1dF\xd1'</t>
  </si>
  <si>
    <t>b'\xfd\x9a\x01\xf1&gt;x\xc6\xceV\xa1\x8f|\xa3\x13\xcb!\xd3\x90\x0br\xcd/\x88^\x94\xb6\x1c\n\xf0\xdeq\x94'</t>
  </si>
  <si>
    <t>b'\n\x9f\xfd\x0f\x0b\xa3\xc6\x8ed\x9eTu\xad\x05\x1e\xe9\xfd\xf1\xef\xf6Q\xf8\xca\xa7\xd3x\x10\xfa\xde\xd3\xee\x94'</t>
  </si>
  <si>
    <t>b'\x084\x15\x9f&lt;\xb9#\x97_%\x05-Z\x19\xf0C\x15GA\xb2l\xae\x8eV&lt;\xb7J7A;\xc9\x1d'</t>
  </si>
  <si>
    <t>b'\x16\xb5\x8a\xbc\x1d\xf5sj\xe8\xe4\xa2.c\xdcn\xe6Nf\xaf4N\x13\xd4\x15\xe3\xfd\x81\n\xf8\x02\xf2\x81'</t>
  </si>
  <si>
    <t>b'U\xaeB\x93N\xa9\xce\x8e\x14\x9a\xc8\xf41\xdf\x97lm\xe5\x04n\xbat\xc2:\xb6\x8e\xc0W\x90\x8c\xd8W'</t>
  </si>
  <si>
    <t>b'Eb\x9d\xc2\xa0\xe2\xb0Y\xc1\x986\xff"\xf6\xb9ge\x1f\x9c\x93\xc1\xf1`\x98\xa9\x9e\xa8\xc6\xe0\xb1\x84\x1e'</t>
  </si>
  <si>
    <t>b'!\xaeT\xb2\xf1\x8e\xdf\xed\x02Ml2g\x8b\t\xf6c\xbb\xa7\xdc\x7f\x05e\xefN\x95\\\xd7\x94\x97\xc2\xcd'</t>
  </si>
  <si>
    <t>b"\x8f\xc8\xa6a\x0eE\xbcH\xe6\rx\xf2\xe4^A\xf8&amp;\xc1\xe3n\xef\xf9\xab\xa5'\xb8\xac\x03\x81=C\x8b"</t>
  </si>
  <si>
    <t>b']-\xb7)0\xb5\x8b\x8e-\xae\x7f\xe9\x8d\x92\xcb\xfc\x1fw\xd8\xfa-z0-\xe7j%\xf2l+\xdb\x9c'</t>
  </si>
  <si>
    <t>b'wj\x1b\xe1-\xc4\xeb\x12}H\xcc1\x05\x9e\x84\x10\xe1\xccqY=05\x95\xb8\x1c\x10\xeb\xd9f\x0c\x87'</t>
  </si>
  <si>
    <t>b"\xac\xb1\x89)?\xa9t\xf6\xb3\x8d&lt;\nQ\x1ee\xff\x04\xf6J\xce\xd0('\xbf\x9buK\xed\xa5u\x18["</t>
  </si>
  <si>
    <t>b'\x9b\xbd\x07\x0fD\xa6\x1f\xe0z\xaboJ\\&lt;\x8e$\xda\xfc\xd8\xf2a\x95\x0b.p\x87\x04\xfe\xfe$)\xdd'</t>
  </si>
  <si>
    <t>b'\x8c\\&lt;WP\xac\xe3 J\x9c}\x8f\xef5z\x9f\x98x\t\xe0\xf8w\x0c\xd8\xe2\x88\x99\x1b\xd0E\xc3\x04'</t>
  </si>
  <si>
    <t>b'@\xa6\x86\xc9Bn\xd2{\xee\xbd5\xd8t*\xc4\xcd\xaa\x04\x1a\xe3\xdc"\xf0\x9d\xa8\xef{\xdf\xed\x7f\xe4\xd9'</t>
  </si>
  <si>
    <t>b'\x1ao\xef!\xa5Ui\xeb\xe9\xd8\xc7\xe0@\xb8\xc5\xc9\xe3\xb6\xf0\x05g\x12\xe28\xe3\x9c\xdaB\xf0\xe8\x18D'</t>
  </si>
  <si>
    <t>b'\x8e\x90f\xc5\x03|EB\xeb\xe2\x148\xe7\xf5\xbc\xf6_\xfb.\x8a\x92\xb1\x1c\xa0\x064\x89\xfb\xc0]4\xd5'</t>
  </si>
  <si>
    <t>b'\r\x1f\xc6c\x02\x0f\x9c\xaaj&lt;\x8c \xf9\xb8\xa9\x10X\x98=C\xa8\xa5\x05\x903\xaa\x99\xc5\xe0\xd1\xcf\x0c'</t>
  </si>
  <si>
    <t>b'\xa5\xaar\x8ag\xcaekkp\xe4Q\x03\xf6\xcc\x98\xf3_4\xa3\xb6\x1d\x85\xb3\xa5\xe9e\xd1\x9d(\xfe\x1b'</t>
  </si>
  <si>
    <t>b"\xa3\x84\xdc\x81\xad\x7f\x0f\xd0\xb5'\x11\xa3I&lt;\xae\x8d\xac\x93X\x9d\xbd\xd7\xe8h\x84!zt\x81\xaa\x8c\xa3"</t>
  </si>
  <si>
    <t>b'\x0e\xc1\xf1\xf85\xde\x83\xb9s\xcdr\x91\x16b\xc9\xd9Y\xe6%\xae\x97j\x1a#\x94\x06\xe3V\xab\xe3^\xdf'</t>
  </si>
  <si>
    <t>b'\xf3\xec/\xcc\x98,g\x81\x8b\xabtH\xa1\x16\xb1X\xde\xe1\xd2B\xc7\x81\xdd\x11\x10\x9b6\x808\xd1\xfa '</t>
  </si>
  <si>
    <t>b'be\xee\x03_\x91\xb2x\x1ff\xf9\xb2Gu\xc7\x01\x08\xad\xe73\xf4&gt;\xa0\xa3J3\xe9\xdb\xe3\x86s\x85'</t>
  </si>
  <si>
    <t>b'\x0c\xda\xcc\x8at\trK\x8a)\xfbL\x02%\xb8\xdc\xc0.1\xc6\xd9\x1b\xa2m\x89\x99\x03\xbfO\x0e3\xe8'</t>
  </si>
  <si>
    <t>b'\xefz\xa7\x02x\xdd{\x953\x9a)\x13Z\xc1~M8\x115\xd0g0\x89\xeaOKR\x17\x1d\x1f\xbb\xc0'</t>
  </si>
  <si>
    <t>b'x\x91S\xa5\xcb\xb2\xf8\x92e\xfcqO\xd0\x17\xecF\xa3\x03\x8b\xea\xb2R\xc4\xe5\x9d\xed\xe1\xc7\xaf\x01=5'</t>
  </si>
  <si>
    <t>b'\x02Y\xeeO\xa3\x19&gt;\xc8t\xb2\x01\xde\x9f\xe3\x1e%\xaf\x85\xed\x98\x8d\xbb\xfbT&gt;\x1aQ7\x8eeK\xa8'</t>
  </si>
  <si>
    <t>b'f\xa5\x04\xcf$\xc2\xfc\x8ao\xa2G\xb8\x82 \xe6\x13\xa3\n|\xbc\x1d\xffr\x07\x9cU\xdcP\xb3w\xd4\xdc'</t>
  </si>
  <si>
    <t>b'\xe0\xab\x89\xc9P\xb0\x12\x83\x8f\xcb[x\xfa\x94md\x030\xbb\xf6\x84\xdc\xa1ty&gt;\xbf\t\xc0\x91\xb0\xca'</t>
  </si>
  <si>
    <t>b'|Zu\xc8\xca\xfd\x13\x96\x19)\xfc\x8a\x8cr\xf9\xbd\x97bbN=L\x10\xe1\xdd\xecU\xf5\xf5\x91\xf4\xee'</t>
  </si>
  <si>
    <t>b'\x10!\xba\xd9\xf7\xd5[z\xb5&lt;h\x02\x0f\x10\x141\xf4\xa0\xba\x8c\x11\x07\xec\x96\xbc\x95\xe9\x9b\xc8\x8b\x90\xcb'</t>
  </si>
  <si>
    <t>b'V\x93\xbc\xc1\x03\xe0&amp;\xec\x88\xf5uL&gt;\xc2\xc4_\x81L\x19\xb0\xf2$\x91m\xf2\xf1L\x87\xe4b\\:'</t>
  </si>
  <si>
    <t>b'vv2\xd7\xc6\xf2"\xdd:dl\xd5\xa0\x88\xb2\xab)0H\xdf\xd9\x7f\xb1\x93IxM\xbaF s0'</t>
  </si>
  <si>
    <t>b'\xcd\xda\xa8\xbaL\xcdC;\xaf\xbe\xd5\x94w@Y\x1fiBG\xc1\x8cL/\xeb\xf0\xdc\xc7%\xc2\xb6\xae\x84'</t>
  </si>
  <si>
    <t>b'4\x1eX\xccu[\xe2s\x16O\xa1\x99"\xfd\x04X\xd1\xd0\xaf\xa2\xc1\x15\x06nb"y%do\x07\x04'</t>
  </si>
  <si>
    <t>b'G\xa4C\xa3\xe8\x96+\xd1I3T\xd0\xf5a\xae\xb1\xcb\xe5\x95zg\xf4;&gt;\xc5\xe5\xd3\xc9au\x1f\xdb'</t>
  </si>
  <si>
    <t>b'9\xf8@\xd6\xbdSO\xb3\x90&lt;uLZ\x01m\xbc\xb6\x85\xbf\x9d\xd0\n\xea\x17\x0c\x06\x01\x9b\x07\x9b6\x9c'</t>
  </si>
  <si>
    <t>b'&gt;]Qz}\xa2V\xd8\xdc\xd2\xcb\x8a\x06\xfa\x98\\\x97E\xe4,X\x11\xa5`T\x8b\x8bc\x81\x8eg2'</t>
  </si>
  <si>
    <t>b'\x0e\\\xdb+\x07\xa9\xa5\xbbvi\xef\x8d^\xa4#\xd9\x00\x1dC"\xfcV||m\x90\x9e\xbc\x08@M\xe0'</t>
  </si>
  <si>
    <t>b'i\xfa\xaf\xa6g\xcd\x92\xefK!\xda\xda!TQ\x82`\xeca\xc8\xf7\x1dZD\xc9\x07\xa6(\x0bRr\xa5'</t>
  </si>
  <si>
    <t>b"m,z\xb72/\xe7Q:,\xe6\x7f\xf7'\xd3\x82 \x86\xb9\xb1\xf4\xc69\\\x04\x0cF\x9e=8\xbb&lt;"</t>
  </si>
  <si>
    <t>b'\xaa\xfc\xdd\xaew\xbdntT\x9d\x9eJC\xed\xeb\xf1YK\xd6\x83\x1c\xfe\xad\xda\xc7V\x84E4\x9eE\xa0'</t>
  </si>
  <si>
    <t>b'\xe44+\xad\x92\xe4D\x13M\xbb\xa6\xfb\xab\xfeH\xd7\x06y\x8dc\xf9\x1d}\x14\xc4#=\xf1\xce-\xbap'</t>
  </si>
  <si>
    <t>b'4dv\xed\xe7\x9b\xafm\xba\x8f\xe8\xc5\xfa\x1d\xcc\n\xc1\x18\xae\x11\x99\xa32\x88\x98\xdel\x15\x08\x11)\xef'</t>
  </si>
  <si>
    <t>b'\xa4\xcd\x06%\xe9\xea\x06\xa7\xee\xad\xbe\xe1\xd8u\x08\xa5\x17\xd6X\x94iL\xba\x04=\xcag\xf9H8\xaf\xbb'</t>
  </si>
  <si>
    <t>b'\x97&amp;=\xc0\xf6\xb8D\xf4\xe3\x06\xfc\xc6\x07\x88\x08=\r\x1d0&lt;\xb77\xf2\x84\x17wC\x8c\xa8\x19P='</t>
  </si>
  <si>
    <t>b"\x028\xb8\xc8\xf1\xff\xf1\xf0\xc7\xb0\xb08\xe9\xde\td\x1b\x98&gt;\x0fNY\x1a'\xcfw\xca*p\xc7\xc8P"</t>
  </si>
  <si>
    <t>b"\xdc|\x10\xc5'\xd1\xa6\x96\x8b\xdcDdP|\xd4k\x013\xf2\x9d?^\xe8T\x1a)\xf2\xa9\x88\xac\xe9\xb1"</t>
  </si>
  <si>
    <t>b'\xc1}X\xad\xb4\xae\xa0\xf1\xc26\xe1a\x94B\x8c\xb1\x99\x8c\xae\x15l\x04\x8b\x07i\x1a\x83\xe6Y\xea\xe8"'</t>
  </si>
  <si>
    <t>b'y\xad\xe6\xa4\xe3\x1b\xe7\xf8\xcb\x1d\x8fR\xbf;\xb4`b\xd8\xd7\xb4\xe8RW\xd26\xe9\x0f\xb7\xa4-\x9a\xf2'</t>
  </si>
  <si>
    <t>b'\x8a\x18\xc53F\xef\xed\xfa8+6a\xf7Z\xb3\x80\xd9\xfc\xa1\xeevz\x80\xa0\x10\xf6&gt;\x9c\x8c\x06\xf4q'</t>
  </si>
  <si>
    <t>b'\xf3\x048M\xc8\xcf{~\x12\x00\xd6\x18\xfdf3b\x7f\x15\xc0j\xe1\xbdz\xb5\x1f\x13S6\x0f\xd0\xdd\x0c'</t>
  </si>
  <si>
    <t>b'\x81H\x8f\x84q\xbe\x14k\xcb\xda\xa1J\xe7RG\xa7\xc1W\x8aT&amp;\xc1\r\x1a$=\xeazs:\xe6\x16'</t>
  </si>
  <si>
    <t>b'h\x11\xdc\x83\x16\x9fg\x05\x9db\x94\xa1?n\xdf\xbe\x13\xcb6\x15w\xaf\xbd\t\xef\x8e&amp;(\xf0f\x11i'</t>
  </si>
  <si>
    <t>b'\xb5f\xe47\x98\xc9\xc7\x93j\xb2\x83U!\xc5\xf2C\x8f~s\xec:\xaf\x9a\x8e\xae[ \xfc\x19\xb4\xdew'</t>
  </si>
  <si>
    <t>b'\xac\xac\xd1Ev+cU\xa2qQ\xad\xc6k\xdd\xfa\xda2\xe5\x06\xed\xaf\xae\xd5$I\xffGn\xf0\xd2\x07'</t>
  </si>
  <si>
    <t>b'\xbd\x12\x13Pq\xc3\xc4\x0b\xf1[\x86eD\x02\xc3\xd4p \xd2\x1c\x01\xaeB\x8e\xfe\x8e\xa8\x85\xe5F\xe7\xd7'</t>
  </si>
  <si>
    <t>b'y\xef\x1bB9\x0e\x93R\xa5Whj\x9f(Z;\xed9w\x8b\xb48\xbc\xccW\x9e1\x97\xa9l)&amp;'</t>
  </si>
  <si>
    <t>b'p\xee}\xee\xe6]@_\x1a\xd5\x12\xf6\xc5\xe9\xf6|\x8d\xedg\x9c\xcf\xd9\x0e\xfa;\x87}\xbaO+\xe5O'</t>
  </si>
  <si>
    <t>b'\xb6d!H\\\x12?\xb1\xa0\xac\x11\xb9JA\xfe\xf6\x16\xb1\x1e2c\x07\xa6`\xeaD!\xe8s\x19\xa1:'</t>
  </si>
  <si>
    <t>b'\x02\xc3\xc6\x83[\xef\xdaV9\xfd\x06\x85$\x9b\x89\x84+\x82\xb4\xcf\xc82\xf5JD\xb9\xa1\xde\xca\xc2\xfe%'</t>
  </si>
  <si>
    <t>b'E\xe7\xe6(\x13a\xc0\x18/\x8d\xc78\x14\x19\x12t\x86-LN\xbd\x1c\x83\xec\xe1\xbe\x862e\xf2k\x95'</t>
  </si>
  <si>
    <t>b'\xb5_\xab7\xde\xc2B\x8d\xff\xcf\x1e\x8cT!3\t\xfa\x9f?\t{\xf9\\\x17v\x81\xf5\xf6\xf1\t\xf9\x1e'</t>
  </si>
  <si>
    <t>b'z,\xf1_$6\xcf9Cu*\xcbd=4VF\x07\xa1\x14\xfd\xa35\xec\xd0"+\t\xd9\x89\xd8\x16'</t>
  </si>
  <si>
    <t>b'\xffH\xb2\xae\xf2_\xa8K\x17\x8c\xd3\xa0#o\x17cv\x0f\x01\x0009\xb4$K\x01\x87_\x99q\x1bG'</t>
  </si>
  <si>
    <t>b'j*\xbc\xe9)\xf8\xbc\xfd\rBM\xf7\xa5"\'\x9e\x86q=\xd5\x11d6L\xea\xd9\x89\x8cE\xadC\x8b'</t>
  </si>
  <si>
    <t>b'\x19\x00\xcaN\x17\xab\xaa\xbe^(xX\xe8\x9f\x02\xf6\x94sx\xfe\xae2\xd2\x03\x90x\xfd\xa5\x83\xe0\x19\xb8'</t>
  </si>
  <si>
    <t>b'+\xf8\xf3k\x9f\xc1#Q1\xd9z2&lt;\x02\xd8N\x16\xde%X9\xb7yV\n\x99\xfb\xda\x7f/\xfe\xdf'</t>
  </si>
  <si>
    <t>b'\x1e\xb4i\x95\xdf\xb9nv\xa8\xc2+P8\xe9\xdf:\xaeB8\x86\x92\xb0Y\xef\x8d\xc2u\xdbV\xef\xdb]'</t>
  </si>
  <si>
    <t>b'\xa2\x98\x9c\x0eJ\xd2\xe8e\xcf\xb1JWUP\xcd\xb1\x98{\xce&gt;\xfbs|\x8e\x87\xff\x95\xa9S\x93\x10\xf5'</t>
  </si>
  <si>
    <t>b'\xbbta?aZ2\x1cl\x9f\x922\xba\xf1#\xdc\xff{\xe0)\x05U\xbaK\x7f\xa7\xbe*HP\xa8\xf7'</t>
  </si>
  <si>
    <t>b'\xec\xf7\xb6W\xf39\xc4\x92\xc5\x10\x9f\xa0hm\xa3\xe2\x14M\xd5I\xdc\xc9g\x9c\x877\nn\xf0\x06\xa1\xd7'</t>
  </si>
  <si>
    <t>b',hQ\xf2j4_$\x1a\x81\xe56\xb8\xfe\xa7W\x82\xc2\x88\xe4\x02D@\xbeB\xb4\x01\x9f\x85\x97A\xf8'</t>
  </si>
  <si>
    <t>b"+JL\x9a)\xd9\xb3\xbf`\xc3?.\xd8'\x87\x7f\xd1.R\xd2\xc4\xff\x0e\\%\xc6\x06\xdf\x83?wL"</t>
  </si>
  <si>
    <t>b'\xcc\xed\x83\xad\x8b&amp;\xc9\x95\xed\x83W\xe2\xa0y\xc75\xf3PLy\xc4\xa8\xb6\xd9\xed\xb1\x07\xc20bG\xcf'</t>
  </si>
  <si>
    <t>b'u\xde\xb4&gt;\xf3\x08\xe7\x92#w5q\xa1\x80.\xa3\x15\x8dI\xe0\xa5\x83N"\xbb\xef\x1e\xedkl\xff\xa0'</t>
  </si>
  <si>
    <t>b'\xb3\x89\x9aw\x10a;t!\x07Z\xd0=w\xc5h\x02\xf8\x07g\x87\x12\xedmc\x81j\x97\xce\xfd\x977'</t>
  </si>
  <si>
    <t>b'\x99\xc5L~\n\xaa\x83]\xa5$\x13 \xed\x90\xffSL\x02\xf3\xf9\xe0O\x83\xf2\xd3\x9be\xaa\x16:\x9b\xf3'</t>
  </si>
  <si>
    <t>b'\xf9\xeb?\x9f\xd2\xb7\x17\xc0^\xe4"`m\xbad\xaa\xd1/G\xa0\xc8\x83\\]\xb0\xd6\xe5\xf8\xb2C\xed\x9a'</t>
  </si>
  <si>
    <t>b'/&lt;\x05\xcb\xd1\xa5\xc7|L\xf7\x16\x01=\x98\xf7\x13\x183\xba\x04\x06\x84\x11\xabj$3\xb6\xa9+a\xf1'</t>
  </si>
  <si>
    <t>b'\xa8[va\xd2\xa5\x08&lt;\x7f\xe9\xd9&lt;V\xdcY\xcd\x86(\xd3\x04\xd2\x1e[\xfc\x86=\xe9\x80\xa1Qrv'</t>
  </si>
  <si>
    <t>b'&amp;T\xcb4IBA&lt;\xf9\x1c\xae\xe0r\xc4\xe2\xb9m\x1b\xc8\xd9\xa0\x8e\xecq\xb1\xd7\x07\xce\x8d&lt;!\x82'</t>
  </si>
  <si>
    <t>b'{X\xb8\x07\rQ\x8d(\xber\xfd%\x86\x8d\xebo4\xc1\xdc\xad146\xbd\xf2\xf6\xd1\x1cDD\xa8S'</t>
  </si>
  <si>
    <t>b'\xc8\x97G\x91\xc3\x0c\x91*T\xb7\xd4\xe9\x8a\xff\x8d\x14\xc8\xf4:\xd4\x1d\xca\x82\x1c\x18\xc9\x13\xf2\x15\xba\x18l'</t>
  </si>
  <si>
    <t>b'\xdc\x81m\x99\xe7\xec+\x0f\xc7\x1b\xfd\x97\t}\x016\x90]\xee\x8b\x8f\xf0\x95\xcc`\xbf\xc54\x96\xc6\xbb\x84'</t>
  </si>
  <si>
    <t>b')\xe3\xf5\xfa\xf1"Qd\x02+\xa6V\x84/\xa3$p\x10\x9e\xf89\x1d&lt;\x1c\x80\x1dZJ\x1f\x87\xd1-'</t>
  </si>
  <si>
    <t>b'\x01\xfd\x9c\xc8\xf7\xb1\xeb(\x00\x1c~\xebr`Itt|\x0bM`n\x03p\xe2k\xbb\x96\x1c~\\\x06'</t>
  </si>
  <si>
    <t>b'\xbb\x0f&gt;lX\x08\x02e\x80\xa7\x8a\xaeS\xec\x8f?\x99\xbfY?!\xb1\xcc\x14\xa4"\xc9\xb8\x96S\x94R'</t>
  </si>
  <si>
    <t>b"'\\\xab\x10\xf9k\xfd\x89bW\x1dS\x86|\xb0\xa9\xb1C^c\xa9\xe46S\xa1-Z\xb5\xdaE\xed\xde"</t>
  </si>
  <si>
    <t>b'\x14\xa4\x9c\xb7G5\x9d\xa8\xecR\x08\xdf\xfe\xeeI\xe3CzN\xbe\xef\xd1"\xe8$As\xc4IA&gt;m'</t>
  </si>
  <si>
    <t>b'\xf9#\x9aY\x91\xac\xa9$ \x9f\x00)\xfe\x0b\x82\xa7S\x17\x1d\xdf9\xd8\x87P\x08\xa2\xff\xd5\xe2\xb3}\xa3'</t>
  </si>
  <si>
    <t>b'\x14\xab\xea\x90iEl!I\x99z\x98EmB\xe54\x88\xa3m\xc1il\xd7\x90\x0f\xf2\xed\x1es\xbc&lt;'</t>
  </si>
  <si>
    <t>b"(\xd8\xe5\x9dO\xd7c~\xb8\x15\xab\x1d[+\xa5\x83\x8f\x1a\xcd`\x8e'w&amp;=\xd7\xa8i\xc5\x03\xa4\xb8"</t>
  </si>
  <si>
    <t>b'\xae\xd2\xbe\x1d\xe6iIor(x\x87"\x87\xa2\x05&amp;^I\x1d\xd0\x92\x07(\xb9\x98\xcb\x8b97:B'</t>
  </si>
  <si>
    <t>b'kg\x9ct\x07\xd31\xef\x93,E\x13J\xb5 \xb6\xd6,\x16N\x05\xe5J\x94\x95\xee3\xf06A\x11:'</t>
  </si>
  <si>
    <t>b'Z\x10^\xb47\x07\x0f&amp;\x8c\xed\xcc\xbb*i\x96\xba\xde\x97f\x81\xdb\x9d\x9d\x97\xc2\xbeVXh\xf8\xf8"'</t>
  </si>
  <si>
    <t>b'\xb6\x8e\x1ao\x93\x10\xc7\x80v=\xe4\xb9-\xc1\x04\x88o\x97\x1c\xcd\x9c\xd0\x8cg\xa3n\xc3\t\xffkV\xdc'</t>
  </si>
  <si>
    <t>b'\x83\x8e\xee%\xee\x00\xe9#?\xab\x95\xb7\xd2\x86s\xf1\xdd\xf65@\xbc\xcb\xd7\xcc\xc3\xcc\x0e\xe5E*\x06\xc1'</t>
  </si>
  <si>
    <t>b'\xec]\x04 3*\x8f$O\xa7\xd6T;\xdf_\x15\xbeyq\xf6\xcc\xd0\xe0l\xa4S\x97\x99\x83~g\xf4'</t>
  </si>
  <si>
    <t>b'l\xf0c\xd8\x8aLTli\xdb\x94x&amp;\xefM\xda\xb8W\x17\x1c\x01]M\xb4j\xee\xc8\x13\xa8J\x06O'</t>
  </si>
  <si>
    <t>b'\x1f\xa4\x9c\x90\xf0=\xa2j\xdb\xf0\x14\r\xd6%r\x18\x93\tD\x06\x8d\xad#\xec\xe7\x85\xa4\xf7qL\xc0f'</t>
  </si>
  <si>
    <t>b'\xd2&lt;\x0e\xf1\xddck\xa0K\x07\xd7L8\x9c1\x84\x15\x0f@\xb0\x97Q\x80{\x91\x86\xd0Kh\x0c0\x13'</t>
  </si>
  <si>
    <t>b's\x16\xf5m\xe1Z\x82Q\xa1\xbd\xed\xe2L\x10\x19\x1es\x99\xae\x01\xe9P0\xfc7\xf9\x01\xce#\\\xd5\xd5'</t>
  </si>
  <si>
    <t>b'\x86\x12 \xecS\xdbi\r\rc\xe1\x00N9=\xaaB9\xe1/\xa3\xbf\xb08\xd0S\xe7\xff\xf4\xc2#\xf3'</t>
  </si>
  <si>
    <t>b'\x8e3\x1e5 \xb5D\x0c\xf8\xc4\xea\x14\xda\x1c~Fh\x9f\x08D\xfeM\x97\x04\xb8.v e\xf6fd'</t>
  </si>
  <si>
    <t>b'\x10\x12\x93\xe9\xeb\x8d"\x85\xc2p\x13\xd4\xe7\xe7\x15(\x1f\xca\xa7\x93\x11\xd5yL\xc7\xdeZ,\x8c\xd2\xeb\x93'</t>
  </si>
  <si>
    <t>b'Oj\xaa\xf0\x19\xd5\x1b\x17\xb9\xf3^\x00\xf1\xbe\xf7\xdf\xcbJ\x13{\xb0\x18\x17;\xaf:\x0f\xc8\x7f\xe7"\x06'</t>
  </si>
  <si>
    <t>b'\xef%*+f\xda\tO#\x9b\x9f\xbc\xa4O\xc5O\x9c\rD1m\xe5hl,zK\xd1\x12\xbb\x98n'</t>
  </si>
  <si>
    <t>b'\xb8\t@W\x0cU\x05!\xc9\xb4\xc8\xb2qt=\xbc\xbcr\xa03e#\xa2\xa8{\xde\x9fW\xad\xee\x1c\x90'</t>
  </si>
  <si>
    <t>b'~\\w\x8c$\xa5\xfcC\xc2L\x07\xe7\xc4\xf1y1~\xb5G\xad \xfa\x956\xba\xb9\xfd\xc4\x97\xb7\x8b\xaa'</t>
  </si>
  <si>
    <t>b'E\x1f}\xcd\nq\xdf5E\xd8\xa0\x8b\xa7\x9eP\x83\x03D\x87y0\xc20\x98\xc0\x96\xe3g&lt;nW\x92'</t>
  </si>
  <si>
    <t>b'\xa5\xfd\xbb\xeb\xbb\xabY\xa2\x0b\xd0\x03\x89\xcecl\xa4\xa2\x82mB\xfen\x86o^\x80U\xf2\xfa\x92\x92U'</t>
  </si>
  <si>
    <t>b'YY\x0e\x8a\x9d1\x8fy\x95\x00\xfan\xf6\xeb\xd3;\xe1\xa9\xa5\xc7\xc6Hg\x08\xdb\xd4Z#m\xdb5y'</t>
  </si>
  <si>
    <t>b'\xd3\xa0{\x80\xad-)\xa1\xb6\xed/\x1b\xd3\xc2F\xd8h\xaav&amp;5\xebmOI3tR\x18\xaaa\xb9'</t>
  </si>
  <si>
    <t>b'\xfa\x88\xc3*\xf6\x96$=\xa3\x82,\xf2\xe1\x17\xe9\xc8\xe8\xee^\xbf:\xf7\xa4\xd7-\xf6\xdf\xed[V\xc6\x1b'</t>
  </si>
  <si>
    <t>b'X\xc8\x81X\xbc\xfa\xbf\x9a\x97\xb4,\x81\xa7X\xd3\xb2\xa0\x8e\x0c\xbd\xb2\x8b\xab\xa3,m(\x18\xabZ\x8d\x04'</t>
  </si>
  <si>
    <t>b'\x81L\xe9g\xfa\xe4`\xc73\xde8\x1f\xc8o^\x95S\xa4\x19v\xdb\xd4\xe0\x92 \x0e\xca\r\xe7\x9b\xd8\x12'</t>
  </si>
  <si>
    <t>b'O\xe4S\xb1\xd4R\xb7\xa5kB\xf8w\x8d\xf8\x8a\xa9\x06?\xb5\xfa&lt;wC\x07\xef\x1c\x88\xb7\xd7R\x0f\x9f'</t>
  </si>
  <si>
    <t>b'oo\xd1\xab+\x14$\xae\xc1[]\x05Q&gt;}\xd2\xfc\xd3\x90\xe3;\xadfR\x14\x90\xf2\x1d\xc4\x02\x0bn'</t>
  </si>
  <si>
    <t>b'\x92\xd4\x0c\xae}2\xecF\xf6\x8ck\xbc\x1bc\xbe\ns\xf5p\xb2P\xa26p\x8cC9\xef1\xdd\x9a\x11'</t>
  </si>
  <si>
    <t>b'\xeb\xa5\x9f\r\xd6\xaf4\xd9f_\xcd\x867\xaf\xc1\xf7\xdb#:\xbep\xae&amp;(\xd8\x04\x06mi~\xb6L'</t>
  </si>
  <si>
    <t>b'\x1c,7J\xd16\x90Pu\x85\xe4(,ba\xa7\xadw\x98\xdd(\x91L\xc8b\xddr*\x98\x19\xb1\xf4'</t>
  </si>
  <si>
    <t>b'\x16t\xea\x7f\xccv?7\x15\xd0\xc8=\x01\xe8\x07\xf2\x8f\x8c\xc3\x12&gt;\n7E\xa3\xd4\xed}MH\x9a0'</t>
  </si>
  <si>
    <t>b'\x0eYY\x9e\xe5p\xa6\x9b\xe0\xa1\xd5\x1e\x10\x85\x08\xc2\xf3\xccu\xb4Z\xb8\xde|\xc3\xe9\xbf\x151\x1b\xe8\x9d'</t>
  </si>
  <si>
    <t>b'\xfe&lt;\x05\xa2\xe8\x97J5\x88\t\xed[\xd2\xfa\xe5\xe1\xb5\x9b\xb4&lt;F\xb4\xe4\xc3\xd0\x89#\xd3\x0b\x92\x08y'</t>
  </si>
  <si>
    <t>b'\xddrs\xa1\x9b\x9ah\x88\xf8\xe0\xe7S\xd6rH&amp;sE\xc3\xf3\xcb\x99\x8e\xeb\x1b\xb4\x16\x82\xc0\xb8\xcew'</t>
  </si>
  <si>
    <t>b'\xc0j\xae/9a,\x06:w\x84\xd8\xebJ\x89\xabs\xd1\x8b\x94%\xc4\xe3D[u\x92\xdcX\xf0\xe5\xd1'</t>
  </si>
  <si>
    <t>b'\xf7\xef\xb9\x97-\xf8C\xb5\xb1\nj\x98\x9b\x9a\xb9\xbfa\xc72T\xc8\x0cU\xddaq\x94\x8e\rBe\x8d'</t>
  </si>
  <si>
    <t>b'p*@q\x07\xc2\xc5\xfb\x1bkuY\xc8\xfc\xf1\xc8=\xc8W\x83\xffL\x03\x12\xc0\x04$o7\xcf\xbd\xce'</t>
  </si>
  <si>
    <t>b'\x14\xf8(\xf2\x16%\x05?\xda\xf5~\n\x10[yO\xdbO\x11\x94\xd7\x9b\xc9Y\xfd\xf9\xb4\xa4\x86\xbf\xfa\xc7'</t>
  </si>
  <si>
    <t>b'D\xd5L\x8eR \x03)\x9dy-\xe2\xa7p\xc7\xd7\xe7\xbf\xe6B\xf6@f&amp;\x0e\x9a\x96\x9b\xd2,p\xc7'</t>
  </si>
  <si>
    <t>b'\nl\xc06X\x82\x05K\xd3B\xf9\x05\x8aq\xe8\xaa\xbb\xbb2\x94\x92\x0f$\xa4)\xfc\xc0;D\xfd\x0b\xad'</t>
  </si>
  <si>
    <t>b"\xdc\xd2\x97\xfe\x82{A\xf3\xf0\tG\x81|\x87O}U\xe1\xa7\xe9\x92'`\xa2\x8c\xc6`\x8d2\xd2[\xbe"</t>
  </si>
  <si>
    <t>b'Y\xfe\xde{\x82q7\xb4\x02\x1b%\x12e\xfc\xfb9Q\xeb\xe7\xe5\xd2g\xab\x98\xb2$\x9a\xa7\xfc\t&lt;\xc5'</t>
  </si>
  <si>
    <t>b"\x93\x8bO\xc3\r\x10\xf4\xd1C'`\xdb\xcb\xea\xdd\x8f\x82n\x97iI\xe0\xd9I\x15\xa0\x1b\x9d\xf89\x82\x06"</t>
  </si>
  <si>
    <t>b'\x17_&lt;:!\xe1\xfe\xe6\xe4M\x02\xdd;\xfb\xa9\x0cz\xab\xafx\x00\xb7\x9e\x05Q\x0ci\xec\x14\x99\x13\xf3'</t>
  </si>
  <si>
    <t>b'\x05\x10\xad(a|\xc5\xfb0\xbf\x18\xbc\xf2\xfa\x08\x11#\x91\xe5~|\xa2\xe0c\x07\xfa\xe5X\x0c\x84\xd9\xd3'</t>
  </si>
  <si>
    <t>b'\x0f\xad\x98@\xe4=\xe1\x9b\x1c\xab\x0c\x02K*\x97\x1b\xbdM\xb3\xc1\xb6d\xc5\xac\x8c#K\x97\xf1\x1a\x80\n'</t>
  </si>
  <si>
    <t>b'&amp;\xb8&gt;\xbf\x8a\x04\xcf\x07}M0\xce\x00V\x89\xad\xf2\xc8\xc6v=\x12%\xba\xc5C\xefE)G\x01\t'</t>
  </si>
  <si>
    <t>b'\xd8\xe1\xf6\xf0\xd4\x83\xa0[F}\x1c\xcd\x8f\xaf;@\xe9\x13\x1e\xb1R\xea\x8b\xe4o\x97H\xee\xac\xb9v\xeb'</t>
  </si>
  <si>
    <t>b'3)8\xdf`\xeb1\x7f\xffFy\xa1\x90:\xf8\xdf\x99\x00uh\xfbtP\xfek\xb9S\xd2\xfaWs\xcf'</t>
  </si>
  <si>
    <t>b'$s\x01\xdd@\xf1B\xfeT\x0f=\t\x12\x89\x01\x10\xb8\x87\nV3\xb0\x95+&gt;\xd2 \x8d\xe8\t%\xf9'</t>
  </si>
  <si>
    <t>b'Jt\xe7V\xfe\xca\xbc\x8e\xac\x99\x90\x8d\xe2BP\x0f\x1f\x83P\x98\x0e\x0c\xce\x8bq#\xe8j:x\xdd\xd5'</t>
  </si>
  <si>
    <t>b"l\xdaV\x88-\xeb\xeb\xf0\xc3\xcd\x14'?g\xdfy}7+\xc4\xfd+\x92\xfc\xbb\x8c\r\xd3\xd3tJ+"</t>
  </si>
  <si>
    <t>b"z\x1d\xf7\x00\x08\xee\x8f\xa3rd\xc0\x06\x80\x84\xedx$\xbf\xec\xa4`\x191'\x17\x85dK\x12\xf6\xbf9"</t>
  </si>
  <si>
    <t>b'\xc5cul\xb4\t\x8dD\x19W\r\xe0F\xd6\xf7\t\x950/5\xb1@jQ\x83\tv\xbcy\xfam\xdd'</t>
  </si>
  <si>
    <t>b'\x16\x12s\xacJ\xc43\xefu\xf0\x84(\xe0\xaa\xf5\x91Af\xfa~z\xd4\xb3\xca\tj\xda\xa4\xbe\x979\xb7'</t>
  </si>
  <si>
    <t>b' g\xbc\xfa\xc4\x04n;\x80\xe4\x03\x06\x0e\xe6\xd5\xa2\x92\xe5/\xa5\x85\xe3\xcc`\xdf\xd0\xda\xff\x9e2Q\xef'</t>
  </si>
  <si>
    <t>b'\xd0\xd1T\xe2e&gt;|,\xcd\xa5\xa6m\xcd\xefX\xe1\xb3\xc5\xb7\x8a~\x7f\xa3mcc\xa4\x9c\x14\xf9\xe0\xb3'</t>
  </si>
  <si>
    <t>b'\xf3\xcb\xca\x1e\xec\xd1\xaed\xa5\x11\xfc\xbee\xa1\x08\xa0[\x08\xce\xb1\xb0\xa5\xd2Q\xe2\xc3\xc2\xd7\xdb%*\xf5'</t>
  </si>
  <si>
    <t>b'\x06\xec]\x8e\xa6\x93\xa5[g\x00\xf1a\x81\x0e\xb2\xa6*\xde\xfc\x1d\\\xfd\xdf\x10\x978\x9e\xf7\x9f\x81\x1bA'</t>
  </si>
  <si>
    <t>b'3^a\x15\x12\x1dc\xe5\xb3\xf3\xefR\xdfJ/u\xda\xfa\xcf\xab\xd9\xa8\x9d\x02\xfa\x9f\xd1\x88\x0f\xb4\xa8\xcd'</t>
  </si>
  <si>
    <t>b'\xa6\x18\x05\x15?T(n\x14\xfa"\x02 \xdd\x88\x86\xb8T6\x19\x80\xcf5#\x9f\x11\xee\xa1u+R\xeb'</t>
  </si>
  <si>
    <t>b'\x89\xe5\xb5\x9a\xc9\xb2\xf7\xf0h\xdd\x97B\xb2+\xa0\xc3)(\x9c\xb8T\x86c\x193\x98\x9b\xca\x94\xad\x0b\x01'</t>
  </si>
  <si>
    <t>b'\xab\xb4\xb1M{\xfeS\x14\xa0.\x0e\x0e\x88\xa2\xd0&amp;h\x17\xba\x8a\xef\xbd\x8a\xdem\xb0\xea\xaf\xfe9\xc5"'</t>
  </si>
  <si>
    <t>b"^@b'n-\x11\x0b\x9a\x1e\x19\x07\x8b\xe77\x00\x01\xbfUUO\x1e\xfd\x99\xd2\x92O\xcb\xb5vs\xf0"</t>
  </si>
  <si>
    <t>b'c*\xda\xf2\x98\x1c7b\xbe?e\x15w\xc0\xee\xc7\xa2a*\xdc2(Q\x01$W\xebB\rr\x8b\x0b'</t>
  </si>
  <si>
    <t>b'M\xbaL\xa5/\xf1\x83\xfc\x1a\x02\xaddP/\xf4^\xeeq$\x89\xf91\x8cr\xc8\xb73(\xa2Y\x85\x9f'</t>
  </si>
  <si>
    <t>b'\x7f`aEU\xc6\xde/,\x80P_GE&lt;Z_8\x95u|vJ\x8c\xe8T\x10\xbfI\x16\xd4\xbb'</t>
  </si>
  <si>
    <t>b'\x98yawF\xa5\xaf\xd7\xb4\xfe\xef4\x90\xdf\xff\xf5\xc50-8a\xdc\x86\x88g`\xbdd(\xdbn,'</t>
  </si>
  <si>
    <t>b'\xf4\xd5\xae\xb5\xe4\x05\xb5\x01\xe9\x19\xb7s\xfd\x1fz\x1cG\x80\xbciO\x96\xb1;\xa4G\xd8\xa1\x10\xedX|'</t>
  </si>
  <si>
    <t>b'&lt;0\xd6l\xdew\x85X\xb6t\x16\x16YC?#\xd1\t4\x98\xe9\x9e\xfa"2\xbb\xe6\xeb\xa2.\x8f\x96'</t>
  </si>
  <si>
    <t>b'\xe6\x1a\xbc\x97u(\x81*\x8c\x91\x9e8\xf1\x94&amp;\xa7)\xed[c\xbe\xc4+\xd6\x0f-]I?\xc0ni'</t>
  </si>
  <si>
    <t>b'\x19\xd8\x03\x0eB\xdbl\x1a\xef\x1c\t\xc2p\x88\xdd\x06.\x80\xf5u\xc2c\xdc\xd0"\x1f\x10\xd2\x04\xc5\xb3{'</t>
  </si>
  <si>
    <t>b'\xcb\x1e\xf1Z\xffP\x93\x85\x97+\xd5}\xbd\xdf\x99hI \x9c\x1c\xfa\xc1[\xa5,\x0e\xe8\xd4\xccj=\x88'</t>
  </si>
  <si>
    <t>b'\x1c\xd5Ai\xd1\x01\xabrbU\x14\xd0\xd9\x9a\xb5#\xd8\x89\x02\x01\x1eY\x1bL\xb3\x1c\xfc\xe8\xe4\xf6\xb3x'</t>
  </si>
  <si>
    <t>b'q\xfdjGu\xbfmF\xec\x84S\xc4\xa4\xd7%\xf7)av\x04(%X\xe6Y\x03\xe7\xd3\xc2\xfdK,'</t>
  </si>
  <si>
    <t>b'c\x9d\xbd\xc7\n\x15\xda&gt;\x91\xf2\x9ai\x15\x12\xdd\xb2\xee\xe7Z\xa9\xf76\x95$\x101\x84\xc12\x0b`\xda'</t>
  </si>
  <si>
    <t>b'\t\xc5\xddg&amp;o\x8f\xf2IkR~\xcd\xfdHWe\xf3\xd4\xbf\x05\xde&gt;\x99\x15~x\x19\xd7\x85\xf8\x12'</t>
  </si>
  <si>
    <t>b'\\\xd9\xad\x00\x8c\x8b\xd8\xef\xbe\xae=\xea\xbc\xc2_\x02\xaea\xac\xda\xc7\x98\xc9jo\xea\x08.nq\x88\xf7'</t>
  </si>
  <si>
    <t>b'\x83\x9d\xa5\xcc\x81hz\xdc\xbdD\xab\x8d\xa9O#\xda&amp;bRU\xe0*\xe2r6\xe2\x80B\x90V-\xbf'</t>
  </si>
  <si>
    <t>b'\xb6\xef\xd0\xa1\xfe.Q\xcbq\xe6\x89\xab8\xcd6\x98Re\xa84\x8a\x99\xb2\xe9\xc28\x15g\xd5g\xa6\xb7'</t>
  </si>
  <si>
    <t>b'\x07(\tw\x94Td\xc9N\xd4\x86\xcd0\xd9\x11\xbe*\xf9\xf2P\xd4\xbb\xf5 \x8f\x9b\x8eq\x9c\xc9\x96\x82'</t>
  </si>
  <si>
    <t>b'\xc1\x07O\xf4i\xf1;\xee?\xde\xaa\x15J~\xaa|\xcf\xd6i\x0f,\xb6T\x82K\xbf&amp;\xcf8#\x96u'</t>
  </si>
  <si>
    <t>b'\xde\xab\x17\xed\xaa\x9aQ\xdbG9\x19h\x04-qi\x18XQ \xd1\x0f\xba\xae\xc5\x95\xd1!a\x14\xa2\x06'</t>
  </si>
  <si>
    <t>b'\xbeM\xc1\x9f0t\x8ak\x97\x80B\x05\xaeh\x92,~~GPf\xc2\xd2\x00\ndQ\x18\x8d\xc7}c'</t>
  </si>
  <si>
    <t>b'z*\xe7N\xc9\x0b\xcd\x87\xce?\x8e\xad_AV\xf6\xd1\xf1Uq\xff\xbe\xf8&amp;\xb7\xc7X\xde\xf9h\xdc\xd1'</t>
  </si>
  <si>
    <t>b'me\xf5f^\r\xfesf~\x80\xe9\xf1C\xb3\x01\x1c\x81)H\xe0\xc8 \x1f\xcaD1\x9a\x16\xaf\xc8L'</t>
  </si>
  <si>
    <t>b'\x08\xd7\xd8U\xa9-\xcf\xf4j\x8c\xa6\xd7\xb6&gt;\xd2\x1a\x89\xd6vK\x19\x8bJy\x00*%\xd3\xae\xf3\x0b\x86'</t>
  </si>
  <si>
    <t>b'*\xda\xf8jh\xee\xc5\x14ed\xa5G\x880\x9b\xbd\xc8\x8b\x10\xf0\xce\xb3\xb7!\x81G\xa4\xf7\xadI\xb94'</t>
  </si>
  <si>
    <t>b'\x90Jc\xe9\x06\xe1d\x1a\xe0\xed$\\i\x83\xd1\xe2a\xf2oF;\xbf\xdb#\x89&amp;\x81Z\xcdZ\xb3\xbe'</t>
  </si>
  <si>
    <t>b'\xd7~\x9d\xf59\xafn\xe5s\xe1\xfc\t0 0\xea\xae\xd4\x01\xe4\x89\xed=\xf0H\x9dk4\xceby\xbc'</t>
  </si>
  <si>
    <t>b'S\xc1f\x90}n\x91\x08\xb5\x01\xf8\t2\xc4\x12\x1erO`f\x9a\xd2B&gt;)AuI\x02u\xf8\x83'</t>
  </si>
  <si>
    <t>b'\xf0\x0e\x12\xbb\xf0E\x8dU"\xe3J\xe5\xfdN\x9b_\xcc\xe9\x9c\xb72\xc8/\x02\\\xaf\x88\xdfou\xf3\x12'</t>
  </si>
  <si>
    <t>b'\x1eP\xef\xa36}.\xe5\x85\xabO4\rY\xd5\xb3\xeeS\x19\x93A\x05\xb865\xbe\x065\x03\xd4\x13)'</t>
  </si>
  <si>
    <t>b'3\xf1\x1d\xc0+\xa9\xeb*/&amp;\xe2q\xbar"\xc0\xd6\xb4o\x86\xce\xe0\xa9\xc60\xac2+\x119y|'</t>
  </si>
  <si>
    <t>b'\xeb8E\xb7\xd96\xb5\xadu\x12\x0e\xd9\xb1\xc5}\x14\xaa\x0f\xeb\xaey\xf3\xcf\x88&lt;\x9dE\xdf\xf93Y\xa3'</t>
  </si>
  <si>
    <t>b'\xfd\xf2\xd2\x01\x80&gt;\xe9\xa4\xf6\xdfI\x026T\xf3\xa4 \xda,\xf9\xbe\x18\xc8\xd8\xe3\x92\tN\x83w4e'</t>
  </si>
  <si>
    <t>b')\xf6d\xc1_\xd7\xd7\xdfWe)\\\xa5A\xa5\xbeJ\xef\xad\x8b\xaf6\\\x87\\\xd4r\xb1\x059HC'</t>
  </si>
  <si>
    <t>b'v\xfc$l\xcfx\x13\x9c\x94\xd5.9\xe6\xa5\xae899\x1b\xc3\xd3l\x17#\x94cF\\x\x9b\n\xc7'</t>
  </si>
  <si>
    <t>b'\xbd\xfe4\xc6\x06\\\xf4)\xcb3y\xaf\xf4@\xf4\xbc\x17\xc9\xd2\xb3i\xb4\xaa\x13\xa2t\x9c\x13^\xb8M\x89'</t>
  </si>
  <si>
    <t>b'\x0e\xaf\xb77\xff&amp;O\x05\x83\xe0\xe7\xa4\xa16\xb5|\x9b6\x07\xfc\xb0a-\x87!5+\xd4\x89\xc6{\x9d'</t>
  </si>
  <si>
    <t>b"'\xf5\x11\x1e1G P\x01_L\xdb\xba\xe6\xb8\x02\x83O\xf6\xe5\x97\xa2\xdd\xd7%\x041\xcfuOnH"</t>
  </si>
  <si>
    <t>b'uI\xaf\x8a)b\xa9k`\x81JN\xa2\xc3\xd9|\xc0%\x04\x94\x02&amp;7\xf6\xa8n/\xe8*/\xc02'</t>
  </si>
  <si>
    <t>b'\xaa\xc8\nf\x81\x13\xf8k\xd2\xc4\x8c\xe6\x83\x92\x19\tH\x12\xa4h\xb2\xf8\xa8\xb5\xe4\xb3\xf2\xd6ws\xc9\xcf'</t>
  </si>
  <si>
    <t>b'\x0b\xe4=\x8e\xdcd\x86\xd9\xbd\xd5}\x94\xe56\xe4&lt;\x91\xca\xde\xb2\xb4\x15\x13\xb4\x1e*\x95I xe&amp;'</t>
  </si>
  <si>
    <t>b'\xc5;\xc0;7L\x8b\x85\x11\xd3~a\xaaP\xe7\xa1\n@~~\xc6\xe7dT\x8e\rT\xb1\xb1+_*'</t>
  </si>
  <si>
    <t>b'\x84\x037\xd8\xe8\xcb.\xfb\x00\x0bY\xfb\xaa\xe8\x9b/\xd2r\x05\x81\xd3\xb0w\xc1mu\x8a3\x9d+\x1f\xb0'</t>
  </si>
  <si>
    <t>b'G\xfd\x12\xe3\x03@\xfbT\xa7h\x11t%E\xa3=\xd6\xd9\xc8\xc8aM\xebm\xfch\xbc\x8a?\xeb\x06x'</t>
  </si>
  <si>
    <t>b'\x1cG\xbbIWC\xad\x92\x02\xce(\xd1\x02\x8e\xebe7\x19\xaa!5\xd2sO@\xed\xec\xbd\x1d\xad\xed\x03'</t>
  </si>
  <si>
    <t>b'\xf3\x1d\xa3\xea\xcb\x01t\x99h~k\x08\xf3\xe4=Ww\xda\xbe\x9a\xedF\x87\xc1e.\x9eP\xe5@\xa2t'</t>
  </si>
  <si>
    <t>b"\x0b,\xc2\x9a\xb0\xac\xf1D\xb3\xd7\xbdF\x0b2\xdb!\xc6\x0c,\x16\xd3\x0bvJ\xe6\xae\xbbn\x958'\xb2"</t>
  </si>
  <si>
    <t>b'U\x0b\x11\xfe\xbc-\xe8a5\xaf\xac\xc1\x84N\x18{3\xadA\x0c8k\xe1\x7f\\tR\xacD\x8bh:'</t>
  </si>
  <si>
    <t>b'\xc9{\xe2+\xb4\xf0\xf1u!\xd9\xc6L\xfc\xfd\x0f\xb4\xb7\xf3\xf1\xd7\xc9wd\xfb\xddv&lt;\xb8nPV\x04'</t>
  </si>
  <si>
    <t>b'\x17l\x95\xc1{\xa4\x04\xe4\x11\xb2\x02\xbe\x02/hG\x0f\xcb=\x7f\xd6u\x9a`9\x98\x84\xdc\tK\xc6\x82'</t>
  </si>
  <si>
    <t>b'&amp;\xbdGjs\x15\xe7\xa0K\xa4&lt;W|9DY31\x85\xae\xd3\xa7\x910\xc6\xe5\xa9=\xaf6^\xd1'</t>
  </si>
  <si>
    <t>b'\xfbx\xaa\xe0\x07}\x7fy\xb8\xcd\xa8=\xcb2\xa9\xca\xc8;\xa3\xad\xbc\xe8.\x96\x98T\xdb,"&amp;\xba\xc6'</t>
  </si>
  <si>
    <t>b'\xee\x86\\\x19V\x0feD&lt;o\xa1#e\xe6\x11\x12\xd8]\xc7\x880\xf4\xb5\xd3\xb8#gF\x14\x0e\x1eK'</t>
  </si>
  <si>
    <t>b'\xff\xa2*\x1dio\x00g\x9c9x\xf3\xa1\xd2\xa3Bb\xb5\x90\xa2Ie`\xcb\x8d\t\x9c\x0bb\xca\xf2\xb5'</t>
  </si>
  <si>
    <t>b'\xdf\xe6Fd\x82k\xc1+\\\xb9\xd0"#\xac|)\xd9_\xf0U\x19A\xe5w\xea\x7f\xab\xca\xf3(\xe9\x08'</t>
  </si>
  <si>
    <t>b'~\xa5\xaa\x90\xb0S\xc4K!\xff\x10M\xe8\xe9\x9a\xae\t\x19r\xb0\x9d\xb0\xb7\xb7\x05\xae\xa9\xfbP\xd5\t{'</t>
  </si>
  <si>
    <t>b'\xd5\xf5\xd1_\xb5j\x95y\x9b&amp;\xa9\xb1\xf2\xde\x82Z\xf2z\xa4\xb6\xcc\x17\x90c-oL\xb4@\x1f\xa3\xe1'</t>
  </si>
  <si>
    <t>b'\xfaJ\x97wX\xa24G0\xbe\x07\xa7&amp;5P\x86\x83.\x8c\xd5ghP\xfcy^7\xbf\x1e\x95\xc1\x15'</t>
  </si>
  <si>
    <t>b'\xd8n1\xef\xfa\xfa\xc9\xfa\xfb\xbe\xac\xb7\xcdI\xb8\x81\x0cRa$x\x12v\r\xd8\xa7"yK\xd6\x83\x92'</t>
  </si>
  <si>
    <t>b':\xda\x8b$\x98\x05\xb9\xb8\x94\xe0\xef\xd3\xf4-L\xa1\xaaX\x88\xf51\x19\xcf\xe4x\xca*$\x16\x9d\xb3F'</t>
  </si>
  <si>
    <t>b')\x00\xce\x99\xf2A\xe3\xf5\x1c\xaf\xe7\x95E\x16q\xdf\x03\xaa}\xb3l\xf11\xd8\xe74\xca\xea\x02p\x8b\xb2'</t>
  </si>
  <si>
    <t>b'\x89\xdf9\x85\xd6\xabS\xb7\xf0vp\xbb\xe3 \x8b\x9e\x9c\xae\xaf:\xfe\x88\x9a\xcb&gt;o\xfb\xb9\x80\n\x1f('</t>
  </si>
  <si>
    <t>b'\xc1\x126_\n\xea\x01\x9e\xe3\xf5\xe4\x8f\xb2i%\xf3&gt;\x1aq8\xde\x8fs\xae&lt;:E\xb7\x17s\xa3\xe4'</t>
  </si>
  <si>
    <t>b'\xd9\xdb\xc1\x88\x1dK/xO\xb9\xb4@+\x04\xc6\x97\xe7l\xc0\xe10\x16\xbb3(*\x8dj\xd7\xde\x83\x18'</t>
  </si>
  <si>
    <t>b'T\x8a\x9b\xe9\x0fnN0\x02\x03\x81\xf9\xef0]\x97\xc9\xaa\xe9\xafj\x18\xfasnNr\xe7\xc7\xd3\xc3\x18'</t>
  </si>
  <si>
    <t>b'_q\x9a\xd0\x96\xa63`Q\xd5#_=\xb5bR\xaaA_\xea\xefZ\xd6\x9b\xfd\x88\xbf \x1e\xc9\xc8#'</t>
  </si>
  <si>
    <t>b'ip\xdfi\xbdG\xba0\x01\x17\xa3\xcb\x02\x82\xb41\x8db\x03\x05\xa6LHF9\xb3v .\xaaX\x9b'</t>
  </si>
  <si>
    <t>b'\xe3e\xd4\x9f\x99\x88\x99Z\xc8&gt;TS\xfd\xf2\xe0T\x80\xf2\x89\x1a\xd9\xd3\xfe\xeb\xec\xb6\xde\xc3\xe5\xdf\x00\x06'</t>
  </si>
  <si>
    <t>b'\x9d\xfa\x15\x8f\x9a\x9d\xbax\x93|\xaa\xa7\x18\x0b\xe3Cs\xbc\xc8\xb1\xf9@\xdct\xce\xfd\xbb\x871\xcb\x06\xee'</t>
  </si>
  <si>
    <t>b'H#\xb1\xb3\x9d\xcb!^\x81b\x1c\x18\xa9\xfa\x9d[)\xef\x8a\xc7e\x94)L\x0b\xf8\x18\x03\xd75\x95\xd3'</t>
  </si>
  <si>
    <t>b'^\x0f\xe8\x8b\x84\xbe\xa1\xbb\xbd\xb1u\x99\x18@\xc03\xa1\x85\x16f\x04\x93\xa0\xc4\x0c?^\x94\xe7\x86\xd35'</t>
  </si>
  <si>
    <t>b'\x00\n\x8f\xd4\x8cF\x18\xf3$\x84\xe5\x8d\xee\xdfM\xa3\x0e\xfa)\x1bT\xce\xd9\x19\x9fp\x90c\x87\xae:-'</t>
  </si>
  <si>
    <t>b'\x80\x08\xd9\x03\xf1\xf6q@d\x0b\x1d\x82\x82\xf7g\xb8\x01\xc2\x04{\xfa9\x08\xbb\xef\xc3[\xe5\x81\x13\xfcE'</t>
  </si>
  <si>
    <t>b"\xa7\xe23\xbc,\xfbfT/\x90\x0e\x82(\x964\xf4\xd9'\xe4\x1fT\xcd\x85\xdb\xfe\xafj\x0f\x1dl\xb3+"</t>
  </si>
  <si>
    <t>b'p\xa9b\x83\xff\xf3\x8eu\x86\xf2\x15\xd2CX\x0eM\xd9\x08w#0W\xfa\xa0:zw\xd6\xbe\x81\xc2\x9b'</t>
  </si>
  <si>
    <t>b'\xab3\xd8\xc8\x14\x8c\x1f\xf0\x15H\x08\x1bu{\xff9\xb9z\xad_MP\x1d\xd4\xa0*\xadN\xb11RR'</t>
  </si>
  <si>
    <t>b"\xdbL\xd4\xb3\x88M\x12t\xd1\xbb\xe4\xae\xfaz\x83t\xb6 KmmUwm\x9e\xb1\xfck\xe0\xc69'"</t>
  </si>
  <si>
    <t>b'\xf6\xc8\xb2j+\xa4Zy\x01\x0e5\xb4MU\x0c\x9cn"\x97\xdd\xbds\x13\x1e\xcb\x8dJ&amp;\xa1 \x96\x1a'</t>
  </si>
  <si>
    <t>b'\xa5z\xf0\x85q?\xcf^\xd2\x12\x8a8\x00\xdc&amp;\x89\x11xW\xbf\x03*u\xd8\xd7CT\xa7\xb46\xde\xfd'</t>
  </si>
  <si>
    <t>b'\x00\x17\x99k\x99\xbe &lt;\x15\xc6\x85N2\xea\x15\xbf\xbd\x04\xb6\x99\x8c\xf5\x19\x19\xf4\xc6\xd7h\x90\xd6\xf9\x9f'</t>
  </si>
  <si>
    <t>b'\x13\xb4\\ \xa9\xc7\xc8\xee\xefI\x1b~\xf6\x0e\x9a\xe1\x98\xc8\xcfr"\x971\x0eK\xfa\xcb\xc9\xf03\xedc'</t>
  </si>
  <si>
    <t>b'\xc3o\xe9\xc42\x0e~\x98\xb3d\xaeAlv$Ll\xafG8\x0e$F^\xd5\x15\x9bh\xa3\x8c\xd3\x7f'</t>
  </si>
  <si>
    <t>b'\xe7\xde\r\xbb-\x1a\x14:!\xd8\xf6\tQ\xff\x97=@^\x98\xbf\xb9\xba\xb5\x1fsr#Fk\xe4\x8e\x90'</t>
  </si>
  <si>
    <t>b'+ \x11@\x8f\x05=\xf6\xddo\x9b\xcd\xee\xd5\xbf]\xeb\xdd\x92I\xb0-\x12\x84\x8cd\x0cJ\x860n\xf4'</t>
  </si>
  <si>
    <t>b'"\x139\xffy\xb8\xad\xf5Fx\xa9I1\x8eXiU\x7f\x8aF\xc5\x18m\xef\xd9p\xc3\xfc\xdf]]\xdc'</t>
  </si>
  <si>
    <t>b'\xcd\xa2kesg\x82\xb3\xe9\x8d\xcf\x91\xd8t\xb9\xcch8\xe7%?\x82\x96\xc7\xa9q,\xf4K\x03\xa9/'</t>
  </si>
  <si>
    <t>b'LOh\xa2x\x1b*\x8f\xaa\xe3Y\rO\xc9\x1d\xadu-*$f\xd9cWl*~\xecf\xda\xe4\xbb'</t>
  </si>
  <si>
    <t>b'2a\x02\xe5\x011\x9eG\xd3r\xaa\xb6\xdd+\x0c\xfeD\xfbvs\x16&gt;&gt;.\x03\x13\xef.m\xd0s '</t>
  </si>
  <si>
    <t>b'\xb7xu\x83\x12\xf5Tg\xaf\x0cb#\xfa5\x0e\x15\x00\x0f\x10\x05\x8f\n\x8c6\xac\xda\xe9\x1f\xbf\x03\xe0\xc3'</t>
  </si>
  <si>
    <t>b'\xb3\xf9\x04a\xbb\x17H\x903\xb1\x0b\xfe\x85k\x1b\x83RO\xc0\x02\x9b\x0e\rtL\x1b\xca\x1b\x16\x077\xe6'</t>
  </si>
  <si>
    <t>b'\x1e\xb7$\xd9X\x8e\xae\xd1[\x1a\x16\x82\x18\xc7a\x00\xcf\xe9%Ze\xd3\xea_\xa6&gt;=o\x966\xd16'</t>
  </si>
  <si>
    <t>b'\xb4\xc9\x1f\xfb\xbd{D\x04\x9f\xff,\xd9\x8f0\xbf\xe4L\xfc7\xa70\x95d\xd3c\xea2ApCU"'</t>
  </si>
  <si>
    <t>b'\xe3\xd0\xe2\xa6\x15p\xde\xd3\x00i\xf9ka\xb7\x08\x15~^.C1X\x1a\t\x10\xa1\xbf\xa6\xcbS \xe0'</t>
  </si>
  <si>
    <t>b'RC$\x05W0\xc5\x12Z\x9cktq&amp;\xaa\xad\xd1\x11\x82\xdc\xd6h\xae1.O\x80\xb4\x12g\xd7c'</t>
  </si>
  <si>
    <t>b"'\xa3=e\x08$\x8b\xbd\x9a\x01\xf7}[\xb8\xfd\xafe\xe3\xcd=\xcc{Bd\xb9\xe6\x12=\x97\xf9\xcep"</t>
  </si>
  <si>
    <t>b'u5v\xe2\xf6\xb9\xd9\xa4\xc9\xa3y\xf6]P\x0f\xd5~iP\rR&lt;6x\x12\xe3r\xb3\x00SX.'</t>
  </si>
  <si>
    <t>b'\xc6O\x90\x0e\x8e\x16S\xa5\xfc[\x908vW\xe3M\xa8\xd0\t\xb7\n\x0bL\t\xe11\xcbN\xbf,W}'</t>
  </si>
  <si>
    <t>b'\x8d\xd4A\x99\xde8c6P\xf9\xad4H\xb6\x8f[\x90\x88\xden\xc5\xe9\xeeQ\x10/\x9b\xbd\xaa\xcb\x8c\xf3'</t>
  </si>
  <si>
    <t>b"T\x8c\xfa\x102\xbe \n$\x8b\xce\xee\xa3\xca\xd3&gt;4\xe0Dl\xd7\x84D\xc2k\x86\xfe\x82\x1e\xff'\xeb"</t>
  </si>
  <si>
    <t>b"\x11\xd8\xc4\xad\xbf(U^\xa2\x91\xf1\x80m\x08\x93\x92\xa6R\xc3t\t\x97\xedBl'\xd2-H\xfa{*"</t>
  </si>
  <si>
    <t>b'+\x14t\xf2=\xf1\xa9s\x18\xf6\xea-`^\xc5\xaa\x88\x90\xbb\x91}\xc5\xd9\xe3\xb5\x9e\xd8\x85\xa0v\xa8U'</t>
  </si>
  <si>
    <t>b'\xce~\xde\x04\x80Y\x8c\x86\xa2z\xc0\xa8`\x01\x01;\xfe[*\x9a\x89\xf1\xc4\x99y\xf7o\x01/\x0b_\x00'</t>
  </si>
  <si>
    <t>b'/\x00\xc0=\xd2\xcam\x8bW\xdb\x1cG\xbc\xad\xb2\xc8\xbe\xb0\xca\xaf\xaf\x05\xe9x\x07\x9fq\xb1\xd8s\xba\x02'</t>
  </si>
  <si>
    <t>b'\xe6O\xb8\xcb\x83\x18u\x81\xc3\x0c\xed\xedpg_\xff\xa4b\xbbc\x93\n\x1c\x8a,\xbe\x062q\x14RG'</t>
  </si>
  <si>
    <t>b'\xec\xa2pW\x87r\xa6\xffw\xde\xb1\x15li#\x99Sf\xde\x1a[X4\xa65\xcb\xae.\x86%M/'</t>
  </si>
  <si>
    <t>b'\x07\xaf\xffm"l\xd9\xae*\xc1\xe3#\x0b&gt;V\x1d\xff\t"+\x1d\xe8\xb0\x08k\x8d-\x95\xc2\x84\xce\xf2'</t>
  </si>
  <si>
    <t>b'u/C[(\xe7\xbd\xed\x07&amp;\xd6\x88T\xf2\x05\x14\x80\xdd\x89\xcf\x95\x13w\x955-\xffoOX\x9e\xc5'</t>
  </si>
  <si>
    <t>b'\xe0\xa8D\xf2[L\x18b\xc5=\xe9\xccOW\xa7it\xcde&amp;\x1a &gt;\x05\x19\x9a\xb4:\xe4\xdd^\xf9'</t>
  </si>
  <si>
    <t>b'\xa6u\xc6\xd7\tv\xe8\xe7\x8a\x910`n~gx\r1Q\x06\x03\xfeIX\x04DZ\x8cEk\xa1&gt;'</t>
  </si>
  <si>
    <t>b'\x03\xd8\xa4dz\r\x06\xb9\xee1k\xd52\xb8\x9dX&lt;\xfc@\xd4\xad\x90\xfc\xdd\xfbAz\x88u\xb2"\xd5'</t>
  </si>
  <si>
    <t>b'jr\x88d\x8ehCJt\x13&lt;\xbb\xbdG\xfb\xba8\x1e\xe5\xe2\xadBM1\xd8\x06?\xfep\xd5J9'</t>
  </si>
  <si>
    <t>b'\x95\xdd\x18H\xed\t\'|;o+\xf1 \xaee\xde\xe4"\xbe\x80\x0b\xd1jL`\xa4\x8av\x90c\xcc\x02'</t>
  </si>
  <si>
    <t>b'\xec\xae\xac?t\xc4\x99\x0e\xc1/\x9d#X\xea\xa0\x95\x1d\x1fL&lt;\x97\ne\x8a\x82\n&lt;a\xae\xe1\xe7\xb6'</t>
  </si>
  <si>
    <t>b'\xfd\xd3\x95:1\xc5CH\x08\x99\x1er\x89`\xb2\x18\xe03\x8e_%T\xf6\xdd\x03t\x9c\xba\x00E\xc2p'</t>
  </si>
  <si>
    <t>b'\xfe\xfb\xcb\x0e\x7f\xa57\x99\xa6\xbb\xb4k_&lt;_\xa7@\xe8[\x08m\xa8q\x8d\xd3G\xdd\xef.\xc8\x15r'</t>
  </si>
  <si>
    <t>b'\xff\xdf"M$\xeev\xf1\r\xd0\xb8p\x12Ej\xf3\xb9q1\x95\xc2\r\xb0\xfe2\r\xf9\xae\x0f\x0b\xa9t'</t>
  </si>
  <si>
    <t>b'8\xfbU\x97\xbd\x9b\xc8\xff\xf4`\xfdo\t}G\r\x11\t\xcbr\x10\xf0HA\xde\x9a\xe9\xb7\xed\xb6\xa9\xf8'</t>
  </si>
  <si>
    <t>b'\xb8\xd4\x85A\xb6\xdbA\xc2a\xda\x13\x99\xc7^r\x13G\\R\xc8Q~\x80\xca\xad\xd6\xa9\x07\x0c\x1f\x91\x8d'</t>
  </si>
  <si>
    <t>b'\x84%\x9b\x9a\xe9\x8e\xf9)\xfb\x1a`\x89\x95\x1f\xcb\xb7\x01\xb1\xf9\x04\xdb\xac=w\xc5H\x1c\n\x9c\xf6\xb4\x99'</t>
  </si>
  <si>
    <t>b'\xe9\x85\xfaW\xd81\xc2\xeb\xa5\xd1CK\xfa\x8e6\x85\x9aV~N\x87v\xd1\xf3\xf5&lt;9\xb6\x87\x98\xf0\xf8'</t>
  </si>
  <si>
    <t>b'\xeb\xbcG\xa3\x8fa\xaar\x80\xda\x97p\xce&gt;\x9e\xf5\xe6\xe7B\xf1r-\x99vb\x05\xdec\x89\xb1\xee\x01'</t>
  </si>
  <si>
    <t>b'\xfeq]".\xd1\xe2E\xd8*\x0c\x93\x17\xe8N\xc1X\x05\x00\xed\xed\xa3&amp;\xde_\x90\x80\xe0\x84\xfc\xdd\xf8'</t>
  </si>
  <si>
    <t>b"@\xc4\x8c#\xe8\xb6\x91\xfaP\xcd'\x95`J\x14\x06\x9c\x94\xd14A\xec\x9f\xd1\xfe\x8b\x89\xf8\r\xa8\xb6P"</t>
  </si>
  <si>
    <t>b'\x94\xa2\xcdE\xa7,\x9b\rz\x0e\xb9&lt;\xb4k\xc5\xd2\xe3IJb\xaeS\xef(\x8f\xc3h\xc5\x91N\xe1\xe4'</t>
  </si>
  <si>
    <t>b'd\x8c\x8f?J\xaf\xef\x9bSc\n\xaf\x14\xab\x90S \x1c\xf3\x80\xeb,)\xc0\x82\x1f\x1at\x17\x84\x88\xd2'</t>
  </si>
  <si>
    <t>b"L\xd2\x1e;'LA\xfe\xd9u\xa8d\xaf^R\x92\\\xcd\x9d9'\xbfb\xe8{`\x8e\x0f\x06\x8f\xf8\xb1"</t>
  </si>
  <si>
    <t>b' Yf\x1fK\x08y\xd5\x90P\xa7\xaf\xc6RU1o\xe8y\x9b\xd5;o\x9f\x08B\xe5\xaf&gt;\xad\xf9\x02'</t>
  </si>
  <si>
    <t>b'+\xf6\xdf4Ad\x19\x8eYA`\x0b\xc3\x17:\x93w\x9cC\x8e\xb5\xf83\xca\x93dY\xb58\xed\x14\xa0'</t>
  </si>
  <si>
    <t>b'\xd5\x80\xb4H\xf3\x996gN\xc2\xec\xd7M\x16\x07\xfb\x04vol\xff5!\xc1\x08\xdd\xb6\xac~c\x11F'</t>
  </si>
  <si>
    <t>b'\xed\xa2R\x16"M\xa1S^\x84\xde!\x90\x8f\x8f\x14\xf4\x90\xe6\xe1\t\xd0(\xbe\xbb\xe36\r\x15\x81]a'</t>
  </si>
  <si>
    <t>b'\x89\xff\x92K\xbdO\x9cb\xb9Z\xbc \xe9\xec\xa9K\n\x04\xa69\xaa\xbd;\xf5\x81\xedV\x01\x19\xfbn\xe1'</t>
  </si>
  <si>
    <t>b'2In\xe1\xfb\xa6\x8f\xf4\xedD\xdaR!v\xb9{\xd0.\xc0b\x82\xeb\tu\xdb\xd6~\xd5\xdc\x19\x9e\x11'</t>
  </si>
  <si>
    <t>b'\xa9\xf1F\x88\xfb\xb3\xa0\xa9\xb5\x7fj\xf5\xdb\xd9\r7\xec\xeb/b\x04\xcf=\xc4\x86\x98\x8fw\xc0\xa9j '</t>
  </si>
  <si>
    <t>b'\xef\x1a\x19\x07\xae\xec\x9c\xa4\x85\x97\xd3\x12\xe4c\xaf\xef\xde\xa0y\x98\xc3\xf3\xa6\xeb\xf1\xe7)\x02\xa0\x17p\xbc'</t>
  </si>
  <si>
    <t>b'\xb3N\x86\xdeV2\x96c\xf4j\x97\x90"\x8f%\x14\x06A\xdb\x9dx\xb8,\x8a\x11\xd5#d\x98\x0c?\x16'</t>
  </si>
  <si>
    <t>b'\xf3\nV\x88\xafyi\x8b\xcd&gt;\x86s\xfb\x9a!f\xe8\xf6\x08\x1d\xb8\xac[\xd1\x0f\xaf$\xafu\xd8{y'</t>
  </si>
  <si>
    <t>b'\xcd\xf4\xfc\xa4\xd0\x98\xa2\xb7R\x08\x00\xf4\x86\xe7\x8f\xaa\x1a|NLa\x8aB\xf5\n\x8fF\xfb\x93\xed\xf62'</t>
  </si>
  <si>
    <t>b';\x93/\xc2\xcd\x14\x970R}\x8ci\xcd\xa3\xf2\\?\xf9\x92\xc2\xeb\xeb\xc3\x8d\xa2\x06\x13v9\xf2\xc0l'</t>
  </si>
  <si>
    <t>b'U\xf3L\x1d\xaeB|\x83\xe4\x1f\xd7\xd9\xe0\xe0&lt;\x14U\\\xc2\x12\x1d@\xa9!\r\x8c\x04[Y\x03e@'</t>
  </si>
  <si>
    <t>b'kw\xff7\xe3\xec\xb3V;\x10\xc5\x82H\xadTk\x84\xdc.\xb3\xcf\x003\xb8\x03\xdf\xcc\xc4&gt;T8U'</t>
  </si>
  <si>
    <t>b'a*\x04P\xaf\x90S\x11\xce[&gt;=\xder\xb1PuX\x10r\xaf\xd7\x9e\xbb\x0cg\xc3\x8e\xd9R\xfa\x86'</t>
  </si>
  <si>
    <t>b'\xe8\x14\r\xeaUz\xf5\x96\n\x82\xf7\x07\xcd\x06\xfa}l\xae\xab\xc3\x15?\xafo\x839\xb7Acl\xc61'</t>
  </si>
  <si>
    <t>b'_\xfe\xd2x\x0c#\x95,z U\xb7\xe0HfL\xfd\xb0P{`lt\xf7\xd8\xf0\xa6\xb6\xff\x05\xd0h'</t>
  </si>
  <si>
    <t>b'\xea\xfa\x00\xd5\x80\x1d\xdbqi\xc4\x8b\x13\xb9S\xcf\xa5\xef~&gt;=\x1c\xe5\x1bu"w\xa4y\xd7@M\x9b'</t>
  </si>
  <si>
    <t>b'\xd1*\x90\xd3\xb9\xdb\xdd(Fp\x1b\xb4CSG\xbb=\xdc$\xfc\x8b\x94GF\xc0\xf7l\x88Jc*o'</t>
  </si>
  <si>
    <t>b'\x90\nm\xef\x8c\xe8\xa8.\xc9\xd3{\x9f\x00\xe2\\nT\xd0\xcb\xbc\xf4\xbabN\xbf\x1b\x02F\x17~\xca%'</t>
  </si>
  <si>
    <t>b'{\xe1\xfc\xd2=\xb8=Qu\xb2\xd1\xc4e$\xabG\xaao|\xa4\xc7\xd4\xb7\xf4\xb0\xcf\xddU\x8am\x83\xb8'</t>
  </si>
  <si>
    <t>b'i\x94!\xdei78dE\xff\xd7\xc2\xcb\x00\xf1\x827Ex\xafi(\xca\x96}c,\xcd+Pd\x83'</t>
  </si>
  <si>
    <t>b'\xfc\x19\x9c\xd2\x84\xf6\xe6\xd7\x89\xbb%Xd5&lt;\xaf\x8c\xde\xdf\xb9 U\xd28\xad\x1fa\x1e\xf5#"h'</t>
  </si>
  <si>
    <t>b'\x9fN\x18X@T4\xa8\xb2\x9cb\x17.\xab\xac\x83t\xf4\x8bI\x00\xf2n\x96\xfb\xc8\x1f\x8a\x16&lt;1\xe7'</t>
  </si>
  <si>
    <t>b'\\\x8f\xd3\xa7\xbc\x18\xb1&amp;\xda\xd3p\x80e\xf1v\xf0j+\xdb\xf7\xaf\xbali\xf2\x12h/\xd9r&amp;v'</t>
  </si>
  <si>
    <t>b'\x90\xc6\x7f\x1cL\xa3\x11\xaaC\xa4\xc4\x17\x83k\x10\xee\xdd\xbd11\xb2\xea\x8b\xac\xbd\xc9\xb9\\\x8c(U\xb1'</t>
  </si>
  <si>
    <t>b'\xec\xcd\xc7\xba0\xb9\xaf\xc9\xd9O\x08HX\x10\xe6\xf2\xc1@H=V\xbbV\xb9\xb3\xe6c\xf7\xec\x05\x8c\xe4'</t>
  </si>
  <si>
    <t>b'\x01%~U\xc0\x1f\x16\x83\xec\x1e{X\xcb\xea!\x8d\x10\x8a\xd7\xb4\xd0\xb3\xa8XF]\x02\xeb\x13\xeeT\xa6'</t>
  </si>
  <si>
    <t>b'\x02iQ\xd0\x0eJ\xea\xe82\x87\x7f\xad\x88\x03\xea\x8b\xd9N#@\xabs\xfaiQ\x11\xee\xba\xf7\xfc\xa0~'</t>
  </si>
  <si>
    <t>b'xU\xdc\xa8\x80\xe5\xe92\xda\x83\xc7\xea\xaa\xf9\x9b\xebf\xa2\x8f~\xe7$\xce\xfa\xd9\x88/\xd4Dj?\xf8'</t>
  </si>
  <si>
    <t>b'\xe6=\xcb\xf0; ;\x8e\x85\xed\xe3\xce\\\xe9P\xf3\xab\x83\x14\x97\xbb\x15JT=|\xc0E\xe5o\xb1\xa0'</t>
  </si>
  <si>
    <t>b'\x02\x19\xbc\xfa\xf5\x8d\xdb\xa0{s{/\xa5\xff\xce\xcc\xf8\xbfIx%\xb1\'\xa2"\x10_K:\xcfA\xe4'</t>
  </si>
  <si>
    <t>b'b\t,m\xffE\xfc4e\x06ab7\xd2\xe8T\xb1Kd|vN\xbd\xeeS{\xc8c\x06\x8a\xb7\xbb'</t>
  </si>
  <si>
    <t>b'\xe6\xc3\xe8K]\xd4\x9dx\xaa\xba\xa0\xf0\xde\x83D\xa1~\xb8\x18\x88\xef\xb4\x83\x05\x15 \xbe\xbb\x16\xd9\x03K'</t>
  </si>
  <si>
    <t>b'\x19\xf3\xbd\xe1\x97d\xddm\xc4\xd2\x7f\xe9\xe1\xc3jf\x94\x98\xb9\x9f\xeb\xfdH:z\xdf^PS\xc7\xae!'</t>
  </si>
  <si>
    <t>b'\xf6\xc3Gj\xee&lt;\x0f\xc3\xf1\xa4\xa9\xea\x0f\x16s\xcf\x9a~\xe3l\x82\xb7jl\xa0AUZ\xd1\xdd5\xd6'</t>
  </si>
  <si>
    <t>b'\xd6\xb4\x9bU\xb2\x87!(jw[Et\x7f\x92?\x86\x9d&gt;oe\x94\xac\x0b\xbc\xb0b\x15\x957\x95\xe2'</t>
  </si>
  <si>
    <t>b'\xfb\xcd\x11\xfd,\x8c\x91^\x18(n\x1fm\x0b\xd5\xf8\xa1\xca\xa7\xe2\x8eZ\x16VL#R\x9fP\x14\xd1\x92'</t>
  </si>
  <si>
    <t>b'\x91\x07I\xa2/\xb5\xff\x8a\xc1^{[h=\xc4\x89\xf8\x86+2\x03\x1a\x92\x90\x01M\xbe\x8a\xa85\xca\xdc'</t>
  </si>
  <si>
    <t>b'P\x1b\xc6\x10%\x81,\x824\xc4\x1f\x1e\xa8\x90\x9a\xa6\xf5\xe9\x99\xfe\x1a\x89\x99f\xcb\x9a\xe8\x0e\x9d.\xe5\x07'</t>
  </si>
  <si>
    <t>b'T\xf3+\xcc\xb2wC\xfc\x1b\xddE.C\x00\xcc\x9d%\xb4 n\r\xa3\xb2\xc5\xda-I\xbc\\tm\x86'</t>
  </si>
  <si>
    <t>b'vI\xd0\xd1\x8c\x8a:\x96\xb5\xf0&lt;\xc4/\x88\x067#\\\x19U\t\xcd"\x12z\x06\xc3\xc5\xb2\x92\xeb\x01'</t>
  </si>
  <si>
    <t>b']\xa2j*F\x88\x90\xb0]\xa3\x05\xcc\xd9\x80\x974d\t\x92\x90b\x17\xceX\xb2\xf4om\xaadY\xb1'</t>
  </si>
  <si>
    <t>b'l\xfa\xddU\xd0\xcf\xf4\xa9\x8fv\xdc\xb5\xc1\xf3\xcc\xa6\xe9\xe0\xcb\xe1:\x11\x8d\xf3\x9fh\xbb@\x81\x1c\r@'</t>
  </si>
  <si>
    <t>b'\xcb2\x91,\xb8\xd8\xd1\xab\xa3\x83~\xf5f\xa3\xfb\x13\xeeM\xb0\xa0\xbe\x8d\x9dm!\xae\xb9\xd4\x05\xad\xb4\xbf'</t>
  </si>
  <si>
    <t>b'\\\x98\xc4bK:\xa75\xc0\xeau\xc4\xe81b*\xc0\xe1\xb9M;\xd6\x80Vm\xbcRT{\xf9)\x08'</t>
  </si>
  <si>
    <t>b'\x8em\xb7\x9cq\x0e{\xb5\xa5\xdd^\xa5\xeds\xa4\xd0\x9b\\%e\xa8\x8e_\x88\xa9\x87~\xd8B\xa7L8'</t>
  </si>
  <si>
    <t>b'\x9dx\xa7}\x8f?\xfbk\xdb\x86\x9b\x07\xba\x84\xe3\x9ae%z\x8f\xe5S\xcdz\xc1a\xb5\xdd\x88$\xff\xdf'</t>
  </si>
  <si>
    <t>b'\xa3|f\xba@D\x15)\xee\x19M\xa4P;%\xc4\x04\xc7f\x0fx$R#\x87\xd2\x0c"#\xeeX\xcb'</t>
  </si>
  <si>
    <t>b'\xf7\xc5\x1e\xa4\x84~\xfb\x08-\x01\x9f\xae\xf7\xbd\xf3\xcc\xfbl\xe0\xc3\xe52\xd3\x8fK\xe7R9\x875\xe9\xfe'</t>
  </si>
  <si>
    <t>b'\x192\x8b\x11\xb0\x96\x7f\xa8V`rxm\xa7\xff\xe8\xa7\xd4\x1a\xcd\r\xdb\xd0\xc8w\x8exhD\xe6\xe1\xdb'</t>
  </si>
  <si>
    <t>b'\xc8\xb9\xffz\x81*\xda\xd2/\xefN7\x02\x86Yu\xe92\x7f\x96\xac^\x1e/_\x0f\xb5\xea\x03\xee\x89c'</t>
  </si>
  <si>
    <t>b'\x8bH\xe0P\xd4\xb9\xc6\xe4\x81\xac\x01\x99\x08G\xb4\x17\x82\x1f{\xffR\x91P9\xc2\xddiT6\t\x19\xde'</t>
  </si>
  <si>
    <t>b'c#WI\xd8U\xb3\xb1M\xfe\xe2S\x16z#\xcb&gt;&gt;\xaf(\xe0Y\xd3Jve\x96\x9e\xa35\xa8\xa6'</t>
  </si>
  <si>
    <t>b'\xa6\xeeO\xc4\xa8(\x84e\xa5\xef\xd7[+_\xeb/D\x14\xb0\xde`=\xf1L\xa9s{\xe9\x11\x9a\x94k'</t>
  </si>
  <si>
    <t>b'\xca#\xd3\x04\xdf\x94]\xc2\xaa\xdd\xd7u\x083\xceg}U\x1e\x15\x8d\xdeC\xc4\xa5/\xc4\xa6\x0c\x16\xdf\xa3'</t>
  </si>
  <si>
    <t>b'\xb6\x19e\xc9\x93\xea\xb7\x94\xa8\xfa\x1e\xee.\xa01\xd21k?\x808\xf2\xd8Up\xac[\xf4E(a\x93'</t>
  </si>
  <si>
    <t>b'F\xb77\xebaN\xc1\xb7\xaf\x12@\x10;\x0cCGLd\x15m\x82s\xfc\x8b@@,\x11v\xff\x8b\xe6'</t>
  </si>
  <si>
    <t>b"\xb1\x81\x1b\x01\xb5\x96#L\n\xd8\xc3\x94'\x80T\xe6\xea\xf2\x80\x9c\xbb\xc9 \x91\xb7'\x89\x1d\xf9\xe5\xa1\xf2"</t>
  </si>
  <si>
    <t>b'b\xd0\x11\x10u\xb5\x07\xa4\x16\x83H!\xbb]\x03="\xc8y\xdc\xe1\x005\xa7\xe5/\xe8\x8c\x8c\xf2\xc9V'</t>
  </si>
  <si>
    <t>b"\x1f=\xd4v\xe1\xd3IJ\x99\xd6\x80\x99\xfb\xd2(\xf0\xf0\x8dZ\xb7\xcc '\xfc\x85\xb9Fh\xb2\xc7\x92\xdf"</t>
  </si>
  <si>
    <t>b'\xb3!\x17\xe9\x02\xe8\x12\xf2\x1e\\\x13\x080\xb7t\x10\xcd\xb4\x9f\xd0k\xdde\xb6\xd2\x950\xfc\x17e\x91\xf6'</t>
  </si>
  <si>
    <t>b'\xb0\x1d\x19\x90?\x98BU\xee8\xb6sE\xd4W\xd1n\xc2fC\x9e\x18\xb6\xd5Y\xd0,\x835\xef_Y'</t>
  </si>
  <si>
    <t>b'\xe6@0`;\x0f\x9e\xd9\xa6\x08\xb8B\xde?/m\xb1@\xae\xc9\\\x8a\xe6"\x97\xc0\x9d\x9c\xe6\xadIF'</t>
  </si>
  <si>
    <t>b'\t\x96\xe4\xe6q\x0f\x94\xb8#\xd1:\x9a\xfa#\x1d\xf6\xac6\x12K\x88\t\xb3\xdf\xff\x7f\xb9\xdf\xeb/!\xa8'</t>
  </si>
  <si>
    <t>b';z\xbf^\x93_\xaff\xf07\x05\x87g\xec\xa6i\x0c\xb8\xb8\xb2\xe8\x9b\xe0M\x94\x95\xf5a\x1f\xe0A\xaf'</t>
  </si>
  <si>
    <t>b'\x8eA\xea\t\xea\xf8\x94\xd9\x19\xc0\x11\x97\xf2\x88\x15Q13\x91\xc6\xf8\xef\xf2qy\xa6\xea\xba\xdc\xcf\xeb\x96'</t>
  </si>
  <si>
    <t>b'\xa3\xa7\xc8\xab\x19:+\xe2a\x99I%Q\x03!2\xf3#\x91`&lt;K\x05\x7f\xa6\xb9\xf8\x12\x02\xc0n\x82'</t>
  </si>
  <si>
    <t>b'q=.\x88\x94\xfd+\x1c\x9e\xbcb\x8d\xa5\xe3\x96\x90\x01\x00\xd7F\xa4,L\xf7\xa9\xd1nh2\x8c*\x1a'</t>
  </si>
  <si>
    <t>b'Y\xecE$\xdf\x05\x1b\xf7V\xdd5\xbee\xf4\x90\xde\x87-\xf8\x04\xbd\xfe\xda\xecc\xc1\xa0/\x10|z\xde'</t>
  </si>
  <si>
    <t>b"\x9b\xb2?mW],mE0\x1f\xb6\xd7\x1c&amp;\xa6\x81\xef\xb0\x8a\x88\x05\xefQ\xf4+m\xf3'3\xe3\x01"</t>
  </si>
  <si>
    <t>b'\x9dAM\n\xfc\xe8&lt;\x11\xb3\xde\x8aFCG\xfa\xb0\xe0\xb4\\\xfe\xe3o/\x90\xc7h\xa8\xea\x91b\xca\x06'</t>
  </si>
  <si>
    <t>b'\x16\xcb\xf3\r\x12\x86\xb4\xccP%\x9e\x87g\xf1\x85\xa5_\x0cPD\xb3\x8b\xe4\xf6\xdd\xfag\xe4\xb8\xd7\xb4 '</t>
  </si>
  <si>
    <t>b'\xda\xdc\xb7\x02\xaa\x12\xfbBg\x04\x0f\xe9\x91\xd1\x87b\xe5\xc4\xd0)\x06\xa7\x16&amp;\xf7\xd6\xb8$\xab0\xb5\x00'</t>
  </si>
  <si>
    <t>b'\xcf\xa6\xde\x12\x9c\x15DG8\x11\xa0@\r\xcdO\x96\x98,x5\xc1o\xe9\xd9aX\xd1O&lt;G\xaf\xec'</t>
  </si>
  <si>
    <t>b'=D\x8a\x85\xd4d\xe3\xb1\xbe\xe2\xc4?\xf0Wh\x1dr\x14J\xb9!?\r\xd8\x0cj\xf0zG\xaf\xf0b'</t>
  </si>
  <si>
    <t>b"\xfd\x0f\x16\\\x9dZ\x84?\xd5\xbb\xbc\xc1\xc6hdK_\xf9\xc4K'\x7fN\x94\x14\x93\xb9\x0f\x13\xbd\x0cG"</t>
  </si>
  <si>
    <t>b'\xa3 ,\xb8c\x1c\xd3}\xf2\x92\xc0\xd8\x90T\xe6\xbbo\x0e\xa5f\xb1.\xdb\x83\xd0\x05\xda\xbc&lt;\xb1\xf6\xe5'</t>
  </si>
  <si>
    <t>b'\xac\xd8f$\x0b\x95\tm\xda\xab\xeb0\xde\xcbI\xb8\xe7\xe19\xc7\x04\xc2\x14\x07\x08\x88^/{\x87\xe4q'</t>
  </si>
  <si>
    <t>b'\x11x]E\x91C\xb7\x055\xec\xc3\xa6D\xeb\x0c\xb94\x8cr\xdf\xf0\xa0t\x88\xc7\xb1\xcd\x96,t2e'</t>
  </si>
  <si>
    <t>b'S\xf7VN\xafr\x0e\x1d#}\x0b1\x0b\xcd\xab\xaf\xac$8\xcf(\xa5\xb5\xdd\xaf\xfd\xf0\x81:Z\xb7\x07'</t>
  </si>
  <si>
    <t>b'\xb4\xd7\xb3f\x88\x92\xee\x0b[\xf4\x9b*\x96\xbc\x87\xffj\xb1dd\xb7\xefg\xdf\x8f\x84\x0c^V\xb7_O'</t>
  </si>
  <si>
    <t>b'$~\x1e%J\xf9]\x83\x19\xb7tN5\x14\t\x9e\xe3\x8b\x97\xd2E\xf2\x85\xc46\x97\xaa&gt;\x13V\x1c\xd1'</t>
  </si>
  <si>
    <t>b'\xd0\x10\xdf\x814!]-\x9bb\r\x14I\xc9.%\xd4\xc9C\xd8dC\xefpM\xe6\xdcG\x1a\xd2\x0f\xae'</t>
  </si>
  <si>
    <t>b'\x19k\xf6DVT\x0b\nn\x019^\x04N&lt;&lt;9\x01\xa5\x01no\x0e\xfb1%~\xce\xd6\xbc\xc9\xbb'</t>
  </si>
  <si>
    <t>b'\xea\xdaQ\xf3\xe4\xb2n\x81o\xd1\xd1\xab\xb6LTF-E\xc0\xc5\xe7fPa\x88"\x04\xc9T-\xd8\xe5'</t>
  </si>
  <si>
    <t>b'\x1fH\xda\xbc\x1e\xbe~\xba\x9c\xc3\x90u\x9d\xc6a\xeb\xca\xdd\x95\x0b\xf1\xbc\xd6\xea?"\xcf{O\x99\x9cA'</t>
  </si>
  <si>
    <t>b'\xf8\xb88\xbc\xcf\xb4\xfff\n\xd6\x1e-\xc6\x9f\x1f\xb0\x88\xf9\xeaOZ\x05\r\xe4\x10\x90k6\\*\xeb\x9c'</t>
  </si>
  <si>
    <t>b'\xaa\n\x008c\x14\xcc\xcdb\x835a\xfcF\xa2/\x1e\x01\x95T3\x91;u\xa1\xe5=p\xf2{\xaf\x13'</t>
  </si>
  <si>
    <t>b'\x91y\x18\xbd\xe0_V|\xdd\xc5\xc0=s3K\xeb\x1f|\n\xcbI\x14\x0c\xb3e\x9c\xf9\xa0\x1a\xf0R8'</t>
  </si>
  <si>
    <t>b'h^\xaf\xff\x1b\xfey|\xfe\xdb\xacH\xa0\x9c\x90 \x06\x98\xa7 :\xafB\x82\xc8\xf5d\xb1\xedY\xd5s'</t>
  </si>
  <si>
    <t>b'\x91:\x92\x84P\xbd\xde\xf4J\x90\x87\xd9&gt;\x02ir*\xf6\x84|+\n\xcc%\xda y&gt;Hz\x92i'</t>
  </si>
  <si>
    <t>b'\xe2\xd62hB\x01\xa9\x9e\x88\x12\xe68\xad\xd7\xda\xcc\x87*q\xf43ok`n,\x92\xb9\x9f\xf1w\x1c'</t>
  </si>
  <si>
    <t>b'\xe9\xd8\xf4\x01\x91r\xaa\x8f\x89(\x8aY\x8c\x9e\xf9?|\xddL\x8f\xe5\x15\xbdJ\xb3\x97\xb2#\xda\xa9\xb1p'</t>
  </si>
  <si>
    <t>b'\x91\x8c\x90XM\x9c\xe3\x1b\xd7#\xac\x90\xe0\x1ax\n\x9fjzHDns\x18\x17\xe6\xc7\xaf#fa\xee'</t>
  </si>
  <si>
    <t>b'\xb6#\xf2\xe1\xff\xd8\x92a\x03\xc3\x1f\x0e?UFA\x08\xa1\x95\x8a\x19\xfcO\x9cc\x1f\xb2\xb8\xf6X\xf4\xfb'</t>
  </si>
  <si>
    <t>b"\xb1\x84\xc1\xb1'\x0b\xc3\xa4 _\xce\x01)\xac\xae\xdcV\xd2\x02(F\xdcm\x1a\xa0A\xdb\x81\xb5\xbe\xb07"</t>
  </si>
  <si>
    <t>b'\x1d\xa1\xc6\xdf\x04\x9ax2\xae\xdf\x9d\x8a\x83\x99O\xdd;\xe9eC\x92Q\xc4\xaf\xb9\x93K\xe1k\xffJe'</t>
  </si>
  <si>
    <t>b'zR)\xc38\x92\xf2\xd3\xa5\x0f\x9f\xdeK\x81\x1a34\xfe\xf1S\xa2\xac;X\x0c+i(L\x1e\\\xd8'</t>
  </si>
  <si>
    <t>b'T\x91\x13Y\xea\xf9\x92@"\xaf\x87\xa1\x16R(j\xf3\xb7D=\x17\xba\xbc\xc6\x93N\xd6\xc9\xc7Y\xb4&lt;'</t>
  </si>
  <si>
    <t>b"\xa0\x1a\xa9'\x8eS\xfb\xb3\xb1\xb5\xeeoJj[\x02\xf9\x80p-\xb5(\x85\x15}\x9f\xeb\xa98\xdd\xdb\x0e"</t>
  </si>
  <si>
    <t>b'\\Z\xa9o@\xcdT\x0b\xa1\xe2X\x8fEv\xb1\xed\xd7\xc2\xb4Fp\x1e\xc6\x0e^\xccs\xd4&gt;\xc1\xa8\xaa'</t>
  </si>
  <si>
    <t>b'\x16\x02\xa8\x94!b\x97\xb3\xd7\xe2\x99\xe8\xfdG\xc5\x806\xcb\x8c\xa6Z\x8dt\x15\xe4\xf5N\xb2\\\xb2\xc0\x0b'</t>
  </si>
  <si>
    <t>b'\xbblN\x9e\xf8\x94\xbf\xda\x95\x85Og@\xcd\x0f\x9b`K\x8f\x91+d\x81\xd2\xd8\xbdv\x8b\xfe\xecF\xc4'</t>
  </si>
  <si>
    <t>b'\xdczY\xc0\xa9\x06\xe3\xb5\xa1\xb1\xa0\xb2\x82q\xdb[\x0e\xdfM\x97\xf88:\x93\xef\x8b\xbc\x9fE%\xa5\xfc'</t>
  </si>
  <si>
    <t>b'\x0c5\x1d\x1e\xd4Q\x8f\xbf\x03\xa9{a\xc9X;\x83\xc5c\xd4\xe4\xb6\xd7\x9a\xb6\x0e\x8f\xbd\xbc\x95\xaaK\x05'</t>
  </si>
  <si>
    <t>b'\x81\xc0\xe6\x16\xff\x12\xdb\xfcZs\xcb,j\xe2~\xc86\xda{\xd7\xa5\xc0\xdeP*\xd4\xc5\xcax\xabg\x96'</t>
  </si>
  <si>
    <t>b'\xd8"x\x99\x7f\x93\x0b\x92\xa3\xa1E\x8ae.z\xcb:~\x88op\x9d\x04\xd5/\xd0UY\x97\x9e\xd34'</t>
  </si>
  <si>
    <t>b'~X*G=t\xb2\x0b\xa0\xaa42e\xe5\x8b?\xd0r\xf2TQL\rC*\xfe\x90\xb2\x82q\xf7\x1a'</t>
  </si>
  <si>
    <t>b'vBarKbx\xab\xc8/h\x00\xf6f%u\xeb\x8f\xd0,\xe8&lt;Y\x94\x83\xe4\x7f\xb4o#\x9d\x92'</t>
  </si>
  <si>
    <t>b'5T\xd3E\x9f\xf9\x8f\x13HT\x9as\xd0\xf7\x88z#_\xbd\x15\x90\x98\x86\xe1W\xcd\x10\xb8\xec\x02\xb1n'</t>
  </si>
  <si>
    <t>b"'\xff\xd4.S,\xc1\x12\xfa\x19(\x19\xe4\xa3\xa9\xb8},\xee\xa5bB\xd1\x00\xf3P\x8a5\x14T}\xa6"</t>
  </si>
  <si>
    <t>b'\xf4\xca\xe6N\xf2\x1b\xba \xc8\x99\x9a\x8e\x8e\xc5\x19\xcd56\xea\xf3\xf7}\xe5\xc5=\x8bA\x0b\xac/\xa1e'</t>
  </si>
  <si>
    <t>b'*c\x1a$\x0b\xdbH,\xf8\x9a\xe0\x18SX\x9a#\xa7rO\xcaqf|a\xac\xd8\x03=\xa0\xab*\xe2'</t>
  </si>
  <si>
    <t>b'\x84\x9b{\x97\xd3\xf9Mqu\x10\xf0\xfe\x16qp\xbf-\xce\xdc\x9b\xd1\x04\xdf\xf3l\x01:\x0e!K6U'</t>
  </si>
  <si>
    <t>b'\x1b\xdb\x10x\x1f\xaf\xad\x10vt\x10\x92w\xa7\x07\xba\xa8\xb7\x02A\xe4g7M\xd6\x1d\xcc\xc6f\x1e\xe4\xec'</t>
  </si>
  <si>
    <t>b'3\x06\xe0%\x92\xdf\xcbL6\x0e\x88\xb1\xedl\xc3]\xffz\x93\x13\x19\xc5\x84\\\xe5P.p\xd6\xf8\xc7\xe2'</t>
  </si>
  <si>
    <t>b'\x07\xc9\x9e\xd7\xd1|,\x19b\x8f\x07%*\t\x08&gt;g\x06\xa7\xbbbr\x11\x855\xe4EN\x95\x06\xfe\x97'</t>
  </si>
  <si>
    <t>b'\xb6\x12 \xc0&gt;A\xe9\xcc\xb8\x00\xc7\x8cZK\xb1U\xb8\\mZ\xc2\xce\xe2\x98\x12u\x12Bq0Y\xa9'</t>
  </si>
  <si>
    <t>b'=\x12\x08z\xeb\x8ag\x90|\xf7c\xbdo{\xb6A\x15\xe3\xad\xe8\x00\xd1m\xa0\xa9\t\x00\x98^\x04\x15\x1d'</t>
  </si>
  <si>
    <t>b']\x8f\x11\x01\xf1\xa3\x0b\xe6\x00B\xe8\xce\xba\xe1\x05\xad,\x03\xc9\x1d\xe2NZs\xa7\xf6\x147?\xb2\xddE'</t>
  </si>
  <si>
    <t>b'\xaf\xc2\x97\x87\x15\x05\x91\xe8N\xd4M\x017\xc0\x82A\xf0\x80\xa9\x0b\xd7\x93\x13W\x8c\xad\xaf\xe0\xbb\x9a\xf1\xa9'</t>
  </si>
  <si>
    <t>b'w\xdby.\xfa\x82\xd7G&lt;\x97\xe4p\xf8!\x03IV\xd9G\xa1C\x80_\x93\x84\xba\x96\xa6\x85tY\xc7'</t>
  </si>
  <si>
    <t>b'(\xbc\xbb^\xe02\xa8\xb2\xcd\xcb.\xcc]\xf4\xbc\x95\x9a\xea~[\xbaEJ\x1e-d\xed\x91o\x0fy\xdf'</t>
  </si>
  <si>
    <t>b'Uf\x87"iqZ\x13\x02"Q\x83\x1f\xe6 \xdeq+{#\xffu*q\xefI\x81\x08t}\x81S'</t>
  </si>
  <si>
    <t>b'\x16\xb7\x8fm\xdaBG\xb4\x82q\xbc\xdbGS&amp;J_wK\t\x9a\xd0T-\xe3\xa3b\x15c\xd3\xfd\x1f'</t>
  </si>
  <si>
    <t>b'#\x00\x8f\x07\xe9]\x14\xeb\x8a\xe7\xd3\xeb\xa6\x99v\x1d:)^\xd2\xee^w\xf3\x84\x89\\c\xaf\xb8\xf7$'</t>
  </si>
  <si>
    <t>b"\xf4\\\xc1\xf9\xda\x85\xcd]C\xa6\xf4\x17$D\xce^`\xe2\xf6\x02m\xc0k\xafLq\xea\x1cg\xe3\x13'"</t>
  </si>
  <si>
    <t>b'\xf67\xab\xf7\x13\x0c\x14\xe46\xe9\x93\x19F\xcfL\nN\x98G;\xe2\x84\xd5\xa45\xc6\xe0K\x1b\x1f\x9f+'</t>
  </si>
  <si>
    <t>b'5L\x85\\\xa4\xc9\x17\x89\x81:\xa4\xfa\xcb\xff\xf07D\x96\xa6\xe2\xc0\x19\x8d\xf9\xcb\x00\xd8\x0cM\x0bM\xf7'</t>
  </si>
  <si>
    <t>b'\xfcF1\x86\xe80J\x8e\xfe\x1c|\x12&amp;\xf2\xd3C\x0c\xe4\xf2\x02\xb1\x889s\xac\xe5G\xa9$\xffz\x94'</t>
  </si>
  <si>
    <t>b'\xc2\xf4\xeb\xd2\x00\xba\xc5\xce\xdd\x9f&lt;R\xa1\xc4|\xd8!\xa4\xb5\xb9d\x81|\xbb \xe2\x03\x88^k\x8ed'</t>
  </si>
  <si>
    <t>b'\xa8J~$\xd8.\x83\xef`\x9c\x1d\x13N\xfb\xf3p\xb4FNM\xd0\xf0\x86D\xed\x81\xbb\xdc=\x13\xbfC'</t>
  </si>
  <si>
    <t>b'?\xc5\xcbe\xa4\xf2[\xd0\xfdV\x0bd\xf6U\xbd;\xc6U\x0f\xa9\xec\xb8[K1\x1c\xb3\xc8\xe6\x899v'</t>
  </si>
  <si>
    <t>b"\xaa\x05\xebb\xd8\xa0\xc1\x12JO(\xe8\x81\xa9\xff\xd9\xee\xbf\xda'\xc9\xf16\x0c\x11\xfa\xa8\xab\x93\xae#\xa8"</t>
  </si>
  <si>
    <t>b'\x1f\xe7\xc5w\xeaK\xe6u\xce\xe9\xfeAO\xbd:\x92\x01\xa8\xcc\xcb\xec\xab\xc5\xbay\xc8F\x84\x0cT\x07x'</t>
  </si>
  <si>
    <t>b'a%\x937\xa8\xbfr&gt;\xc9\xba\xe9SLM\xa2\x08\xdb\xd6\x07\xaf\xf2\xc4NV\xed\x9f\xf0\x89\xa0\xeb\xff\x00'</t>
  </si>
  <si>
    <t>b"'\xf7{H\xe5x\x96[\x9f\xba\xc0\x90/\xd2\xa4\xfc;\xbd\xcd\xd0\r\xf3\xc4\xd2\xbeO\xee\xde\x82\xe6\xff\x07"</t>
  </si>
  <si>
    <t>b'\xfe\r\xd1\xa2\xbe\x8aG@\xc0\xd8\xfd\xd89\x10\xf6\xa2\x9d\xfdE\xce\xce\xc6\xcdZ4i\x8aA\x90X\xde3'</t>
  </si>
  <si>
    <t>b'\xc5\x9f\x80x\xd6\td\x9f2kH\xd9\x93\xd6M\x07\x94\xea`\xef\xe4O\xaeF\x1c\xdb\xbd\xcd\xb2\xcb\x85\x98'</t>
  </si>
  <si>
    <t>b'\x84\x97Y^mb\xd1\xfd\x0e\xe1\xefOa3\xca`\xc1\x96S\xc6\x10\x8d\xe2\x16_J\xf8\xaa4O\xe2,'</t>
  </si>
  <si>
    <t>b'\xd3\xf5\x97\x14\xad\xab\x0e\xd5\xb2\xd5&amp;\x7f:\xbb\xe3G\x19\xe7|` 8\xe2\xfe) \xdc\x08\xc7O\xcb\xd4'</t>
  </si>
  <si>
    <t>b'u\xb5\x14c\xf1\xab\xbb*o*YT\x7far\xac\xa6.l7\xa9\xd7G\x16*lR\xef\xe4\xfd\x0fN'</t>
  </si>
  <si>
    <t>b'7\xb2\xc3-\xb6\xe6\x10\x93E\xf7\xb7n\xc2\x88U\xbeP\xf7,\xbad/\xe87\x1a\x96\xedQ\xb7}tL'</t>
  </si>
  <si>
    <t>b';G\xe1(\x15(?\xe93\x8c\xb2\x88b\\\xa6\x1c2\xd6\x06\x8d\x8a\xf0\x81X\x07~J+\xec\x85\xb0\x06'</t>
  </si>
  <si>
    <t>b'l\xa2\xadLu\xe3\xe0\xac;\x84\xac\xa3\x98\xe3\x95t\x9a\xb5\xef\xda\x11\x84P\x1fw\x14\xc5\xa8\xf8m\x95%'</t>
  </si>
  <si>
    <t>b'\xc4\xaf\xd1\xc0$\x01\xdf\xfb\xcb{T\xd3\xbc0\xfc$\xb3\x90\xa9s\xeaT\x05X\xc9\xff\x7f\x82\xd3\x132\xf0'</t>
  </si>
  <si>
    <t>b'\r\xf9\x88*\xb5\x1c\x15~\x98l\xba\x93\x16\xce\x1a\x01\x83\x9dA+\xe8\x152[\x0e\xde\x89\t\xc0\x8c\xfe\x83'</t>
  </si>
  <si>
    <t>b'\x9b\xea\xb0Oh\x90\xf7 \x85\x93H\xf8\x15a\xcek\x01\x19?\x08\xbb\r&gt;\xc6\xd5g=\xef\xc5Ov6'</t>
  </si>
  <si>
    <t>b'\xb0\x9d:\xb8\xd0E\xbe\x1dx(\xa4\x9b4&gt;\xd4\xea\x932\xd5G\x9d\x03\xe7\x16\x9c}\xb6/\xad\x85\xd4`'</t>
  </si>
  <si>
    <t>b'\xfd(_l\xd1S\xf9TW&amp;&lt;m\xa3\x9b\xeb\x95C\xd9fL\xdbh\xa7;\xbc\xb4R#\xea\x80\x11\xbb'</t>
  </si>
  <si>
    <t>b'\xe2\xaa;\xb0\x8a\x88)\x0e,_\xee\x10i\xfb\x0e\xaa%1)\x03x}\xa6\xef`M\xff\x89z\xa0&gt;\xff'</t>
  </si>
  <si>
    <t>b'\xb0\x05\xa6\x9f\x12J\xfc\xf2\xc1]\xba\xee\xd1V\xde\x14\xb8S\xfa\xf1\xb1\xef\x8e\\\xff\xdb&gt;r\n\x05\x8e3'</t>
  </si>
  <si>
    <t>b'\xa75\xe5\x13\xe4\xdb\xbcR\xdb\t\x0f+\xfb\t\x1a\xbd\x85,\xec!\x919-\x9e\xf7\xa5\x10OIt\r\x9c'</t>
  </si>
  <si>
    <t>b'/6\x84\xb4dH\xd1+\x93\x97+BW\x0e6\xa874\xaf\x10\x89\x92E\xa9:\x93\xd8\xb5\xd6-j\x8a'</t>
  </si>
  <si>
    <t>b'\xba\x1e\x93\xf1B\xcf\x01\x1cL\xae\xb5KMCT@\xff\x17\x7f\xf8\xa6U\xb7I\x86u\x8d\\\x0b\x80\xbe\xb2'</t>
  </si>
  <si>
    <t>b'B\xabF\x06\x9c\xfd`rm\\w\xa4\x99\x8a\xe3&lt;)4\xa2\x85\x8c\xb6\x92Z\xb7 \xa4x\xb1\xfbQl'</t>
  </si>
  <si>
    <t>b'z\x99\xd502vea\x96\xff\xce\xc1\x8e~\x89\xc9\x0e|\xee\x94V\xc3\xf8\xdc\xb4\t\xbf\x8fub\xbbf'</t>
  </si>
  <si>
    <t>b'\x1a\xe5\xc8F\xf3\x17w\xee\x8a\x9c\xf1\xfb_\xbf^\xe9n\x86\xba\x1e\xe7j\xbdt[6/\xc8\xf6\xe7R,'</t>
  </si>
  <si>
    <t>b"'\xd8/\xd2\x9c\xd5\x05\xdd\xfb6\xe5\xbe\xe8\xc3\xa9%t\xe8\xad\x00\nL\x1b\x94&lt;6{\xce2U\x9b\xd1"</t>
  </si>
  <si>
    <t>b'\xde\x8a\x8c\xd2\xe5i\xbe|\xb5\xf5\xb4\xd1"\xd1\x92\x8d[E\xad\xc4%Z\'\xe3\x19z\x90\x01}5\xa9\x8f'</t>
  </si>
  <si>
    <t>b'\x05g\xa90\xad\xfe\x95W\xff+\xe1\xf0\x16\xb1\xc8\xe2\x83\x7fm7-/\xeb\x07u\x03\xecY\xe2\x9c&lt;\xb1'</t>
  </si>
  <si>
    <t>b'+??b\x7f\x03\x8c(\xa0lT\xe5\xdc\xc2c\xfc!\x04\x0e\xe8J\xc2\x14\xef`\xa3\xe3\xd5we\xdd\x16'</t>
  </si>
  <si>
    <t>b'_\x0c\xb9\xe4$WD\xb8\xe5\xcen\xf6-K\xdf\xeb\xe8\x83K\x11\xb4\x93B\xd1\xfa\xfd\x85^\x01\xf2\x9c\xaa'</t>
  </si>
  <si>
    <t>b'0\\\xd8U\x10\xee\x06)\xd4\xc2N\xf4\xa6rgx\xe9Lh-0!+\xbc7\x96v\xebP\xed\xb3\xc6'</t>
  </si>
  <si>
    <t>b'\xa0\xba\x88P)\xb9_\xb0\xa9\xf5\x1a\xc7\xdd\xcbM\xd6\xf9k\x0b\xe0\x97gTn\xe3\xae&gt;\xbak~__'</t>
  </si>
  <si>
    <t>b'\xf6\x89\xf1:\xa6\x9c\xfeE\xb2|\xe7\xb9\xb86\x16\x1a\xb1\xa5`\xe8\xd9\xee+p\xc5\xf5\t=\xcb\xc3\xe4\xed'</t>
  </si>
  <si>
    <t>b'\xba\xa0Rwq\xb1\xd9\xa0\xed8\xb3Rl\xf7]\x9f\x06\x11\xd2\xaf\nJG\xe0\xad\x0e\xd6@\xd7\xd3\xeb\xcf'</t>
  </si>
  <si>
    <t>b'\x1b\xe5\xb8\x8b9\xac4\xe2\x1b\xab\x1c\x9b\x05\x01\xcb\x98\xbf$3\n\xa8\x86%\xe9\x0c\xc03"A\xc81\xbe'</t>
  </si>
  <si>
    <t>b'a\xb6\x90c5\xf9\xa4\xd1\xb6\xaf\xf4\xe6\\\xfd\x91=u\x92\x91\xa8\x91\x12`\x91\x82\xe4\x83KP*\\t'</t>
  </si>
  <si>
    <t>b'\x0f\xee\x05\xf7\xa2yN\x11\x9e\x1a\x8b\xd9\x16\xe1y;\xc5Jy\xd2r\xe9\xa8\xcc\x1b+\xd7\xe0\x8c\xb4\td'</t>
  </si>
  <si>
    <t>b'\x8f1\xe2g.\xa2c\xa0\xb1\x8b\xa0\xfc\xed\xb8\x9e\xd4N\\\xeb\x89W\xa0\x15+\x1a\xa0\x8d\x1d\xbbb\x14w'</t>
  </si>
  <si>
    <t>b"\x17\xa4V6vt\xb0\x0b\xa8\xfew\x89X\xca\xac\xfat+\xd6\xed\x14-\xe2\xaf'?\xb4\xe5\xff~t\xd1"</t>
  </si>
  <si>
    <t>b'e\xe6\xe1Io\x89\xd3v\x10\xea\xa5\xa09\xe7B\x87T[4\xf9F\xcb\xc8\xf5i\xfdfn\x99\xe9,\xae'</t>
  </si>
  <si>
    <t>b']\x87Df\x8b\xf7\xa2\xbd\xe9\xf4\xb83\x0b\xa6m\xde\x00\xd7\xfa\xc9\xa0\xb7+*\xca\xf1js7\xb7\x1d\xea'</t>
  </si>
  <si>
    <t>b"\n9\xca\x9a\xc3\x17\xd6\xb6\xc4\xc7*'\xe5\xc9\xff\xf1~\x14t\x0fn\xda\x10\xc8S\x84s\x17\xda\xb9\x16\x7f"</t>
  </si>
  <si>
    <t>b'\x99\xc5\xa4O\xee\xb9\xdf8\x9c@k\xd3\xea\x97\x1a9~\xc1kS\xfaB\xb1od\xbc\xd7\x91;\x9e\xfd\xe9'</t>
  </si>
  <si>
    <t>b"(n\x81\xd2\xc4\xe3\xb4\xa9'/\x10O\xf5\x95\x1b\xd2\x9cl\x06\xa6\xd7\xbf\xee\x9bhpS\x82\xe7n\x01H"</t>
  </si>
  <si>
    <t>b'f\x04+\x9e\xeb\x03\xff\xc0\xc1\xc5\x01\x03\x9e\x92h\xaa4\xcbk\xf1\xbd]\x19\t&gt;\xcd\xb0V\xad\xc7\x19\x9f'</t>
  </si>
  <si>
    <t>b"\x9e6\xd1\x93\t0\x96lMr\xddX\xf7Q\xba\x8a\x13\xab\xe2\x92\x04sz\x9c\x1f\xe6\x0f\xc8\xcdOk'"</t>
  </si>
  <si>
    <t>b"F\xc3\xaa\xd2\xfa\x1c\xa8F\x90\xddM!n'W*\x88;t\xa9\x14\xa8\x99\xeb@t\xf4\nUP\xbc\xad"</t>
  </si>
  <si>
    <t>b"$'c\x84r`n\xb1\xa0\xe3\xabw|\xb9\xef\xc6\xfb\x0c\xd3\xb1\xc3S\x92\x1b\xac\xccAT-3|1"</t>
  </si>
  <si>
    <t>b'\x10=\x94l\x0f\xe3Tsu\xe7\xd9W\x81\xeb\xbfs+R\xce\xdee}\xbfh\n\xc6\xf6\x91\xefQ\xb1w'</t>
  </si>
  <si>
    <t>b'\xc40\x86\xd3vg\x9c)Hq),T\x8b{\x9b\x18[\xc4\xce\xeef\xad7\x02\x83\xa2\xe9\x01\xcf\xb2e'</t>
  </si>
  <si>
    <t>b'\x1c(\xb6\x1d\x9e{\xc4I\xed,P\xe2\xed&lt;\x86\xaf\x86_\xb8\xe71\xff\xa1\xa2\xce\xce\x90DQd\x12\x18'</t>
  </si>
  <si>
    <t>b'n\xfa@`M\x97\xa1d\xd2\xbc\xcd\xa1\x03ck\x16D\xe8\x9a\xfaG\xfe\xd2\xce\xa1R\x86\xbd\xb6\x16\x91\x07'</t>
  </si>
  <si>
    <t>b'\xa6\xb0QFL\xb8)jx,\x1a\xa6\xda\xe2\xbco\xa1~\x06P\x01\x82\xde"\xbe&amp;;\x11^6\x1a\xfc'</t>
  </si>
  <si>
    <t>b'\x95B\xd3\t\xd7\x89F-\xd5&lt;{\xeac\xf0_J\x0c\xf5\xdc:\x90\x91\xb5\x81\x87\xff\xab\xa9\x85\xa48c'</t>
  </si>
  <si>
    <t>b'y\xde\x1dX&gt;\xb8\x9aN\x01;\x1a\x9b\x107\xfc\x12 \xf5u\x9e\xcf\xcbb\x84\xa0\xf0\xf4\x9d\x17\x92\x90\xf1'</t>
  </si>
  <si>
    <t>b'\xf8\x1f\x1d\xf4\x9a\xa2\xc0ig\x80\x91\xd3\x0c6\x9b\xcfa\xa05=\tV1\xc8=\x1a*\xde\xe0\xaf\xd4\x1f'</t>
  </si>
  <si>
    <t>b'\x16\xac\x97\xd9L\x18\xee\xef\xf1\xbd\r\xd8\xea\xa0%K\xfd3\xe5\x11h\xb1\xf1\x99\xf3"\xb7o\xd5\x9f&amp;h'</t>
  </si>
  <si>
    <t>b'\x93\xc6\xd6f\xb4]\x99\x08\xaf\x01b\x16A\xca=\x8am\x88~`\x19\x89\xc8\xf7\x86\xe5G\x0b\xe4\xe6|O'</t>
  </si>
  <si>
    <t>b'\xb5\xd4uH\xf2\x95\xffwy\x83nD\x1f\x1d\xbe\xc3\x19\x94mxM\xe6\\&amp;\x98(\x9ez\x1e O\xd4'</t>
  </si>
  <si>
    <t>b"\xde\x96lvbE\xa8\xd0\xad\x1d?\xc4'\xd6d\xcaz\xb3\xacFdE\xc2\xd9 h\x9c\xb8\x06e\xfc\x12"</t>
  </si>
  <si>
    <t>b'\xf7\x16\xacm\x1b\xe79T@\x94\x13\xe7\xe6\xff3\x84B\x80_z\xad\x1am,\x0c/\x9fs\t\xb1\xf9\xbb'</t>
  </si>
  <si>
    <t>b'\xa4\xf0\xe0\xbe\x9d]\xa7\x9a\xbb\xf8\x1d\x9cz2\t\xfa\xca\xb100]h\xaa-]&gt;\xd9tc\x14\xd7\xcf'</t>
  </si>
  <si>
    <t>b'i^D\xff]e\xd0A\x0c\xcft\x87\xde\xb3\xcd\x88E\x99"\xb6e\x91\xd0\xe3\x8a=\x90"`&gt;J\x8f'</t>
  </si>
  <si>
    <t>b'\xf4J#\xef\x85\xa7\xa05\x96\x1bY\xb0i\xbb\x053J7\xee]\xc8w4\xef\xf7}\x9d\x95\x01\x04\xce.'</t>
  </si>
  <si>
    <t>b"\xfc\x8ac\x11\x9e\x1a\xf7\xb2\xd5\x0fb8D\x11\xdbC\xd3\xf9\xd2j\xd4F\xd8v\xfe`\x88\x0cB\xd7'V"</t>
  </si>
  <si>
    <t>b'd\xabs\xe0\xc3\xc5M\x1f\xa3jsN\x1e1\x089\xc4\xec3\x83\xf4\xfaw\xf1\xffX\xe6\x16\xb6\x80\xbf\x8f'</t>
  </si>
  <si>
    <t>b'\x87\x93\xcf-\x80ILn\x008\x17\x08\xcb\\\x0e\x1c6\xd9l\x98\x88\x16\xf8\xa0\x9d\xbf@\xfe\\\xba@\xd1'</t>
  </si>
  <si>
    <t>b'4\xe5\xe8\x83E\xf8\xff\xd83E\xbc\xcf\x1f^\xd8\xd7\xbb\x82\xfb\r/\x86\xce\xf3\xd5\xbc\x9e\x1a=\xe0T\xa2'</t>
  </si>
  <si>
    <t>b'\xbb\x9eU\xef,w\xc0\xb8\x0f0\xfe\x91\xa9XW\xe2\xd7\xf1\x1f\xf0\xdb\n!\xac\x83M\xfb\x8ey\xb0G\xf5'</t>
  </si>
  <si>
    <t>b'G\x82t$Q\x9b;\x05\x80v\xe6\xcb\x8b\xdct\xe4\x9c`IH\xc8\xc5Z\xe1\xbd ]Z\xbc\x8b*\xfb'</t>
  </si>
  <si>
    <t>b'V\xa82#\xddOz :\xa2#/\xeb3\x97 rT%C\xcdf\x06Bg\xc2\x17B\xbes^L'</t>
  </si>
  <si>
    <t>b'\xa7b^\xe8\x13\xa7\x97\x13\x00\x1ci\x7f\x87\xdc\xd2Q\x86\x87)\xe6~\x08\x82v\xee\x9cb\x81\x13\x08\x99\xc5'</t>
  </si>
  <si>
    <t>b'b\xd5\xbc\x81\xc9\xc6\xa6\xf2\x8f\xe8\xe0\xbc\x8f\xc0uy\xfby/\xa0\xbc\xdcy\x11&amp;\x99\xff\xe0@\x85#\xbf'</t>
  </si>
  <si>
    <t>b'I\'\xcaP;\xdc\xcf\xde\xf9nT\xafE\xa67"\x132\x99\x98\xe9\x82\xdc\xb8#\xacD\xef!\x1aF\x87'</t>
  </si>
  <si>
    <t>b'\x07\xb0h\x8d\xed\x1d\xad\x94Fg\xfa\x0f\xf9_\xcd\x9c\xe7\xae\xf7yV\xb3\r \xfd\xc3C\xe2d\xc5\xbf\xca'</t>
  </si>
  <si>
    <t>b'\xb0\x94\x81\xd7 Hu\xcc\xc4\xf2]d\xabSfzR\xf2k\x88\x04\xa0^`\xa6\x13\x1c2\xd0\x13j('</t>
  </si>
  <si>
    <t>b'\xd3|;SF\xb6\x1d\xdc\x18{w0\x1a\x01\xc3\xb66\xfeK=PP\xee\x91\xebY\xf9\xa0\xbd\xc7/\xf3'</t>
  </si>
  <si>
    <t>b'\xc7\xf4\xc9\x84@n\xf0+\x12\x90\x7f\x7f\xae`-\xfb\x1bcNN\xad\x19\xc3O\xc8\xb3\xa3V\xbc\xf8\x14\x15'</t>
  </si>
  <si>
    <t>b'\xa1\xb5\xa0X\x19U#6d&gt;\xc4\xa3\xe3\xd3\rX\xec\xd759\xad^\x19T6\xcbA\xb5`\xac\x19\xc1'</t>
  </si>
  <si>
    <t>b'\xbc\xd0&gt;t\'^\xb2"\x8bf\xe3\xb5\xfavd\xff\x88M\xeapY\n\x12\xfc]&lt;\x83\xf4(\xa6z$'</t>
  </si>
  <si>
    <t>b'\xb8u\xc7\\\x19d\xc8I\xec\xb9\xd4\xb6\x93\x1a\xf9W1\xc2\xe8,C\x88%\x12\x87\x0f\x86\xf3\xd4\xb3\x0c0'</t>
  </si>
  <si>
    <t>b'\xe5M[\x11\x0e\t\x8d\x85\x9efs\x92\xd51_\xf3\x85\x19\xa4 16\xd2\x86\xf0k\xd3\xe67\xcb\xd6\xb6'</t>
  </si>
  <si>
    <t>b'3K\x9c\xf2\xa4A\xbb%)\x0c\x0b\xd9\xd7\xe2\x04\xb0(&lt;\x1c\xa1W\xf8\xe5\x81\xd8\xa4k\xae5Hf+'</t>
  </si>
  <si>
    <t>b'\xea\xf4\x9e\xc0\x14\x84\xb3\xf07\xdb\x03\x1f\xe7k\x11\xca\xbc&gt;\xe4EQ\xc1+~\x14\xe4\x9c\xe3\xcc\x1b\x12k'</t>
  </si>
  <si>
    <t>b'G\x19\x8f\xf1\x15\x9a\xe4\xd0\xde\x80\xbc\x06S`"\xf7\x18^\x12\xabvH\xaf\xb3\x9c\x8eP\xec#\xd6&amp;\xfc'</t>
  </si>
  <si>
    <t>b'i\xd4Z&lt;\xf76\xbf\xd4\xe9\xd0\xb3 /\x9c\xc6\xdcg\xb5n\xe4\x1f\x08G\x15\xdc\xddF\x8eh\x19\xc6\xc9'</t>
  </si>
  <si>
    <t>b'\xfd_\t\xbe\x15\xfd\x12\x8b\xf4\x0e\t\xe3\xed\xe5@\xa4\xe1Dg+\xb2\x92v\xfcn\xf1\x95\xf8\xd6p4\xf2'</t>
  </si>
  <si>
    <t>b'V3\xa7\x00\x99\xac\x87\x1dv#\xca\x00\xe4w\x02\xf0Q\x18\xd3\xf5\xc9\xfb\xf4\x8db\xc8\x1c=\xb80k\xea'</t>
  </si>
  <si>
    <t>b'\x01W?N_\xd6\xf4\n\r\xce\x1e\xba\xfa\xdd\xa4\x14\xd4 \x82\x17\xe8\xee&amp;\xb0\x96\x00g\x8bT6\x8b\x02'</t>
  </si>
  <si>
    <t>b'\xda\xc37\xb4`\xef\x0f\xc3\x0b\x1ejMz\xdb[L\xf63\x1a\x98\xaa\x1b8Lh\xbch5)\xd0\x18\xee'</t>
  </si>
  <si>
    <t>b'\xee~\xd6\xc8\xbf\xed\x15N\xc7\x95\x8aQ\xeb\xd1\xb3\xa38\xf5"\x85B\x9e&gt;K&gt;\xbeF72X\xfc\x89'</t>
  </si>
  <si>
    <t>b'\xceV\xf98Th\xf9A\xd8\xb1\xac;\xee\t\xc8\xbfv\xa3\x8e\x03\xbfo\x13\x93\x86\xe552\xd0Y]\xfe'</t>
  </si>
  <si>
    <t>b'\x83\xc9\x87\x08\xa6\x85k\xbc\x9f\xca\xab\xfe\xe9\x10\xd4V\xe6\xb3\x10U\xf7\xc7\x19\x11KU(\x19\x19C\xb0 '</t>
  </si>
  <si>
    <t>b'\xa7\xb0\x1dV[\xb1\xd6\xe0 a\x82\x9bZ\xdc#\xf0\x88\xab\x84\xc5\xef\xac\xe7\xbc\n\x1c`\x13\x07\xc2\\\xb2'</t>
  </si>
  <si>
    <t>b'F\xa3\xa9no\xb3&amp;\xb3,\xccZlV\x986\x98\x07\xd5\xcd\xec\xdfQ.\xfa?\xbf\x14*\x88\xa5\xf1}'</t>
  </si>
  <si>
    <t>b'r\x18\xed\xf3\xcd\x9b{\xc2\xcb\xe7\x9aVC\x94\xf2\xb1\xa3\x086\xaba\x90\xae\xf7\xaeR\xde-q\xfb\xe3\x8e'</t>
  </si>
  <si>
    <t>b'\xbc\xd7\x82\xe6\xa6a9\xb0\x11\x8cm[\x12o\xacR\x13:\xbe\xec-O\x82\xe6I\xa1K\xb6 \x17\x89\x8a'</t>
  </si>
  <si>
    <t>b'Eg\x07]\xe8\xe5ZZ\xb7\r\xfc\xecb\xc97,&amp;w\xe7L\x8e\xe3D&gt;7\xb0\x89bp+\x12`'</t>
  </si>
  <si>
    <t>b'h\xae\xbeEm\n?\xd8\x16\xe9pc\xe7\x13\x90T\xee\xd7\x8a\xdc\xd8\x11\xd4\xf2\xb3\x81,\xe7F\xaa\xe9G'</t>
  </si>
  <si>
    <t>b'\xc4\x00\x99*Gho\x97\xaate\xb0o\xa4:\xc4a\xf3s \x83\xed\xd1\x10\x80H\xfbF\x9b\x9a\xb7x'</t>
  </si>
  <si>
    <t>b'\xa6\xe0*j\'p\xe0\xb2!\xb5X"\x88\xd3!\xd7\xa9,$\x1e\xb5\x11" \xbc\xf8%\x1a\x8a\x9c\x06}'</t>
  </si>
  <si>
    <t>b"F\xbd6\x87##\xdb\xd8A\x87\xcdN\xdd\x07\x1c8\x8b8\xf6\xbf\xaa\x98@o\xc4'rx\x87\xd7\xbcH"</t>
  </si>
  <si>
    <t>b'V\xd1l\xce\x87\xdb\xc2\xf9^f{\x04\xea\r\x84\xd5\xd7\xfb\xc8\xd9\x98\x0cS\xe8\x94\x97&amp;\xe1\xa9\n\x87\xeb'</t>
  </si>
  <si>
    <t>b'\x01\xe7\x124\x87,\x0c\xfd\x94E ,\xc84\xdfWp\xcc\xe9)\xdf\xb5k4\x8dR\xc8\x8a\xb9\tp\xa5'</t>
  </si>
  <si>
    <t>b'AhK\x17v-\xfb&amp;&gt;*\xb27\xd4\xc1&gt;E\xfc{ZR\xc2\xa9\x01\xbfn\xcb\x1a\xf4\xfb&lt;\x0b^'</t>
  </si>
  <si>
    <t>b'\xe0\xdb7&gt;+$\xa4\xd6\xf6}\xdf\xa3}\x97\xd0\xba@\x93\xea\x17"y\xb8\xef\x8b\x86\xcf\xces\xb3\xb2\x8b'</t>
  </si>
  <si>
    <t>b'3\xbdh\xa8?\xf7\x7f&amp;\xda\xa0\xfb\xe1\x11\x07\xa1\xc8s5\xbcG!e\xaa\xdfm\xe5}6\xf0\xc6\x9aS'</t>
  </si>
  <si>
    <t>b',\xc8\x17\xcf\xf7\x9d\x9e7!\x9a\x1fYY\xd7\xfdC\xf2\xb2\xf22w\xa5\xbe\xb9\x8d\x81\xb7X\xa6\xd7a\x04'</t>
  </si>
  <si>
    <t>b'\xaem\x8c\xc0\xba\x19\x07d\x08{\x93\x08\xd0C8\xf8q\xc3\xf8\xea\x8ae \xff\xc2\xba\xcd\xd5\xbf~\xf1\xc3'</t>
  </si>
  <si>
    <t>b'P\xf0p\xbf\xb3tbQ\xa2\x1c\x0b\xe1\x98\xf5\xd0TB\xf4P\x15\xa2\x10\xf2~QZ\xb4\xd7\x9b\xb1=I'</t>
  </si>
  <si>
    <t>b'\x06AR\x81\xa2\xc7}Q\x9c\xfc6\x8ef&lt;\x1b\x97b\xd7\xb2\xf5\x94p\xe8\xae\xc5R\x01\xf7\xe2Z\x1b\xf6'</t>
  </si>
  <si>
    <t>b'.\x02[\x89\xdc\xea\x02\x0f\xaf\t\x19\xadvyg?y\x96\xfe\x87\x15\xed\xc1wt\xfa,\x95\x8c~I\n'</t>
  </si>
  <si>
    <t>b'|\x1d&gt;\n\xa6\x17\x1fxP\x1cW\xf3\x87";\xcd\x8a\xe5;\xc6qR\xdaL\x1b\x16\xda"\x8a\x17\x87\\'</t>
  </si>
  <si>
    <t>b'Qi\xddY\x14}\x9a\x91\xcb\xa4\xbb\x86E)\xcf5\x12E\x017\xbf\xa3\xe9\xdc\xa9\xe3bUx\xb4\xeb\xd3'</t>
  </si>
  <si>
    <t>b'\x00\x8d\xc3\xe5\xa1\xac\x8b\x903N\xd5\xe3\x84\xf0D\xd7\xa3N]f\xcc\x15\xaf~\x16\xdc\t\xa6h\xef\xa70'</t>
  </si>
  <si>
    <t>b"\xc3\xb0\xd0\xc6\xd6\xc9&amp;r2S\xcc\xfd2\x86z\x96+\x85\x19\xd40(4\xc6@\xe8c'\x1c9\xf2\x9c"</t>
  </si>
  <si>
    <t>b"T3\x04'2$\xe5\x86`\x03\x95[\x88\x9a\xb7\xc8\xa5U\xfa\x05d\xf4\xfeh\x9blL\x94&amp;+C\x1e"</t>
  </si>
  <si>
    <t>b'{\x8d\x97=\x9aH\x0b)\x88[\x89\xe4&amp; \xca`]\xde6\xd0vR\xd8\x1fN\xb5&lt;c\x89:):'</t>
  </si>
  <si>
    <t>b'v\rft!\x8b\xd8\xad!\x87\n\x8a\xf7\xcb=7R\x08.\xe6\xabH|\xdb\x8b\x93,\xe4\x11\xf3Gj'</t>
  </si>
  <si>
    <t>b'Mk\xf9X\x0b\x05\x1d\xb9\xe1\x1e\xd86\x92\xb1\x9a-c+G1\x08?Q\x0b\x89\xb1jTbU\xf3\x04'</t>
  </si>
  <si>
    <t>b'\xd9N\xc97\xee\x91f\xdf\x97\xff\x06\x1d\xd3\x8b\xb0\x88\x02\x92%\xd3\xb4jy\xa4$\x9c\xf2\xfd\x88\x80\x01\x00'</t>
  </si>
  <si>
    <t>b'\n\x00\xe4m\x92\xb3\x99\x19[GU\x83\x06ah\xd6\xc4_\xae\xf4\xb2\xe4\xe1\t\xf6\x92}\x8fK\xa5x\x10'</t>
  </si>
  <si>
    <t>b'\xc5S\xb7\xfa+\xaeN:Noo\xa9S\x85a\xdb\x90E\xcf\xe80N\x02\xa1\xb0*\x01\xf0\xf1k)\x1a'</t>
  </si>
  <si>
    <t>b'\x0b\x15\xd8\x18\xe2\xfeO\xce\xefpn\xb2\x16\x1b[\xe7-\xce]\xa1e\x9d\x9e\x8aa\n\xbb\x8cT\xcbW~'</t>
  </si>
  <si>
    <t>b"\xed\xd9\xc0\xe5g\x88\xdfsV\x88jd\x954\xb6CQ\xf1r}\xcc=r'P\x99/N+\xa1$\t"</t>
  </si>
  <si>
    <t>b'6\x03,w\xb0\xbd\xf3\x87\xcdA\x97\x02rr\xf9\xb7\xa3l\xc5\x18\x11b{Bn\xdb\xcb\xf1\x97\xf2@\xdb'</t>
  </si>
  <si>
    <t>b'\x86\xf4\xf6\x15\xcb\xa8"\xc7\xdcJzoU\xaa \xd4\xf8Q\xc0\xcc(\x82\xd8\xc68q?5\x1d\xa6\x16g'</t>
  </si>
  <si>
    <t>b'\xf7\xd7\x99n\xc4\x95N\xd5\x04Q\x1a1\xd9\x98C\xa9f3\xe2\x0f?Tu\xd4\n\xe04\x03z&lt;`\x80'</t>
  </si>
  <si>
    <t>b'_?\xaae.7|\x08\xa3D;G6k}\x996\xc5Q&lt;\xfe [\xa6y-\xacW\xe4\x0b\xf13'</t>
  </si>
  <si>
    <t>b'\x06Q\xb5(\xed\x87#Y-@]AG\xde\xff\\\xa7\xeb\x17\x02#\xb5\xd8\xd8\x02\x1az\x11\xaaC_\xac'</t>
  </si>
  <si>
    <t>b'&gt;\xb2\x08\xb2\xb3\t\x02\xa5\xa0\x97\x91\xc0b\xc0\xcchE-\xc5\xcb\x0fY)\xd2\xec\x83\x1e\xb6vL\x1a\xad'</t>
  </si>
  <si>
    <t>b'\xc7\x13yW\x86;v\xd2\xbe\xc2\xd6\x05\xec\x1c\xfc&lt;\xde\xb7\xa5`\xfe\xb4\xa8\xe4\xe1\x04w\x1b\xd1dZ\xb4'</t>
  </si>
  <si>
    <t>b"\xf5\x16(\xcaz\x86\x93\x85\x9dD\xd8B\xaa\xf8\x9f\xb5':\xd4\x97#_Z\xa5\xd7\x07a%JK\xad\xab"</t>
  </si>
  <si>
    <t>b'\xc5L\x10\xf4\xc3._Y\x15\x0eJn\x89\xe8\xa9\x1c0\xd1\xea\x87*\x04\x12]5]:T\x87\xe8\r\x95'</t>
  </si>
  <si>
    <t>b'5\xaa[\x00g[PVd\xcd\xd1n\xdb\x180\xfe\xa9\x1ad\x01\x7f\x80W\x8b\xaaTI\x7f\xdd\x971s'</t>
  </si>
  <si>
    <t>b'f\x00*\xcf\xf4Z\x0c/\xe4\xe9\xbf\r\xc4I\x99\\eg[\xda\x15\x7fg\xd0\x1a\xb4\xa0\xc2.\x08\xbd\x06'</t>
  </si>
  <si>
    <t>b'\x8e_\xfb\xa0%\xdf\xc1\xdd\xda\x81\x0c\x96\x89\x1f\xc6\xc5;\xbcb\x97\xab\x17\xb4\xf9*m\x0e\xea\x989n\xdd'</t>
  </si>
  <si>
    <t>b'_u\xc6{\xce\x98\x00\xdd!\xc5\xa0)\xaeV|X\xd1\x02\x9a}\xc8\xea,\xe1\xd5\xfa0\xec\xa2xw\x18'</t>
  </si>
  <si>
    <t>b'\x08:@\x00h\x1d\xb44\xf2y\x1e0\xf8\x81\xbf\xa9g\xd9\xf8\x15\xbeu\xd1\x9e\xe0Ea&amp;3\xc1\x85D'</t>
  </si>
  <si>
    <t>b'r\xa5\xe0\xb2\x1d3\xec\xd9\xc1\xd9\xdbm\x7f\xac\xcc\xeff2\\hX\x8d~\xf6\x19p\xf9\xd3\xbc\xb3\x03\x83'</t>
  </si>
  <si>
    <t>b'\x0fd\xa4\x95\xce\xee\xc1I\x8b\x1d\x96!e\xd6\x86\xa1\xed\x8bWd\x9d\x13\xc5/A4u\xebb\x81\x8e\x94'</t>
  </si>
  <si>
    <t>b'\x9e\x86\xfe7!=s\x8a\xeb\x9e\x9e\xa9\x08WN\xf5u%\xd6\xbav\xd8^p\xc5\xdf\xba\xd4\xbb\x08s\xb5'</t>
  </si>
  <si>
    <t>b'\xbc\x98je\xd3\xb2W\xad\xa3\xd7!\xfd\xf0\xebV=\x02\x8f\xf9yg\x94,\xe6gA\x82\xed\xe1V\xdea'</t>
  </si>
  <si>
    <t>b'\x89U\xb5\x8fV\x88\xfe*}\x10\xca\xa1\x95h\xe9w\xef\x19\x93\x9f\x9b\xbc\x0c/\x0c\x1c\xdaC\xf8\xa8\x80&lt;'</t>
  </si>
  <si>
    <t>b'\x89\x02\xac\x02\xe2\xc91S\xc9\xcer\xd0\x7f\xd1\xa3{Qi[\xd2\xd3\xfd\xc2\x97\x96\xb4\xac\xc0\xc4\xe3:@'</t>
  </si>
  <si>
    <t>b'\x85v\xcdt\xe5\xe4\xe9]\x182y\x80n\x92\xb5*S`1!sl\xb5&gt;j\xe0\xe9b\xfb*\xf0l'</t>
  </si>
  <si>
    <t>b'\x80\x02\xdb\x02\x10\x8d}9&gt;m\xe9\x96oBK\xc1\xd2\x0b\xa7\xd6\xe1\xce\x02\xefuF\xe0\xf2L\xcc\xee\xbd'</t>
  </si>
  <si>
    <t>b'\x99|7qV\xac,\xbbu\x83\xb2\xf36\xf4\xe3\xa5\xbcQ\xe9-\xb6\xb1\xc4DS\xc7\xb8\xd4\x0f"\x9a2'</t>
  </si>
  <si>
    <t>b'\xeef\xbf9\x8b\xce\xc2\xfe@4=5\xcf\x01B\xb3\xd6\x00Wq\xa37\x07\xae\xa9\r\x85;=\xe8*g'</t>
  </si>
  <si>
    <t>b"\x8az2\x9d.`\x11\xfeo\xd2\x8f \xda\x02\xcc\x01\xd7\xe8\x83\xe3'\x7f\t;VgM\xa9b\xcb\x8c~"</t>
  </si>
  <si>
    <t>b'a\xed\xa8*\x07\xa4\xf4_f\x05~\x1b\xc7\xc9\xd7\xbfnk\xa3\x16f\xaa\xc1\x1b\xef\xa5.~\xbf\xff\x9e\xaa'</t>
  </si>
  <si>
    <t>b'\xdaQ\xe4NG\x87O\x03c\xadK0\xc7\xbb\x02R\x0b\xb5m\xd8\x90\xaa\xd6ANts~\x85=\xc8\xac'</t>
  </si>
  <si>
    <t>b'\x0c\xa4-\x97m;.u\xdeEt\xd8\xb6\xbc\xe5\xea\xb0f3R%\xcd)6M\xa8\xf96\xff\xea\xc0\\'</t>
  </si>
  <si>
    <t>b"&gt;\xb8^[\xae\x8e\xbe\xba\x03~(\x0f\xb52\xe9,\xb59\x01\x11'\x02,\xb9\x7f\x91W?i\xb6\xb07"</t>
  </si>
  <si>
    <t>b'p\xa2\x7fC=\x83)6\xab,M\x8b\x8f\xff4nq+\x15q{*\xd9\xda\xad\xf3\xc1YNH\xa6\xae'</t>
  </si>
  <si>
    <t>b'\xcei\x9e\x01\xc1\n\xa5\xab;\x94\xad\xc2W\x13\x96q\x9e2L\xa98_\xeb\xc1\xe0E`\xc3\xff\xbd\xc8X'</t>
  </si>
  <si>
    <t>b'WS\x9e\\\xbeZ)\xad\x99?\xb8A(\xc1\x8f\x82\x00W}|\x14\x04\xaa\xdc\xdf\xdb&lt;o\x9a\xbd\xb4G'</t>
  </si>
  <si>
    <t>b'7-\xd5u\xa9\xa0x,\xe3%\x10h&amp;o\xa8j\xfb\xb1y\xb4\xd5\x01\x1f\xdf\x8b\xcbQ\x8d\xeaa8j'</t>
  </si>
  <si>
    <t>b'%\x13\x8f\xf9\xd3\xb0V\x92\x0fe\xd6\xf4\x94\x12\xbd5\x97\x86\xf5I\xe6\x8e\x1d\x08\xf5\xcc\x0c]6*fg'</t>
  </si>
  <si>
    <t>b'\xd6\xf1\x8d\xc4\xcf\xf2n\xb0d\\A\xc5\xa3\x845\xc9]\xad_\xc6e\xea+\x0e\xfe\xa4\xb4\x13\xa2,\xdff'</t>
  </si>
  <si>
    <t>b"\x95\x98S\xcd\xd54\xf2p\xbb\xb2\xe3BN\x95\xca\x1bz'\x88\xc4\xf6j\xba\xfbw\xe9\xd1;#|\x1c\x1a"</t>
  </si>
  <si>
    <t>b'\x86_^\xba\x9b\x03\xd1W%1&lt;\xa3;^7\x1a\xa5\xf1V\xc0]|\x91\xb2a\xb9}t\xff\x11\xc4\xa1'</t>
  </si>
  <si>
    <t>b'2\xb5\x8a\xdb\xb4M.C\xc6\xbc\x0c1\x05\xe7\x89\xc4\x9c\x05X\xab\x86Gq\xf9\xb6&amp;\xc0\x0e\x11@+Z'</t>
  </si>
  <si>
    <t>b'\n\x178WV?t \xd9\xa5\x1a\x88\\\x17\xc1\xeb\xff#\x10=\x95\x9d\xd5L8\xd6\x05\xc8\xe24`\xd2'</t>
  </si>
  <si>
    <t>b'\xfc\xed\x19\xc7\xeeWb\x00\xf1\x96\x17\xa7A\x97\xe8\x1b\xac\xd3\xe3\xadVH\xc1\xf7\x11\xa0\x83\xd8\x8f&amp;\xb8\x8b'</t>
  </si>
  <si>
    <t>b'8\xcb8\x1a\xe5L\x9a\x06KgG\x1f\x86y\xb2\x92\xc0\xcdX\x19j\x08&gt;\xee\xe5\x06\xc9\xe4\xb9(A\xb3'</t>
  </si>
  <si>
    <t>b'\xc7\xec=\xe4\x8f\xba\xf1\xef&lt;\x9d\xa4y\xc6E0\x86K\x10\xaeY\xad\x9b\xa2(\xa9\xcbg\x864\xe2s\xb2'</t>
  </si>
  <si>
    <t>b'V.\x84\x1cu\x0cw\x7f\x17}\xe6:\x84\x8d\xe8\xd8M\xe6v\xa2\xba\xa3\xfdTO\x931\xda\xad\xf7\x97\xe6'</t>
  </si>
  <si>
    <t>b'\xf0N5\xcby\x8e_^\xe3\xb1Z\xff\x9b\xbco\x93P_\xf6\xfa\xfc-kH\xda31W\xcf\x92\xa0k'</t>
  </si>
  <si>
    <t>b'\xbe\xd6\xc4\xa6\xeb\x06 \x1c1\x0b*5\xe93M\xb5\x02\xa8\x15I\x82gK\x02\xf8N\xe9k\x85\x87m\x07'</t>
  </si>
  <si>
    <t>b'7\x1d~Mc\x10\xb9\xc0\xafI\xa20\xf16\x18\xf0\xe6\xbfo\xc0S\xf8\xb1U\x1c\x0c\xb2\x01\xd5\xfe/\xb4'</t>
  </si>
  <si>
    <t>b'\x16\x14V\xc1\xc8Nk\xa8\x0f\xe5\xfe\x85%J\x1b\x8f)\xb2\xb7\xe2\xa4\x03H\xa4\x12B6\x96\xdc\x12\xc6\x08'</t>
  </si>
  <si>
    <t>b'\xe9\xfa\x86U\xa1b\xf8\x9cvAJ\xa2\xa4\xef\rS\x96\xda\x10Wf\x89\x16\x9fts\xab\xbe\xbb\x1f\xc9\xc5'</t>
  </si>
  <si>
    <t>b'd3\x884#\xfa9\xfdW\xcb\xa2j\xe7\x80$\xc70\xab\xb22`\xe4*+\xeb`\xc8\xa4\xb7\xcc\xe4t'</t>
  </si>
  <si>
    <t>b"\x04\xf5\x9f|\x97 '\x84\x9bM,\xd1&gt;\xf5\x03\xa0`;\xa4\x83k\xa7\x9c!\xe6\x9fue~TXY"</t>
  </si>
  <si>
    <t>b'w\x01\rA\x141\x98\xb5\xc1=\x8f\x05M\x98J\xa1\x8a\x92\xf3\xe6\x7f!\x9ea\x87\x9f\xb3\x13\xaf\xa0\xdf3'</t>
  </si>
  <si>
    <t>b')9\xdb\xdf\xff\x08&gt;(\x9bfxM\x9e\xf9\xb4|\xe2P\xdc\x1au%\xf2\xddc\xe3\x03}\xea\x02G_'</t>
  </si>
  <si>
    <t>b'2\x05I\x16\xd9\xb0\xc9\xa0P\x96:Q}n\xc9fL\xe2\xa7\xb8\x82p\xc5\xa9\xcd\xa2\x91\x9e!\xb25\xc7'</t>
  </si>
  <si>
    <t>b'\x1c9\x08\xec\x8d\x90H\x1a\x17\x19.[\xf4\x8ed\xdbr\x89\x841V\x7f\x9eU \xd1\x0c^I\xa5I\x87'</t>
  </si>
  <si>
    <t>b'\xb2\xb5b?u\xa4\x9d\x84\x9d0sA\xcep\x86a\x8b\xa8\xe5\xa89\xa4\x82\xa3\x14\x04 \x97\x9c\\G\xb2'</t>
  </si>
  <si>
    <t>b'w&amp;\xdf\xc9A_\x07\xc7\xa6\xc1\x85\xdb\xfe\xa2LmV\xb0\xc2s\xc5T\x90T\xdb\xa27\x92{P\xad\x8c'</t>
  </si>
  <si>
    <t>b'Kh\xa3\x93\xab\xbbF\xa8O\xd86SK\xd3\xe5\x0b\x02*\x01\xeb\xe1\xadm\x96F\x9f\xdc\xb6\x8c_\xa4F'</t>
  </si>
  <si>
    <t>b'\xfd\xac"\x99\tfH\xdcT08jjd\xab\xd8\xf5q\xee-5/NR\xf4ZSXL;\x85\xb9'</t>
  </si>
  <si>
    <t>b'y\x83m\x99K\xe02\x81\x1d"\xb1!W\xfc\x87/:\x96~x\xfb\x05\xba\x1d(\xfd\xab\xc8\xe5p\x8f\xef'</t>
  </si>
  <si>
    <t>b'\xa0\x85\xd3\xca\x84\x9b8\xb0Mp\x9b\xa6\xc9\xbb{\x7f\xc9\xda\x0e\x91\x08\xa3\xfd\xff\xbeF\xc0r\xf6&lt;!\xea'</t>
  </si>
  <si>
    <t>b'\x9fU\x13\xe6\xf2\xa5+\xa0A\xde!B\tP\xfa\x95\xa1#\xae*\xa9e3\xafp*\xa0qv\xc0\x94I'</t>
  </si>
  <si>
    <t>b"\xb9v\xd1~\xc7`\x9b\xe9\x9e\xb2\xa2a}d\xcbR1*`0o?'\xb8S\xc3Zl5\xea\xdd\xda"</t>
  </si>
  <si>
    <t>b"n\xbc\x96n6\x81\xd5Z\xdc\xd1I'p\xc7-\xdc=\x04\xa0\x7f\xe9L\x01U\xfa\x01\xd8]\xae\nX@"</t>
  </si>
  <si>
    <t>b"\x95\xd1g\xa8\xb3\xd6\xb4\xff\x15\xd8:]\xf0\x9c\xbe\xcb\xbc\xe1\x7f\xb5\xa7c\xd3\x167r. {\x8au'"</t>
  </si>
  <si>
    <t>b'\x1d\xce\x1d\x11\xfc\xd7\xfe\xd2K\xc1\x89_\x95K\xaf@1\xf3\x1c\xab7\x0b\xb7@\xa7\xe9\x06\x89\xc2\xf3\x1a\xdc'</t>
  </si>
  <si>
    <t>b'\x10\xc0\x0c\x9e)\x1a\x93J4\xd2\x8e\xdd\xd1+\x81\xd9b-\xdd\xb1\x8b\x8c\x86\\\x8e\xf2\x14i\x9e\x1c\xdf\xc3'</t>
  </si>
  <si>
    <t>b'\xbd/\x95\x8aS\x01\x95x\xecU\x95+Z\x81XM\xc0\xb8v\xadh\x10OJ7\xbc\xad\x1cb\x0b6O'</t>
  </si>
  <si>
    <t>b'N\x8e\xca|\x83\xc3!\xc5\x83l\xffX\x19\x19\xa5\x0c\xa0 \x08\x12f\x9dJ)\xc0\xa6\xca8\xdd\xf7\xad\xc5'</t>
  </si>
  <si>
    <t>b"x\xa4\x1c\x99\xac\xa2\xf0O$K\x9ar\x7f\xf7X\xd2X\x0e\x15\xa3\xcb\x9d\x01CM'\xd4ZP\xa6\xad\x9d"</t>
  </si>
  <si>
    <t>b'0M\x9b\x98\x00\x81{!\xdc\xeb5\xd4\x83\xb8q\xf8\x0c\x8d#\xd3\xe3\x1e\x90\x0e\xc3\xe3\xe7IMF4\xed'</t>
  </si>
  <si>
    <t>b'\xe5\xa9!\xcd\xaa\xb8r\x81\xf2\x14\xe2\xd1\x05\xc5\xa6\xbc\xb7\xdd\xfd\xb3{\x1fF&lt;M\xd4*\xbe1&gt;S\xf5'</t>
  </si>
  <si>
    <t>b"\xf9\xe8x\r\xbd0\xf5\x86*\xf6\xee\xa4\xccJ\x96\xf9&gt;\xc8&amp;\x14'\xec\x95\xff1\xc5r\xc1H\xe4\xa3\x9f"</t>
  </si>
  <si>
    <t>b"S\xb9~\t\xbdXf!\xeb\x9du\xd9\x01\xcc\xb1\xd2BF\x9b\xfa\xdfy\xcc\x8e\x83\x9f'J\xb0\xb6\xa5\xd1"</t>
  </si>
  <si>
    <t>b'\xd6\xa5\x04:\xd3\xc4"\x08\xd8iC\xe4\x17\xe4-\xd7\xda\xa6\xfa!7;\xec6\x7fI\x05\xd0\x15\x91DZ'</t>
  </si>
  <si>
    <t>b'B\xc9\xccy\xc4\x93I\xe7q\xb7\x06U^\xdd\x96\x02J\xc3\x00\x04c$\xd5\x87A\xb7\xb6\x8f/\xde\xd4O'</t>
  </si>
  <si>
    <t>b'\xdb4\xe6CN\x02\xa4I\xcb\xce\xe0v\xc0\x18X\xe9\xf9\x96\x84\xe2u\x19\xc6t\rI\xf1\x97\xa5.\xac\xff'</t>
  </si>
  <si>
    <t>b'[\xb4+\x8aF\x93N]%\xb7\x03\x02\xa4\xb5\xbb\xdc\x86\x18&lt;k\x13\xb8\x8b&gt;3]\xad\xd0\xd3~\xf3\x83'</t>
  </si>
  <si>
    <t>b'\xc0\xd7\x12\x0c\xb9\x81\x14L\xd0\x84gm\\K^\xdb\x16{\xe1f\xd4\xf6&amp;\x8a\xe1\x01\xdc\xc7\x0fP\xc6\xfa'</t>
  </si>
  <si>
    <t>b'y\x17.\x8b\xafl\xb4\x07\xec\x9d+\x0f\xf6\xdcN\xe6{\x90\x9c!""\xa0h2\xc5\xa0\n\xbf\xfc\xc1\x87'</t>
  </si>
  <si>
    <t>b's\xd6\xf1Gb\xeb\x89\xc1\xf5\xdax1o9NWS\x86\xcc\x85)M\xbeQ\xd7\x18^\x03\x9c-\xb2\x9f'</t>
  </si>
  <si>
    <t>b'\x194n\xc0U\xd8\xbb\x00:\xfb3\xd7\xed?\xb5\x1a\xdc\xee@&lt;Z\x8d"F\x7f\x06&amp;\x93\r{\x17\xab'</t>
  </si>
  <si>
    <t>b'W2\xae\x1c\x05Qn$ld\xf3\xb3;\xae\xde%\n#x\x02z\xae@\xfb\xda\xe8{\xa7W\xc9E7'</t>
  </si>
  <si>
    <t>b'9U\x131\x87`\xfa\x84T\xc0\xd5\xcf\xc8zw\xb6\xe0Q\x04\x1a\xe5\xe1\xd4\x05\xd6Wlb\x16\x11\xca1'</t>
  </si>
  <si>
    <t>b"m\x97\x95\xc9\xef\xd3n'\xb4y%(\xd0\xd0`\x96\xc2\x9d\x9f\x01\xaf=\x87\x80\x04\xf0\xdd\x13\x8e?\x8d\xd3"</t>
  </si>
  <si>
    <t>b'\xce%\xc0~t\x13d\xde\xc6}v\xb9Cl4T\x0b\x99\xa2\xae\x9b\x9e\xf3\xben\xf1\x9c\xe7S,v-'</t>
  </si>
  <si>
    <t>b"U\xe7\x84\x1d\x05'\xd4xU&lt;&lt;\x9b\x13\x14}\xeeoN\xdc\xea\xda\xeb\xd8\xcd\xd2\xd3\xc0\xa5\x93\xd0\x973"</t>
  </si>
  <si>
    <t>b'~\xc7\x14/\xe9\xc4o).C\x89\x80\x8f8\x1f}\xd7b\xb5\x8bx\xd5\xe4&amp;p\x12\x1e\xe4\xedMj\xcb'</t>
  </si>
  <si>
    <t>b'[c\x0ej\xb4\x8eAo\xa4\xa0GQ\xda\xb2\xcb\xf6\x0e\x12\xe8\xdd.4Y\x9cY\x17\x9c\xf9 \xb8\xe4\xa7'</t>
  </si>
  <si>
    <t>b'\x1b\x92h\xd3\xb9_H\x05\x19\xf8\xe8\xa7\xacQ&gt;4\x06v\x99}\x98w\x03\xb0\xd2\xa9\x82\xc4u\xf2\x08a'</t>
  </si>
  <si>
    <t>b'\x85P\xf0I{\xb9\xcf0\xdf\xa6\x95)\x01\xa8!y\xf5\xc3\xbb6F^?\xcf\xe1\xba\xa8\x17E\x99V\x05'</t>
  </si>
  <si>
    <t>b"4\xe5\xba\xb6\xa0\xa3'a\x85\x92\x96uMB\x15\xbf\xc1\x89\xd60NN\x9d\x843\x00\x01\xe7\x9a\x02HI"</t>
  </si>
  <si>
    <t>b'\xe1\x93\x7f\xad\x18 \x9c{?\xb5\xa2P\x0f\xbb\xe2k\x93zi4\xb9c\xa2\x07-\x83\xb3\x9f\xfb\r\x7f\xb5'</t>
  </si>
  <si>
    <t>b'3\x99\xcdx\x8ef\xf4\xba\\\xff\t\x9c\xfe\n\xe6+\x94\xcc*\xe6a\x81\xcf\t\xe2W\xce\xda})\xe4T'</t>
  </si>
  <si>
    <t>b'\xba\xf1\xf7~/\xeb\xd7\x86\xdd\x8bR\xfaU\x82z\xa6`\x8b\xdf\xe1\xf4\xf1\x9f\xde\x8b\x12\xc6$\x83h5\x88'</t>
  </si>
  <si>
    <t>b"\xa9\x86\xf1\xf0p\xb3r\xd0]Vl\xc4\x9a\x9d\x89\t\xa7\xb7\xac\xd4mvQ.'\xf7\x93+\x05A\x8e\x1d"</t>
  </si>
  <si>
    <t>b'!n\x82\xe7\x08\x8b\xe0dW\xdc\x12\xc3\x80\x82:\xab\xb6\xd7q\xbe\xce\xf2W\xd38a\x01`g\x83M\xc6'</t>
  </si>
  <si>
    <t>b'\xff\x05\xbe&amp;\xfc7paKFM\xa6H\x93\x13\x0c\xb3\x0c\x86\xf7\x87^\x18(\xf0~\xfd\x17Rz\x86\x01'</t>
  </si>
  <si>
    <t>b'\xea\xee\xae\x1a\x80\x94\x1d8\x9d\xfag^\x9c\x96\xd6\xe9f\x18v\x03\xf0Ly\x93&amp;\xec\xab\xa0\xd0C&lt;?'</t>
  </si>
  <si>
    <t>b'n\xf7\xbf\xea\t\xcc w\xb9M\xa5\xb4\x9b\xf1\xa0\xdcu\x8b\xcc?\x9b\xb2S\xd7\xd1w\xcfD\x9e\xc1\xd6\xb7'</t>
  </si>
  <si>
    <t>b'5\xd2\x83B\xee2\xf69%\xc0Fb\x93\x9d\xa8"(\xa5*\xa39\x8f\x13\x88&amp;P\xaa\xb4U*+\x87'</t>
  </si>
  <si>
    <t>b'o"\x07\x7f\n*Y\x8c\xd6\xb9 \xe4M\x19V8U*\x17\x19\xa9s\x14N\xca\xdf9\xf3\xddj$='</t>
  </si>
  <si>
    <t>b'\x18\xb8\x12\xb4"\xe6\x98\x98$?\x06s\xae\x07\x87h\xcc+31\xdb\xe3\xc1\xea\xcf\xb4\xc2\xc8\xae\xc5\x83\x90'</t>
  </si>
  <si>
    <t>b'Y-\xee\x17\x9c\x13-\x12\x8b\xdc\x00\xd8\xe1\xdf\xb2\xe4:\xd42\xab3U\x8a\xf6\x11\x1f\x04S}\xaas\xaa'</t>
  </si>
  <si>
    <t>b'\xf3b1\xda\x16\xc1\xd6\xabqp\xc9\xc1\xadL\xac)\xe9\xf8\xeb(\x98m]\xe6r\xd84\xe0b\x910\xc3'</t>
  </si>
  <si>
    <t>b'\xa6\xe8\x0b\x06\x87\x88\x00\x1b\r&lt;W\x02\xa3\x92y\xeb\x04\x8d\xb4?-\xff\xaa\xe9\xcfO\xc6%!e\xd9\xca'</t>
  </si>
  <si>
    <t>b'B=\xec*\x82\xa7\x99\xb4\xa9vj\x8a\xe3\x19\xa4p\xd3@\xb2\xd7+9\x8a?\x19pb\xa8\xaak\xb2\x01'</t>
  </si>
  <si>
    <t>b'\x08E7\x04\t[\x14N\xca\xc4\x94\x1c\x02;&amp;\x0f\xc8\x14o\xbe\xfcg\x8cz\xa11h\xfdjF^\xe8'</t>
  </si>
  <si>
    <t>b'\xceK\xdcU\xf4P\xd5\xd2k\xa2\x9b\x12W\x16x5A\xe5J\x10~Z\x8c\x1eP*\xc0\xc4N(/\xad'</t>
  </si>
  <si>
    <t>b'm\xe0\x1e\xbf\x0c\t\xf5\xe6\x11\xb3\t\x93\xb5\xa6\x0c\xe9\x0e\x9b\x84\xa2\xba2\xa6&gt;\xe7h)\x0bv\x8b=e'</t>
  </si>
  <si>
    <t>b'U\xb2\xc1r\x8a\xfe\xf4\x06&gt;\x9fhXB\xfe\x81\x0c{\xc1\xe8%\nJ\t\xc3\xa2baRt\x8b\x1a\xc2'</t>
  </si>
  <si>
    <t>b'\xec\xbd\xe6I\xfb\xa1&gt;\x08\xcd\x889@{\xe5Z\x06k\xab\x16\x9bA\x82\x9cRN\xd8\xfd\x8c\xdf\x9d\x076'</t>
  </si>
  <si>
    <t>b'\x8b\x84\xda\xb8\xe4OIG\xca!\x81\x11\xbaF\xb6\xb0\xe00\xea\xf1\xcc\xc0@\x16\x95Ui3\xdb\xac\x17\xb1'</t>
  </si>
  <si>
    <t>b'\n~&lt;A?-\xa7o8M\x87\xfbo\xa9\x07.\xb0\x99\xab\xf8\x9a\xf6e\n\xa02\x94N5\xfc\xd3\x08'</t>
  </si>
  <si>
    <t>b'\xa5Z+f\xba\xae\xbb^\xa3\xb3\xfe\x0e\xec;\xb1\x92\x89KX\xe6*\x18\xc6K\xe1\xaf\x82e\x18\xd7\x7f\xfe'</t>
  </si>
  <si>
    <t>b'\xce\x9eN?\xfcWp`\xdeU6\x9bOQU\x0cI/\xdd\xb4W\x99\x1f\xb7\x92\x042(`\xa1\t\x89'</t>
  </si>
  <si>
    <t>b'\xd4\xd1\x00\x14\x97\xeaD.)/\x9e\xfe\x10\xf9u\x01f^\x96i\xa0\x8e\xc04&lt;\x9a\x12*\xedk%\xea'</t>
  </si>
  <si>
    <t>b'\xf0\xc5,Zv\x84\xae\x9e\xde\xfe\x0evb{\x06\xfe\x1e;\xfe\xa8F\xfe\x97s\xfc_\xb4`$\xfc\xed\xfd'</t>
  </si>
  <si>
    <t>b'a\xdd}"\xf3v\x07pH\xe5,\xf9\xff\xa6c\\:|\x1f\x1a\x8a\xa3\xc5zJ53@\x18\tQ%'</t>
  </si>
  <si>
    <t>b'\xb9IM\xfb\xfc\xed\x9b\x14\xa7\xdf\xb9\x9e\xa5\x16\xbfNT\x8d\x16\x91\x05\xe4\xb44\x94\xbf\xf4\x0e\x02Fj\xeb'</t>
  </si>
  <si>
    <t>b'\xec\xbe=\x11\xf9\x98\xd7\xd28\xfd\x18,|I\xdf\xad\x90\x04\xe5\x9d\xb8=X\x98\x85\x92\xd2\xc2|0\xb1#'</t>
  </si>
  <si>
    <t>b"\xfex\xd89\xd0[\xc3\xda\xbb\x0c\x8a\x85e\x9c#\x1aJT\xf4\x12\xdae\xc9\x14\x95$\xeb#\xe1/\xd0'"</t>
  </si>
  <si>
    <t>b'(\xa5\xe7T\x9ak\xe2"\xd6\x97\x81z\xe8\xaeAL\x9fvL-.\xf5\x08\tI\xb8\xd1n\xc4\xf9w\xdb'</t>
  </si>
  <si>
    <t>b'\x199Ix\xd1\x89\xff\n,7r\x9e\x98\xba\xc1z\n\xe4\xc3Z\xda\xfab\xcb\x9c\xb1\xdcc\xa9\x16x\x99'</t>
  </si>
  <si>
    <t>b'Y\x04\xb8\xc8n\x85)\xb9\x1aM`\xcep%\x8d\xa2!\x8euo\xa5\xec\x84\x03&gt;\n\xf4\xa8\xbc)\xed\xdb'</t>
  </si>
  <si>
    <t>b'\x1f\xef\x8c`\x95G$\xa0\xd5\xeaZ\xd2\x96\x94\xc2q\xb4L\xa3\xee\xa9\xfa\xb8\xb2\r\xda\xd7\xbc&lt;s\xe8\x1c'</t>
  </si>
  <si>
    <t>b'\xb2a\xdf\x91\x9a\x166\xe4\xaa\x9a\x9f\xd8\xd4\\\xf3m!\xff\xfd#@R1?\xd9\r\x8b\x05(\x04\xaf\xac'</t>
  </si>
  <si>
    <t>b'$\xda&gt;\xed\xa3L~\xb9\xefYw\xa60\x99Qq\xbb\x9dD~\xef\xff\xd3\x1dI$\xf0\x8c\xbf\x8dq\x9b'</t>
  </si>
  <si>
    <t>b'\xe2\xf4b\x1cfq\x97\xb0\xfaBC)x\xda\xf9\x07\xbf\x8c"\xc7B\xd1\xa6\xff\xb2\xa8\x94\x9e\x8e\xe2\xe3&gt;'</t>
  </si>
  <si>
    <t>b'}D\xeel\xb2\xec\\2\xb3O\x149\xe6\xa0\xb5\xc8\xb8\x9e]\x8b\x13v/\x02T\xfa\x99\xfb\x84\x16\x8a\xc6'</t>
  </si>
  <si>
    <t>b'\xcb\xa6\x84B\xb33rF\x12`\xfb\x8a2\xd9]|\xe9\xe1\xd1\xf8d\xfd\xc9\x13q\x933\x9e\x07\x93\xf6y'</t>
  </si>
  <si>
    <t>b'\x0c\x06a@\x1f&lt;\xb3\x0f\xeb\x0cdH\xe3\xe2\x8e\xceg&gt;p+9\x98\x98\xb2D\xd9n\xa5\xe9\x1c3\x96'</t>
  </si>
  <si>
    <t>b':\x167\xa8r7\xab\x89\x83\xc53\x97~\xfe\x90!\xf6mZ\x0f\x1f\xc1\xc9\x92\xf9\xf5\\\xc8\x01\x11\x950'</t>
  </si>
  <si>
    <t>b"\xf8^?\xb9\xc0%iA\xc1\xbe\x85\xaf\x1a+4\x12\xfd\xfe'\x14\x10{\x82\xf3T\xbc\xce\xf6\x03\xcf\xfa\xc3"</t>
  </si>
  <si>
    <t>b'+H^?\x7f&gt;\xf4\xe6[\x18\x95\xc3\x8c1\x86\x13\xba\xbd\xa8!\x8f\x02=\xd9\x0c\xc7v\x98\xc7"\x910'</t>
  </si>
  <si>
    <t>b'"oR\xfc\xa9\x9b\x0b\xdb\xd3\x132u]\x0b\xf41h9Y\xf4\xd6\x85\xaf\xddw\xa22\xe1\xd2\x8e\xdc\xae'</t>
  </si>
  <si>
    <t>b'\xf0\xf0\xf2\xb3\xd2\rso\x8b\xbdeL\xdf\x93\xc6\xa8\xc9\xd4\xd0\x00k\xc71qJ\xaeD{\xd0\xb0\xbb\x15'</t>
  </si>
  <si>
    <t>b'f.\xd7\x80\xe3\\\x1b\xb3\x08\xb2C(@\xf8\xe1\xcews\x1f\x7fh\x94\x01\x97\xd5lw\xb5r1\xc0\x80'</t>
  </si>
  <si>
    <t>b'lR\x8d\xebK\x9c\xb9S\xc4\xff\x1e?\xe5s\xa5x,\xa3\xc0\xee\xf2\xf4\xe8\xd1\xfe\xa6\xb6Tv%~\xee'</t>
  </si>
  <si>
    <t>b'sq\xa5k\xcf\x17E\x91\xd8Ca \xb0\x9fh\xd5\xe0\xd38*9/\x18l\xca\xb5\xe7\xf7\xb3\x16 ,'</t>
  </si>
  <si>
    <t>b'\x07\xceU9\x9f\xcfh\xe7{5\x95\xe6\xde\xcd\x10o\xd7\xc2\x86G\xd8\x91\xc3\xd6\x99t\xc1\xe9\x05O\x10\xb7'</t>
  </si>
  <si>
    <t>b'\x08\xa6$E6+\x8a\xcd%\xd1-\xdc\x10\xe1\xd8{\xa7w/\xfbFL\x0e%#\xa0\x08\xdc#\xff\xd9\xdb'</t>
  </si>
  <si>
    <t>b'\xf3\xefv\x8f\xf01\xf1\x04/Q#\x06\xef\xd6,r\t\x16\xfeZ\n\x91\x05\xa9L\r\xdb,\xbb\xb7\x03\x14'</t>
  </si>
  <si>
    <t>b's\x13!\xc0e\xbf\xd0\x17\x87\xd7\x878\x0e\x87b\xac\x13tb\x9eE\xd8\xcb\xc3&gt;&gt;\xd1\x0f\x9buX\xe2'</t>
  </si>
  <si>
    <t>b'.U"\xab\xee\x83\xb1W-h\x02a\x1a\x05Da\xcc2\xcf\xac\xdb@\xff\x9f\xe3\xe6e1\x99[\xc4\xa5'</t>
  </si>
  <si>
    <t>b'^\xeb\xede\x1c\xb8\xe9f\x86@fgq\xa45!e/\x01q\xd9\xdc\xf5\x98X\xb4\x06\xc2\xd8w\xeb\xf3'</t>
  </si>
  <si>
    <t>b'\x11\x95,\xe4\xc0\xc1M\xfc+\x88_\xde3%b1\x16B\xfb\xc9\xb3\x1c\xcb2\xf8\\?\x7fJ\xb1\xcd0'</t>
  </si>
  <si>
    <t>b'\x05X\xab\x7f\x921\xf4\xca\xcb\x1d~\x10\x97\xd5\xf3\xb9\xf1\xfd\xe3\xb8l\xa3\x87\x87\xe0\xb4\x8c\xc5\xb0\x91\xfe\xa8'</t>
  </si>
  <si>
    <t>b'\xc0\xe8\x01\xb6Z$\x0b\xe8=\xd0\x9c\x1fnD\x93SK\x0f^\xdfv\xee9\xba\xea\xfb\x9b\x89\xb6\xfc~j'</t>
  </si>
  <si>
    <t>b'\xab\x06%2\xe1X`\xff\x02\xf5\xe77\xa9\xa8&gt;b\x8b\xd0\x9f\xa0\xa4a\x979\x97\xdaJ\xee\x8fp\x81@'</t>
  </si>
  <si>
    <t>b'vx\x132\x97U\x00\x1ct\xf9\x94\xb9\xdbV\x1es\xa92\xa7\xfe\xe7\x83m`\x0b\xbe`\xff\xfc\xbc\xfdT'</t>
  </si>
  <si>
    <t>b'\xf3y\xeex~H\xf8k\xfa&lt;R\xb7\xd1K\x9ax{d\xb5;:=p\xd1\x19\x9dHx^`\x95\x8f'</t>
  </si>
  <si>
    <t>b'|\xda+g&amp;\x95\xef\xa2\x07\x1b\x12\\j\xe0\x8fl\x11\x8c \xc4\xf8(\x1c\x07\x05\x1a\xd6\x11\x84\x0f{:'</t>
  </si>
  <si>
    <t>b'\x9c\xca\x9a\xd8\xa3\xb6T\xf5\x90\xc2&amp;y\t\xcdk\x8c\xb6\xa0\x1e$\xb1\xd4\xd9\xc2\x8d\xb2\x98\xd4\x02\xac\x14\n'</t>
  </si>
  <si>
    <t>b'w2\x86"Y\xd23\xf0\x81\xe4\x0c\x97\x9f^\xc7f{O\xbfZa\xfe:3A\xd8\xe1\x8e,\xb3?\x18'</t>
  </si>
  <si>
    <t>b'\xe6!\x97\xb0\xeca*\xa4\x9d\xae"\x05!\xd6\x1d\x0e\xbb.\xb9K\x93q\xd9Y\xf9S9.\x1a\x0ft='</t>
  </si>
  <si>
    <t>b'=\xd8\x8d\x1fF\x16\x97\xa67\xc4x7\x7f\xa0\r[p\x9d\x00$\xd5D\x81c\xec\x03eo\xd2\xe1\x83\xcd'</t>
  </si>
  <si>
    <t>b'v\x0ciH^\xd8\x9f\xe3\xe7z\xaa\xe8\xfdU\xe3\t\xb9\x7f\xbf\xb3\t\x90"\x9f\xecaK\x1c\xf0\x94p\x12'</t>
  </si>
  <si>
    <t>b'\xe2\xea\x8f#\x8b\xa7Gy0\x01\xfeT\xec\xc4R(\x03\x91P\x8c\x07w\xbat\xd4f\xf5\xc5\x9b\x1f9L'</t>
  </si>
  <si>
    <t>b'\xbe\x936\x0e\xb3\xd1r~W\xd0\x9a\x15.\xb8\xd4\x92\x81-\x89\x80\x1at\xe3\xce\x8d\x88\xa0\xb7\xd7&gt;\x96A'</t>
  </si>
  <si>
    <t>b'\x07\x1e\xa1\xab\xfc\xcbn\xa5tjK\xae\xa9\xdd\x97[\xd4\xd2\x93\xe9\xd7\xcf8\x1d\xa1\xb1\xb4TCT\xf4\xd7'</t>
  </si>
  <si>
    <t>b'\xbf\x9f\xfaJ\xf1\xe2\xfa&gt;\xcf\xd8\x8a\xd3N{#@*\xc1\x84\xe5\xaa\x1d\n\x12\xc9\xc8G\xbf\xf3\x8a\x18\xa7'</t>
  </si>
  <si>
    <t>b'\x11A\xf1\x00`\x93\x06m3\xd5y\x07\xaa\xaf\x05_\xda\x87\xf0\xc3\xee\xad\x9c\xe0.(\xbe\xde4\x85v\x00'</t>
  </si>
  <si>
    <t>b'W\xfdu0Ow\xff\x0b\x08N\xb7P\xf6\xf9\x8d\xab\xcb*\x98\xe49f(n\x8eE\xa6&amp;\xbd\x03C\x0f'</t>
  </si>
  <si>
    <t>b'\xa9ts\x8e\x92\x88\xee\xbd\xdb\xa0\xd8\xa0\x99\xd1\xd3Z;\x14(Pa\xc5\x9a\xd0|+\xf9Z\\\xda\xa3M'</t>
  </si>
  <si>
    <t>b'\\\t\x98\x11\xdc\xe4\xf85x\xd9\x99\x185/yu\x92\xc1O\xe44\x8a;U\xbf\x81\x07~C\xb2}\x91'</t>
  </si>
  <si>
    <t>b'_\xf6L.\xb0\x92\xc3|V(\x9byW\xf7\x82\xad\xc3F;\x8e\x1e\x82n\xdbI+\xe9L.\x1e6\xf5'</t>
  </si>
  <si>
    <t>b'!\x82\x9d\xf5\x9b\x01Sv\xdb\xd9\xbd\xe3\xacr\n\xa2\xde\xa0|\xc4\xdaV\xbe\xa2J\xab;i\\\xea\xec\x0f'</t>
  </si>
  <si>
    <t>b'\x9cg\xe2\xd8\xad\xf55\x16K\xb6\xd8\xf4\xbe\xc4\xa8\x14\xf5d\xc9\x8eDy\xae\x86\xbc\xc4\x0f\x91t\x934Y'</t>
  </si>
  <si>
    <t>b'\x97f\x99\x08\x18\x14\xf1\xfeZ\xe8\x96\xbd\x17\xc2\x15\x00\x89\'"\x9b\t\x0f1P\xb9\x97E\x13\x89\xb6b\x10'</t>
  </si>
  <si>
    <t>b'R\x03P#"\xd4\x18\xb5^~\xcf\xd2\x8a6\xb7\xff^\xa7Nv\xeaEd\xb6H\x8ePcR\x17\xa8\xab'</t>
  </si>
  <si>
    <t>b'\xcaT\xa3\x1a^\x83(\x03\xad\xf4\x1b\xea\x17i{G\xdd\x95/\xa5\xe8"\x15\x7fr\n\x91|\xc1F1\x8b'</t>
  </si>
  <si>
    <t>b'\x95h*\xf8\xc2.\xa7\x14\x0f\x87Y,\xabI\x7fi\x7f\x9d\xd2#\r\xbe\xa8=\xb6\x17?}d\x9ae\x16'</t>
  </si>
  <si>
    <t>b'\xcf\xe8\xa9\xfd.9\x8f\xd4\xc7\x8c\x022\xa2\xa2\xaeX\xcc\xd7\xb0\x0e\xcfj\xaeb\x12I\x14\xde\x87\x0cK+'</t>
  </si>
  <si>
    <t>b'\xa4 35}\xf0\x14F\x8a\xe4c`\\\xa4Q#R:Gfc\x85\x93\x81\xdbu\xe7T\xcc\xab\x16\xd5'</t>
  </si>
  <si>
    <t>b'h\xf0\xaa\x9bJ\xfe`\xb1$\x96I\xc2\xbe\xcep/\x97\x86\xe8\xda\xbf*\x97\x84\xe3\x02:\xc2\xe9\xb8\xfbk'</t>
  </si>
  <si>
    <t>b'\x9fk\x05\x84\x9d(\xdd\xce\x97W~\x89\xd6\xd6\x00\xd5\xe4\xdd\xf8G\x08-\xe1\x03\xc8\xe7\x00\x15W\x84\x0c\xef'</t>
  </si>
  <si>
    <t>b'~\xa7\xca\x0c\x15W\xa5\xcd\xaej\xbf(\xa3\xf0\xca.\xea\xd8q\x03\xb7W\xa9\x12\xf0\xb0\xe4q\xfbZ\xdd\x8c'</t>
  </si>
  <si>
    <t>b'\xa7\xbc\x16a]\x04\x7f~\n\xe4]\xab\x8a\xd3\x87\xd66\xa9\x82\x0bO\x10^\xc3\x7f\x7f#r\x8f\x16/\xd3'</t>
  </si>
  <si>
    <t>b'\xef\xc2\x00Bk.\xfb\xd7|\xb7\x07-\xb8\xab\xe0Y\xa2m\x026\xe6z\xa4_\xd2\x8b\x1f\xbe\xe9\xbe"O'</t>
  </si>
  <si>
    <t>b'\x10\x06\x11\xc1\xc4\x11\x90\xf5\x91\x9f\xafA\tz\xc6k\xc7U\xef\x91 \x83\xeb\xe3\x85\\s\xb6S\xb8Z9'</t>
  </si>
  <si>
    <t>b'\x9a\xfd\xbb\xaf\x19qx \xbc\x93M\xe6Q\xfd9\x0b\xbcn\x96\xd8\xa6\xcc9\xbcB\xb5\xa3\x91\x1a~\x1d\xf5'</t>
  </si>
  <si>
    <t>b'\xda\xe9SOa\x9d\xe73\xaeqx\x866#IfIB\x93\x18\xd6\r\x00\xe1\x83\xc1\xbb}(\xcc\xa48'</t>
  </si>
  <si>
    <t>b'a~\x08\xe8\xce\xef\x7f+\xb6I\x9c\x89\xf5\xd9\xe6\xd4\x92$+E\xf6\xd6\xc8\xc6\xe2\xac\xac0~\xd4\xdf\xf6'</t>
  </si>
  <si>
    <t>b'\xf0\x90\xbd]\x1ee\xbe\x88\x92O\x1e\xdeM\xcf2\x19\x85\x8cH\x13\xadQ\x84\xc1\x0f\x02\x02\t4TR&amp;'</t>
  </si>
  <si>
    <t>b'rmb\x1f\xf5\n%F\xdf\x1c\x0f\x985\xfe\xf9=E\x8f\xc1J\xa3-\xafQT2\x9d\xd3\xbe\x00&amp;x'</t>
  </si>
  <si>
    <t>b'\xae9\x92\xab\x87\x9c\xe3\xb4\x0bW\x19\xb8\x8d\xbe\x16\xc3\x1f6\xbd\x90l\xfa\x7f\xc4\xc4\xef\x11\xd8;A\x7f_'</t>
  </si>
  <si>
    <t>b'4\x19IY\xe7gP\xa6\xd6\xdcd\xcc\x03\xc0\xd1\x12k(r\xe6\x9b\xee\xe8)\x0e@\xabgS\x9d\x13\xce'</t>
  </si>
  <si>
    <t>b'K\xd3\xe7\xb4^3\x81\xa6\x1c\xbf0\xackzn1\xe3K\xac@\xfa}\xaa\xd5\xe7\x80\xec\xaa\x157=\x01'</t>
  </si>
  <si>
    <t>b'S\xf3\r\xf2\xb3\xfc\n\xcc\x82%\x0b\x04yt\xb7fM%H\xb5\xfe3D\xf3\x88y\x1d\x83O\xc5\xba\xe2'</t>
  </si>
  <si>
    <t>b':\xa1\xacdQs\xb7\x1d\xb7\xf81\xc2\x07\xe2\xf2\xce\x8c\xb0-\x83\tX\x1dBb\xcc\x96\x83N\xe8\x94\xbf'</t>
  </si>
  <si>
    <t>b'\xb4~5\x11\x7f\xbbS&gt;\x08TD\x00v\xa0x\xfd\xf8\xe5F\xc4\x8dJ^\xe8C.X\xa9\x87\xed\x15\x1d'</t>
  </si>
  <si>
    <t>b'4\x9c\xdc\xf1\xd2Y\xda\xeeq\x99\x97e96\xcd\xd3\x00\xb6:\xb2%\x05\xdf"\x8a\xdd\x84\xb4\xb6\x83\x1a\x12'</t>
  </si>
  <si>
    <t>b'\xc8_\xeb\x7f\x0c\xf0\xab\xcdA\xa4b\x9a\xdd\xb6"@\xff7*\x97\xac9\xda\xa9\xbe\x9c&amp;\x83\xa6\x12\xe3\x91'</t>
  </si>
  <si>
    <t>b'|e\x9f\x13\xa6\xa7\x85w#\x14\xa2\xb3j\x1aLyM\xba\xee\x1b\xe8\xe4\xaf\xbc\x97\x19E\x1e\x8b*\x00\xc3'</t>
  </si>
  <si>
    <t>b"E)-\x90\x88\x9cg\x8a\xd2\xf5\xb6\xd0\x02\xe0}!\xa4\xe5\xd3'%M|\xe6t\xf4\xb5\xc3\x15\xf64W"</t>
  </si>
  <si>
    <t>b'\x13&amp;\xc41\xf9\xa8\xf7\xe0\x1a&lt;\x8f\xd4\xe8\x04\x97\x18\xc3\xa0\x83\x08\xae\xcf{\x07\xfe-\xebG\r\xc5z&amp;'</t>
  </si>
  <si>
    <t>b'\x9a\x94\xb9\x16\x8f\xf1\x19OT\x18\r\x16\xba\x03\x00\xd1\xf2\x02\x80~\xa7k*[I\xfe8\x189\x0f\x88\x81'</t>
  </si>
  <si>
    <t>b'\xd6\x02\x94\xac\xed\x83\xba3\x99\n\x9a^^m)LUS@\x9ca\x08\xc3\xdf\xda\xb2%J\x0f$\x8a\xe2'</t>
  </si>
  <si>
    <t>b'$\xb9\x08b\x96\xe9f\x94t*NcP\xbfQ-if\x8d\xa7b\x08k\x90\xbd\x9c\x06J\xc9\x97\xea\xfa'</t>
  </si>
  <si>
    <t>b'$\x8e\xaap\xda\x1ex\x88\xda"\xca\xf2B\xbe.\x0b\xea\x98D\xb0\x8f \x8b\xf2\x024|\x0e&lt;\xa3\x9cL'</t>
  </si>
  <si>
    <t>b"\xb3v\xd4'\x97\x16\xebT),\x1eAp\xfd\xd8%\x1d\xe8\xb8\x16\x19PSO0SsW\xf3\xf6a\xbc"</t>
  </si>
  <si>
    <t>b"\x13'\x02\xb4\x90 JLk\xb7'\x08\xa6\xf6H\x0b\x13|\x8b\xfe\xa1\x8e\x05\x8d\xef\xcf\x1b$\x00\xc3P\x82"</t>
  </si>
  <si>
    <t>b"\xf6\x84*\x00\x10\xed\x08\xd3\xf2\x88\x9e\xd31J\x1fB\x8cim\xd5*\xe4'Zi\x90D\xfaJ\xed\xaa2"</t>
  </si>
  <si>
    <t>b'\x01\xe0\xfa\xc6M\x7fF\xf2\x9b\x03\x9a^\x1e\x00\x030\x80y\x1a\xd8\xd5\xb9\x00E/[\xb5x\xe1\x89M\x02'</t>
  </si>
  <si>
    <t>b"k\x94\xa6'R\xc8u\xff\xe7\xa20 (\xb2I\x81|\x80:\x1cb\x84XWu\xa7%\xf4\xbf\x8cg3"</t>
  </si>
  <si>
    <t>b'\x11\xc8;\xb6\x1cL\t\xbc\x93\xa0\x02V\x8aS\xfa\x07[\x8c\xbd\x81?\x01\x05L+\xfb\x90\x1e\xfa3\x80-'</t>
  </si>
  <si>
    <t>b'Q^\xee\x91o\xf0\x03\x08\x15\x00\xdc\x05z\x11\xa9\xe2\xd0C\xe7\x01w\x8ddP\xa1\x1d\x10\xb5\xca\x93\xd7\xc9'</t>
  </si>
  <si>
    <t>b'\x15Y6\xd0\x9b\x19\x82,~\x9b\xe4}\x12\xc4^\xed\xb97\xb5X\x8a\x88,j\x87\x91)Kv\xa7o\x8e'</t>
  </si>
  <si>
    <t>b']a\xfb\xe6\x1b\xfa\xea\xe0\x90?\xd816O\xa4\x956\x85p]\xd9\x0fw\xc5\xa0\xcb\xa4\x00-k\xdc\xf3'</t>
  </si>
  <si>
    <t>b"\x84'\xe9\xf4\xed\xf8\xb1\xbcZ\xdc\xddm\x1f2.^|\x1cz\x03\xe0\x7f3\xba\x94\xa0n\xc5\x91QL\xed"</t>
  </si>
  <si>
    <t>b'\x03|\x94oH\xa2\x8e3E\x8d\x12&gt;B#\xb7\x99\xde\xa6o\xb2\x81\x9e\x87,\x90=z\x1dZ;\x0eS'</t>
  </si>
  <si>
    <t>b'\xeb\xc2\x0e\x95G\x19\x1a\x13\xf2\x0c\xe4\x9c\xf1\x19\t\xca\xe6Z$\xd1\x99b\x85=\xbd\x06YG\x93\x8b`\x8a'</t>
  </si>
  <si>
    <t>b'\xe3\xc4\x12\x11m\xe1\x11\xefm\xdc\x9c\xba@\xfb\xaf\xd9TJ\x95*\x8eX{~\t\xac\xba\xe6]\x9c\xdbb'</t>
  </si>
  <si>
    <t>b'\xdet\xb9q\xda&amp;|\xd9\x81\x03\x99\x8f\xd6\x9elu$\x93\xa4\x89.\xd9\xe9\xcf\xa5\xc2L\xb8W\xc1B,'</t>
  </si>
  <si>
    <t>b'q\xb1I\xa9.\x83\xbdf\x01FS\x00\x00\xfcO\x81\xc3f\x8c\x1a\xbbn\xb5\x06Ab\xfdCp\xb4R;'</t>
  </si>
  <si>
    <t>b'\xd5\x89\xbf\xcd\x1c\t\x8f*\xd7\xb7\xd27\x0f\xb14\xdd\xadt9\xcd\x89!PghcM/\xef\xffq\xf0'</t>
  </si>
  <si>
    <t>b'\xe8&lt;\xd4Q\xe4\xa4\x03\xf9\xbcY\x0f/\xbd\xf5\xe8P\x90\ry\xf4\xb4\xb8C2F~\x8f\xc2x\xec\xd2/'</t>
  </si>
  <si>
    <t>b'\xc3\xd1\xf29S\xdf\x8a*b1\x98\xf9 \xfa=\xf6\x14\x83\x04\xd4\x8c&amp;\x03\xd5\x19ah\xbc\x98\xe7\x8b\xb6'</t>
  </si>
  <si>
    <t>b'\xaf\x17\x88\x833\x025@\xc7\xca\xbe\xd8\xf8\xcf\x11\x9c\xca/]\xa5[\x7f\xffa\xc0\xfa\xd5#\x9a\xa7&amp;]'</t>
  </si>
  <si>
    <t>b'.hy^{\xb5\xca9\xcd\x14O\x08\x1d\x14\xfc\xf3\x0e]\x80I\xb7\xda]1\xa0\x8a\xafg\xf0_z]'</t>
  </si>
  <si>
    <t>b"\x0f\x88\xa1\x98\xcc!x\xf2GY\xca\xf1\xd9\xd1\xd6\xb5\xb2\xca\xb2\xfb\xea\x16'\xbdR\xfa\xa3\xf2\xdf%\x01\x88"</t>
  </si>
  <si>
    <t>b'$&amp;(\xb0\xb7\x07\xf6;Y\xf8\x1aO\x82ez\x8c@5K\x10\x8a*\x13\xb2\xdb\x06z\xde\xf4t\x16\x87'</t>
  </si>
  <si>
    <t>b'[V%*\x0b\x93\xe0&amp;\x00\xbf\t\x86\xed\xf0\xff+\xfb4\xaf\xb7\r\r\x8d\xcb3\x0f\x16 gJ\xa7='</t>
  </si>
  <si>
    <t>b"'\x89e\xc1o\x89_\x06\x14\x12Y\xae\xc4\x7f!M5\x01\x13O\x84\xf2\x82J\x92$\xc3\xcf\x88\x82v\xd0"</t>
  </si>
  <si>
    <t>b'\xcc\xd9\xc5tP?\xbbl\xdf\x9e\xb1$v\x08X+Z/?2y\x15\x05P\xb7\x9dS\xab\x988\x1c\xcf'</t>
  </si>
  <si>
    <t>b'.8x\x97cU\x11\xb7\xf2X\t\xeb\xd3\xb7\x1d,\xbf\xa0\xd3\xc0\xf4\x9b\x14.Sl\xe1\xcc\xd6\xaf\x99\xb1'</t>
  </si>
  <si>
    <t>b'\xe5\xaa\xae\xbbg\x1a=\x8a\xf4\xcf\xcdT\x12\xf6C\xfe_\x9f\x10\xcbs\xa4\x95\xd8\xe2M\x96`\xe4bK\xeb'</t>
  </si>
  <si>
    <t>b'\x97!u\xc0\x99\x8f\xd5\xc5\x88\xd7\xa4\xef\n\xfdf\xcd\x93\xa0^B\x94#\xda\xe5"\x15$X\x04\t\x10h'</t>
  </si>
  <si>
    <t>b'\xd7\x0b+P\x8b]&gt;\xe5{j&gt;U.\xc6WZI\x0eo\x1e\\v\x1b\x97\xb9\nG\x18\xd0\xa1\x0c:'</t>
  </si>
  <si>
    <t>b"\xb1\xdc\x0e\xdf\x80f\xb6'\x13w\r\xd3$\xcdb\xfc3\xbc{\xb7A\xfb\x8fv\xa5zF\xa2{\x95\x04f"</t>
  </si>
  <si>
    <t>b'\x05\xd3\xbd\x0e\x0f\xf6H\x1f\xf1&lt;\x85\xf6\xebg\x94\n\xc6[\xec\x9e\xe6\xa9k{\xe2\x17w\xd1]n\xeb\x80'</t>
  </si>
  <si>
    <t>b"0!'\x97\xc6\xe9\xda\x12\x99q\xc2\x1f2\xbe\xb3\xd9\xe0\x1d\xc2\x10O\x18\xf0\xdb\x91\x07U]\xb6\xd8oi"</t>
  </si>
  <si>
    <t>b'\x1e;\xae\x95\x12\x7fv9\xf1\x86\xf0\xcam\xa0\xf8\n\x02\xae+1\xa8\xdc\x13p\xf6\x87\xa0\xfb\xbd7uo'</t>
  </si>
  <si>
    <t>b'\x83\xda`6\x8a\xd4\x06E\x8cp\xab\x00\xc1\xf1]+\xd5B\xac!F\x98\xber\xb6P\xf0P\xe5\x80\xc4\x8d'</t>
  </si>
  <si>
    <t>b'\x8e\xbeW\xd9\xbf0\x9c\xc7\xb4?$\x0f\xd5\xbc\xb6\nO\x88\xf3\xfdq\x06X\xeb\x9dt\xcfA\xc9\xbc\xe4\x0f'</t>
  </si>
  <si>
    <t>b'\xd5e\x07G\xcc\xd2\xdc\xa9y\xff\xc6\x00\x82\x1d\xbe \xbd\x86~T\x000LWz\xef\xb9yB\x1f/0'</t>
  </si>
  <si>
    <t>b"Z\xa4\x9cy\xe5\x96\xe0z\xc4Q\xa3u\x18\x9a\xf8\xd6\xa9=\xe5\x9ft\xd4'\x18\xfe\xef\xa4]E!/\x14"</t>
  </si>
  <si>
    <t>b'\xa9aN\xff\x17\x06i\xcaO\xb8\xd8\xf4\xc6\xe2&amp;i\x7f4\xc0`\x95\x0f\n\xbf:B\x8f\x16PBy\x9a'</t>
  </si>
  <si>
    <t>b'*\xdaF\xc7\xe8\xd9\x02\xcd\xf0R\xbe\xbd\xed~\xb0[M\x9c[\x82\xd8\xf0\xb4\xb5D\xf1g\xe7\xbe\x17\xa3\x9b'</t>
  </si>
  <si>
    <t>b'(\x8aX\xf9\xe7\xcb[`P\xdf]\x83\x15\x9a\x0f\xbc\x06\xf8\xae\x03\xf5\xf2.&lt;p\xed\x9f\x8b\xbf\xb8}\xf3'</t>
  </si>
  <si>
    <t>b'\xe3\xc2\xe6&gt;p\xe6pk\x1b\xd6\x9cJ\xd8\xcda\xa7\xff&lt;\x02\x88\xfa\xf8Q\xe5\xd0\xddW8\x19\xe2%\x06'</t>
  </si>
  <si>
    <t>b"\x8d&lt;Xlt\x8f\xb2\x0f\xae\x1e\xef\xc7\x16\xfc\xcbM\xae\xb5h\x00'\x8f\xc0~\xda\xc1#o#\xe7\x99\xe6"</t>
  </si>
  <si>
    <t>b'%\xed\xea\x07&lt;\xe2\x10\t+\xf4qWq6\xa6\xd9\xf6\xde\xd7\xda\xf7"W\xed\xacn\rz\xc4to\xaa'</t>
  </si>
  <si>
    <t>b'\xde\xb7\xdam\xe4\xfew L\x98\\\x97n4\x83\x13\x1dW\xb8\x81\r7\x82\xe2\x86\xae:\xc5\x1c\xec\x163'</t>
  </si>
  <si>
    <t>b"\xeb\x99\xe2T\xa8WI\xdf\xd5\x1e\xc4\xe3\x17\x18\x1dW'Gr\xe1\x08&gt;\xa8\x04\x0e\x11\xbf\xd6\x03&gt;\xe6\xb6"</t>
  </si>
  <si>
    <t>b'\xe8\xd7\xdf\xda\x94\xa3IVR\x91xp\xaf\xe0!nf\xcd\x17W\x8c\x94(V\x00U\xaf?\xb2"Y\xb1'</t>
  </si>
  <si>
    <t>b'py\xc5{\x06]\xfd=\xb5\xa5\x82\xed\xd7_\xafO\xdah\xe4mT\x06\x8f\xac\xc1d\xa4\x05\x011bo'</t>
  </si>
  <si>
    <t>b'\x06\xbb\x11\xb4^:hM\xffi\x1b\xceO\x07\x9cG\x92\x06\xdb\x1f\x8fg\xf0\\\x80\x94\xf9}cS\xb6\x93'</t>
  </si>
  <si>
    <t>b'0\x164\x9d$g\x863\xd8\xfd8|\x9f)~\xc6J\x02\xe4\x04N\xeaX\xa9\x97\xebP\x19J\xd6\xb0\x04'</t>
  </si>
  <si>
    <t>b'\x06|,:3L7\'\xfe\t8I\xbbj\x8c\xe4\x1b\xfd\n1"\xe2\xd9\xad\xcd\xe1\x00G\x18\xf1\xf5\xeb'</t>
  </si>
  <si>
    <t>b'\xd4^\xf0\xbb8`~\x18\x98\xb7\x11\x8aw\xce\x8f\x19\xb5I\xd7\xbc\x1a\x99\xd9\x14\xe8R\xdb=\xec\x14\xd3\xa0'</t>
  </si>
  <si>
    <t>b'H\xbcd\xee_\xf4\xfd\x05\xb0W$*\t\x12\x00\xe2\xa1yO;\xf2\x07\x9ehX\xd7vS\x1dc\x83t'</t>
  </si>
  <si>
    <t>b'\x02,\xfa\xa0\x82\x17\xe9\xd28\x94\x8dtB\x8d\xb5nj\x81\x0b\xb7\t.\xe0\xc0\xe2\x19U\xfcQ\xc6\xd9\x04'</t>
  </si>
  <si>
    <t>b'+\x86\x1a\x04\tK)\xc01\xfb\x17p\xf0\x9e\xbdd\x8ad\xfd/\xce\xb5\xa6=\x94\x90\x12%q3\x9aV'</t>
  </si>
  <si>
    <t>b'N\xff\xffA\x1c\xf5\xab\x11\xf3\xf2\x8d\xd4\xd1\x08\xe6.\xad\xd0"v\x8dU\x979x\x8b\x01\xe1\xcd%\x81\x9a'</t>
  </si>
  <si>
    <t>b'^%po\x86\x93\x98\xb3\x14\xcd\x15\x16\xde\t\xa3!p\xa9gN\xd6\x84\x9cM\x01\x17\x81-\x12+\xc13'</t>
  </si>
  <si>
    <t>b'\x15\xba\xa4\xe4v\xc6n\x13\x98\x02\x89\x00\x05!n\x02\xd8\x07_\xbfA\x89\xb1\xfd\xdfN/\xbc\xa4\x89\x97\x16'</t>
  </si>
  <si>
    <t>b'Z\x7f\xff\xbd\xda(=\xff\xdc5\x11,\xe51/t\xfeDJ\x9b\xd8\x8e\x08\x15]\xa6@\r\x93\x07\xe9h'</t>
  </si>
  <si>
    <t>b'C\xd8\x9a!\x11\xce\xe4\x17\xd6d\xb0M\xcf\xef\x13\x8b\xcd\x18-\x81d\x9b\x1d\xd7{C\xb6\xa8\xac\x0e\x8e6'</t>
  </si>
  <si>
    <t>b'8&gt;\x8eVL\x8f.\xfbycx\x96C\t\xe8\xea=7&amp;)\x0f\x8f;\xe7\x0cZ-\x8e\x85K\x05W'</t>
  </si>
  <si>
    <t>b'e\xa1\xde\xa0t\x067\x8e\x11Z_j\xfc\xc9Dnj\x9c\xcb\x9a\x8f\x7f\xcd;\x8dC\xe7\x85\xe5\xd9v\xb8'</t>
  </si>
  <si>
    <t>b'\xb3\xbe\x17+\x99\x0e\xc7B\x0f\xf2\xa7\xfe:y\xf0[\x12\x9dw\x1c\\\x08\xc9\xda\xa9\xc0&gt;j\xa4\x81\xca\x9a'</t>
  </si>
  <si>
    <t>b'\x89\xf3\xa8\xb4\xda\x86\xbd{\xd72$\t\xda\xcfT\x88\x83\xc45DM\xd6v\x02\xadi\xb1-@\x82\xc1~'</t>
  </si>
  <si>
    <t>b'\x10\x17\xa0e\xdfU\xbd\xe3i5\xb8\xb5\xf1\xdfU\xbc(\xe8\xcc\xed\xee--\x07N6Z\x02\x03\xfa\xc6\xb3'</t>
  </si>
  <si>
    <t>b'T\xf5\xc9Vy=\xf7?\xd5\xcb)\x85m\xbe,\x01n#e~fx\x81\xd5H\x80l\x11Y\x06\x1e\x18'</t>
  </si>
  <si>
    <t>b':\xe2\xd6\xc1\x91\x8c\x0bI\x0c\x0fu\xd1\x8dj\xc5\xa2\xf7\x19\x1eL.8cG;\xf7\xaf\x06\x9b\xf3\x8d\xf2'</t>
  </si>
  <si>
    <t>b'\x80\xfc\xe4Q\x19\xcd\xd3\x9e .\xb3\x80\xb6\xca\\\x87\xae\xd6JNd8N\xf4\xcalv\x81\xc3Q\xec\x97'</t>
  </si>
  <si>
    <t>b'\xac\xbexw\x87\x06H\xd3\xdd\xc8M\xc3v\x9d}\x8c\x14\x03\xcc8[\x90x\xd64=\xf1b]\x14\x1f\r'</t>
  </si>
  <si>
    <t>b'\xc4\x1bC\xaa\xcf\xea\xad\xd0\x88\xc4\xbf\xb1\xb2\x1a5\xbam\x02J\x180I\xcf\xfd2\xd3\x1c\xa1\xb7\x9c\x93\x87'</t>
  </si>
  <si>
    <t>b'&lt;\xb7\x0f="\xa3\xae \xef\xd3\xffhN\xc6[\xa2\xf0\xb8Z\x87\xa4\xecqCm\x8d\r\xd8%B9\x17'</t>
  </si>
  <si>
    <t>b'\xe81\xe34\xa6\xd6\t\xca\xb7\xc2\xd2^\x0ck\xa5\xa5\xfdV\xb1@\xa3\x81%\x1b\xf3k&gt;\xda\xe2\xaa-\xf7'</t>
  </si>
  <si>
    <t>b"\xef\xe6\xf2\x0e!u\xb0\x89#h\xfd\xe0+\x1f\x03\n\xf8\x9eh\xcfa\xc2\x9cG\xb3-E'\xe4\\?\xf7"</t>
  </si>
  <si>
    <t>b'jT\xb5p\xe7uC,\xf8\xd9T\x07\xfb\x9f\xb6\x82\xb3\xfa\xbf\xf6J\xadE\xa0X\x86=\x14\xf0\x08s\x8b'</t>
  </si>
  <si>
    <t>b'=:/\x82\x81v0\xb7\xbbg\x91\xdbw\xe6c\xc0\x11\xe1\x8bPK\xcc\xc9\x18\x1a\xf2h\xc3\xd3\x97[:'</t>
  </si>
  <si>
    <t>b'@\x92iA\\\xd1\xa9}2\xf3\x05\x19\x80\x9dI\xaf\xf3\\\xe5\x0b\xacg&lt;\xeds5\xc7}7\x0c\x9b\xb1'</t>
  </si>
  <si>
    <t>b'\xb9\xf5\x8c\x8f\xf12\x05\xda\x8dY&lt;7\x8d\xf0t\xecr\x9cz\xe1\xd1~_}g\xe8!\xcc\n.\xfb\x8f'</t>
  </si>
  <si>
    <t>b'\x1c\xd9\x15\xa9h\xc3\xf3\x87C\xd4\xee\xd6tE\x80\xccE\xe2\x9c\x83\xb2\xaaZQ\n\xa3?\x89\xdb\xe3\x8fH'</t>
  </si>
  <si>
    <t>b'u\n\n\xddP\xbf\x9f!Y\xae\xc4`\xb1\x1a\xfdH\x9f]\x81\xcfs\x17\r\xb40\x8e\xd54\xfau\x93!'</t>
  </si>
  <si>
    <t>b'1\xbd!\xd0\xd7j=\x14e\x8aJ\xda\x87\xce\x80\x9bL\xf9\xd2\x11LJ\xa8$\xbe\xadK\xa4\xec\xdc&gt;1'</t>
  </si>
  <si>
    <t>b'\xfa&lt;\x91\xde5\x1bX\xe4\xce\xd8\xffsc,xcXzJ\xeco\xb4\xeb\x9b\x85t\x12:2\xed\xc4\xf0'</t>
  </si>
  <si>
    <t>b'T\x0f(\x83\x15u%\x13/z\xa9m\xb1\xfd\xf0\x1f\xde\xef\xeeX\xb9\xa7\x0c\xf4\xb4g\xd8\x8c\x7f\xa3\x1a\x19'</t>
  </si>
  <si>
    <t>b'\xd7\xf8\xd6\xda\x86\x1d\xed=\x88b\xf6\xd7\xf9u\x17\xaf\xe9\xb3\x95\x1f\xae\xd4\xe56\x1d\xc1\x0b\x8a9h\xb5\xc6'</t>
  </si>
  <si>
    <t>b'+\xa6\xc0\x9f\xb2\xf0B\xf5\xa5\xb3.\x1d\x97N\x85\xd7"\x0fP\x1f\xa4\xb5\x89\x84\xcc\xc9L\xb0HB\xce\x03'</t>
  </si>
  <si>
    <t>b"'q\x9b\xe3\x8e\xda\xe1i\xb7\xcfl\xcb\xea'\xc7\x1d\xa6\xdb\x08;\x1a\xab\x9b\x80\xbb\x85\xbf\x16\x0fN\x83\x9f"</t>
  </si>
  <si>
    <t>b'\x0f\xcbz\x1d]H\xd0\xb5\xba\xb7^\\k\xba\x88\xbb\x00?*&amp;\xe9\x7f\x06("\xaan\xdaA\xa8\x9c\xc0'</t>
  </si>
  <si>
    <t>b'Ye\x08\x80\x08_\r\xc3\x85\xb3q;y^\x1c\xf8\xd8\xcc\xa0\x1b3\x90\x8b\xca\x05\x9cH\xe9\xbb#+\xf3'</t>
  </si>
  <si>
    <t>b'\xf8\xb6\xcbyw\x97TgX\x9d\xc9\xd0C.\xefhO|"\x1e\xa0\xff\xe5\x1a4\xf7\xc5e\x9b\xf0\x00*'</t>
  </si>
  <si>
    <t>b'u\x8cP\x81\xe6\x1b\x88&lt;\xa7\xe4\xbd\xdb\xb54C\x97\xa2\xcc\xe4\th;\x10WU\x08{\xc0\x8d\x0bJ\xe8'</t>
  </si>
  <si>
    <t>b'\xa1\xff$\xe0?\x18\x80\xd5\xee\x90T)\\\xcd\xfb\xb1T[\xeb\xb06FLv\xa5\x84\xd9`\xda\xea\x86\xb5'</t>
  </si>
  <si>
    <t>b'\x82\xc7\x9d\r&gt;\xdf(\x98N\xa1\xde9\xd3\x1d\xa3R\x91-\x8f\x18\xea\x83\xc3+\xb5S\x85R\xe1\xe7`\xfa'</t>
  </si>
  <si>
    <t>b'Dy\xd9\x96\x9b&lt;\x0bi\x0e\x8dG\x1a\xae\xb5\x9c\xe6\x0b\x0f\x83Q3\xd5\r\x01\xbc\xf0\x99X@\xf9\xbb\x0f'</t>
  </si>
  <si>
    <t>b'\x83\\\x0b!\xf2\xd3F\xebZ\xe1\xa3\xe9\x8a9\xe2\x8b\xb5A\xaeVB\x0c\n$5\xc4J\xa7\xe9\xd4\xa6\x05'</t>
  </si>
  <si>
    <t>b'\xf6R\n\xb4\xc4p\x12Q\xfeLb\xaf\x94\xc7\x96;vH\xb6\xbaO\xe2^\x93\xfe\xf2\xc9\xab\xc2e=\xf1'</t>
  </si>
  <si>
    <t>b'1\x00\xef\x01X\xd7\xa6\xe5\x8bu!\xc4\xc0\x82\xa1\x1e\xe6x\xdc\xbd\x99\xd3\xe4SL\xb9\xfa\x00\x0c\x0fM-'</t>
  </si>
  <si>
    <t>b'\xb6aI\\\x868\xbdL\x93bGh\xd6\xb7)\xf7\xdf\xc5#=\xc8\xed\x08\xf4\x1dP#p\x1a1\x19#'</t>
  </si>
  <si>
    <t>b'\xe0X\xacq\xcb\xd6t\x11V\xc8q\xc1\xba\x19\xc6\x95\xdf\xef/\x84\x06\x8b\xb9Sx=\xb3\x0b~\x8c\x90\xd6'</t>
  </si>
  <si>
    <t>b'aw\xb8\xae\x95\xec\xfeb\xffL7\xf7f6\xcf\x87\x9fd\x8c/\xaba\x17\xee\xf8VYg?\x90z\xe4'</t>
  </si>
  <si>
    <t>b';\xbc\x90\xf7\xdb\x0c\x7fy\xd8\xd8\x1c\xb3|\xe0\x1e\x1d\xee\x17\xf3\xf8;9\t\x00;\x1f\xb4\x1dN\xef\xe5('</t>
  </si>
  <si>
    <t>b"\xab\xd4\x19[\xb7!,\x8c\x87\xb3x\xd0q'\xf1\x8bnu\xa4\x93Q\xfdcG7\xe6%\xed\x80z\x8aL"</t>
  </si>
  <si>
    <t>b'\xf0\xf1Z\x86\x9dx5\x07\x8bm\x05\x84\xa7qti\x7f\xc8Rg\xe1/\x9fQh\x18\xc7\x8c\x1f\xac\x10\r'</t>
  </si>
  <si>
    <t>b'\x86\x1f5+ \xd9\xeeh\x84q\xe6\x0b\xeaWS\x8aUC\xa5\x9d\xa3\xea\xe4Fn\xe1N2\xf8Jd\xc6'</t>
  </si>
  <si>
    <t>b'\x8a\x96t~Ks6\x93\x9a\\\x95\xe5\x95\x97\xa2\x85A6L6\x02\xe0\xbb\x10b\xbbN\r\xcbV\xb3/'</t>
  </si>
  <si>
    <t>b'\xd7\x14,\x06f\x13\x9b\xa7\xcf\xa4tkY\xcc5\xcd\xa0@\x1aX\x1a\xb8$\xee\xa7\xbaTE\rA\xc7\xf7'</t>
  </si>
  <si>
    <t>b'\xaaQ\x1d\x03\x8a\xc5\x8a\xaf\t\xd5AS\x87\x94\xf2\x1ak\xabk\xbd\xc7\x03U\xd0~D$\xd1\x1d2\xc81'</t>
  </si>
  <si>
    <t>b"/O\x082H\x15\x12A\xcey\x8e\x8a\x86\x87\xa6\x15\xd3\xf4T{\x11\x9b\xbd5/\xda\x86=4\x86\xd1'"</t>
  </si>
  <si>
    <t>b'\xb0\\\r\xc4E\x14\xf6\x88\x00\xa3\x92\xfbF\xbb\x06\x9f\x15\x81Z\x80c\xdd?\xc7G\x8e\xb11D\x8a\x17\xc4'</t>
  </si>
  <si>
    <t>b'\x89!\xe025\x1b#D\'+e\xdd@l\xb2O"\x159]\x86[h\xe9\xed\xd0\xc9\xcb\xa8\xff\xa0\x8f'</t>
  </si>
  <si>
    <t>b'\x829\xe6\xe0\xeav\xda\x81\xbeD\xf9\xb6E\x94\x83(^K\xf7\x92\xa5\xe7\xda*x\xca\t\x9c\x19D&gt;z'</t>
  </si>
  <si>
    <t>b'\xb3\xb6\xc9@%\x9e\\\xf9\x8f\x1fN\x1c&gt;\x1a)\x02^IY\x88!\xcb,\xabP\x82i\x89\x02\xc9\xd1~'</t>
  </si>
  <si>
    <t>b'\x01#\x1c\xb9\\sV\xdd\x15\x81J\x9c\x9bV\xa0\xb5\x9bp&amp;1)\xa5\xc6\xe6\\N\x03/\x05\x89\x080'</t>
  </si>
  <si>
    <t>b'\xee\xcb\xb8\xaa\xb7qd\x03\xe8e\xfe\x1cwC\x02_\x88\xff\xf5;(P\n\xe3w\x85IQz\xcb*9'</t>
  </si>
  <si>
    <t>b'\x8a\x07\xeaJ\xa7\xe1V\'A\xb67\xcc\xef\x9e\xb2\xe9\xab\xf1\x10\xca0"y\x89\xe7\xce\x05\x9e(4\xdf\x15'</t>
  </si>
  <si>
    <t>b'T\xbd\x9f \xc3\xa6\x88qDL\x88Cr\xe9\xaaa\xebn\xc34t\xca\xcf\x06g\xe4\x18\xed\xb6B\xa1!'</t>
  </si>
  <si>
    <t>b"rE)\x8b\xd0\xbe\x0f\x0cZ\xbe\xe5\x95\x0bC)\x8a\xf5\xb9\x91'\xde?)\xd2\xcf\xe3\xfd\xe5\x96\xcb\xb9\xba"</t>
  </si>
  <si>
    <t>b'\x9d\x84\xb4\x12\xa7@\x9a\x90\xc9u\xb3\xceMrb\xaa\xab\x89l\xa2\x0f$a\xd2\ri\n29\xfe\x97\xde'</t>
  </si>
  <si>
    <t>b'\xc1\x8b&gt;\xe5\xe6\xa9\xb7\x84\xae&amp;\xceVg\xb4\x1d\x81\x18(\xfc\x7f-~\xe6\x90\xdf\xdej\x8a\xe6Q\x92z'</t>
  </si>
  <si>
    <t>b'B0^k)D\xb6\x03eOAh\xf9W\xf8q\x86\xcd\x13\xd7\xc8\x99\x8a\xaa\xeb$\x98&amp;V\x0fD\xbc'</t>
  </si>
  <si>
    <t>b'n"\x03\x8b\xac\x82\xf85V\xe4\x9dW\x1f\xd4\xe2\x88z\xbd\xad\x05d\t\x9bt\x95\t\x0e^"\x7fb\xc3'</t>
  </si>
  <si>
    <t>b'\x17p\xfe\x7f\xd9\nL\xfb\x92\x12\x81]\xab\x88\x84\x93z\'uL\xb6}\xe7\ne\xe3Y \x8b\xbeB"'</t>
  </si>
  <si>
    <t>b'\xf0Q:\xefF\xfd\x86\xb5D\x85\xfaMx\xedO\x8b\r%\xf4D\x9b5\x97\xa8\xb4\x94YO\xc4\xa6o\x16'</t>
  </si>
  <si>
    <t>b'\x7f\xbd,\xd4\x1c\x05\x82h\xa1\xd2|\x17\x05\xf5\x15LS\xec\xf1\xceY\xe1\xfd\x15\xe9\x18\x91\x92\xca\x11\r?'</t>
  </si>
  <si>
    <t>b'\x81\xe0y\x1f\xc8\x8ae(HP,\xa6\xfc\x1d\xbf\x92w\xbb\xf0\xfd\xf0c\x90\x02\x7f+\xb0\xee\xfd^\xece'</t>
  </si>
  <si>
    <t>b'\n\xfaR\x99f\xbc\xb5\xc5\xdcd\xcc\xf8=\x8c8?\x9fEW\x99$I\xd9\xf2Z\x19\xd7\x9d\xd6\xe7\x17\x1d'</t>
  </si>
  <si>
    <t>b'fU\xef\xc3\xce\x85\xd0\x88\x8d\x11\xeb\xf9\x89vX\xecR\xd6\x85\xf6\xbfE\xfd\x03\xd6\xd82\xb3\xc21\xb4E'</t>
  </si>
  <si>
    <t>b'B\xcc\xf9\x9aE\xd0#o\t\xb0C\xc7\xb2\x9c7*\x7f\xa2\xfc\x9a\x18\xc0zNI\xdb\x06/p\x8f\x9aG'</t>
  </si>
  <si>
    <t>b'\xd2\x9e$\x92\xb3\x1bU\x8f\xda\x83\xf8\x9b$\x89\rL\xde\xd0g\xddg \xb7y\xef\xf1\xee\xe9\x88z.\xe7'</t>
  </si>
  <si>
    <t>b'\xed\xd1b\xd45&gt;\x14\x99\x87{4\xc7\xe6)x\xff\xad\xa5IS\xe1v\xb8\xf7\xb6\x0b\xb0\x838\xc5\xd7\x8b'</t>
  </si>
  <si>
    <t>b'`&lt;\x01\xa6a\xed\xa9\xc7K\xbbK-\xdag\xb0f\xee8\xdc\x83\xe5Q\xfb\x88\xc3\x99\xd5\xf7\xd7\x94\xa8R'</t>
  </si>
  <si>
    <t>b"\xd7Vx\xd5D\xe6s\xa3\x17\\3\xfa6\xdc\xdb\xf1:'3W\x85\x18\xd0\x13\xd6\xce\x8a&amp;P+\xec&gt;"</t>
  </si>
  <si>
    <t>b'\xb5.c\xf6\x88\x18S\x86\x8e\xdc\xc3\xa1\xe7\xa4\xfcu\xb3\xf7\xb4;\xb5\xfeB\x1c$[\xc0\xda\x8f\x1e\x12\xde'</t>
  </si>
  <si>
    <t>b'W\x18\x80\xe5\x8f\xa9\xca\\\xd8D\x81\x15\x9f\x1c0y\x1c\xb6T\xb6O\x0e\x0e\x924T\x92O\xc5\xcb\r\xa4'</t>
  </si>
  <si>
    <t>b"\xd9\xfa\xe0\x99\x11s\x9a\x06\x18\rk\xb4\x9a\xf3&lt;\xb5\xa4'\xbf\x83\xbb1q\x94\x1b\x15\xe6\xc7Jt\xf5\x89"</t>
  </si>
  <si>
    <t>b'\xf6\xbe\xfc\xa3\x85\xbeu\x98bt?=P\xe7\x94x\xbb\xf8\xd0W\xe4\x9b\xd5\x1e\x8fV\xb2\xfaY\xc5\xa1\xd3'</t>
  </si>
  <si>
    <t>b'\xc8\xc3\xe6\xbb\xad\xf7\x0cO\xdd\xfd\x0e\x7f\xda\xbdb\xaeK\xd6j\xba\xa2\x08\xf6Gif\x08\xde\xd5\x158\x1d'</t>
  </si>
  <si>
    <t>b'\xda|:\xf5\xe5`\xf1R.\x17\xean9\x84\xd9\rl_L\x1a\x8d\xdbT\x81\xfb\xf2GOz\xd5"\xbf'</t>
  </si>
  <si>
    <t>b"\xa0\xcf\x1a\xf8\x85'\x1f8\x94D\x15e\xb6\x1f\r\xe7]f\xea\x06\xca\xd8\r\x13\xbb\x9e\x0e\xe1\x81f\xbd\x8e"</t>
  </si>
  <si>
    <t>b"C=7'\xbb\xc0\x86?$\xcd\xa9\x978{w1p@\xa7\x1f\x0eh\xac\n\x8b\xc3\xa8n\xd9\\e\x9e"</t>
  </si>
  <si>
    <t>b'\xe4b&amp;OLTC\x13#\x934\x00\xdan1\xae\xaeiDH^c}\xbe\xb7t\x8f\xb3\x80`\xc1\xaf'</t>
  </si>
  <si>
    <t>b'Z\x7f,\xc81\x13\xd0\x0b`\x11\xaa\xfc\xbf\x04\xb5:\x13]!`u\xc6\xbb!\t\xa4\xb9sO\x82i\x8f'</t>
  </si>
  <si>
    <t>b'\xb6\xf1\xde\x0b-* _\x93\xd9@7\xeb\xdfMT\xd8F\xd3\xe9\xa6\xa0A\x05\xa94\xe3ke\x04\xf4\xb9'</t>
  </si>
  <si>
    <t>b'\x95\xa2\x91\xb1\xa3\x16\xd5\xe5M\xf6{\xa3\x80c\x9f\xe8g\xf6\xb6\xfd\xe2\xf8\xfa\xcc\xf3\xac\xe8\xde\x857\xe9\x17'</t>
  </si>
  <si>
    <t>b'\x86\x8b\x98\xcf\x06h\xc9Y(\x80]]JV\xd0KE\xfa\x1d\xc65\xaamR\x05k\xef\x19\xcaF\x9fH'</t>
  </si>
  <si>
    <t>b'\x0e\xc6\x11\xf4R31{\xaf\xb84\xe5^U=\xd1\x9d\x89\xad\xc4|Q\x9c\x7f\xf0\xb3#\xff\xca\xe3\x1b;'</t>
  </si>
  <si>
    <t>b'\x0f\xca&lt;m\x0b^x\xa6\xfb\xd0\x08\xff\xb7\xf3)\xf0w\x86he\x99Q\n\x1a\x17b\xdb\xeb\xb71\xa7c'</t>
  </si>
  <si>
    <t>b'\xff\xb1\x95\xe55\xd3\x1cdx\xb5\xec3\x93\x18\xac\xa9\xdb&lt;c\n/Y\xb6H*\x1b\xb2\x9d7\x8b\xb4\x9b'</t>
  </si>
  <si>
    <t>b'\x13\xb3\x1e\xf4*\xf4\xfafP\xfe@\xe99\xdfJ\x0b\xb2\x00\xf4\x8f"\x11W\xc1PP\xde\x8d\x81\xb0\xda\x11'</t>
  </si>
  <si>
    <t>b'\xcf)\xbf\xac\xb6\x06\x82\xac\xa6\xce,\x81\x03\xce\x93\x9cR\xb1\x81\xa8\x03_ph\xa8\xf1d\xc4\xf4W\xee\x08'</t>
  </si>
  <si>
    <t>b'\xbd\xbf\xcei4G\xef\xf6f\x87\x98k\xbc\xc9~\x10\xb6\xae\xb8\xdf\r\xdf\x83xU\xe1\xd4\x13\x9b\xfd\xba\xff'</t>
  </si>
  <si>
    <t>b'X\xf1&lt;4\xad\xd0\xc6\x87\xe0\x85f\xd5\xcd\xa0\xd5\xc0\x85^^\xdf\xff\xde\xcc\xd2o\xa7#\xbf\xbc\xf8\xc0\x18'</t>
  </si>
  <si>
    <t>b'\xe8O0\x01\xfc\xdc\xd1\xd8\x8dR\xdb\x17A\xdf1)\x7f\xb0\x99\xab\xc8R\xf9$\xf9\x8d\xa6\xd8\x08\x98\xa8R'</t>
  </si>
  <si>
    <t>b'4\xb9\xc9\xe2\x04&amp;&amp;+)\xc9\xdfRF\x8b\xbd\x1d\x87\xa6\xde\x89\xd8dU\x94W\x8d\x18\x04\xdax6i'</t>
  </si>
  <si>
    <t>b'h\xcc~\x0f\x99&amp;\xa6\n(\xf5\xac\xe8J\x894)\x05\x9e\xfdw}\xb3\xf1\xc4*\xca\xfb\xdb\xa5\xd2s='</t>
  </si>
  <si>
    <t>b'yo\xcb(\x8d\xf9\xc4\xc1GjD\xfa\xc3\x92\xa0\x07\x16\xa1\xf3[\xb3\xfe\x91\x1e\xc7\x01\x16\x97IL!k'</t>
  </si>
  <si>
    <t>b'r\x11\x01_t\xdf\x94\xe3\xb9\x87Vq\xf89\xa3\xdf\xa3\xfb;\x8e\xfe{\xd0\x8c\xe4x\x9fT\xc3\xa3\xb2U'</t>
  </si>
  <si>
    <t>b'6P\x80\xcd3)\xca\x89\xcf\x01Bh\x94t\xa5`\xd2n\x8cOC\x9f^X\xf8o:\\s2\x11*'</t>
  </si>
  <si>
    <t>b'\x97ZZ\x01\xd5\xf0\x8e\x95\xa1\x95\xe3+l\x99\xce\x8bu\x80;OXI\xba\xa8\xdd$\xb8\xe9B\n\xd9\xcf'</t>
  </si>
  <si>
    <t>b"\x91x~\x9f\x8eZn\xdc\xba\xb7\xda\x80Th\xc8\xb8\x1aKM\x8b\xae'\xef\xdfw1\xcdA\xda\xf1\xe7\xb3"</t>
  </si>
  <si>
    <t>b"\xd9\xbd\x94o\xa7 \xf2\xe6\x9f\x0f\xcc\xe7\x97\xb2\xad\xaaY\xa1\xe7\xeb\xf4'\x96\xb7\xe7/\x01\xeee\r\xa0:"</t>
  </si>
  <si>
    <t>b'A\x864\x8d\x1d1I\xd0D\xd2K\x8e\x8f/dA\xf9\xcd\x93\x99Z\x0c\xd7\xb0\x81s\xcb\x87+(\x8e\x14'</t>
  </si>
  <si>
    <t>b'\x0e\xea\xc6X2\xb3\x83EME\x04a\xc8\x08i\xeb.\xd3\xc8P\x82\xfd\x1d\xf4\r/\xa9?\xe9\x0c&lt;\x84'</t>
  </si>
  <si>
    <t>b"4\xdfuGY\xb6\xfbd\x95?\x0c\x88o\xb1'\x13\xd8\xd3F]\xf3\xea\xbb\xd9\xb1]\x84.\x00\xd2\xed\xd1"</t>
  </si>
  <si>
    <t>b'\xb8/,\xe4\x80k\x92O\x05\xd1jY\xb2f,\x95\x91)/p\xa3tp\xeeN_h5~\x01\x03\xe0'</t>
  </si>
  <si>
    <t>b'}\x01\xb9\x9e\xe4Z =\xa9[@\xa3\x13\x0cr\x8f\xbfN2\xca\xf1Y\xf7!\xe5\xce\x7f6\x11\x00\xad&gt;'</t>
  </si>
  <si>
    <t>b'k\xe9\xe4\xa5\xe0\xaeA\xef\x8c\x81\xf7\x8d\xe9nT Q!\xe8\xb6\xfd\x03*\xf1\xa7P\xd2\x10C\xec#\x82'</t>
  </si>
  <si>
    <t>b'\xc5;^\xf5&gt;\xf0&amp;T\n\x81?E\xc0:Dk-\x1d\xa4\xa7\xa2\xac\xafH`\x17\xb8\xd4(O\x12\xd7'</t>
  </si>
  <si>
    <t>b'\xd3\nL\xb2\xc2\x17\xca7\x03x%bz+\x87}u\xbf=\x8b$@Sb\xe3\xf7=\xa6_\xec6\xa0'</t>
  </si>
  <si>
    <t>b'\xd1`\x90\xff\xe0b\xf3aYt\xae7\xe6\x8bP\xed7\xebL{\x13%\xc7o\xf3L\xc5n\x88Y\xc7\n'</t>
  </si>
  <si>
    <t>b'\x1d{\xd0\x8c\x0e\x13\x7f,\xc9IT\xb4%\x06\x97\x04\xdf\xb9\xab#\xead\x8c\x83\xbc\x10\xad4q]\xcc\x06'</t>
  </si>
  <si>
    <t>b"\x897\xa6\xca|d\xffE\x96\xb3@u'\xb7\x9bV\x0c,\xdf&gt;CCT\xc4\xb8*O\xceD!\x82\xe8"</t>
  </si>
  <si>
    <t>b'\xb8I\xc0\xc2E\x87\x9c\x13\xc2SeB&lt;\xbe\x7f\x13#&amp;\x1fP\xe7\x1b\xe0\xb6\x13\xe91\xac\xe8\xfe\xddN'</t>
  </si>
  <si>
    <t>b'+\xcc\xbb\xd55\xaf\x800\x0cD\xcd\x87\x9e\xf2\xbb\x04\xbb\xfd\x1b:v\xc7\xe9\xe4\x1a"\xafC\xde+x\xa2'</t>
  </si>
  <si>
    <t>b'\x0b\xe70\x1f\x8fS\xb8\x1d\xc39E\xa9\x01\xf3\xad\x06\x83\r\x17P\xe78jR\xf2\xd8\x86\x87\xd8\xea\xd9\x08'</t>
  </si>
  <si>
    <t>b')\xda\x15\x8d9 \x0c&lt;\xbel\x96\x91\xc0\x02\xe6}\nm3\xd9\xa3\xb6\xe6\x05&lt;\x15&amp;\x93\x9cZ\xf5\xee'</t>
  </si>
  <si>
    <t>b'\xf9&gt;AA\xe2\xb4C6\xcfp\xf9T\x07\x93\xbd#\xb0\xad\xbe\xb7\xbc\xad\x92\xbaD\xdb\xe3\xaa\xda:\xd2K'</t>
  </si>
  <si>
    <t>b')\xedl\xc9\xf3\xba\xbep/\x06s5|\x96\xd0\x83\x91\x00\xe0\xfa\x8ar\x0c\x7f\x8bQ]\xc2\x0e\xd5\xd6\xc6'</t>
  </si>
  <si>
    <t>b"#\xa5\xf5\xb6\t\x92\xa3-'\xa5l\xc0\xedHA`i?\xb7\xc4m\xd8\xbbv\x913\xc1\xa5.\xc2\xc3\x14"</t>
  </si>
  <si>
    <t>b'\xb3\x9ev\x9e$\x11\x19\xd7\xe4\xe0\xfe\xeee\xc7_a\xc7a0\xc5#\xa4\xb6I\x1e^?.S\xc9&gt;U'</t>
  </si>
  <si>
    <t>b'%v-N\xbd\xe5\x0f\xcc*&gt;L\xad\x93db\xf6G\x8en\x87\xddx\xb7\x05\x92\x98)\x9f\xf5\x9e\xa5\xa3'</t>
  </si>
  <si>
    <t>b"\x9d_d\xd3^\x8b\x8f+\x14p|)'\x03\x95\x81q\xf4\x15~a\xb7\xff\x93&lt;io~?\xe8&lt;\xc1"</t>
  </si>
  <si>
    <t>b'\x1aV\xe23\xd1\\b\xdc\xfc\xe6d\xebU$=\xfd-\xcd\xee|\xa5\xe8\xdf\x04b\xad\xc7\xd3\xfc\x84\x04\xf9'</t>
  </si>
  <si>
    <t>b'!\xc0\x1aM\xd4`\xc2\xc7]H\xf1\xc5\xc0\xd3\xabY\x18=JbdIS\x9chj\xea\xfd\x9e\xad\r\xbf'</t>
  </si>
  <si>
    <t>b'\x18KT\xfc)\xcbO\x02\x16"\xe1\x16\x83|\xb6\x8eD)*\x8c\xd4`H\xce\xb2\xc4\x1fP*\xba\xbe\xbe'</t>
  </si>
  <si>
    <t>b'\x81\xc5\xba\x07\x18C\xc9,\x01\xdcz\xb9\xc0\xaf\xf2\xc4\xb2\xf5\xddm\xfa/\xcd\xa9p\x1b\xee\x04\xc7\x1fK`'</t>
  </si>
  <si>
    <t>b'd\xe6cu\xe4\xe696\xccT\xb1\x0c\xf2\x95\xa1\xb6hU\xf38)cI"\xf3H\x99\xb5\xfb$\x0c\x87'</t>
  </si>
  <si>
    <t>b'{\xc5^kZ\xd7\x98\xd6\xb4Y\xbb6A\xb6\xa5\xbd\xff\xb7\xbd\x04\xb1\x04G7\xc5K\xb9#A\xa8\x05\xa0'</t>
  </si>
  <si>
    <t>b'\xf1r\xb0\xbc5\xe6\xde\xa4\xa3\xed\xe9\\HH\x1d\xb7\xcda\x08\xf0\x16;}\xd8\xf1\xdc\x02c1\xf8Y*'</t>
  </si>
  <si>
    <t>b"\x16T\xf6\xaae\x0c\xddm\xb0\xd9\xffKc'\x11\xe4\x8d\x93\x04\xdal\x1a!'P\xfaZ\x06\xaa\xb1\xcfv"</t>
  </si>
  <si>
    <t>b'\xa0\xb1\xa2\xe6\xc5\xe2\x84_\x08\xadxp\xe4\xa8\x9e\xa2\x93\x90M\x083\xb8\n\xdaH|\xc7#\xeb\x92\xdb\x92'</t>
  </si>
  <si>
    <t>b'\xcd\x9b\x1e$\xd4\xb5\x1b\xdf\x85-\x0b\xeb\xcf\xa2}\xf4pK\xfa[\xc7\xba\xdcL\xc2b\xc0m\x86\x12\xc2\x00'</t>
  </si>
  <si>
    <t>b"D2/\xec\x9f\xa0'bs\xc5\x91&amp;\xda\xe1\x0e\xa6{\xde\x00I\xd9\xe5\xc9\rVr&amp;\x8c\x86\xd8\xd1}"</t>
  </si>
  <si>
    <t>b'u]\xe7\xb5a\xc8OO\xeb\xbaD\xd4\xfag\x8d/\xfc1\x14\xf7\xd0"\x12\x8e\xa8\xe4\x06\xf9\x0b[\x81\xe0'</t>
  </si>
  <si>
    <t>b' J\xe9\x06&gt;\xc3\xc6(#\xe47\xec\xcf?\xb06H\xb4w\xf9\x1e1}\x871V\xe3a\x04\x03\xeb}'</t>
  </si>
  <si>
    <t>b'\x96\xf3\xff\xd0A\x12t\x9a\xe9B\x10u~\xd8\x9a\xff\xcbw\x90\xd35\xe7f\xe3\x08\xea^Y\x15\xb2\xd7F'</t>
  </si>
  <si>
    <t>b'\xf7B\x8d\nh9\xd8!\x88\x93\xb3bq\xca\xe5\xe4\x88)\x05\xaco~\x95\x1e\xe7\xc4\xb47\x1b\xd4\x99\xa3'</t>
  </si>
  <si>
    <t>b'\x9fZ\x92\x874k\xc2\xaa!\x93\x19Xx|\x8d\x9c\xdc^A\\\xc0\xf8O}e&lt;NtO\tM9'</t>
  </si>
  <si>
    <t>b'\x90\xec\xe8$\xb5+\xb0\xa1\x85a\xbb2i\xed=S\xd8\xefU\xc5\xa2\x8fX\xa4\xc0\x01\xed\xec\x1f\xaac\\'</t>
  </si>
  <si>
    <t>b'&lt;\xe7\xc1\xee\xd1FX\x1d\xa2P{\xa5\xb5\x8ce\xbc\xfda\x97\xd7\xce%\xa05\xe4\x83j~#*\x82p'</t>
  </si>
  <si>
    <t>b'\xa1\xd4\x06L\x95\xb7y\xbf\x9cGL\xe6\xcfj\x99\xfd\x898]\x1eE\xac\x97\x91\xac\x1c\xf9\xdcj9\xb3\x19'</t>
  </si>
  <si>
    <t>b'\xa8k\x9dn\xc6\x14\xfe\x7fw\nT\xca\x83m\x1e`\xcbp\xe5\xea\x8eEp\x86|\xbdos\x10U\xbd\xae'</t>
  </si>
  <si>
    <t>b'\xf7x\xb0t\xcf\xe8\xc3(do\x16\xa1\r\xaf5\xf3\xf9G\x0f\x04\x05y\xf7?\xea\xa2\xb0\xee/\xff\xbf\x03'</t>
  </si>
  <si>
    <t>b'\x82b\x11GUUM\xaa\xa7\xe3\xe7\x0f\xe5\x9dRX\x92\x85Q\xec^.\x06\xd9\xd9\xbcP\xb2Tf\xed*'</t>
  </si>
  <si>
    <t>b'\xab\xba{&amp;\xf9~\xc9\x1c\xb1\x8c\x19\xb4}E\x81]|F\xc3?\x13\n\xf4\xe4\x0bL\x8b2B{\xe8~'</t>
  </si>
  <si>
    <t>b'\xef\r\xe9\xb4y\x94\x8b\t\x84\xa0\x89U\xc5\x11\x86\x103!D\x81\xfbBC\x0b\x1f\xbb\x9f\xa9[\xef\xbb='</t>
  </si>
  <si>
    <t>b'\x97\xf1S\xa5\x07-%\xbd\x9a\x01\xd7@\xf5D\xe8\x81\xfb\x1b\x8e\xbd,\xa7\xecG\xc5\xe1\xba\xe6\xae1\xe2\xec'</t>
  </si>
  <si>
    <t>b'w\x16e\xc5\xdah\x1cIb\xf3\x1f\xc5\xf4j\xc9\xd6\xbd\xcbBD\x1ei\xf1\x95\xc9F\xdesJ\x04\x80\xa3'</t>
  </si>
  <si>
    <t>b'c\xc5n\xa6\\Yy\xdb\x8b|\xdc\xf9\xd8\xbf\x1a\x97C\xcf\x086\x80\xff\x92c\xa2\xd5\xfa\xb9\xc4\xbb}G'</t>
  </si>
  <si>
    <t>b'$\xb4\x88\x93\xeb\xce\xc3\xf6\xdc\x0f\xc4\xf3\xee\xa2\x96\xc78k\x00\xc1\x8dF\xb99t\xb2\x93&gt;&lt;\xb5\x7ff'</t>
  </si>
  <si>
    <t>b'n\xf1\xcd\xf1\xb7\x19\xdc\xcb\x8b\xc7\x87FR\xd2\xca\xcc7\x8a\x14Nt\xa4\x98\x0e\xfaV\xeb/\xb7o\xa44'</t>
  </si>
  <si>
    <t>b'#\x15\x0e\x80\x9b\x1c\xc7i\x16\x08\x03cQ\x96\x1b\x8d2\xeb\xaf\x00\n\xe3\xfb\x989H\x1e\x12\xde\x96\xa0\x1b'</t>
  </si>
  <si>
    <t>b'\xe3\x839=\xac\xcc\xc5LX\xd4d\xb5\xac\x9d\xa0|\xfcO\xe1eJ\x99\xa0\xd2\x07\xbc\xde\xf8\xff\\\xbf\xaa'</t>
  </si>
  <si>
    <t>b'\xaa\xedH\x1f\x89w:iR\xc6\xa7\\Sw\xe7\xd7\xb1\x11\x11\xeeo\x90\xa0\x98\xa6^\xec\xdc\x1d\x02t\xb9'</t>
  </si>
  <si>
    <t>b'\x14\x01dW\xbc\xb7b\x0c\xccf\xceh]\x85\xf0\xbe\xae&amp;&gt;"\x81\x95\xe5\xc7u\x93\xcd8\x8fV\x1c\xd4'</t>
  </si>
  <si>
    <t>b'@\x11\xaa\x99[p&amp;\xaa:\x9e\xa6\x9c\xd4\x1c\x8fr\xe3\xc8\xfe\xadkP\x187\xb5i\xc4\xeer\x07^\x9d'</t>
  </si>
  <si>
    <t>b'O\n&amp;V\xdfU\xe3\x8b\x8d\xfa\x07\x14T\xb7\x17G\xb3\x1b&amp;\xdc\x81\xa9\x8bh\xd9\x9fhN\xcb\x1e\xeb\xe9'</t>
  </si>
  <si>
    <t>b'\xee\x8d\xcbx\x1e!S=\xda\x86_\xa5\x01\x00\x1c\xd4U\xad\xcef\x98\x80mX5s9\r=a\xff2'</t>
  </si>
  <si>
    <t>b"+\x85y{\xc7\x1eeW\x7f'\xb3\x19v\x10\x80\x8e#\xda\xbd\x00\x05\xac|\xe8\xde3\x1b\x9e$m\\o"</t>
  </si>
  <si>
    <t>b'\xa7[q\xc0J2\x81\xde\xff\xe1\xf5\x8f\x89\xa9\x01=\x88\xdc\x9f\x8aJ\t&amp;\x10iEG\xef\xac0\x83\xee'</t>
  </si>
  <si>
    <t>b'\xe2\xe6C\xd7\xc1E\x9f&amp;0\x0f:\x8few&amp;\xca7|1\xb2c\xe8\x8d\x8dI\xdc\xc0\x908\x8d\x8a`'</t>
  </si>
  <si>
    <t>b'\x1e\xc4%\xd7)ivpKc@\x15\xe6\xf9\t\x1e\x8c\xbc\xeeH\xa8\xcb3N\xc2\x8fj\x96\xe9\x0bQL'</t>
  </si>
  <si>
    <t>b'\xbdx\xb7\x857S\xe1\x15\xa9a\xf8D\xbc\x05`(\xc6\xd1\xbb\x0fv.\xc1\xeb%\xb6\xb9\xff\xb8-\xfb\x9f'</t>
  </si>
  <si>
    <t>b'\xb0\xad\x1fQ\xc35\x13D+\x8b\x1br\xc4\xc1As\x16\x005\x0cA\xc7\xbc\x174\xdby\x05j2\xabx'</t>
  </si>
  <si>
    <t>b'mp\xf3~k\xa3\xa2t4\xfdB\x10\xa0\xd2n\xaf+\x8d\x1d\x9f\xd6\xde\xf2\x8a\x83f\xae\xee\x1f\x08\xc0d'</t>
  </si>
  <si>
    <t>b'\x88\x98\x85z\t\xbd\x8b*\xa3\xc0\xcdZ\x9c\x01\x7fK\xcc\xf5m\x9d\xf20&amp;\xc7\x8b\xe0\xb6\xafJ\x12\xac\xe7'</t>
  </si>
  <si>
    <t>b'\x0f\xecy\xe8&lt;\xe7w\xe43\xfd+\xb5\xa1\xf6\xeb\xe8\xf7\xbf\xd3V\xb8\xdf\x00\xc2\xbd\xfbUy\x82\x96\x1d\xa2'</t>
  </si>
  <si>
    <t>b"\xaa\x9d\xc0\x9dn\x98^\x96\xbeja8\xed#\x81\x02\xe9%\xeeqS\xb7?\xb3I'.0\x98\xa4mC"</t>
  </si>
  <si>
    <t>b'\x8b\xb8\x92q6\x1b@\xe6\x9e}\xaf\xdbE \xbc\x01\xc8S)\xccg\x14\x03y\xdc@\x84\x8d$\xa9\x12?'</t>
  </si>
  <si>
    <t>b'\xe0\xcfq\xf7-\xa1\x8e\xe0\x00\x1bd\xfa\x9d\xbb"\xf9\xe3\xc8\x8c\xfc=\xf2_\xe9\xc1\x8f\x17\x80\xc8j.\xd5'</t>
  </si>
  <si>
    <t>b'\xad\x9a\xbd.\xb0\xb2\xa2u\xf7\xa3\xb3\xad\xb7\x84\xd2\\{h\r\xfcA\x1a\xe0!\x94\x1fv\x06\x89\xc3\x940'</t>
  </si>
  <si>
    <t>b'}\x9e\xfe\xb7=\x1a\x9b\x17\x02\xca?I\xfff\x90\xb5\x97\xac\n\xbb\xcb\xac\xceEg\xca\xdd\xdb\xc5\x05&gt;W'</t>
  </si>
  <si>
    <t>b'\x1a\xff\x84#\xc0\xe4&lt;\x0e\xdcF\xe1\x9fy\xd2\x98\x17\xa6\xdc\xcd\xdd\xc0\xd8\x87\xce\\\xadO\x9f\x02\xee5\x03'</t>
  </si>
  <si>
    <t>b'\xe0\x9b\xbc\xb5\xb0\xb1[t\x08\xe1%\xe9O=x\xe3\x04\xf7M\x84\xf6P)\xd3\xc1(\x00\xa1\xc8\xab\xde\xa2'</t>
  </si>
  <si>
    <t>b' j\xf0\x00qEc\xd7\x12\xc4\xee\x05\x04\x0ey\x83N)Mn\xdb\x9e\x95^]\x80\xcaj}\tX\xe5'</t>
  </si>
  <si>
    <t>b'\xd3\xda~\x11\x83\x96\x89\xec\xf4.|\x8b\xaa\x08F\x97V(D4A\x84c\xdc\x9bi\x90\x06F\x12\xf4\xfe'</t>
  </si>
  <si>
    <t>b'\xd6\x91\x87\xd2FQ\x9a\x80(F\xa5\x94\x95\xfb\x84|\xa3\xb3\xaa\x93Tx\x9f~*\x87.\xea"]\x8e$'</t>
  </si>
  <si>
    <t>b'uj\xfc\xd9\xaa\x90$\xb7\xeco\xca\xaa\xb8C\xd2k\xaa\xacR&lt;\xec\x0c%\x93`\x81\\9\xb7\x17K\xc7'</t>
  </si>
  <si>
    <t>b'\xf9\xe7?\x9af\xf8\x1a\x8c,\xf4\xd2\xa9MB\xfe\x90\x9f\x9f\xf3\x1dV\t(81y\x1f\xb8L\x15n\xe6'</t>
  </si>
  <si>
    <t>b'\x85Y\x05\t8\x1c7\x82\xcaa\x16\x0f@\xbf\x1c-\x19\x07\xeb\nT\xe5\xe3q\xf4fMC\xdc]c\xec'</t>
  </si>
  <si>
    <t>b'\xa5q7I\xb9H\xbd\xda\xa0\xa5c7L]\x0c\xb6\x7f\x87\x97\xdf%\x9d\xc9*\xf5nI\x8a\xca\xe5?o'</t>
  </si>
  <si>
    <t>b'\xd6\xc5#IM\xbda2\xef\xf5\x02_\x1a+\xea\xcc2\x12\xc9\x07\x02\xb2\x92\xba\x85.~2\x96\xa1O+'</t>
  </si>
  <si>
    <t>b'\x0fD\xca&lt;\xe4uN\x02T\xef\x90\x87h\xf3\xc3\x81:\xad\x1e\x07\x19\xfc\xe7Z\xf5W\xf5\xfc\xff\xfa$\xe4'</t>
  </si>
  <si>
    <t>b'\xfe\xcb\r\xb3\xb7\x83\xedpy\xf1:;\x00\x8emU@\xa4t\xcc\\\xba\xe2\x9f\x14^\xffp\xb58\xdfr'</t>
  </si>
  <si>
    <t>b'2t\xc6\xa9\xec\xf4b[\xbe\x94\x12[\xaa\xbc\xba3\xf8/\xd4\x1f\x1f$E\x88\xee\x03\xb3\x0c}r\xa0\xff'</t>
  </si>
  <si>
    <t>b'\xc3\xdb\xd2(\xa9\x0c\xce\\+\xf2\x94\x9d\xd8\x15\xbcg\xf7 \xff\xfa+\xb7\xbc\xad\x14\x04\xe54\xc7\xaeD\xe7'</t>
  </si>
  <si>
    <t>b"\x8c\xa0\x89:\x94\xe3\xa6\x94\x8fLAcj3|\x96\x9eG\xddy\\6_\x02'vA[\xdf\x0cq!"</t>
  </si>
  <si>
    <t>b'RA\xaeqD\x9fc\xdf-$\xf8\xde\xb7\x92n\x95\x02-\x82\n\xfd[\xfc\xe03\x08\xfa\x18\xd8\x9c\xcf\n'</t>
  </si>
  <si>
    <t>b'e\xa9\x98\x9b\x86\x04R\xf4w\x14\x1fI\x93\xcf\xaex\xb5\xbfv\x7f\xca"\xf7\xab\x93\x1d\x0b\x93\xe5-\xed)'</t>
  </si>
  <si>
    <t>b'\x895h\x0e"w5\xbc.k.\xeb;\x17.q?~?;&gt;_W\x01Kv4\r\xb9\xf4\x19\xc6'</t>
  </si>
  <si>
    <t>b'\x1ee\x0e:9z\xc5\xe4\xc5\xf1\x03\xca\xea\xc4\xd0\xe4)\x8c\xca=L\x8d\x18\x91u\xb4\xfc\xc2\xa2jf\xf8'</t>
  </si>
  <si>
    <t>b'\x89\xd1E\x1a\x15\x05\xcd@\xaf4\xb1\xa9\x8c5U8lu\x80cY\x9d!\x99\xfa \xa9\x92\x14~\xb8+'</t>
  </si>
  <si>
    <t>b"'\xa2\xf7\xa1/\x01z\x8f\xba\xbd\xb9\x1b\\d\xce\x1b\xb6\xef\xb4b99\xa3\x07M\xb6O^\x03h\x9e\x12"</t>
  </si>
  <si>
    <t>b"\xbbur\x0b\x1f(C)\xa3\xaa\xaa&amp;N\xcfo'\xfa\x81\xc8\xeew\xf4\xf1\x96-\xee\xad\x160\xd2\xd4\xfa"</t>
  </si>
  <si>
    <t>b'b:\xae@\x00\xaa&lt;\xd4\xc9\x7f\xc7i\xec\xd8\xf0\x15\xbeI\xec\xe5\x85/\xe4\xce\xc2\\\x01\x12\xd9-\xf1P'</t>
  </si>
  <si>
    <t>b'\xee\x01a\x9cq&amp;\x9f\xd5S\xefH\xcb\x04\x81\xbf\xc9\xdf,!\x84A\xab\tO\xf8\x83\xc2eCl\x12\xf3'</t>
  </si>
  <si>
    <t>b'\x18\x18\x1c\xb3$\xf4\xb1L\xb5;$\xe1a\xbc\xaa\\\x9e\x82^b\x88\x03\xe7\xaa\x8e\xeb\xbf\x9f\x15qL\xdb'</t>
  </si>
  <si>
    <t>b'\xa1?e\x127\x8f\xb5\xf6\x16\x85\x82$1\xbb\x15\xfaA{\xdfp\x84y\x9a.\xc2\xa3\xba\x1a6b$\x1c'</t>
  </si>
  <si>
    <t>b"-\xa8R\xb9\x9d\x9d-\xc1\xa0\xf5\x9fK\x83_\xed\xee5*\x1b*\x07\xc8K\xf1'\xcf?\xb0\x0b9\x14\x8b"</t>
  </si>
  <si>
    <t>b'\xb8\xbc5f|b\xf3\xf2\xe9y!\xdb\xe4\x90-\xc1\x1e}\x14|\xb3\x1d\xb4\x1e\xbb&lt;@Tbn\xd0\x96'</t>
  </si>
  <si>
    <t>b'\x1e\xf3\xe9\x08e\xf0\xdfE\t\xfa&lt;\xd5\xe8I]\xa3\x1d\xd8w\x19\xd1\xa3:$\xa4.\x0b\xa9w\xf6\xef.'</t>
  </si>
  <si>
    <t>b"\xf0\xec\x19+_'R\xc3\xb4\xeb\x1fD(\x91\xd5\x06\xb0h=\x8f?8\xb1L\xf2\xe3'\x10\x827W\x07"</t>
  </si>
  <si>
    <t>b"\xc6\x10I'\xf8\xd3\x8e`\xb4%M9\xdb\xd4\x15\xb4\xb9\xed\xb2wh1\xc4\x8b\xd4\xa1\xb8\x03\x06VEh"</t>
  </si>
  <si>
    <t>b'.\x1e%|\x04\xceX$\xa1\xde/S\x8f-9?\xda\x9d\x8d\xb3w&amp;\xd0\xff\xbf&gt;\xd4I\xcfl\xd7\x02'</t>
  </si>
  <si>
    <t>b'}786\xa8\xf0\xbee\xd5\x83~Z\xe3\xc0D\xab\x00\xb3\x95\xdf\xadz\x11P\x02\xbaG\x05\x15\x86\x02Q'</t>
  </si>
  <si>
    <t>b',\xf79+\xa5?z\x80\xf1/\xc6!\xb1\x904A-\xc6\xd9\x98\xf9\x0f_\xf4\x87\x02\xe8\x08\xf2\xa8\x11\xd4'</t>
  </si>
  <si>
    <t>b'h#/\xf0Cn\xd8\xfaf\xbc\xba\x0c\xad\x08\xe0\xdfh\xddv~Wo\xc1#\\ \xa26*\r\x14\x02'</t>
  </si>
  <si>
    <t>b'\xbe\xaf\xc9j\xbe\xa0D\xae\x10\x90\x93\x99\x04\x81\x12\x8cM\xd6\xea\xfb\xfbj\xad\xdb\xe2\xdf\xc7\x8e\x91\x80\x82-'</t>
  </si>
  <si>
    <t>b'\x05P\x11\xdf\xa2\x84E:0\xbf&amp;\xb0\xe9*\x1e\xc6\xf1yI\x8a8V\xad\xd0\x95aHW\x9f\xe3\x9f\x1b'</t>
  </si>
  <si>
    <t>b'v\xa1\x1dg\xbc\x88\x08)\xa2j\x91X\x0b\xf3\x0b\xd20\xf7\xa9rQABL\x7f\xa4YGj\xa3\x07\x0e'</t>
  </si>
  <si>
    <t>b'?\xeeV\xd4,\xb5\xba\xc9\xa3.i\x92\xd9\xb5\x81\xdb*\xc5\xa5\xea\x1ar4,q!Y!;\xc2\xc5T'</t>
  </si>
  <si>
    <t>b'\xd6=\xea\xd1\xcdE\x93\x8dq\xc8\x97\x13N\x01\xc1\x04\xfaw\x84\x9e\x86\xf1\xb9\xb6\xce^@:a\xea\t9'</t>
  </si>
  <si>
    <t>b'\xd5\xfeAEp\x8a#\xbaf\xc3N\x8b\xe8\x8e\xd58K\xc3\x93\xc5\xc8\x00\xa6\xf5\x1a\x9c\xa6\x8a7T\x833'</t>
  </si>
  <si>
    <t>b'\x19k\xb1\x86\xa3\xfb\xa9 \x98,:\x18\xe1ZTS=\xbc\xba\xdf\xddp\xb7^\x05\xc8\xf3\x12\xfa\xc0\xd7\x90'</t>
  </si>
  <si>
    <t>b'\x1e\xe8M\xe9\xb0Asu\x01\x07\n1q56\x82\x9f"\x91\x04\xaa\x0f%\xfcD4 \xc1\x10\x11\xac\x89'</t>
  </si>
  <si>
    <t>b"\xcca'r\xf2\n\xe9\x8c'\x9c\n\xcc@uy\xa2:\xa8\x8cD\xd1\x17\xbc.\x95\x82\xaf\xeb\xe4r\xb2\xe2"</t>
  </si>
  <si>
    <t>b'\xd0\x97w\xeb\x87\xb3\x8f\x08\xee\x04\xb4\xad\xeeE7\x97+\x89\xa5x\xe3\xf0\xad&amp;\x07)\x15\xfd\xdd(\xef\\'</t>
  </si>
  <si>
    <t>b'\xf9j@w\xccZ\x8dn\x022\xef\tt\x8f\xf1\x97s\xa3\xa9\x917[\x98\xaa\xa5\xfe\xc5\xa5\x0f\xf9=)'</t>
  </si>
  <si>
    <t>b"&lt;:\x88\x0e\xbfU\xaa\x8e\x13\xdb\xa0\xfc'\xcd\x80Y\xb0B\x16\xfb\xf0\x96A\x03\x17\xb4\xc2\x1d\x97p\xe1H"</t>
  </si>
  <si>
    <t>b"K\xa9\xb6\n\x8ev[B~\xcc\x9az\xaeg\xb5\x93\xb5\x0f\xaa\xfa\xec\x95Vn\xee1\xa6\x8ck'\xa9I"</t>
  </si>
  <si>
    <t>b'\xd5x]\x06\xaaedW\xa6\xd7\xe4\x07S\x84\x964w\x1d\xde`o\x82f\x05\xe7\x98\x8e\xd13\x9b;6'</t>
  </si>
  <si>
    <t>b'+\xb7\x17\xa9GU\x82\xea\x1c\xffC.\xf8\xd9\xd1\xda\xbe\xa0&lt;T\x88\x127\xab~\xc2\xd4\x00,}\xa4w'</t>
  </si>
  <si>
    <t>b'\xda\x95\xd0/\xdb\x86\xc2be\xba\xf4\xa1\xb7\xfb\xb2\x8c\x14S\xfc\x9f2\xde\x1c\x92\xc0\xfb\xd0\x05\xd6B]\x9d'</t>
  </si>
  <si>
    <t>b'&gt;\xe3\x80\\\xbdFf\xd0\x08\xd6\x93\xa0\xb0\xb1\x8a\xf8\xdf\x90\x97\x8e\xb2\xba"qhG\x15%\x8c1\xcdR'</t>
  </si>
  <si>
    <t>b'\xd8\xb9\xb5\xdc\x9a`7\xb2\x7f\x8d\xf0\xb0\xf6\x8d\xa7#\xac\x16\x99B\xbf\xdc\x81\x9c\x03`\x89\x8a\x08\x8a=y'</t>
  </si>
  <si>
    <t>b']\x91i0\r\xf3 \xf9\x1c/\xecL\x8cM\x9c\xba\x11\x88\xbdM\x1d+\x08\x15\xf1\x14\xfa\xe5Y\xd8\x9b\x81'</t>
  </si>
  <si>
    <t>b'\xdfR\xe0\xbd\xdc\xa5\x8a\x93\x1f\xa9e\x14~\xb9\x93\xdb\x13`\x95\xbfa\x12\x88\x88\xbc\x86\xe3\xbf\xbfz\x15d'</t>
  </si>
  <si>
    <t>b'\xf3\x9a}aL\xd3\x0e\x1d\x03\xcd\xed\x9b\x07\x85\xf4n\xe6?\x18\xb2\xe5\x84\xd3F\x0e\x0c\xd7\xba\xb9\xbe\x92\xd3'</t>
  </si>
  <si>
    <t>b'\xea\xbd#%\xf7\x84&gt;\x86\xe5\xda\xab\xb7"\x075\x93\xcb\xe3E\xcf{"\x18\x1e\xba\xb6l\xe7\x85\xfb\x05\xbe'</t>
  </si>
  <si>
    <t>b"t\x1d\xcek\xb2\x19\xfex\x01gnO\x05\xb9pJ\x98\xaeI\x1cs'\xfa\xbb1\xd9\x83\x08k\x92\xbd\xb0"</t>
  </si>
  <si>
    <t>b'\x19\xa9\xce\xc3u+\x9dC\x87\xa0(\xa8iP\xec\xc1y]\xff\x8c\xe3^\x89\xdbD\xf8N\x9c\x1b\\E\x9f'</t>
  </si>
  <si>
    <t>b'\x13\x9d\xb2\xc26\xf7\x1c\x881\xb1&amp;\xd9\x13%T\xa9\x05\x08\xee\xfd\xa7\x01\xcdJ\xd9\x02\xd5\x06\xf5\xb1\x8d\x01'</t>
  </si>
  <si>
    <t>b'\xf6\x1aK\x15 Z\xea\xd7\xf3\xe5B\xebrJ\x01\x1br\xac\x0c`\xf3\x8a\x08\xbe\xfd%a\x16\xbfNH['</t>
  </si>
  <si>
    <t>b'\xe3\x93\xd2N,\xdel\xfcR\xce\x92{\xd8(\xad\x86iS\xb8\x9d\xb59\x1d\xd9\x84\xc0\x0f\xdfL$\x9f\xf9'</t>
  </si>
  <si>
    <t>b'h\x10\x99X\xf4\x8e\x00\xd9\x01\xc6\x81-\xcd-\x8b\x16\x8f\xabd\xc4\x17\x9c\x89\xdb\xca\x82\x9c*\xa8\xff\x81\xb7'</t>
  </si>
  <si>
    <t>b'\xc6\xf5%6\x0b{oWm\xc1\x9eb_\x08\x9a\xb2\xe2\xc0h\x93lB\xbdO\xc7L?\xe7\x02Kx\xcd'</t>
  </si>
  <si>
    <t>b";#\x81j\x9dF\xe6A\x10\xa8\x8b\x11\xd1\xbfT\xf58\xb0\xb0\xac\x7f\xb7\xff\xf9\xbc'j\xbf$\x11\xa23"</t>
  </si>
  <si>
    <t>b'\xd4\x1cc$\x82\xc3E\xa2^\x0e\xf5\x87\xd0\xa9\xcc\xad\xc8t\x7f\x8b\x13\x07\x16\x052[\xd8\x86\xaa~\xe8\xa0'</t>
  </si>
  <si>
    <t>b'!\x0c]k\xe8D\xe8E7\xa3\xe8\xb4+P&amp;RI\x82\x08A\x1c\x95$\xdf\x0c\xcc\xae\xce\xd5\r\xbb\xd8'</t>
  </si>
  <si>
    <t>b'\x8ed\nru\xf7\x19JjH)y\xd0\xc3\xff\xe8\xa0v\x03\xc9|{\xd2\x15P\x93\x025\x8e\x89\xca\n'</t>
  </si>
  <si>
    <t>b'\xe1\x97\xe7\x8a\xd1\xb2\xcc\xa6\xaa\xdbK\x11{\xad\x06\xca\xcf\x90\xb3\x8d\x91D\xc8\xfa\xab/\xe4\xd3\xb0\xfaHm'</t>
  </si>
  <si>
    <t>b'\x00B^\xecW;M\xce\xd6\xe5^\x11w+\xabs\xff\xe5\x00FG6\xd3\x010\x1ee--\x94\x95\xad'</t>
  </si>
  <si>
    <t>b'\xd9\x8cbbH]#\x1b\x99\xd4)Z\xf1d\x80\xdf7q\xea\xae\x82j\x19\xd9[\xd2\xbb=gz\xe9y'</t>
  </si>
  <si>
    <t>b'k\xe3\xb6\xb4\x97\xba\x0c\xe6\xdd\xdeb\xf9\xb8\xde\x1cxU\xb0+c\xf6\xc2\xfb\x8d:\xa7\xfcv\x0f^#\x12'</t>
  </si>
  <si>
    <t>b'H\xdb)s\xd4k\xbc\xcd\x0b\x8fLFW\xd5\x7f~ \xea\xfb\xcc9\x15\xe2\x8b\xe24\x94#Q\\\x06\xc3'</t>
  </si>
  <si>
    <t>b'\xb4\xdc\xea\xea\x88C\xca\xf4\xa6\x066\xb7\xbd\xef\x9b\x91B\xe2L\xa0\x9e\x93\xbd;\xf1K\x96\xf1\x93\x94Vd'</t>
  </si>
  <si>
    <t>b'\x14,p\x94\xd8\xb9\x1e\x06R\x95\x8a\xbb\xd7mg3]AB\xd9\xf5\x16|\xa3\xe6\xf3\xf2W\xc7\xb1\xd1E'</t>
  </si>
  <si>
    <t>b'\\\xab\xd1\xfaX\xe1\x80\x9a\xf5ord\xb0\xe6-\xcb%\xee\xf9\xe4d\xbb\xc0\xd8\x05\x8e\xcf\x81\xfe\xd8\xf2\xa0'</t>
  </si>
  <si>
    <t>b'"\x8e6\xb7\xb1\xfb(^H"\x9c\xa6%O\x84H\x860\xb6E\xc3\xd2\xfe\xc2\xb9OJR\xd1\xae\xee\x9b'</t>
  </si>
  <si>
    <t>b'$9l\xd9\x82\xaf\x9d\x0f\xb3\xf7\x1b\xdb\x12\xb9p\xf9\x16\xd5\xc3\xec\xd4\xae\xcdX\xa0\xa47\xd9\xfe\x06,\x95'</t>
  </si>
  <si>
    <t>b'h\xffm\xec\xba+\x9d\xb1O\x90\x9e$"C\xb8\xf0J\xe5\xf9f\xfa\x98\xf5\xb5\xe1\xc0\xe3m\xea\x86\xfbV'</t>
  </si>
  <si>
    <t>b'\x022\x8far\x14\xce)\x9f\x95\xa4^O\xce\xea\xf4\xa0\xd5\xa6-\xe7,\x19\x95}V\x1e\x8b[\xde\xc6\xc4'</t>
  </si>
  <si>
    <t>b'\xbe&lt;[\x10\xde\x91\xd2\x97&amp;\x8ejA$\x1cv\xd6\x97$\xc8\x01\xa8\x11\xd6\xf1_\x0c\xdf\xab\xbd\x12T\xf3'</t>
  </si>
  <si>
    <t>b" G+\xe3\x9c:8j\xf3\xda\x10\xdf\xdf'\x89M\x19\xf1\xc4\xae\x8b\xff\x8b\x7f\x1f_\nu]\xffNP"</t>
  </si>
  <si>
    <t>b'\xe4\xa2|sI\x80\xe5\x10\x13\x1b\xd1\xa9\x18\xff;\xe7\x06\xc0\xdcgd5\xd7M\xb7u\xb0V/\xcf\xe6^'</t>
  </si>
  <si>
    <t>b'\x156\x83u\x9ak\xa5\xb9}\xcb\x82\xb7Hux}\xdb2\x9f\x9f}\xa2 \xf9!\x17\x18[B\xfd\xc1\x9d'</t>
  </si>
  <si>
    <t>b'\xeb\x07\x88\xd6?I\x0e5\x03\xb4X\x97H\xd2\xe225\xc6\xe7\xf2b\xb7\xd5\x12\xcb$\xf5\xff\x86b\x98q'</t>
  </si>
  <si>
    <t>b'\xf7}\xde\xedzU\x1dL\xb9G\xea8\xc5B\xcc+\xcf\x9e\x8e0\x89!sI\xa20\x18\x98\xec\xe0X\x0f'</t>
  </si>
  <si>
    <t>b'2\xcb\xd4\xb5\x9eh\xd1\xfbE\xe48\xa7\x9f\x96\x07u\xa6\x04\xdaM\xc5gP F\xe0._\xbbRh\x8e'</t>
  </si>
  <si>
    <t>b'\x98\x03q%2M\xe0}\x11\x0c&amp;b\x02\x1e\xfc\x8d\x803G\xb0:\x8c\x03\xc7\x1a\xaa3[l\x00S\xed'</t>
  </si>
  <si>
    <t>b"\x018I\x88\xfc[\xec|n\xfe\x8cR94R\xff\xfa\xe2\x9d`;\xbb\xad\xa7\xf5'\x98\xac\xa1\xb77H"</t>
  </si>
  <si>
    <t>b'Bs\xdd\x15\\e\xe3\x8c\xd8\x17\xe8\xael}\x1d\xa5\t\xf0\x06\x8dl@\xe3vbI7\x9b\xdc\xb0\xf4\x9f'</t>
  </si>
  <si>
    <t>b'\xf6\xd3\xb4V\xdduk\x0c=\xadc\x85\x96)\x1a\xd9\xbf\xe3~\xfd\x0c\xd0\x85OZ\xef\x8e\xfd\x94\xfe4 '</t>
  </si>
  <si>
    <t>b'\x85\x99\xcb\tu\x8b\xb9\xec\xf8z\xc7\x9fq\x12\xbb\xd1\x8d\xce0v\x88\xcey\xdb\n\xbc6\xf0\\\xf9\xa3\xf8'</t>
  </si>
  <si>
    <t>b'\xc5sP\xf9[\x00T\x82\xdf3\x00\xeaJ\xf7P\xce=\n\xb7\xdar\xa3\xa0\x81\xfb\xd9&lt;\xb3F\xac\x9a\x00'</t>
  </si>
  <si>
    <t>b'\xc0\x88A\xfb\x91\x00s\xaa\xc7^\xf3\x0f\xec[=\n\xce\xd4\xf3\x08\x8f@\xecmC\x0b\x90q\xd15\x97\xfe'</t>
  </si>
  <si>
    <t>b'di\xa9\xb5\xeev\x83\xf1\xfd\r\x16H\xfaE\x02\x1c$\x8c\xe1Vx\xc7\xad\x97\xe1r\nQ\x1c!\xa2u'</t>
  </si>
  <si>
    <t>b'\x1c\xd8\x15D]\xd2Ma\x98\xd6D\x80\xca\x162t\x8f\xc2\xe3\x8a\x0ebJ\x80\xe3\xc8\xbf9XA\x17o'</t>
  </si>
  <si>
    <t>b'8"\x84\xa7\x02\xf9O\xecv\xcf\xd0\x80+\x0b\x1bJ\xae\x07\x9b\xa6\xde\xbdT\xbfr\x8b\x0b\xbe\xfc:%\xe1'</t>
  </si>
  <si>
    <t>b'o4#\x0b\xe1&amp;\xb5\xe3\xda\xa6\xb9\xaf\xea\xbd\xf3\xc5;\xa2\xf3\x89\x15Z\x17\xbe V\x92\x04\xe0\xcc\xee\x1a'</t>
  </si>
  <si>
    <t>b'\x87\x18\x8b\xbc\x0c\xa1\xe2Y+\x07\xd8;0dF2Lh\xe2\x7f}\x8e\xfaA\x11\xc3\xa1\xec\x83\x9f\x8d~'</t>
  </si>
  <si>
    <t>b'\xf4y\x99\xce\xf0\xd4\xb9\xf5~\xc0\xd7:\n\x80c6\xab`5\xb7\x8c\xd0\xb7\x17\x8bf\xb3\x04\xcf\xaa5r'</t>
  </si>
  <si>
    <t>b'~\xb3\xe9\xfc\xd6\xe9\xcd\xad\x16{5\xc6\xa3\x9c#\xcc\xbb@\x13\x14JQ\xa7\x80\xa3\x18\xf2\x1d\xd6\x1d\xae\xca'</t>
  </si>
  <si>
    <t>b'\x9a\x80F2x\x96\x00v\xdc\x8fh\xf1\x7f\x04\xc4\xb7=\xe1no\x04\xc1\xff\xc2\xf3M\x9c\x9d\xcf\x83\xb5\x0f'</t>
  </si>
  <si>
    <t>b'4\xfa\xaa\x19\x9b\xca{\xe4\xdd,\xe6s]\xa8\x1ce!\xcf]\xa3\xa3\x87\xde\xa8\xb4Z\xfd\xc2\xbf\xe3\xf0\xe9'</t>
  </si>
  <si>
    <t>b'\xa4\xb3\xca\xff\x83\x1b\xc5\xe6 \x81n\xc1\xe3\xec\x97\x91\xc3\xb9\xe6l\xc2\xa7+\xc0_@fr\x84\x9dz\xa6'</t>
  </si>
  <si>
    <t>b'-0\x047a\xf3\x12\xb0\x0c\xbf\x85\x14o\xf0\x89)`O\xb81\xf4\xa2\x0fy@\x86\xe1\xb2\x9e\x9b\xd3"'</t>
  </si>
  <si>
    <t>b'\x1awd\xda\xe6\xd0\xf7\xf0\xb2%T\xf5\xed\xf1B\xd5\xdb\xccb\x84\x82p\xfe\\"d\xaa7\x94\xca\x86\xd5'</t>
  </si>
  <si>
    <t>b'\x1f\xd5b\xb1\xe0m8}M\xbe"V\xb5\xe1}\xf5\xcd\xeb\xdaH\x7f\xc8\x9b\xdbm`\xb1 \x03]\x86l'</t>
  </si>
  <si>
    <t>b'\x11\xa6h7\xf4\xb9q\x96~\x9f\x07M\xf9ORu9\xafm\xda\xab\xa7\x96\xd0\xff\x89\xe0\xd8\xa7WE7'</t>
  </si>
  <si>
    <t>b'\x82\xed\x1e\xa4-\x94\xe4#h2V\xbc\x96\x98\xb9\x120\xa3h(\xf3&gt;f\xc8\xe2C\x11\r@f\x89\x7f'</t>
  </si>
  <si>
    <t>b'z\xb6\x1a\xe2ufA@\xf0\xf1\t7\xda\xbc!\xce\x1e\xc9\x03\xdd\x83eW\xa0a\xaa&gt;\xcd\x10eZ\x9d'</t>
  </si>
  <si>
    <t>b's\xa7\xbb\xb42o\\\xb5j\x81\x0c \xef\x12(d\xe3\r\x95+\x19\xec\x8c\x8d&lt;k\xd1\\3\x1f\x04\xee'</t>
  </si>
  <si>
    <t>b"\x9e[\xad\x1a\xa9\xa1g\xb7\n\x9a;\xa7\xf0\xc8g?\x7f^\xf2@\x1b\xcf?\xf6\x8b\xc0P\xf2\xe8'\x99\xb2"</t>
  </si>
  <si>
    <t>b"\x1aT\xafr&amp;3\x7f\x1a\xc4\x02&gt;\xc0Q\xbf\xb8\xaf\\Y\x1cW\xcdZ\xc0\xbf\xe4\x8e-'Hb\x0f\xab"</t>
  </si>
  <si>
    <t>b'%-\xb8\x06\xb4Er\xab\x9dr\xb3\xf5\xbf\xac\x0eI\xa7H(\x1092z8\xf8\xe6;^\x85tJG'</t>
  </si>
  <si>
    <t>b'2f5D\x18\xa3\x9f\x0f\xbc\x87&gt;\x98\x010f\x981\xeb\xc4\xf7\x1b\xef\xfc\xf1\xe2g\xad\x1a\xb2\x9b0\xea'</t>
  </si>
  <si>
    <t>b'\x90yUIT\xac\x1a\x86\xb7`\xba\x16\x14\xdc\x14\xec\xb8\x16j\x90\x80T\xbbL\xf6a5\xbf:+\x15\x9a'</t>
  </si>
  <si>
    <t>b'\x8d\xf7\xad\x91\xd8\xcc!kj\x9a\x7f"\x17\x90\x08\x85\xc9\xa6eT\x16\\&lt;y\xaf\xf7V\xc7\x9c\xc5\xb3T'</t>
  </si>
  <si>
    <t>b'Y\x85k\xe6\x1e\x10&lt;\xdb\xb7\x82\x0f\x8f\xdd\\\xa6\x92\xfbcC\xda\x14\x14\xe5C\x1b&gt;-\xfb7n\xbd\xce'</t>
  </si>
  <si>
    <t>b'Ap)@\xfaM\xab\xe6V\xeb8\xd6\x1a\x92\x15\xef;\xac0\xa84_\x83\xc6\x7f\x01\xb5D\xf8\x1d\xa8\xe0'</t>
  </si>
  <si>
    <t>b'&gt;\t\xf3\xa4\xd0\xdd\x04\xda\xdbF\xac.\x10\x13\xb5\xcaQ\xa8\r\xe5\xefA\xf8\xb9X\x98\xf2\t\xbf\xa9\xa1\xfd'</t>
  </si>
  <si>
    <t>b'x\xc6j\xd6.\x9e:\x89H\x80\xa2\xb0\xf2\xf8\x1e\r~\x937\xda\xf9P=\rK~np\xcb\xc0\xc84'</t>
  </si>
  <si>
    <t>b'\x99\x9cvkJ\xfd9\xd8\x0c\xa1=X&lt;\xfe\xdep\xaf&lt;\x92\xa5\xff\x1a+\x0e}!\xcd\xb9]\xe9&gt;\x81'</t>
  </si>
  <si>
    <t>b'[\x9cf}\x0b\x18\x9blg\xa5\x0b\xcc\xa3$1\xb92\x8b\x7f\xf1\xec\xbe^#9\x9e\x96\x9c\xb7\xa5!\x8b'</t>
  </si>
  <si>
    <t>b"\t\xbe\xb6@|1\x0f\x1e\xbf\xb6\xa7\xb8\xca\xad\xf8d\xd3\xf1'\xa7\xe9\xbf\x94\xe3\x03\xda\xfb\xb9\r+\x0e="</t>
  </si>
  <si>
    <t>b'\x0c\x90&lt;b\x82\xb3\xd0\xcd\xb41k\x1f\x1a\xf8"#Z\x94\x1bQ\x96\xb1\xa1\'\x1a\xa2\xeaYam\xc1\xbf'</t>
  </si>
  <si>
    <t>b'~\x85\xe3G\xbc\x87L\xed\xc7\xf6&gt;&amp;\xdaX\x83T*\xe5\x99\xac|y\t\xc7\xba\xee\xf0\xa8\xaer\x92_'</t>
  </si>
  <si>
    <t>b"9p\xd7\xbc\x19\xcf\x19\x1b\xc6\x93\x11\x1d?m%v\xc3c\xd0\t\xb3\xcf\x0f|'\x07\x8e\x80\xbeB\xf5\x7f"</t>
  </si>
  <si>
    <t>b"&gt;\xc7\xbc%Y~\xc0k\x19\xe1'\xaa\xbe\x9c\x10\x93\xb8\xe6\x95\xc3\xceh\x0cD\x18S\xff\xac\x8bo\xe9\xc7"</t>
  </si>
  <si>
    <t>b'\x88a\xce\x9c\x80\x1f\xd6\xa4\x11Y\x82d\xafQ\x07wyH\xa1+?\xf9ti\xae\xcc\xbb\x85o\x16\x86\x9f'</t>
  </si>
  <si>
    <t>b' J\xc0v\xbbP\x9d\xa3\xbam\x13JV\xa5u\x8c\xec\xf9\x0e\xae\x1f\x88U\x9a\x0c\x82\x8df\x16\xcd\xea\xed'</t>
  </si>
  <si>
    <t>b'\x0b\xb5k\xf3\x06\x0c\xe1"\x83\x8f\xc2\x19W\xf0\xb6\xd4;\xae*jQ-\'\x14\x88\x81\x8cg#P2\xd0'</t>
  </si>
  <si>
    <t>b')u\xa3\x17\x01h`\x88\xbdv\x84\x95\xc3\xca\x03\xa8Z?kIb\x00\x028\x14 \x88\xb8\xd7x\xbd\xcf'</t>
  </si>
  <si>
    <t>b"Y\xa0\xcbZ\xfeI\x17\xca\xd2\x17\xe8Z8AQ\xfd\xa2\x00\xfc$\xb9\xa9\xa9T'\xdc%\x01%@3\xd0"</t>
  </si>
  <si>
    <t>b'\xf4N#\x14i\xfb\x0ei\xe6\x80\xa5\x82T\xfcF\xc4&gt;\x18\x90O\xd1aM=\x03\xae\xa4\xc4N\xec4\xd8'</t>
  </si>
  <si>
    <t>b'\x9a\xd2H\xffN\r\xc2Q\x96\xfaI\x7f\x08\xc6\xb4\x08xO&amp;\xef\xd5\x92\xc40\xff\x90))\x92\x01\xe8h'</t>
  </si>
  <si>
    <t>b",*%\xb9\xdbZ\x86\xb3\xbb\xe2W]U\xfd\xdd9\x10\x96'.\xa2\xabx\xac\xdd\xb3\xb5@x\xdd\xc2\xed"</t>
  </si>
  <si>
    <t>b'7\xe7Z\x88\x90M\xd9~s\x8eS\xf54\x19\xd4FXO\xe1\xda\x8c@\xdd\xe2\xbf\xaa1Xu\x02\x10\x0f'</t>
  </si>
  <si>
    <t>b'2lu\x93\xfd\xf5X\xb3\xfb\x84S\xac\xac\x07\xca\xcc\xed_\xfc\xa8\xfc\x1e/\x1ei:i\xbe\xaa\x923\x85'</t>
  </si>
  <si>
    <t>b'\xac\x04\xa6_\x84H1\x15\x92\xe7\x11\xb0\xda.5\x03O\xdb\x82\xad(\x07u\x9e\xc0\x07b\x11\xeb\xd7\xc4\xe8'</t>
  </si>
  <si>
    <t>b'\xe3?\x0c\xe7\x9b\x17\x14\x1dO\xaa\x95\x0c7\x80\x7f\xec\xea\x80\xcfgq\xd1Gv\x0f\xb4\xc2E\xc9PI\xe2'</t>
  </si>
  <si>
    <t>b'\x86%\xa11{\xe8\xfc\xaa\xd0\x0c\xc8k\x1f\xf7\xf3\xbb4\xaf\x9fP\x16\x87C\x1f\xa2\xaaGPQ\x015\x11'</t>
  </si>
  <si>
    <t>b'\xb7m\xe2I\xb8}|\x1d^\x1b\xfc\xfc\x1f\xea4\x98n)0\x15\xda\xe8\x94\xc1}h\xd0\xe4\x1a\xff:R'</t>
  </si>
  <si>
    <t>b',3,L\n\x81\x86b\xc9\xff\xd6`\xb4\xd0\xa7\xfa\xa0D\x02/\xad&amp;-\x81MT\xb1]:v\xc5\xff'</t>
  </si>
  <si>
    <t>b'\xb9\x8d\xc3\xf8R"\x996g\xcdP\xf7.\xaa$\xdcI\x8f;\xde\x1e\xbf\xe3Z\xaf)\xb9\xcb\x85\x9f;\x8a'</t>
  </si>
  <si>
    <t>b'\xc3\x89tB.\xe0\xa8\xa9^\xd6\x8b\r\xa9D\r\xcc\xdeD\x9e\x80\x19\x99IN\xd9\xe6\xaf\x98\xf3\x9b\x82g'</t>
  </si>
  <si>
    <t>b'3G\xcc\xd0$_R^\x8e\x99\x1b\xa4\xf0G}o0+\xfd+\x83\x8d\xba7\xa2\x11\x8e&gt;\xbe7PG'</t>
  </si>
  <si>
    <t>b'n\xd1\xb3\xbb\x87\x1e\xb2y\x8e#\xdc\xab\xd3F^\x0c\xf4\x13\xff9\x9e\x96\x7f\xc8E\xadI\xfb2\\&amp;U'</t>
  </si>
  <si>
    <t>b'\x04o\xd8\x91\x06\xcb\xf9\xde\x80\nd\x1c\xdb\x06\xa8\xd2\xcb\x05\xd1\xa69\xf4\xd9\x11\xe8\nQ\xf0\xa2\xd0\xe2\xc2'</t>
  </si>
  <si>
    <t>b'{\x98Q\x9e\x91\xbd\xd0\xca*\xebr\xe6\xf22\x8e*F\xf57\xfa\xf5A\xad\xec\xff\x7f\x11\x96\xae\xfa\xbdK'</t>
  </si>
  <si>
    <t>b'\xd1\x03\xd6R\xba\xfd\x1fE v\x92\xd7\xfb\xe4eE\xda\xd7\x13\x7f\xd1|\xc6\x91\x95S\x01\xcb\x935Ri'</t>
  </si>
  <si>
    <t>b'\xfd\xe2\x19\xe3v\xa1\x14G\x05\xa7\xd0yY\xe3\xf00\xd0\xf9\xf1o\x1d\xd8\x18#\x05aJd\x10pbS'</t>
  </si>
  <si>
    <t>b'\x14\x9d\xafn@\xd9\xd9\xf5D\xcb\xde\x89\xcb\x14\x062q\x9f\xedx\x8f\x1bcd\xf7\xe7\x00\xa2]R\x80\x88'</t>
  </si>
  <si>
    <t>b'B\xb31uW\x19S\x92\xbb\x03va\xa2\xde0\xb9\n\xd5/\x8b\xf2\x9cZ\x18C\x8e?\xa7\x9f\x17\x07\xb4'</t>
  </si>
  <si>
    <t>b' \xf3\xe5\xcbTq\xd8\xf5N\x9ao\xa4\xd8\x8a\xff\x98x\x14\x9e\xf7\xa2J\xb5\xbd\xb6\x95\xac\xa5WH\xa1\xad'</t>
  </si>
  <si>
    <t>b'\xd0\xce\xfc\xec\xe4\x9ar\xbb\xbe?q\x8d\xfc\x18\x15mPf/\xe5G\xad\xff\xc8\x8b5\x8b\xddz\xc7\x92"'</t>
  </si>
  <si>
    <t>b'\xe9\x9f[\xeam|pX\xa7:r\x00\xb1\x06\xbc\xd1\x10n\xa8x\x1d\xf3|\x95\x04;\x8d\x06\x97\x8f\x83\x19'</t>
  </si>
  <si>
    <t>b"\\\xd7k\xae\x1e5\xa5\xd7/\xb3\x86\xb1\x84\xe9N?O\x89o5\x93A\xc8P\tw1\xefx\x08C'"</t>
  </si>
  <si>
    <t>b'\x95\x82\x85\xfdF\x81\xd0\x99n\x8fz\x08\x9eo\x8f\xb2\xf0\x89\xe8NR\xd5\xb8C\xae\xdc\xedFc\xa6\x04,'</t>
  </si>
  <si>
    <t>b']*\xce\xbdN\xc1nC\xb8\xf4\xe9\xd1\xcd\xe4L\xe2V\xbc\x1d\xb0Z\x06om\x92\xb8N\x0e\xed\x10f\x17'</t>
  </si>
  <si>
    <t>b'"\xed\rM\'\xade\xd3A[\xf1\xb8\xbf\x9a|u\xf4[\xb6i\x9b\x96\xdc\xd76a\xff8\x84\xa0\xfa\xed'</t>
  </si>
  <si>
    <t>b'\xe1\x0f\xa3\xa2\xbe\xf3\x17I\x9d\xce\xd56D\x80&gt;\xabt\xe5\xb1\x04\x80\\\xeb\xbdR\xa9\xf9#\x0e\xac\xcd)'</t>
  </si>
  <si>
    <t>b'\xac\xdd\x08LNN5\x03\xf06s\xda\xc6\x03w\xb1\xd8\x11\x1ae\xa2C\x08\n\xe7Z~{F\xef&gt;#'</t>
  </si>
  <si>
    <t>b'!\x17\x17\x9em\xb6\xa9Fkp\x90\x06\xd3\x01L\x1a\x96\xf8\x97\x1b\x9c1NU\xd4p\x95\xe8\xf9$\xe8`'</t>
  </si>
  <si>
    <t>b'k\xd6\x8c\xe3\x86\xb7\xd9\x037h\xf0\x16+\xa3\x12&amp;\xd3&lt;\r=\xca\x1f\x12\x1c\xc0\xfa\x0b\xc9\x0e\xcc]\xbb'</t>
  </si>
  <si>
    <t>b'\x1c\x9b*\xb8\xc8e_?H9Fm\x8a\xd1\xdd\xe2\x98\xac\x94)-ntNo\xb8\xdf\x9d\xd8\x1a.\x81'</t>
  </si>
  <si>
    <t>b"{@\xe2k[j\xac\xa5g\xaf\xe9-\x96\x06\xf4\x8c\xb9mP'U\x0bv\n\x06z*\xd9\x82\xe9\xe6\xd3"</t>
  </si>
  <si>
    <t>b'\xaa\x97u\xc5G\xd2\xf7J\xbd\xd5\xa9\x01\xffi\x98"\xee\xd33\xa2\xa2T\x16\x1f\xb9\x8d\x9f%\x071\xe7\x11'</t>
  </si>
  <si>
    <t>b'\xa4V\t\x1f\xfe\xd1\x19\x85n\xfc\xef\xef\xe7\x950\xa1\xf2\xfd\xb249\xaaF\xec\xb6\xce\xf9a\x93\xb3\xbe\xbf'</t>
  </si>
  <si>
    <t>b"[\x80\xb24)\xf44 M0\xe9N\xf3R\xba'\xa2\xa19&gt;\\]i]\xdd\xbf\xa4\x92I\x9e\x1fP"</t>
  </si>
  <si>
    <t>b'X\xc0\x9f\xb3\xc7\xe3\xf3\x93\xb4z?\xe9\x8dr\xd1\xea\xd7K\x85&amp;\x07@\x7f[\rq\xdc_\taac'</t>
  </si>
  <si>
    <t>b'\xac\xb5\x8a\xbdv\xfcY\xbaz\xf2=\xc1\xc8\xfd\xfdA\\\xcf{\xfa\xf4\x19\xe0\xac\x9e\x80\xc3R\x04\xb3\xd8s'</t>
  </si>
  <si>
    <t>b'z\xe6\xbbl\xb2\r\\\r\xea\x97\xb0\x9cfc\x15\xb3\x94\x03\xffX\xf9W\xb9U\x0f\xb0P\xc00\xd9\xe4\r'</t>
  </si>
  <si>
    <t>b'C\xad\xe7\xa7\x0b\xd1\xa7.OxS\xa0\x8d\xa8UH3\\\xe3\xfbClu\xea\xfb\x1f\xf9\xea\xe37IL'</t>
  </si>
  <si>
    <t>b'i\x90}\xe6\xdb\xee\xc7\xae\xbc\xf7\xdf\xcd&lt;\xc0\x93\x9bU\xcb\xe8\x1c\xa9c\xaa\xb9\xc3#w\xa0B\x1a\x88\t'</t>
  </si>
  <si>
    <t>b'\x96\xa9\x0c\xb4\xf1\xe5\xea\xb428\xf5\xf2R\xbc\xd6\x08\x8e;)j\x80\xc2\x0c\xd7W\xac\xc0M\xc3=\x14j'</t>
  </si>
  <si>
    <t>b'\xe8\x95j\xfalw?\x10\xe07c\xd8W\x04V\x8d\xdf\xad+A\xc7\xeb=\xa6ae\x7fI\x96\x06[\xf8'</t>
  </si>
  <si>
    <t>b'0\x8b|\xddg\xf1\xa1\xe0\xa9\x12\xef\x16B\xa1+Ux\xcby\xbc\x8c\x11\x0b\x1b\x82:\xb9\xfaXw\xde\xc8'</t>
  </si>
  <si>
    <t>b'\xc8c\xc1\x0c\xbaGQ;\xc7\xfec\x04\xdf\xd8\xa0\\\xbc\xf6\xed\x0b\x14,fQW]F\x02mNX\xdd'</t>
  </si>
  <si>
    <t>b'\x01K\xdf\x19\x88@\x99\xeeN%\x14G\xa98\xd6\x9d\x14\xfaJ\x92\xec\x1d\xbf\x88T\xdfO&lt;\x8e\xb6N\xf4'</t>
  </si>
  <si>
    <t>b'\xdd\xce\xbf\xb5A*\xc5\xa0\x83\xe6\xbf}\n\x1b \xa7\xf4\x13\xdb\xb1!\x82\x84\xa9.\xfe\xf196\xcf\x9fp'</t>
  </si>
  <si>
    <t>b'\xe3\xda*\x12\xe1j\xd5\xff\xd1\xace\xb45x\xc8\x93y\xf5\x1a\xd6\x9f\xf8*\xf4\xa3P\xa8 Qg\xfb\xd4'</t>
  </si>
  <si>
    <t>b'\xb2\x81u\xfcx\xa4\xd3\xff\x85\xe0`\xd7V3p\xa7\x82~ \xb1\xa1\x9b\x90\xd07\xf5\x0e-\x14&amp;]7'</t>
  </si>
  <si>
    <t>b'3z\xdb\xa8\xbb\xcb\x85\xe1\x1e$\xc6\xb6=\x10+\xdf\xc0\xb0\x9e$\x06\xb9\x0e&amp;w\xfe\xe9\x1a(\xb0\xa1\x8a'</t>
  </si>
  <si>
    <t>b'\xed\xb3\xfem\xbb\x87\xb58\xf1\x0f\xe8\xa4Q\xca\xa1N2\xf1\x1e\x83\x9b\xf1\xfa\xf0\xdd\xb2\\l\xb2\x9b\xa4\xb2'</t>
  </si>
  <si>
    <t>b'*\xf7\x18\x81\x16\x9aGDv9\x1b\xfa\xe6\x8f8\xbay)\xf07/\x84\xcd\xad\xc2O\x03\xebq\x192{'</t>
  </si>
  <si>
    <t>b"\xaeL\x1f\x95\x00\x0bR\x8e\x8e\xba\xc4E!g\xf4&gt;\xdc\xa1\xd3g\xb3s\xe9\xdc$\xf6D\xb6J'\x95\xe8"</t>
  </si>
  <si>
    <t>b'\xfa\xe7\x8az\xe5\xda\xc7\xcfL\\\xd7\x17W\x00#I\xfa]\xa4\x1c#)\xde\xcb)}\xc8\x18\x99\xe3cQ'</t>
  </si>
  <si>
    <t>b'!\xe8C\x8b\x97a\x99\xeb\xf9\x81@o\xc3\x18\xb1\xf1q\x96\x9f\xe0\x19\xb3Y\xf16\x97\x13\xd8}-\x01Z'</t>
  </si>
  <si>
    <t>b'\xb2u\xea\xbc\x9a\x05\xffg-\x98D\x8c%D1\xf4\xc2\xdd9\xe2t\xda\xc6\x02K\x1d\xbe$7\xf5\x98y'</t>
  </si>
  <si>
    <t>b'\xea\xf2\xcc\x9b\xa3Y:Ip6\x8eB\xfc)=L\xe6\x96E\x85\xc4Z\x1d\xa0h\x8c\xb5\r\xf9I\xa39'</t>
  </si>
  <si>
    <t>b'\x92\x97\xa7\xab\xd2\x9a\xed\xe6B\x058\x87\x03\x95\x02\xa35\tL5"\xa5|\xdc\x9d\x85\xe0\x84\xb2\xfe\xf9R'</t>
  </si>
  <si>
    <t>b'\x11\x00\xebn&gt;\xa5$$\x04`\x07NH\x12\xc9\xf0\x0c\x97\xea\x1b\xccd\xf1\xd8v\xd6n\xb3\xc2\xd0\xc4\xa5'</t>
  </si>
  <si>
    <t>b'o\xd54)\x15-;\xbb \xb1k\xa1\xa3\xb6E\x11\xd9@^\x15\xbcW/D\xd8j\xa4\xa3\xa8\xf9\xadT'</t>
  </si>
  <si>
    <t>b"%3\xf4\xff\xb7\xf4w\xa2\x94\xda\x92\xbc\xb8\xf8Y9\xd4\xf3!;\x88\x03\xbe\xca@!\xd8'*{\xa8\xe7"</t>
  </si>
  <si>
    <t>b'&gt;o\x93\xd6\x9b\x9f\xc2M\x8e\xa8\xf5\xf2\xc9\x8dr^-\x0cHY\x13)\x9d T\x12\x8a6\x01Nac'</t>
  </si>
  <si>
    <t>b'\xd4\x19\xa5n\xb1\xad\xe4\xf3\xd7\x1f\xb5\xf5\xb0\x86N?\x08%\x12j\xe8\xb8\t\xb9\x1d\x8e\x9c\xe6%ZG\xe6'</t>
  </si>
  <si>
    <t>b"\xbc\x16\xfd\x13}L\xd3\x92R)\xb6p'\x88\xe0\r\xe1\xa0\xaf\x95|\x9a\xb2 \x8d\xcdbrjq\xb8\xf4"</t>
  </si>
  <si>
    <t>b't\xe0u\x18\x9b\xa9M\x1aCqKW\xf2\xe7\xb1G\xb8\x02\x9eY.!\x94\xc6\xa96\x81a\x18UZ|'</t>
  </si>
  <si>
    <t>b'\x19\x08\x9d\x92\x15\xe2\xb2)\x8d\n{\xec\nul\x0f\x18ml\xb6snX\xe2^l\x1e\n\xf1\xab\x05\x0f'</t>
  </si>
  <si>
    <t>b"\xcb\xe6\xc4h\xdb\x91'\xf4t/\x02\xd4\x1fB\xc0\xb1\x1a\xd5\x9b\xc6\xf3z\xd4gR/\xeb\xe0V\xb4\xca{"</t>
  </si>
  <si>
    <t>b'\x84p\x96\t;]\xa7V\x8e\xc3\x94f\xc1\x8c\xc1\xa5\xf8\xb28\x05\x90\x98\x9a\xdb\x13\x05\xf1\x9c@\x16yg'</t>
  </si>
  <si>
    <t>b'\xd5\x9c\xe1y\x8e\xe1\x075R\x8c(\xa8\xd0\x19\xfa:\x01\xf3\t\x19\xa4~.\x8a&gt;\x93xD\x97\x86\xb9\xb6'</t>
  </si>
  <si>
    <t>b'\x1e1\xbb\x80o\xb3\xcbL;0.\x08c\xc9\x83)\x18\x95.\xdf5\x9b ~\x7fY\xafi\xffY\xa4d'</t>
  </si>
  <si>
    <t>b'\xf0\x83?f6\xb0)\x07\x9aR\xd66\xe5\xc3\xec7\xcd\\d\x03\xfe\xc5\x05\xc3\x1b\x82\xf0\xfclu,\xf3'</t>
  </si>
  <si>
    <t>b'\x01\xb0\x1db\xc9l\x8b\x12\x8c\x8f\xc5\xf6\x11\x13\x18\xcb\xad\x82:.\xf9\xed9\t\xb7\xefhF\x91v\xe6\xc8'</t>
  </si>
  <si>
    <t>b'\x0c\xee\xb9\xad\x86a\xb8G7\xfca\xe7\x04\xb01KO\x1c\x9as\xb5[Wq\xca\xa7=\xac\xd08\x08\xad'</t>
  </si>
  <si>
    <t>b"V\xf7lPI|\xacZ\r*\x01\xe7[\x01\xba\xee'7\xa4\xd1\xb6\x19.\xab\xdc_\x9a)\x93G\xb7\xa5"</t>
  </si>
  <si>
    <t>b'\x8dp\x13+\xaa\xc4j)\xf6\x80C?\xe1T\x06\xe9\xd0\xffq*!J\xcc@\x87\xa7\xcc\xddB&amp;n\xec'</t>
  </si>
  <si>
    <t>b'}M\x02G\xe2\xe9\xd8s\xbb\'v\xa9\xc9qyX\xa7X\x13"\xa8\\\xcas!\x82\x1b\xad\xa3\x9e\xdb\x8a'</t>
  </si>
  <si>
    <t>b'\xc1\x8f\xd2\xb6\xa3ln\x1e&gt;\x16\x0e\xd8\x90c\xc5\xcdY\xaeS$\xb9\xe4\x8b\xcd\x07o\xd9\xc8\x11\xc0C\xb6'</t>
  </si>
  <si>
    <t>b'\xdb5\xd4M\xa3\x144\xae\xf5I#:\x99\xde\xe9\xec\x8bdR\xffH\xa0}O\x19\x03{\x1a"HFS'</t>
  </si>
  <si>
    <t>b'\xbcQ\xb5~\x03\r$9\x03^\xd9\xf3\xd3{\xbd\x9bl\xac\x98\xbd\x8f\xfa?\xbd\xe6\xf4\x94\xa3\x8a\x02X;'</t>
  </si>
  <si>
    <t>b'\xe78\xae\x19\x96\xe6_\xb4\x85X\xc1w\xdezs\xc1\x13v&gt;w\xc4\xb3\xae\x15\x03\xed\x965\xb0\xb2_\xa8'</t>
  </si>
  <si>
    <t>b'HiB\rzA_\xa9,SQ\xac\xcb\xbf\xa8\x9b\xca\xe8}\x93\xbet}c5\xd3\x9c\xb0$(\xda9'</t>
  </si>
  <si>
    <t>b'I\xc4R\xe1/Ht\xd6\xa5\xc7\xa8\xaaL\xfb\xb6\xfan\xc4H\xa9O\xfe\xf1W#\xe6\x98\x895\xa8$\xb0'</t>
  </si>
  <si>
    <t>b'f8K\xef\xb4\xc4J*\xbd\xa6\t\xa6\x97\x9f\x97\xce\xb3\x1dx\xee\x08\x9b0q\xe4\x06\xfb\xd1\x9d\xfa\x98p'</t>
  </si>
  <si>
    <t>b'[\xdb:\xe3\xa1\xa1\x82\x1b\xab\x0e]0\xfc\x00*u\x11\x0bNH\x0c\xc3\x97,\x9603\xad\xc4\x94\xa8\x98'</t>
  </si>
  <si>
    <t>b'\x97R`\x8c \xe2\x8a&lt;\xfd\xeb\x16\xef\x9d\x8a}\xb3\xfc\x04\x10\xaf\x03\x8b\xc5%\x1cAE\x87\x19xX\xbd'</t>
  </si>
  <si>
    <t>b'\x92\xf0\xe5\xc0\xf7\xbbz\t\xd1\xe7f6,\xd0/\xdf\xc7\xee*\xc1&lt;w\xc2\x8aA\xb7V\xc0m\x01\xac\x12'</t>
  </si>
  <si>
    <t>b'\x07M\xcd\x8d\xff\x0b\xaa\x16h\xb5\x9f\xd5?\xab\xfd\xdf\xcb\xb1\xfa\xa2&gt;9M\xe5\x15\x9f\xfdJ\xf6\x9d\xf6\x9d'</t>
  </si>
  <si>
    <t>b'\x8f\x8an%K\x84\xf6\xb7\xa1\xd6\xa0\x9e;\xf7v\x16\x07\xb9?\xbb\xe3^\x8d\xbd]\xc4\xf3&gt;\x9fd\x08\xb4'</t>
  </si>
  <si>
    <t>b'8\x82\xa1:\xca\x9e\x93yR\xcb\x11@\x8f\xc0\xfd\r\xd3R\tj\xa8\xbc_\x85n\xc8a\x00\x0b\xa5&lt;\xf4'</t>
  </si>
  <si>
    <t>b'|\xb8Q\xf39^\x0e1\xd1^\xbe]\x1c\x00\x13\xb0\xa7A\x7f\xec\x97\xb5\x91\x7fK\x84p\xc8\xe2{(\x96'</t>
  </si>
  <si>
    <t>b'w\xe8\x8d32&amp;\xa4\xc3\xcce\xb6/\xc3\x87\xd4%\x132\x04R\xfe\x19\xd9)\x8c\xc3U\xa2G&gt;\xf1L'</t>
  </si>
  <si>
    <t>b'\xe6\x12/ a\x94\xc0\xba\x97\x84\xcc\xd9o\xa8\x9b\xf4]\xbf:4\xb3J\xb9\x98\xcd\x82j\xb6IX#\xee'</t>
  </si>
  <si>
    <t>b'(CRmIc\x08\xfc/\xa0\xd4\x95\xd3\x11HD\x81\x15\xe8M7\x9a\x88\t\x0e\xf2\xd6K\xed\x85*\xa1'</t>
  </si>
  <si>
    <t>b'\xe9\xa28\xdf\x94\xd4\xa6\xf2\xc91`\x08n\xe1\x9a\xa0\xd0\x80\x18\x9fV\xaf\x9f\xb65\x1c\x13b\x9d\xf3\xb3\x94'</t>
  </si>
  <si>
    <t>b'\xe2\xde\xb8^\x9d\x10z\xc21\xcf\x14a\x1b\xbad\xb8\x9b`\x1a\xfc\xea\x8f\xc7\xa4w\xe1Y\x00^8\xc6\x90'</t>
  </si>
  <si>
    <t>b'\xac`w\x93x\x04\xbfk\xcf\x96\x03\xcf\x80\xd7r\xce)B\xcd\xf9\xe6\xe9\xb6y\x82!&lt;&lt;4\xec!\xab'</t>
  </si>
  <si>
    <t>b'\xbb\x89\x0e6$\x8a\xb2L)\xb4\x02\x15\xaf\xbe\x04\x8b4\xef\xb8\xc0PR\xb4\x94\x91.A\xfbY\xc1{\xa8'</t>
  </si>
  <si>
    <t>b'\x07\xb0^ H\xc4\xcd\x85\x88\xe9\xb2\xa9F\x07\x85\xd6\xdf\xb0\x18\xc0\xa6~\xdd\xfe2\xd0X\x9b\x89\xe2&lt;\xa1'</t>
  </si>
  <si>
    <t>b"\x99\xe9\xafedI\x95'\xb9yn\xc6\x9bD\xb8\xa6\xe5m\x0eV\xees@rjo\xf6\xe6l\x07\xa81"</t>
  </si>
  <si>
    <t>b'\xe7!\x96\xde\xc9k\xe2\xb8\xd1&gt;\xdf0!\xd5.o\xea0\xf0\xe0(\xc54!\xfc;s\xd9$\x11XC'</t>
  </si>
  <si>
    <t>b'\x89O\xcd\xd3\x81B\xb0\x99\xb1\xda\x99\x9e%\xb3\x0f\x18\x896\x8c`\xaevn\xe9\xe5\xa0\x01\xb1p\xbe%\x8f'</t>
  </si>
  <si>
    <t>b"S\xd9\xfa\xb5\x99'L\x1chp\x84\xdd\x97\xbd\xc6\x8b)C\xb8e~\xbcS\x0bu\xca7\xd8\xfd*OL"</t>
  </si>
  <si>
    <t>b'\xc4L@L\x86\x82\x14[\xef\xc3s(\x92\xc6\x9d\xd86\t\x85\x95:\x1b`\xdb\xb1\x89\xb7(=\xf5p9'</t>
  </si>
  <si>
    <t>b'\\V\x98\xe7;\x8c\x1e{\x0f\x0e\xddB5\x0b/\xaf\xd1\xa4\xeaRF\x98\x96\x04\xff\xea\x9b\xf0C\xcf\xe3\x91'</t>
  </si>
  <si>
    <t>b'"$\x1a\xa5\xf1\x9a\xdf\xd9\x1d\xeaI\xb8g#+\xc8\xb7\xdf\n\r\xb0\xc3\x1d\xf0m\x1eJ\tS\xeb\xc3\xd7'</t>
  </si>
  <si>
    <t>b'\x17\xafI\xd3\r\xe8)\xe7}\xa3\xac\xa9\xbc\xce\xa9\xc1o\xea9V\xb6o\xc3\x8cI\xf5NY\x1aEs\x86'</t>
  </si>
  <si>
    <t>b'\x94\x9a\x92\xff\x9fY\t\xa7l\xde+\x85s\x86\xeazHPJHx\x14\x05}\x0e\xe0\x13\x03\xb2\x8b\xec\x02'</t>
  </si>
  <si>
    <t>b'\xc3u\xf6m)\x8c\x0e\xb6)\xfb\x9e\xaa\xc9\xcb\xd4x8v\xdc\x91V\x15\xe6c)\x12\xd4w\xdf9\xc5\x10'</t>
  </si>
  <si>
    <t>b'g\x13\xbd\xd2\x108&lt;\xa0\x18\x81\xb5\xc4\x9e7:\xf6\xdc-&gt;\x086yE\x0b\x8b\x98\xa7\r]\x96\x85O'</t>
  </si>
  <si>
    <t>b'3V\xc5\xbe\xb4\xe6s\xa2\n&gt;aJ\t\n\x14\xf1\x82\xb3\x8f\\`\xbbq\xbcNw\xf6\x84\x0fR\x97V'</t>
  </si>
  <si>
    <t>b'\xb1\xc0\x1aB?\x1b\xe9\xb0\xe3\xf1\x985\xeac\xc1\xce.\xb2\xb0q\xa5%\x85\x94\xb6+\xc8w\x01\xf2Q\xb0'</t>
  </si>
  <si>
    <t>b'n\xfc:t!\xde\xa5\xc1\xad\x87\xbb\xf8\xfa\xb5\xdd\xb7\xcf\x8b\x0b\xfe\x96\x91&lt;W\x82\xd5\x84ZN\xea\xfc|'</t>
  </si>
  <si>
    <t>b'\xbf\xb5\xdd\xef\x1b(6\x8b\xed\xbcV%\xec\x8a\xbc\xd4\x1a\x16\x8d\x81\x0f|\x9f4\xdbw\\\x7f{MV\xb1'</t>
  </si>
  <si>
    <t>b'N(\x948\xd9;\x99V&amp;\xdb\x8f\n\xf2\ru=e\x9c\n"\x10\xd0\xf3\xf4zk\x10\x03b\xb3\r\xb6'</t>
  </si>
  <si>
    <t>b'\x8d\x06\xa6\xfa\xa0\xc6zT:\xb2\xadC\x8b\xe8\xbc6\x0fc$\xd1\n\x1dI/UH\x99!\x0e\xb5\xb1\xd5'</t>
  </si>
  <si>
    <t>b"}&gt;\x04/\xed\xeb\r\xddX\x1fW\xfb\xcfq\x93\xb2\x10B+\xc8\xc3\xf1'm\xf3y\x04\xfc)\x84\xae\x1c"</t>
  </si>
  <si>
    <t>b'\xd8\xbf\xd58\x04\x15\x03\xc8\x979\xf8\x8c\x7fWU\xb1.\xfc\xdc\xc1\xafh+\xe7\xe4\x81\x8a\x89\x8a\x96\x0b\x12'</t>
  </si>
  <si>
    <t>b'|\xac\x84\xcb\xf9w\x13q\xae\xc0\xbd&lt;\x87}o:8\x97}\x1c\xfb\xe2\x8dg\x1f\xc6\x96E\x13\x92Z\x06'</t>
  </si>
  <si>
    <t>b'.\x96\xd65f`\x1b\\\xfb\xe4\x9c\x18\x9b&lt;\x8a9\x91\xcb\xef\x99/7\x17N\x9c\x90\xa2\x8e\x80\xc5\xcf\x8d'</t>
  </si>
  <si>
    <t>b'\xb6\x0b\xb2\xf2\xdah(9\xd5,\xda#-\xe9\xff\x9ek\xb1e\xd3\xd3moy\xfb\xf3e\xf9\x8a\x97\xd0\x87'</t>
  </si>
  <si>
    <t>b'\xe3o\x03\x14 \xaf\x08\xe7\x0eo\xfe7\xd5|\xbe"\xf19\xaf\x9f\xd8\xd5v\xd0\xa9\xc1\xbd!\xeb~\x8e\xda'</t>
  </si>
  <si>
    <t>b'=\xcb\x85\x0b\xf6\xa5Y\xa0\xc9\xce\xa8\x9a\xd2\x02\x824\x04\xd1\x13\xea\x82\x1b\xf3~?id\xf7\xea\xb3\xb9\x19'</t>
  </si>
  <si>
    <t>b'\xcd{8\xcf\x82U\xa5\x9e\xb7].\xac\x04\x99;TjK_q\xc6R\xdd\xaf\x92\xfa\xa8\xd3\xa3\x18\xbf#'</t>
  </si>
  <si>
    <t>b'|\xcbx_\x18\xa6\xe1a99\xa7\x0e\xa2\xe0\xc6\xfc\xd8\xa31\xfc\xb1\xb3\x90\x8cU\x1bM\xba\x18\xf9\xff\xc8'</t>
  </si>
  <si>
    <t>b'\xfe&amp;\xfc\r\xe7\x8b\xb0\xf70\x03\x13`q)\xa60\xe8\xe0T\xf2 :\xeb\xd9&lt;\xbe\xa0\xe5k\xad\xe6\x9e'</t>
  </si>
  <si>
    <t>b'\x87\xb4\x8a?{\x01`\x1d\x04\x18\xf4\x9f\xfd\xd1\xbb\x0b\x05\x82\\f\xd7\x9b\xf4\xb0\x99\xf9\x1a%\x035c\xb3'</t>
  </si>
  <si>
    <t>b'\x96z\x82"\xe8\xd2\x8b2|Y\xf8\x98\x8a(\xddA\xf7w\xe9\x05\x1aHI\xectJ\xd7\xb4\x0e\xf7Ka'</t>
  </si>
  <si>
    <t>b'UQ\xddF\x87@x\xf4\xa0\xcb~\xb0F\x17(\x07\xa0\xc7\xc5\xc96j\xe0\x88?\x0bX&amp;;+\xe1M'</t>
  </si>
  <si>
    <t>b'\xe7\xfb\x9f\xfe\xac\x05W*\x16i\xe2\xa7\xf8R\x0c\xcd\xa2q\x97\xdd\xab\xce\xb4\xf0\x16[Odu`R\x12'</t>
  </si>
  <si>
    <t>b"\x81\xe3H\xbc\xaf\xc1\x16\x8c\xdc\xd2\x85\xa9\x16'\x8f)c+))[\xc8\x8aI\xc5\\5\xec\x18\xf5\xe0&amp;"</t>
  </si>
  <si>
    <t>b'.\x87\x9cwI\xc1Jhm\xdb\xc7\xc54\xcd\x0b\xc2l\x1c\x07u\xa8\xdd\xb7\xbf?vSy\xc2^B\xae'</t>
  </si>
  <si>
    <t>b'\xe4\xcb^3w\xba\xf4\x8dL@\xe5]S\x9a\xaa\xfd"Yt\x1ca\'k!\xdf]\xeb+l\xec\x10\x9a'</t>
  </si>
  <si>
    <t>b'\xbe.\xae\x06iEF\xb2\xd1\xa8?\x19\xa7\xd1s\xc2\x15\x87\xa3[%\xa4x*\xeel\xd7\t\xf7-\x1f\xfb'</t>
  </si>
  <si>
    <t>b'\xf7S\x9fb\xdf\xd1\xc6\xcd\xd1\x0cc+\xde1\x87+\xd4\x03\xb5#\xea*x\xcc?a\xda*\xf6\xe7y\xff'</t>
  </si>
  <si>
    <t>b'U3O\xac\x94\x9c^\xfb\x18\x97\xa8{{\xb9S\x04\x00%\x1aO\xf4|W\xf2\x12\x92s\x80\xfe\xb9\xff\x90'</t>
  </si>
  <si>
    <t>b'\xfa,\\\x01\xf1\x17\x02n\x85\x12\x19k\x83;\xb1r\\Dv\n\xb0\xf5\xaeR\xe1i\x9esL\xca\xed\xd2'</t>
  </si>
  <si>
    <t>b'\x99+\xd0M\xd5j\xaa\x93\x88yZoKDOM}\xf8%\n\x13Y\x1c\xca\xddxy2\xab\xc97t'</t>
  </si>
  <si>
    <t>b'w\x1enW4M\xb8oo+5a\xc7\xe0\x89\xe1U\x89\x05\xac\xf0gv\x1f\x92pA\xb2k.`\xd8'</t>
  </si>
  <si>
    <t>b'\xacSZ)D\x11gu\x96\x83\x15\xe1#0\xbf\xa6\x8b)qN\xdd\xc5\xf7 \xb3\n\x85\xf8\xf3n\xc7\x97'</t>
  </si>
  <si>
    <t>b'\x06\x01x-\xecK\xc1\xbc\xda\xc1\xa2\x83\xc3\nRD\xee\xde\x01\x84\x9a\xcaL\x8a\x0c\x93\xf8\xc5\xc0\x88\\\xce'</t>
  </si>
  <si>
    <t>b'\xaa\xa0\xec\x88\x857\xc4$\x88w\xbf\xe5\xdc\x0e\xd8\xf5;\xf5\x85n\xaaF\x18%\x99\xf1s\xcaT\xc8\x99/'</t>
  </si>
  <si>
    <t>b'\xe3\x93\xcc\xfck~%\xea\xf2\xe2;\xcc\x0c\x98I\x95\xb9\x12\x9d\xeb5\xe26\n|\xac\xa1z\x06GB\xdd'</t>
  </si>
  <si>
    <t>b'4\x8eC\x17\xa2&amp;\x16\x85}8~\x10\xbf\x8b"\xe9;\xed\x80\x9a8\x055\xeb\xde)\xd8\x1a\xc9\x0b\xcfh'</t>
  </si>
  <si>
    <t>b'\x970\xf1#\xc4\xbd\xb7\x01@\xfa\x81\xe5\x02\xe0\x86\xed8f\x1b\x9a\xbc\xba\x07x\xcfLT\xc94Q\xb7?'</t>
  </si>
  <si>
    <t>b'\xf7z\xb4\xd5\xfb\x1d#?C\xf4\xd7^\xfbc\x93\xcf\xee\t=\x80\xefs\xf9\xc1,;\x0e\xf2\xb4\xf5@\x81'</t>
  </si>
  <si>
    <t>b'\xb0=\xaf\x90Z\x1f,\xce\xd9\x1d\xca\xe9\xc5\xad)\xc5\x1e\x94\x97\x921\xa3E\x16\xe4\xce\xcdZ\x8cgW\x1e'</t>
  </si>
  <si>
    <t>b'QqjdG\x1e\xb7z+\n1\x17\xb7I\xf8\x95\xbfC\x16\xc2\x9c\x93r\x9bW:\x9f\x1e\x81w{\x1b'</t>
  </si>
  <si>
    <t>b'9\x17Z*\xb7g}_I\xa6\x98\x1f\x0b&amp;\xe0\xe6zkU\xef\xd0\x95\x88\x82jd\x18\xa59\xa3E\x0e'</t>
  </si>
  <si>
    <t>b'\x06\x07pyO\xb8*AZ\xb5\x92\x04\x85\x8cP\x0f\x89u\xf7@\x93\x82T\xc6j\xfc\xeb\x11\xcf\x89(\xd3'</t>
  </si>
  <si>
    <t>b'\xc7\xfd\xd9\r\x8c\xfd!\x96I\xe6Al\xa9\xb9\xd6\x16\x80\xc8\x08\xfb\x13\x97.\x11I\xe2\t\x14\x0c\xf4\x01u'</t>
  </si>
  <si>
    <t>b'\xef\x9f\xa4J!\x1f\xbf4\xb3\xa2\xc4\xdc\xbb\x9f\x19\xeacC\xe5i\x89\xbc$\xf9x\xdf\x93V\x14\x83\xfa\xe1'</t>
  </si>
  <si>
    <t>b'\x9a\x9e+\xf2::\xd6\x15\xc2\\\x9c\x1c\xfb\xba\xe0\xdcW\xbb\x8a\x0bq\x94\x96\x02f\x98\xb6\x82lFZ`'</t>
  </si>
  <si>
    <t>b'~\x1bkhu\xcb\xaar\xa9\xe4\x8f_\xb0\x8asA\xdf8\x16\xfe\x98\xeb\xdf\xde\x83\x07\xd9\xc2\x89\xb2\xc4\x9f'</t>
  </si>
  <si>
    <t>b'\xe2/~\x0e\x01\x9a\xf8=\xc6\xd9\x01\x87\xe0lc\xefL\x82N\xef}\xc3\xa1)\xde\x9d\xa2\x16\xa4\x9b\xb3\xa1'</t>
  </si>
  <si>
    <t>b'\xe8\x05\x03\xeb\x88e\x99n}j\x82\x1b\x0c\xee\x86@\xe0R\xb2\x14\xfe\x97Qh\x13\x9b\x9c\x90\x168\xb2N'</t>
  </si>
  <si>
    <t>b'\x11\xd2\xf0L\x91\xf4j\xad\x9eR2\xb1;4\x9ej\xe76N\xb7\nd\t\xf5\x85\x95\x8d6\xef \xbbX'</t>
  </si>
  <si>
    <t>b'\xa8\xa0\x99\xbd\xe8\xb3*)Nh\xdb\xdae;\xc6\xda\xc9\x8dh\xb0\xeaDL\xf6\xd3\xe9y\x87\xd5,\x96\x8d'</t>
  </si>
  <si>
    <t>b'\x06.p0gc\xe9\xa6\xf1\xd7\x83\x1c\xb8\x91+\x14\xfd\xc8 5d\x9c\xc4\x1fj\xdb\x86\xc6\xd5;\xc3\xd9'</t>
  </si>
  <si>
    <t>b'B\x84%\x03\x1fHQ\xe4O1\x8e\x95\xe8\xe4x m\xbd\x18&amp;\xbe\x06G\x9c\xcc\x16H._d\xab\xf5'</t>
  </si>
  <si>
    <t>b'\xa575V\x15\x87\xecl2\xffP\x7f\xb68\xe5\xfc\x1f\xfbO\x85\x1b\xfdvD\xaeB\xa7\xfbo\xe0-('</t>
  </si>
  <si>
    <t>b'`^Z\xc5\x8c\x98\x83.\x83} \x8e\x96\x01\x98\xe8\rM`\xacm\x9aH\xb7\x12\xf5i\xdf\x10K\xa2O'</t>
  </si>
  <si>
    <t>b'|\x89\xa8\xc4\xd17DP}\x86\xe6}\xf9\xc9\xcd\xfb\xd5\x8a0\x82\xd8\x97\xa7\x7f/\xccj\xf2r\xf72\xf7'</t>
  </si>
  <si>
    <t>b'i\x9eN/\xba\xc1\x95\x84\x1deim\xdej\xc0\x07\xae\x08q2$\xc8\xa84=Kex)\x18\xb4\xad'</t>
  </si>
  <si>
    <t>b'\xa2F`l\xfdY$\x1a\x1c\x80\xb0|dD\xcc\xfcvU"\xb6zg2Q\xb5\x94,\x19\xa8\xaa*\x00'</t>
  </si>
  <si>
    <t>b'hj\xc6U\xbeA\xbb\x03\xe2x\x8d9\x93w\xda\x97&lt;d\xf1\x7f\x17\xb6\xe3\x1f\xf0k/\xc7sy\xee\x87'</t>
  </si>
  <si>
    <t>b'C1~\xaa\x98\xe4\xa6\x1b\x8e\xc4\t\xb2Ky\xeb\xdc\xdb&gt;\xbc|&gt;P\xa5\x9e`c\x02\xd3TJ3\x8d'</t>
  </si>
  <si>
    <t>b'#o\x88=1\xbe\xb0..x*\x93\xf6\x062\x0f?\xc8\xeb\x81gh\x8e\xc4\x9c,\x06\xbd2z\xd1g'</t>
  </si>
  <si>
    <t>b'\x03\xff"\x92V\xab\xc9\xbb\xff\xf1\x1f\xf7\xed\xdd8X\xa3&amp;\x1e\xa5\x83X\xc7\x95\xadV\x9c\xdd\x81\xfa\xb3\xdd'</t>
  </si>
  <si>
    <t>b'\xe0-4\x9eb\x8e\x94c\x9fKof\x84\x03\x13[\xc6IJ\x92\x87\xe8\x8e\xb7-\xb2&lt;\x16WP\xbf?'</t>
  </si>
  <si>
    <t>b'\xca~T$\x1bD/\xa6e\xe5&gt;\x9d\xbeH\\\xe0\xfeW\xd5\xdd\xbb\xa5\xd6/\xa3PS\xe6\xfb:jl'</t>
  </si>
  <si>
    <t>b"\xe9\x86\xdbC\xfe\x9akI\xben\xfe\x11xA\xc9\xe2\xaeij\nnG\xfd\t'\xbdVc-n\xbb\xd0"</t>
  </si>
  <si>
    <t>b'\xf4\xb5\x15\xc2]s\x05Z\x1e\x15m\xe2h\xdd\x97\x91\xd2B\xc7\xf9\xb2(\xf6X[:v\xb3\x92x\xd3\x0b'</t>
  </si>
  <si>
    <t>b'\x04\xd1\xf2\x00\xf3\x8e\xd3\xc1\xc0\xf2U\xcc\x81\x83\n\x98@\xfe\xa8\x14=\x9a\x0c\x12ug\x18\xf4\xddy\xb1\xdd'</t>
  </si>
  <si>
    <t>b'\x08\xeeo\xfa\xd5\xbf\xd6{\xa7\xf0\x9f\xeca\x0f\xdc\xe3W\xcf\x7fW\xa6\xe6l\xa0\x0f\xa4\xc6\xd0T\xb9\x1f\x07'</t>
  </si>
  <si>
    <t>b'9z\x97\xa3\x98\trB\xf3\xb8/\x01\x8f\xd1\x17C\xc5\xf4\xc9\xa1\xd4B\xe6\xe6*\xfaI\xfe\xb5\x9a\xb4-'</t>
  </si>
  <si>
    <t>b"\xaf|\xcf7\x8a\x99\x95\xa0\x917\t)\xaf\xa0(\xc0\xfc\xa5\xa4\x85:\x12M\r\xf4n'\xc8%\x1cu\x1f"</t>
  </si>
  <si>
    <t>b'Q6\x93\xa1\x8el\xe8\x97\xb5\x1e\xd8\xa7;\x8d\xa1K\x81F\x8fo\x00JU\xa1iA\xa8fz\xa1\xb3"'</t>
  </si>
  <si>
    <t>b'\x0fN\x1aW\x08\xbcA4X\xbd\x9f\x07\x16\xe4&amp;\x80\xe9\xef\xd3y\xecO\xf7l\xc6\xf0\xddq\x95\xae\x0c\xfb'</t>
  </si>
  <si>
    <t>b'j\xa1-X\xf66\xb1\x93"r\x0c\xb5J\xf2\xd4\x1a\xdeXiW\xf0l-\xf0\x02\xf5\xdc\xbf\x04\x04\xf6k'</t>
  </si>
  <si>
    <t>b'\x1ef-\x8b\x9a\x0c\x95(m\xed\x1e\xe7Q\xf5A\xd8\xdc\x98.\x17\xfdMx\x9c_\xec\xed\x83\x90&amp;\xed\xa6'</t>
  </si>
  <si>
    <t>b'\xd9\x93\xc4W\xfdq\xc3\xe2"\xd8eG\xfb@\xbd\xff\x14X9"\x9c&lt;\xcan\x17!\\!\xf5\xe6\xbdC'</t>
  </si>
  <si>
    <t>b'Y2\x82\x03\xd6\xb6\xe8\x94\xe7\x0eCO\xf5\xc8P\x92\x00\x98\x0cu\xce\x9cO\x12@\xa0dg\x1a}\xf2@'</t>
  </si>
  <si>
    <t>b'n\xf0iP\xbb\x1e\x032-\x02\xbaz^\xc4\xcfB[\xc3\xd9jI\xb0\x9a\x87\xf4L\x8e\xd5y\x97\xf1\x0b'</t>
  </si>
  <si>
    <t>b'"\xcde\x9a\xc1\xf9\xd0\x88\xed\xe3\xfa\t\x8b\xe0\x7f\xff\xd8/.\x90M1]\xc4\xc7W\xdbS\xf2\x94Q\r'</t>
  </si>
  <si>
    <t>b'\xacE2gw_d+\xa7Y8Q\xee\xde&lt;\xc9\x00\xf3\x9c\xe3\x04\x07w\xbf\x04Y`\x8f\x146\xfao'</t>
  </si>
  <si>
    <t>b'\xc2A[\xa7\xc5\xd6\xa8\xfb\x0cR\x85\x85\xf9&lt;\x1dm\xae\x9dq\xd9\x05\x19\xefA]%Ly\xe2@+\x92'</t>
  </si>
  <si>
    <t>b'\x04\xa1F\x9c2\xc3\xc5j%7\xd8\xb1\xf76=\xe2\xf2\xeb\xb5\xba\x1f\x0fH\x10c\x07i\xeb\x14\xcef\xc4'</t>
  </si>
  <si>
    <t>b'\xb3Wp\xc5\xe0\xbeA\x92n}\x1et\x00\xc5(&gt;\x15\x04n\r\x81\xc4\xbe@\x9d\xc7[\x84l\xefs\x8a'</t>
  </si>
  <si>
    <t>b'\xdd\xe3&lt;ug\x0b\xf8+\xb4\xd9\xdd\x7ffphN\xc9\x90\xea\x0c\xfcY\x8b\xb1\xc7\xbb\xe3`\xb7Y\xce{'</t>
  </si>
  <si>
    <t>b'Q\x96\x9c\xf9\xa7\xf8u\x13b\x08\xaeq\xe5[\x1c^(eq\xabT\xc7\x99\xe6\xf2\x07~\xf3\xf6x!4'</t>
  </si>
  <si>
    <t>b'\x07y\xfd\xca\x84\xf4\xecV\x91\xe8\xaa\xd1\x94\xbfB&amp;8?N\x13\xb9\xf8\xa5\x9c\x1b\xf7}\x89R\xa3\x16\xa0'</t>
  </si>
  <si>
    <t>b'\xd4T\xd2N[\x90\xe1\x01\x83\xf9\xf4\xb3\xdc\\\x18`\x9d\xe4?n\xe4\xb8){\x9f\xbd\x12w\xd09\x80\xf3'</t>
  </si>
  <si>
    <t>b',\x19\x01\xd3\t,\x8eu\xfd$;(\xcc\xd2\x86\xa3`h|O\xdf\x93\xc3,sH\x90\xf7+:\rI'</t>
  </si>
  <si>
    <t>b'\x1a\xa7\x8b\x17\x9a:\x90,\xc7\xd0\xebq|\xec\x10)K\x05\xa3jg\xc0c\xd3\xfch\xfaW\xd8\xe0\x17\x11'</t>
  </si>
  <si>
    <t>b'\xfa\xfd\x05\xe3\xbd\xb9\x11+\x00\xc33\x03\xdb\xfe\xfa\xf2\xbez\x81oG\xa0\xff\x8c\xc0*\xd1 \xa3P,&lt;'</t>
  </si>
  <si>
    <t>b'\xf6\xc2\x03+9\xc2\xe2&amp;\xc0=\xd9~\xc0\xdeH\xa6\xf3\x13\xd2ah\xb4\xf2\x17\x1e\x15\xd9I\xe8\x88~e'</t>
  </si>
  <si>
    <t>b'\xb2k\x90p\xc8=I:\x8f\xef\xb8\xc5\xf3zs\x9b}\xf1&lt;9\x1dy#9\xd6\xe4v~! \x9c\xf3'</t>
  </si>
  <si>
    <t>b'\x17\xae\x111FkT\xa0[\xe1\xe0"\xa2\xbe\x17\xb7A\x112\rQ!\xb9\xa6v\xbc\xd7h\x08&amp;\xe0\xeb'</t>
  </si>
  <si>
    <t>b'\x957Q\xe9\x00\x11\xf6\xd59\xfcm{\xd66M\xdc\xcc\x99i\xac\xa0\xbb\xb4NO\xd5$\xce|\x94\xc0\xfd'</t>
  </si>
  <si>
    <t>b'P\x98\x0c\xfa\xc8R\x8f\xea&gt;\xe5C\x9f\xa8$\x90\x13\x13\xd4DU\xf8e\xca\xb2\xb7/\x0eV\x88\x99B\\'</t>
  </si>
  <si>
    <t>b"O|\x87\x89\x1d+\xd9nG\x0b\x1f\xb2E\xb7-S\x11xDx\xab\xfa\xb5\x88\x96'\xe4]ia\x0f\x9f"</t>
  </si>
  <si>
    <t>b'&amp;\xebhr\xedV\xc3\x17d\x81\xae\xc2\xdc\xdc\x9e\x02\xe1\xe4L\xfc\x07\xe7=)\x12$\x9c\x16|\xe6\xa7O'</t>
  </si>
  <si>
    <t>b'\xd3\xaf\xc4\xedZ\x04\x13\xd0\x80b6\xe66\xc76\x062z\xdb\xa7\xb6\xea\xc9.\xcb\xc5=\xcc\xd2q\xf2\xb1'</t>
  </si>
  <si>
    <t>b'\xcb\xf5L+\xa8L\xda\xafqN\xc4\x9aD\x8d*17qT\xe1y\xbdjE\xdb\xe0\xdb\xcc\x89g\x91\xd4'</t>
  </si>
  <si>
    <t>b'nH\xa0\x0f4N\xff\x8f\xb4\xa0\xd4u\xc1\xe7p!r\x05D\x96\xf0\x92zx\xe3c`y\xd4\xbf{\x06'</t>
  </si>
  <si>
    <t>b'\x9e\xcc\xf7\x08\x80d\x8fG@G\xdd\x07\x9b\x91A\x83\x19\xac\xfb5\x9f\x06]\xd1\xab\xe2T\xa9\xe6\xce?\xb2'</t>
  </si>
  <si>
    <t>b'Sx&lt;\xa2\xde\xf8\xe8\xc3\x0f9\x9a\xf9\xf8\x12\x03Z&gt;\xeb\xda\xffS&gt;\xb3R\xed!Z\x9f\xadu\xff8'</t>
  </si>
  <si>
    <t>b'HT}\xf3\x1b\xa3qv\xe3\xa6\x96\x89\x13\x83D\xd7\x1cY\xa0\xcb)\x86\xdej\xcf\xab\xd2\xa8l*\x81B'</t>
  </si>
  <si>
    <t>b"/\xb6\xe1\x1b\x146F\xd8/\xe386ZsZ\xe8\xb3\x0eL\xe4\x93mgM-\xe8\x8fq45'L"</t>
  </si>
  <si>
    <t>b'O\xf0H\xd5\x9d\xa6\xbf\x80\xbf\x08\x13r\x8c\x88\xfbK\x18UuA4\x8d\x06\xf7^~|x\x9e\x9el\xcb'</t>
  </si>
  <si>
    <t>b'me\x93\xe8C\xde(\xe8O\xa9N\x9a\xbdrD\xd6\xa0\xf0\x82\x94\x1f]!#\xc1\r\x88a\x8e\x1b5I'</t>
  </si>
  <si>
    <t>b'\x12\xcd\xf9\xb7D\xc1\xac[+j\x9e\xb0\x1f\x91\xc9M\xd3\xe9\n,7\x19\xfa&amp;\x0e\x92\x8f:\x93\x92\x17-'</t>
  </si>
  <si>
    <t>b'e\xa9,\xf7\xbd)\xca\xbc\xe6\xbdX\x90\xb7\xf2\xd9\xb6\x11[\xc5\xdc\x86k#aB+N\xac\xebzw\xc6'</t>
  </si>
  <si>
    <t>b'\xcdQ@{q\xd1X0\xc9T\xcf\xcb\xab\xf2\x7f\xa63\x9b\xeb\xe5\xf34\x03\xef9\x879\x1d\xeb/\xd1\xdd'</t>
  </si>
  <si>
    <t>b'\x8cU\x8a\x9b\xde\x88\xab\xf4]\xf59\x19\x90\xb0\xec\x87U`\xc8y\x04\xc4Y\xd4\x1c\xb1\x81\x0bo\xd4\x82\xfb'</t>
  </si>
  <si>
    <t>b'S\xce\x83\xceVV\xeay\xa3\x8b\x17l\xd2\x9cZ\x824H\xc9\xc2\x81\xe8"\x9b\xc2\xfaB\xb1\x14W\xe9\xe6'</t>
  </si>
  <si>
    <t>b'\xda\xd3\x87\xcc\xcc\xd9\xe2\x00\x0e\xa5D6|+\x99\xfa\x1a\xdcd\xfb\xf0\xbbi\xee\xfe\xcc\xc5l\xe4\xef\xa2\xbf'</t>
  </si>
  <si>
    <t>b'\x85\x9c\xd52\xe1\xaa*y!\xfc\xf5\xb6\xca\xde\xe9A\xc8&amp;j]]&lt;{W\xda\xf3\xc4\xb7&lt;:L\xc5'</t>
  </si>
  <si>
    <t>b"jL-T;\x18h\x84&gt;IY\x0f\x06Q\xbc\x9a\x7f#\xc9\xe8\x9cJR\x85'\xf2\xcd[\xc4l^\xda"</t>
  </si>
  <si>
    <t>b'\xe6L.88T\xeb\x91g\xb1[\xd0p\xb4\x83\xfdC\xe21\xe2\xf0J\xb7\x85\xac\xd2?\xf9\xd6q\xa5\xa4'</t>
  </si>
  <si>
    <t>b'g\xba|\xe6\xad\xdctbm\x1d\xa8PD\xd2\xc7\xd1\xd5`\xa5a4T^}E\xea\x17h\xfb?A\xe4'</t>
  </si>
  <si>
    <t>b"V\xec\x81|\x82\x18:\xf4\x805\xfcX\xfd'\xc3E\x95\xb1^p0/\xdeOfw&lt;\x1dS\x0e\xa3\x97"</t>
  </si>
  <si>
    <t>b'\xe9\xf3\xe1\x99wo\xcf,\xaf#\x10\xd5\xad\xc0\xd5\xb4[D\xca\x92\xa1q\xd5\x92Cw\x8f\xf7\xb1$\xbb\xd8'</t>
  </si>
  <si>
    <t>b'\xd4\xe8\xd4\x80\n\xd9\xeaL\x04\xf3.\xd5\x1dv\xe65\x84b8%\xfd\xe9G\xe4o\xa3\xb4\x1dZ\xc2\x0f\x97'</t>
  </si>
  <si>
    <t>b'\xf3\x80\x02\xd2\x9csU\xa8\xd6m\xe3|\x94\x8eV=@\x8f\xb8H\x05\\\xd6UG\x05\xcd`\x9f\xa3\xb3^'</t>
  </si>
  <si>
    <t>b'\x1aC\xdft\xcb|\x03g\xe8s\xcf\x0eG\xab?\x0b\xe8\xed\x06\x0e\xafx\xac\xf5kq\x90\x9e\x1f\xdeN\x9e'</t>
  </si>
  <si>
    <t>b"Mpn\x15U\xb1\xe3\xef\x847'\x9f\xd9\x02`Q\x9e\xfd\xedr\xb8\xef\xf1\xf3z\xe6;0wd\xa1\xdc"</t>
  </si>
  <si>
    <t>b'\x9bS^\xaf\x96\x00\xa4\xa5\xcf\xeeo\xc1\x0c\xb7\xff\xf9v\xe7\xd3\x0b!/\xd7\nG\xdb\xa0\xddu_\t\x8c'</t>
  </si>
  <si>
    <t>b'\xe2\xeb\xfc\xc8\xea\xed\xf3\xe1\xb5\x93\x88j\xc3TJ\x165\xbeuR\xbe\xb5\x08\xc7+R\x11F\xffPe\xf6'</t>
  </si>
  <si>
    <t>b'L\x0c\xf0\x9e9\x9fG\xd5)\x05^6\xef\xb1*\xea_R\xb9\xa5\xa2\x12\x13\xa3\xfd\x96\xbb{\xe8\xdb3\xc4'</t>
  </si>
  <si>
    <t>b'\xbe\x124{k\xdf\x925S@\xd2\x0cb0\xe1%\xcc8&gt;\x86\xaeH\xe5\xa4\x02\xc2&amp;\x08\x7f\xc2\xd7\xdd'</t>
  </si>
  <si>
    <t>b'D\x07C\x1d\x9b3#+3\xc0T\x96?\xb9\x00\xc0\x10U\xbe\xd8:w!\xdcH}]\x8bn\xdc\xf8b'</t>
  </si>
  <si>
    <t>b'\xaaQr\xf1E\xc8\xaao\\t\xae\xe5\xb9\xcc\x83t2\xf0\xa7\xbb\xfd\xc0a\xf9\x08\xb2E*\xe3\x80p\r'</t>
  </si>
  <si>
    <t>b'H\xcb\xe0\x16K\x00\xee\xa5\x18\xd19\xe3\x87Q}O{b\x0bh\xb6gr/5$j5,\xf9\xdeg'</t>
  </si>
  <si>
    <t>b'\xe4\x86F\xea\x15\x9a~\xf7f9$\x0c\x97\xbe\x8e\xc9J\xda}fUrj\xc5\xdd@\x04aO\xf9L\xfa'</t>
  </si>
  <si>
    <t>b'\xf9\x85\xc7\xdd\xe1\xb5\xaf\xd7\x05\xa5&gt;\x0c\x14\xfb:\xb5&lt;\x9bq\xf3\x9a\x84\xf3\xfc\xab\xf9 0\x98 \xfd\xc7'</t>
  </si>
  <si>
    <t>b'\x87dqh;\xd4\x85\xbeB\x1b\x8d}\xf0hd\x1f\x19\xea\xf2W\x07[t\xe1`\xf5\x9c\x1f_\xf5@\xa1'</t>
  </si>
  <si>
    <t>b'x\xb7\xb8W\x1c\x8bc\xc5&amp;\x1a0,\xa5\x16yIa\x98Y\xcb\xd3\x12\x94|\xbf\xcc-F\xdc\xf2Jp'</t>
  </si>
  <si>
    <t>b':\xa2\x16\xb4\xb86\xa6}\xf5C\x89y\x8f\xb6\xcdN3\xf9\xc7JyW9j\x97\x8b\x13\x19\xd7\x00\xfd|'</t>
  </si>
  <si>
    <t>b'G\\%W\xd8\xbfw 2]\xc5\xb9\xe0\'\xe6\xe9!\xc0\x16kc\xa5RD=\x0f\xd7\x9aT"QX'</t>
  </si>
  <si>
    <t>b'\x94\x17:\xb0\xb5\xac\x17\xa5sA\x8e\x8e\x14I\x8c\xee\xec\xc6\x81W\xb1\x8a\x7f\x81\xd2\xe0Y\x82\x1f\xd2j\x93'</t>
  </si>
  <si>
    <t>b'&lt;d0\xca\x1c\x88ch\xec\xf6\xe0\x80\x8c2\xa1\xee^o*\xd3s\xcd\xf9p\x17\x02\x9fL{\xe9\xc1\x08'</t>
  </si>
  <si>
    <t>b':\xd4\x16\x8d\xc4\xd9\x97O\xb4\x01S\xe6;?\x9c\x02\x1f\\\x15\xcb\x14c\xdd\xa9&amp;\xc4\xddl\x1fM\xd5\xc0'</t>
  </si>
  <si>
    <t>b'\xd9\n\xbe\x87\x94~(\xf2u\x9e\x06\x8d?R\xffnx\x90a\x18rUd\x15\xb2\xbf#\xecw\xae\xb1Y'</t>
  </si>
  <si>
    <t>b'd\t\x18S\xc1`\x8b\x0c\x9f\xcb\xc9\x89\xfd\xcfV\x08\x9d4\x14\xf0\xff\x83\xc8\x81Mm\xe3b\x06S\xed\x8f'</t>
  </si>
  <si>
    <t>b'&lt;e\xf7TP\xe9i\xea&lt;\xed\x9c4\xb7&amp;\xb6\xb2\x00!h\xb5\x8dJ\xd3\x902Y\xde?\xbf!}\xe5'</t>
  </si>
  <si>
    <t>b'7\xc4%1\x9e\x84!\xab\xbb+B\x968\xf2i\x92z\x8dSCGw*\xa6\x0b^-&gt;\x11&gt;\xcd?'</t>
  </si>
  <si>
    <t>b'\x15\xa7t{\xfbm \x98#\x1cx\xdd\xe5/\x9e\x06\x89&gt;\x06\x86=\xad\x15a\xc3c\xa9\x10\xd5\x9aS\xe8'</t>
  </si>
  <si>
    <t>b'\x11&amp;\xe6C0\x7f\xae\x85\xff\xb6\xa4\xa4\xeaUp:\xeb&gt;#\xf5\xbe\x0c~\x84a\x8e\x08a\xa6\xcfB\x1c'</t>
  </si>
  <si>
    <t>b'x\x02f-\xa3x\xc02\xf2\xe9\xf6=\x83\x8f\xf5\xd8\xb4e\xb06\x02K8\xaagJ\xa9\xa6N)e\xdb'</t>
  </si>
  <si>
    <t>b'\x84\xbf"\x1d\x84d\x85ZH\xa7W\xd6\xeb\xc9~]`\xfab\xf2\x0f\x06r2]\x8c/},\xfc\xab\r'</t>
  </si>
  <si>
    <t>b'\x8d\x98 \x81vV\xbf\x04\xe8e\x132H\x84\x9f\xaf@\xec\x88\xd68c\xc6\xa5G\xa6\xc9j:\x18{\x0b'</t>
  </si>
  <si>
    <t>b'n#\xbe\xfd\xe7\xaf\xb4\xcc\xb1\xfd\xf0\x9e\xd9\xab-\xe2b\xcbm*\x84\xa5\xdc\x0f\t\xcd\xa2\x0c\x8b}I|'</t>
  </si>
  <si>
    <t>b'\x00\x88\xd2\xb1\xaf\xe58\xb61\x10o\xad?O\xfc\xb8f\x8a\xe8\x1e\xd6Rn\xa9i%\x18!\x8d\xff\xcc\xa1'</t>
  </si>
  <si>
    <t>b"-7\x04\x83\x0e\xc8\xebI\x7f\xad\xb4O\xaa\xba1p'\xf5\xd2\x9c\xa3m:n\xc9\x98]=\xda\xf22M"</t>
  </si>
  <si>
    <t>b'\xc2\\\x99\x97\x1b]\xec\xff\xedP\xe8_\xe9\x16\xc0Vm;\xf8o\x0e+}\xca\x18E\xff\xbfK\xf7b1'</t>
  </si>
  <si>
    <t>b'\xbc\xb77\xa9\xf1\x90\x1e\x8f\xea3\xde\xbfg\x97\xc3\xd8\xdd\xa6\x87\x98\x12\xb0\xf6\x9b\xe8\x9fE\xb9\x06\xd3\xf0\xfc'</t>
  </si>
  <si>
    <t>b'\x90=!\xc2\x02V?\xf9\x17\xa7\xeb\r\xa1\x9ag\x90g`\xe1Y\r\r\xa4\xc3\xd2(\x00yR\xf7MJ'</t>
  </si>
  <si>
    <t>b'A\x01`\xa07\xfe\xaeDd4p\x86\x16\xfe\xfe\xfc\xdbW\x95\x11\x9b\x92^9Ki\x81_\xdb\xc0\x03\x08'</t>
  </si>
  <si>
    <t>b'\x07\xa0IX\x0bs\t\x12\x0c{\xea\xa2\x02\xc0B\x91\xe0\xb1\xc0nq\xb0@\xdf\xa1\x88\xc2)+\xd88\x81'</t>
  </si>
  <si>
    <t>b"\xdf\x1f&amp;\rS.#\x90\xe1\xde\x90\xb2P\xf07C\xe2\x18?\xce`\x96F\xfb_\xa4Vl\x04\xbda'"</t>
  </si>
  <si>
    <t>b'\xb1\x9b\x06B[_\xfd&lt;93:\x04K+\xf3\x13F\xf0\xc5\xa1\xdb\x8a\xf2\x0cBUv)TZ\x97\x02'</t>
  </si>
  <si>
    <t>b'\xcb\x92\x08\xfb\xdd\x00\x9d\xa4T\xf7\xf2\x15\x15\xe9B:\x17\xceJ\xf4\xcd]\xaf\x12X\x162\xdf\xcdQ\xc4\x19'</t>
  </si>
  <si>
    <t>b'\xfe\x0b\x8a\xe2\xd5n\x0b\x0b\x8c\x9e\xa1\xc1\xf9\xc0:\xb5\xf1o\xe0_J\xc9&gt;\xe4\xdc\tqnj\xda\xff\x9f'</t>
  </si>
  <si>
    <t>b'67_5\xedl\xb6\xfd~\x94@d$\xe23\xdf\x9d-#L\x18\xe6\xe4\xa6\xe2\x92\xc3\x9e&amp;DY\xe7'</t>
  </si>
  <si>
    <t>b'/\x0f9\x07N\xb4\xd8\x9f\xd9x\x15\xe22\x8b\x0c\x15x\x83\xfd\xaf_}uFQ\xb7\x85D\x8c\xb1\xf3\xb5'</t>
  </si>
  <si>
    <t>b"@\xcf^\x906\x05\xd4\xe8F\xc9\x99\xfa'\x0f\xb1)w\x83b\x10\xbc\xe6G1&lt;-1\xb24O\xae\xe9"</t>
  </si>
  <si>
    <t>b'\x82\xa1\xc5\xe4\xbb\x99\xf7\x15\x13\x01\xb7\x1f)\x9c\xdbG/\xac[\x85 j\xb2\xde\xad\xff\xc5a\xb3&lt;\x00\xe8'</t>
  </si>
  <si>
    <t>b'\x8d\x9a\x15\xdb=\xb0\xdd:\x08\x9f\x9bE\x88!\x99\xf7\xf2\x86\xf1\xe1\x9a\x00]\xe2n3\xca\xcfZ\\\x8a='</t>
  </si>
  <si>
    <t>b'\x0c\x93doV\x95c\xb5\x82\r\xde\xa8\xf0\xb0v]\x0bps\xdf&amp;\xddRWz\x15\x12A\xc5\xe5K\x85'</t>
  </si>
  <si>
    <t>b'\x0b\x17\x9e*\xa6\x82Q\x13H\xc2\x02\x82\x9b\xff\xf0a\xba;"z\x9e\xea\xa2\xd0!\xe8|\xd0!w&lt;M'</t>
  </si>
  <si>
    <t>b"|\x82\xf6\x1fP_\xe9\xf4\xcd']\x8b\xae\x01K\x0b\x1b\xd3\xb1\x9c\xfe\x83\xd7\xac\xd8\xeaY#\xc0\x94Us"</t>
  </si>
  <si>
    <t>b'\xac\xf0\xbf\xf6\xa3\xd1(l\xfbD\xca\x14F\xa0\xde*t\x81\xb5\xbe\x94\xa4=\x95g\xf6\xbc\r\x1d\r"\x07'</t>
  </si>
  <si>
    <t>b'\xc1\xfdW\xce\xd5,\xd8b\xbf\x973\xe6N\xbd\xa0O(\xaa\x1dE-\xf6\xbd\x8a1\xcc\x8c\x11\xa8\xcb\x9d\x1b'</t>
  </si>
  <si>
    <t>b'\x17\xb6@[\xefnj\xf3(6\xe2S4CG\x84\xc72\x87\xdf!D@\xb8be\x84onP\xc2\xee'</t>
  </si>
  <si>
    <t>b'_w\x19\t,C\xa2\x89=\x92\xa7\xc4B\xc1\xb7)\xce\x89/\xa4y\x1d\x95\x0b\x12\x88\x84\x1f\xcf\x16.\xb8'</t>
  </si>
  <si>
    <t>b'&lt;r\xf0\xd4\xcc\x8f\xb9\xf2\xf6d\xd2\xe8X9~\x1aNKH\xec\xf2\x1c\xe1W\xc5\xa0-\x04\x19\xba\xf0\xca'</t>
  </si>
  <si>
    <t>b'\x9f\xf7(\xdfU/\xaa\xd8[\xccMh~\xf1\xcc0\xef\xf5\xaf\xf9?\xdd`e\xa8kN\xe7\xd6\x815@'</t>
  </si>
  <si>
    <t>b'\x14\x85\x91\xcaV\\\xf8\x95\x1dR|I\x1aM\xc1\xe5\x87H\xf2%]\x84\xdbj\xa5\x1c&gt;\xf5\xe0c\x0b\x1e'</t>
  </si>
  <si>
    <t>b'k\xaf\r\xcdzy\x04\x80\x90J\xe5ff_\xee\x0f\x1b\xc6X\x9d\xedbj\x1aI3\xc2\xb4\xb7&amp;7\xcc'</t>
  </si>
  <si>
    <t>b'\x05\xea:i\x03*&gt;Q\x1a\xe9\x8c\xef\xa9G\x07\xe8\x03\xf3\xdf\x16\xf2\xc0\x8a%\xd9\x85\xf1\x15e\x08m\x87'</t>
  </si>
  <si>
    <t>b'\xa8s\x84k\x9e\x04\xc6\xf2m\xb3\xb9a\xc6\xdb\x04\xe0\x12\xf9"9\x9b\n\x94\x18%\xa9d\n\xc6,\xc9`'</t>
  </si>
  <si>
    <t>b'gn\xa1\x16\n\xf2I\x1a\xb2M|\x83\xd4{)"\xd0b\x08\xef\xc4,\xfeM^n\x8e\x9a\x8f\x18p\xab'</t>
  </si>
  <si>
    <t>b'//V\x8d\x99\xe1\x0f\xf9\xc1*\xd1e\xb7\xc6i\xa4A\x9dM\x015|\xea\x9a\x01N8\xe5\n\xa4,\xb5'</t>
  </si>
  <si>
    <t>b'\x0f\x1b=\x7f\xc9|hw\xc9\xa5\x1e\xc9\xa5\x0b\xe9\x1c;\x825\xa5\xe3K\x88n\xb7\x90\x07]0\xa1\xa0t'</t>
  </si>
  <si>
    <t>b'OH\xf0P\nr\xf4\xd3b\x90:W\xcdP\xc1\xd7$(\x1c=\xf5J:\xcf\x8dHH/d\x8fW\x18'</t>
  </si>
  <si>
    <t>b'\xc1\xfc4\xd1C\xd7C\xaf\xf2\xeb\x8c\x1dW\xa3\xb9)\x1f\t\x94\x01[\xca2/\xa0JY\xb0\xa9N\x88Z'</t>
  </si>
  <si>
    <t>b'n\x8d@h\x95\xd2=%\xeb\xd0\xe7\x8f\x04fN?\xca\x0b;FA\xdf\xa8\xfc\x8c\x80mG\x04\x9d\xd7\xf8'</t>
  </si>
  <si>
    <t>b'\xfa\xfa\x89\xb8z\xb7\x03\x9dDd\xae\xe7\xe1\xfd\xfe\xba\xa0\xf7\xf2\x91\x0f\x8d\x9b\xde\x05\x9cJw&lt;\x15q\x11'</t>
  </si>
  <si>
    <t>b'\x18\xe0\xce\x1e&amp;\xe9\x8d\xb8\xfc\xd0m\xc7#U\xce)\x88~\xe0\xd7x\xdfz\xf0\xe7\xc0U\xe66U\x8d\xbe'</t>
  </si>
  <si>
    <t>b'L\xb6U\x96\xf8\xf4\xc1\xea\x17}m\xff\x03g\x01\xf5\xd4\x9e\xa7\xc4\x85@&amp;\xee"\x15x\r \x0b\x0cP'</t>
  </si>
  <si>
    <t>b'\xd8\xed\x19\xd0l\x94\x9bb\xc4e\xde\xee\xf8&lt;G\x1a\x86\xc0\x9ao\x8c|\xe6Z\x99\x9e\x98#\xbc\xd6!\x05'</t>
  </si>
  <si>
    <t>b'S\x01\rp8z\xc6D\xe8\xb0;G\x8d\x9f \xc1\x0e\xba\xf6\xdf&lt;\\u\x8bkg,\xb8\x97\x8b\xd7c'</t>
  </si>
  <si>
    <t>b"=]\xca=\xe7\xce\x15\x00\xad\xa5\x1c\x97Z\x01\xc3i'eh?\xec\xb0\x0f\xe9\x90\xe92p\xcf\xcc\xa5%"</t>
  </si>
  <si>
    <t>b'$\xf9\xc7w\xfc"\xc4\x81\xbbJ\xcb\xddB@\xc7\x85\x83\x18D\x87\x1auJ\xa9Z\xb6+w\xd5\x98:\xad'</t>
  </si>
  <si>
    <t>b'=\xec\x02#\xa6T\xd4\xff\x8a\xdb\xb6\xaf\xcd\xe4_\xa1\x11&gt;\xf3\x94\xa7\xc1\x11n\xf3\xcb\xd8\xa2.\xd5m\x97'</t>
  </si>
  <si>
    <t>b"\xee \xf0w\xc0\xf2!\xa2\x1dj\x95\xc0j\x8a5\xf9\xf3\xe8-?}-\xad\x157*Z\xd1'\xf7\xfbq"</t>
  </si>
  <si>
    <t>b'\xb5\x1d\xbd\xdc\x83\xb5\x91\xd9\xb8\x91J\xda`=\xd1"\xba\xed\x80=\xd5\x9f\x10\xfd\x02\x8e\x1e\x89\xd4!\xac\x01'</t>
  </si>
  <si>
    <t>b'\xf1j\x8aQ)J\x8e\xecRC\xa8\xde\x81S8`\xc96\x1f*\t\x1d\x11{\xd8\xde&gt;d\xb3\xfa\xdb\xb2'</t>
  </si>
  <si>
    <t>b'\xaa(\xf4\x11\xcaKwx\x98\xc63\x93\x13\xe64\xceAz\xb9d\x1e\x11O.\xe61\xb3u\x1aT\xc7\x91'</t>
  </si>
  <si>
    <t>b'\xfb/o\ns\xcc\x98n\xf6.\xe1\xf8\xa1\\\xf6)\x9f\t\x7f\xd9\x02\x8d\xee\xd2&amp;\x139\x92)\r\xfe$'</t>
  </si>
  <si>
    <t>b'\xd5\xe7-\x04b\xb0yd;\x95\xf4\xd4)F\x11h\x9b\x93m\x96fBH?\xdeN^A\x855\xec\xfe'</t>
  </si>
  <si>
    <t>b'\x8a\x8f2_L\xec3\x85\x0e}ub\x08u\xd7\xc7\xd8\xe6\xd8a\xeek\xe7\xc3\x16;\xc4r\xc6-W\x06'</t>
  </si>
  <si>
    <t>b'\xc1\x91\xbeR9\xda\xc4W\xa3;\xcc\xaat\xe4\x92\xa7\xae\xe9J*:M\x8f\xc4?U&gt;&gt;Y\x05\x92\xf6'</t>
  </si>
  <si>
    <t>b'Q!\xacX\xd3\xd8\xea\xdan*\x7f\x9e\xe7\x0f\x15\x0fS\xb3\x86veO|\xa8\x97\xa9\x95\xbd\x14\xa9\xc2\xa5'</t>
  </si>
  <si>
    <t>b'\xd5j\xc4\xee\xddHh\xa9*\x91~\xf7\x7f&amp;2\x10mn\xf7r\xec\xf3\x99\xc9\xdes\xf0\xbe{t\xb5\xc8'</t>
  </si>
  <si>
    <t>b'\x01JS\xd5\x81\x08_\x8d\xaa\xd7N\x93\x0fpI\xd5/1\x1e\xb2uX/{\x8f\xfe\xd8\xc6&lt;\xc8G\xb6'</t>
  </si>
  <si>
    <t>b'?\x18\xaem\xc2\xf41W\x01\xbf\xe4c\xa3\xdd\x175(K\xf9\xed\xc6\x95sJ\xf4+@~\xe0.\xf9l'</t>
  </si>
  <si>
    <t>b'\xc5\xae\x86w\xed\xa1ZEbI\x95F\xe6t\x02\x9b\x9f\xd1\xa5pK|Q\xb20\x89\x12\xaa\x0b\x08\xf2\xf7'</t>
  </si>
  <si>
    <t>b'u\x8c\x92h?\xca\x02\xb4\x91\xa5\xc7\xdbj\xfeR\xe5\x11.\x89g.v\xf4\xf4le\x14\xff\rr\xfe\xdb'</t>
  </si>
  <si>
    <t>b'\x90$Z\x1b\xf9DBa\xaf\xd1V\xd5\xc5\x944w\xb8\xe7\xf9ND\xfd\x8c\xeb(\xd8Y$[\xfeU\xe1'</t>
  </si>
  <si>
    <t>b'J\x15\xa3\xeb\xc7\x01\xb9\xcd1,\xa4/\x12Z\xce|\x80n\x05{\x95)=\xc2\xd7HQW{C\x05\x04'</t>
  </si>
  <si>
    <t>b'm\x06\xbb6)\xbc\x95\x93\xff\xb4\xa7O \xc6\xf2\xf4\xfc\xda!\x97\xf4\x87\xf62\xdf:\xc0\xeb\xb0^\x16\xb9'</t>
  </si>
  <si>
    <t>b'\xc5e\x9a\x88\xe3\x07\x96Qx}q\xd9\x9a&amp;\x05k\x19\'wu\xa7|9\xef\xff"\n\xb0p \x02z'</t>
  </si>
  <si>
    <t>b'V+\xde\x0b\xb1\xc5eb\xab\xdd`\x11t\x0c\x995\xec\xa7[\xdcG\x87\x17\x15\x13\xfe\x0f\x87\xacO\xec\xc4'</t>
  </si>
  <si>
    <t>b'r\xb4\xcenF\x88\x86\xed\x86\x05\xc4e\xec\x89D\xfdE&lt;\xd6\x95^\xc7\x14}\x1b\xcb\x90\xd6\x05\x18\xf6('</t>
  </si>
  <si>
    <t>b'9\xff\x14u\xae\xf05:\xa5\x16|\x97x\xaa\x86\xe2\xd4\x15zu\xf6Jt\xf8\xcd)w\x18MTh\x06'</t>
  </si>
  <si>
    <t>b':\xc9\x02\xb5\xae}\xa5\t%[\xc9\xcaov\xfb\xe2{\xff\xbd\x98[\xf1\x0e\xa6\xa3\xb1\xae\x99eu\x9d\xa9'</t>
  </si>
  <si>
    <t>b'\x94\xbe\x95\xfb]gVL\xb1\xf3\xdd\x19\x0e\xb0;6\xfcj \xff\xb2[I\xc7\xa2?\xce&amp;H\xd8\xe7\xa0'</t>
  </si>
  <si>
    <t>b'r\xe8r\xd3\xb0@\xf5\xe02\xd8\xe0\xa6\xcav!\xabi\x1c`\xbf\xa7\xddf\xfeQ\xb4M\x10\\\xa3;)'</t>
  </si>
  <si>
    <t>b'\xf9F\x95,f\x82\x93\xe7\xd3\x9b0\xc8\xb6P\xfd\x0287\x0e\xd80\xef\x07g\xf6&amp;$\xa1\x9aC\xf3\xb1'</t>
  </si>
  <si>
    <t>b'\x95\x18\xaa\x91\x0e\xc1\xee\xd8\x9b\xc4\xb59\xa1\xef\xb8\x1b\x8dSa\x12+0\x82\xaap\xee\x93\t\x97\xe8\xb8\xa6'</t>
  </si>
  <si>
    <t>b',\x1f\xdaT\r\x90:\x0cU\xa2y\xa8\xdc\xfb\x1dF\x0c\x93@\xcf\xdf\x1a\x94\xd0\xfd!ma\xd5\xca\xf7\x19'</t>
  </si>
  <si>
    <t>b'\x15\x92\xc6[\x06\xf5\xa2n[\xefo\x10BM\x9a\xad\t\xf3\x11\xcc\x8cG9\xf0\xed)\x8cM\xe7\xbe\x19]'</t>
  </si>
  <si>
    <t>b'\x1b*\xde*\x91k7\xa6^\xd3x\x9f\x1c\x1b@k\xf1\x98m\xf9\x96\x85\x86\xe2b\\\xdc\xb7\xe7\x9aw\xba'</t>
  </si>
  <si>
    <t>b"\xb9T\x0f\x03O\x86\x0c'\x9f\x19~\x8bu\xf1\xbc]\xff\x05\x92\xe3!\x88\xc1\x99V5\xd3\x92\x97\x0f\xbe\x99"</t>
  </si>
  <si>
    <t>b'\x99bbW\x95\x02\x95\xc5.\x19e\xee\xda\xdf\xb9\xe5c\xc9\xd6\xbd\xb5\xe8\x1e28\\I\xdd\xd7L\x08%'</t>
  </si>
  <si>
    <t>b'\xb4\x1bt\xf8\x93\x00\xcb\x05\xc8{\xf5|\xec\xf2\x84\xc3R\x94\xa4E\x03w8\x87G\rn&amp;m\xbeZ\xd6'</t>
  </si>
  <si>
    <t>b'&gt;\x9b\x96MY^\xa3 t\x87\xc0\xc5\x139\xfc\xa0:\xa5\x16\xb5\x0e)\xfd\xed2\xf9\x00\xd6\xe6\x9e\xbc\xd8'</t>
  </si>
  <si>
    <t>b'\xaf\x9b\xcbK\xd4g\x06\x88\xfa\xa1\x8f\xcb\x85W\xc1\xf59\x03\x9bT \x0c\xb4v\xecP&lt;Rk\x9a&amp;\xcd'</t>
  </si>
  <si>
    <t>b'\xcb\x0c\xb2\x1a\x1d\xc7r&amp;*,\xbdr\xfdQ\xfen\xe9e-\xbb\xc9\x17S\xef\x92\xf0\xc7\xf82\xaar\x0c'</t>
  </si>
  <si>
    <t>b'\xb5%djJbb\xe5\x18\xc4\x19\xcd\xdbz\x8e\xbb\xff(-\xe8\xe8"\xa2\x90\xda.\x0f\xc0\xe1\x1d(f'</t>
  </si>
  <si>
    <t>b'\xd1\x1f\xb4\xec\xddS\xa16]\x81~\x9d\n#\x7f\xff\xe1\xe4\xd7_\x8cm\x18S9\x94\x11\x9c\xde\x98CP'</t>
  </si>
  <si>
    <t>b'\xc1M\xd8\xa2\xfd\xa6Z\x9e\xaf&lt;\x10\xe9\xafvo\xa4\x9b\t5\x12\x19\xd8\xb0\x94\x88@\x84\x8bA\xa7\xdc\xde'</t>
  </si>
  <si>
    <t>b'\xd7z\xb4\xc2\x9c\x8bI\xdc4*\xe9\xae\xbd\xb8\xd8\x05^L\x1c\t\xf3\x19\xa6\x1elE\xa2\xda\x9do\x00\x04'</t>
  </si>
  <si>
    <t>b"\x17\x96\xff\x10 \xe9\xa3\x9d\xa6\x11!\xca_J\x95\x96'\x1a,\x15\x9bi\xcavcX\xec\x92~\xba,]"</t>
  </si>
  <si>
    <t>b'i\xd5\xfb)3\x87\xf0l\xc5{\xa0\x08\xcf\xac\x99\xfe\xe5\x9b4\xcf}\xda_/n\xfc\xa2\xd6\xbfI\xe6\xa5'</t>
  </si>
  <si>
    <t>b'?\xf5$Q\xe0\x1d18\x98\xe1\xcc\xa7\x10\x95"\x1eg\xad1\xdb\x8b\xba\xd6$\x8dN\x9e\xe3O\xe5\x07\x05'</t>
  </si>
  <si>
    <t>b'\xb5\nE\xb2\xbe\xe7\xab\xe3J\xcd\x0b\x10:%f\xabA\xa8&amp;\xaa%\xd7\x0b\xf6\xcd3\xeb\xa6\xad\xd6[H'</t>
  </si>
  <si>
    <t>b'\xfe]\xaf\xb6\x96=x E\xe2\xc9\x99\x91\xdc5\xe8Z\xfdNC\x81\x1f\xb5\x0e5\xfe\xeax\x13\xbc\xc4D'</t>
  </si>
  <si>
    <t>b'\xf9)@\xed\xb9o\xb6e\xfe\xf3{\xacL\xc8\x90\x02t\x9e\xec\xa1b\x195\x10\xbb,eq\x98\xa4t\xf8'</t>
  </si>
  <si>
    <t>b'\xb6\xc9\xb1\x90\x8dE\x8b\xf5\xd0:\x9d\x113\xfdj\xe89\x90\x17L\xd2jqIGF\xa9bf9\xdd;'</t>
  </si>
  <si>
    <t>b'! Vo\xb9\xa3G\x8cF \xe1\xa6\x08\xd8\x9e\xba\xd5\x17Eom\xb9\xf7\xdd\xf9\x01\xc0\x80U\xad{\xc0'</t>
  </si>
  <si>
    <t>b'\x10\xe5o\xde\x06\xf2\xe4\x1a\x99\xe4-&gt;\x81$\xfe\x0b\xf2~.\x1b\n\x83\x1du\x9b\xde\x16\x90\r\x80\x7f\xb7'</t>
  </si>
  <si>
    <t>b'\xf1y\x1d\x17\x12;$\xfa\xaa\xfd\xd3\x80\x07\xdbCh\xbe\xe0\x81M\xb6\xa7\xe8}U\xd3\x91Q\x125$4'</t>
  </si>
  <si>
    <t>b'\x9a[\xd9)\xc9\xbf\x8b\xcd\x82!\x9a\xc2\x1d\xc7\xe0\xf9\x9d\x18C\xb1%v=\x8f#\xfd\x7fm}\x8bIm'</t>
  </si>
  <si>
    <t>b'fLG\xdd\xb6&gt;n^|kb}B\x80\xaaqJ\xf2s\xf4$\x1f\xeb\xb5&amp;\xe5\x12\xaec:\n\x18'</t>
  </si>
  <si>
    <t>b'\x08\xa3\xcc\x00\x11\xb2`\x92\xab\x03\xd6\x026:&lt;iwA]&gt;\xa1\x97@\xb7E\xce~\xf0\xb8\xc3\xa3F'</t>
  </si>
  <si>
    <t>b'\xf6\xcf\xcc\x83\xe5\xbc\xea\xd4u\xe1\xf3\xcdq\x80}oF=\xbekF=\x13\xcf\xd1\x7f\xbc\x07\xfe\x9fqF'</t>
  </si>
  <si>
    <t>b'ni\xc8\xe5\x9e6\xc8\x1f\xa5`F)\xd4\xd9$g(\t\xd2m&gt;v-\x07\x84|L\x0c\xb2$\xbai'</t>
  </si>
  <si>
    <t>b'\x9a\x11O\r\x9c:\xdfy\xa4y\xaa\xde\x06\x14\xf5I\x1f:a\xdeT\x02\xb3\xc9\x0f\xf7vQ\xb1\xef5V'</t>
  </si>
  <si>
    <t>b'\x9eL#\xf0\\\xaf\xef\x00\xa1\x8e?\xd6\x85\xad0=\xb7d\xfc\x9euF\x12\x1d-\xab\x9b\xadF\xa8%\x9f'</t>
  </si>
  <si>
    <t>b'e*&lt;\x97\xba\x86\xfe\xcb\x0e0(\xf7\xed\xe7\x8a\xc6x\xbb\x92VZ\x84\xd7\xe8\x0f\xb0\xc58\x1b\x93\rR'</t>
  </si>
  <si>
    <t>b'\x8f_\xf4gAL\x0c=\xfe\xcf\x81\xd1\xa4,\xdb\x83vB\x8b\xfc\x99uR\xa5c\xb2\x0bX\xb1\xec\xab\xad'</t>
  </si>
  <si>
    <t>b'\xbf\xa68\x90\xf1\xad\xae$\x1eP\xf8h\xab\xdb\x94:\xd4/l\x8b\x82\xfbj\xed\x93\x81z\xcbZ\xd1\x98)'</t>
  </si>
  <si>
    <t>b"\x9a&amp;\xde\xf4c\x01\x15\xf32\x9f'\x11$\xab\x8e\xe9x(T\x16\x83\xa9\x16\xcd\xbd\xfb2\xbe\x1a\xfd)\x7f"</t>
  </si>
  <si>
    <t>b'Y\x99\xe8\xf9\xec\x9e\xeb\xce]\xdd\xbaD\x15n)\xe5\xd9\xc1\x90\xd7y\xcc&gt;\x04\xfcL\xdd\x1c9\xf7m*'</t>
  </si>
  <si>
    <t>b'\xd8\xeb\xf7p\xd0\xb1\x05K\x88\x1dz\xa7L\xed\xfc\x8f\xca\xf6F\xe0\xd9\x16\x15\x1f\x930\x89\xbbR 3\xe6'</t>
  </si>
  <si>
    <t>b'7\x02d\x15W\xfd1\x9e\xc1\xe3\x88\x06\xaa\x7f\xc5\xb6[x\xc5G\x9e\xac5|\x0c\x92\xd7Dj\x05\x14b'</t>
  </si>
  <si>
    <t>b'\xc4\xed\x12\xb0\x13\x02\xcef\xd7cT|J\x8dJ\xd9Ba\xdf\x9dt\xef\t\xa4a\xff\xcb\xc3e.\t\xfa'</t>
  </si>
  <si>
    <t>b'[\nHOZ\x96\xdc8p\xf0\xd4oC\xa0\xfc\x96\xe0s\tX\x1d\x05\x16\x15\x0el\x00\xb2\x8b\xbf\x08\x92'</t>
  </si>
  <si>
    <t>b'H\x1fQ\xe9\x01\x0fQ\xf8\x8e\xa7\xf3\xe1\x1ee\x1f\xb1\x8c\xd3\xf5\xcf\xb7f\xc2W\x14\xfa\xf5\xa6\x12\xf9\x04P'</t>
  </si>
  <si>
    <t>b'\xc3\xc1\xb7\x8c$\x99\xcd\xc4Z=#\xc3\xa8\xa5\xec\xdb\xc9\xf3\x94\x8f\x95\x1f\xec|\xbdl\\\xe3\xcept\x8f'</t>
  </si>
  <si>
    <t>b'\x16\x00\xe9\xe9\x8dC2\x14\x83v\x11\xb0\xea5\xed|\xa6\xa6\x96\xe0\xa0\x86\xcb\xe7/\xb0r.&lt;\xda]\xc6'</t>
  </si>
  <si>
    <t>b"h\x0fW\xad\x9a\xd6\xfa+\x1f\xad'\x05\xf1|P\xd8r\xee%\xb6\x89&gt;\x99\xa7\xf7\x95a\x0ev\xe6v0"</t>
  </si>
  <si>
    <t>b'\xa0\xd3#c\xd4K\xeb!\x16(\x00\xb4^\xb2\xe0]\xee\xee\xf2\x1d)\xaa\x12\xc4\xea\x98T\x80\xe6\rV`'</t>
  </si>
  <si>
    <t>b"VG\xdeP\xf1\x8e}aI{JP\xcf\xf5&lt;{ \xf5\x80\x9f't\xcb\x02\x10\x963\x91\xe5el\xc3"</t>
  </si>
  <si>
    <t>b'0PS\r}\xe3.\x15\xf3\x86\xb0y\xb6\xa9\xc7\xc2\x9a\xcb\x16ZY\xb5\xac\xd2\xfe~\x85\x00~\x9a\xb2\xa4'</t>
  </si>
  <si>
    <t>b'\xbc\x8aw\xe5\x13\xd7G\x08x5\xda\xee&gt;\xec\x1f\x88\xeb\xe9\x19\xd6\x89q\x05\xc9v\x13\xbe\xfb$&gt;\x89\x10'</t>
  </si>
  <si>
    <t>b'A=Kp\xbcw\n\x03\x8f\x08\x0c:\xd7\xc5\xb5\x16u\xc7l\xf14\x8a\x03{sd\xfe\x16x\x1c\xb2$'</t>
  </si>
  <si>
    <t>b'\x1d~\x07\x8e\xc4! \x97lf\xd1\xc9\xee\x18\x19\x9aQ\xd5\xff\xc6\x90\xef\xf6\xdc\x82\x11\xb9c\x9f&amp;\x06\x16'</t>
  </si>
  <si>
    <t>b'\x00\xc0rx\xbat\x06K\xd1\xa7\xba\xc9mP\xbcn\xb0UQ\x86|I\x0e\x0f\xc0\x08\xc6\xac\xffb\xc1\xf3'</t>
  </si>
  <si>
    <t>b'(\xf4\xd5\xd0\x17\xcdB\x9eO-\x1cV\xa0\xd5g\x8b2\xdd\xe6\xbd\xfd\xdej\x87l/\xad\xb1 \xa2x{'</t>
  </si>
  <si>
    <t>b'h\x99\xff\\\x8e\x9d\xed\xde\xa0\xb2\x05\x9fd\x8b\xd3\xf9\xe8bZ\r"G\xb6\xe2a\x81*\xadM\x8a\x86\xfc'</t>
  </si>
  <si>
    <t>b'\x01\x80\xa2\xd9\xe2\\\xe4\xd9\xaf\x0c\xe6y:\xef\x96\x11\x0b@U\xb5:\xbd\x8bk-{\x13\xb3G\xf3\xb7_'</t>
  </si>
  <si>
    <t>b'\xa9\xa2\xbd\xfe\xb6\x17\xa6\xcf:\xff\xe5\xa6\xad`\x1f\xf9A\xa1i\x84}Ci\xd1D4\xafBI^!\xdf'</t>
  </si>
  <si>
    <t>b'\xd2F#pK#\xd0DH\xca\xf9\x11)\xb3\x83f\x8ff\xbc\x0f!\xff\xf0\x0b[\x88C:,\x04\xb9\xa8'</t>
  </si>
  <si>
    <t>b'\x8b\x1a\x9e\x92\x86\x08]\xc4u\x1f\x94\xd1?\x83l\x8e\xa0_s\xff\x06J,\x03\x7f\x03\nJ\xea\xbf\xf8\xe5'</t>
  </si>
  <si>
    <t>b'\xeb\xaah\xfa\x98\x85\xbb\x8e\xd4\xbd\xfd\xf2(B\x10/;\x04I\x01# \x86\xb1\x06\x81\xc8*\xb9\xb1\x9cz'</t>
  </si>
  <si>
    <t>b')\xb6\xc2\x10\x97\x15\xa1\xc4\x8d\xc4ivF$[\x9f/\rhF\xd1`\x03\xb1q\x87\xd0=\xaf\xd0\x1a\xd3'</t>
  </si>
  <si>
    <t>b'\xae\xe85\xf5\xa7\x89\xe4Fg\xb4\\\xad z\x00\x12\xea\x99\xd8?P\xfa\xd3\x86\xbaby\xd0\xbd\xfcI\xcd'</t>
  </si>
  <si>
    <t>b'\xc1)I\x00\xfd\x92\xe0\xc6"\x87\x88{\x8a\x9f\x02M\xb5\x8eP&gt;\x99Zb\xd2"\x97\xa8[\xf0\x16\x8f\x96'</t>
  </si>
  <si>
    <t>b'z1\xd4\xfc\xa3\xf7@\xa0\x17t"k\xab\x9a\xe1\xc2\xcdM\x16\xed5\x8f?\x8d\x00\xc9(\xea\x9c\x8b\xcc\xb9'</t>
  </si>
  <si>
    <t>b'\x9d42\xeb\xb3"l\xb7t\xc0\xaa\xf6\x9f\xc2\x1b\x81IE\xdc4\xfd\x804\x0f\x90y\xa8w-\xba\x17\x08'</t>
  </si>
  <si>
    <t>b'\xba\xc7d~M\xbb\x8d\xaa\xd1b\x1dD\x9be\xc6`\x96\x12\xb5-5\xfc\xcd{gm\xff\xe6\xac\x8ec\xc0'</t>
  </si>
  <si>
    <t>b'\x8c\rsC\xb9\x0f\xcc\x8a3\x91\xc0C\x9c\xb6\xb3\xf1\xddp\xa7\xb6\xe3\xab\xc4\x1c2\xa4G.\xef\x8f(\xd9'</t>
  </si>
  <si>
    <t>b'\xbe\x91\xc6\xe2\x07s\x11n8\xf4@\xc0n\xfcL(p\x11\xfav=\xbeU\x1c9.\xe7\xbc\x11\n\r\xc4'</t>
  </si>
  <si>
    <t>b'\x13\xfc\x98\xb4\n\x01W\x9f\xe88\xb2\x03\xab1o\x8b|4\xacx"q\xc8&gt;\xea\xd6]A(L\xd3\\'</t>
  </si>
  <si>
    <t>b'\xf1\x8c\xdc\xc0\x9fR@\xb3()\x08\xee\x85\xa9tIn\x9f\x85\x15Q9?\\\x18x\x10~\nw\xd9\x86'</t>
  </si>
  <si>
    <t>b'\xcc\x81\xf19\xea\x0c\xf9\x95\xbc\x12\x08\xc4\r]\x8ai\xa0@\xbc\x0e\xc8\xd7\xf1\xa2B.\xe6n\xbf/0\x02'</t>
  </si>
  <si>
    <t>b'\x99\x0c&lt;6\xfe\x8b-\xca\xb8\xb6\xb6\xbdSL\xdc\xe1u\x83D]!]\xd0u\x8b\xb2\xb5\xc8O\xbe-o'</t>
  </si>
  <si>
    <t>b'H\xb6xF?\x89n\xb2\x1d\xc3\x99\xe9\xcf\xb3\t\rn\xb0Z\xdf/\xb7\xb6\x10\xf2\x7fV\xafy\x9a\xf4\xd1'</t>
  </si>
  <si>
    <t>b'\xad\xcb\x0c\x18\xc4\xc6)\x96\xa9\xec\xf1T52\x94=EfT\xb9\x8ea1\xdf",\x08\x96:\xcb\\$'</t>
  </si>
  <si>
    <t>b'"\x04\xe82\xf1\x02\xb4\xa1QHe\\\x19po\xf4s\x8bes9\xb8\xab\x99\xf6%\xe3\xd2\xa3/^\n'</t>
  </si>
  <si>
    <t>b'\x7f\xdc\xcf\n}\xc5\x14\x1d\xe1\xc7\xf5\xecc\xfd\xca\xc4]0\xd4\x98,\x1b\xf3~GT\xf6\xb3\x00\xa19\x07'</t>
  </si>
  <si>
    <t>b'\xb6\x02\r\x1bF)\xff\xc5}\x8c\xab`\xc1\xcb$\xf5\t\x1e\x14\xc2\xa6\x1e% h\xcf\x96B\xbetR\x9c'</t>
  </si>
  <si>
    <t>b'\xf1\xb7\xf9\x16wt[\xcdG\xb8 \xe7\xcd\x0c\xb8\xc4K~x\xf6k\xe1\xeej\x81\xecqU}\xbf\x8cu'</t>
  </si>
  <si>
    <t>b"\r\x10\xbe\x86\xd7\x8d\xde\xaeXsn\x14\x01\xeeyW\xc7\xf7(n\x0e\xe4\xe2\xa9\x8d)\xd8\xc1'\xbeP\xf1"</t>
  </si>
  <si>
    <t>b'\x1cK\xf9\x96%_p\xed\x98UvK\x08\xd9\xb2\x83\xe8\xe0{\xa6\x8b\x8b\xa5\x118vk\xf6\x82\x02\xd4\xc6'</t>
  </si>
  <si>
    <t>b'\xe6DQ\x91\xea\xad\x88\xb3\x16\xb7\xdf\x9e?}B!\x06\x9e\x91\xa1(7\x95\x98C`]\xa0\xbdP7J'</t>
  </si>
  <si>
    <t>b'}/\xa7\xbb\x05\xc3$\xe4\xd4\xca\x1eI\xcf\x1d\xb2\xa6~:\xfc\xe8\x0f\xa7/\x10s\x17R\xb5Zl\xbeV'</t>
  </si>
  <si>
    <t>b'\x85\xf1S\x9b\xdbji\xcb\xf7pV\xc3\x97-=\xd2\x1a+\x11\x06\xd5\x9b\xa6[\xd5Nk\xcb\xed\xc5\xbbE'</t>
  </si>
  <si>
    <t>b'\x96\x83\xc3L\xa1`\xed\xa6\xeb\xf9x\x18\xb0CO\x0bUV\x04t\x02\x96\xff\x1e\xdc\xe9?\xd8\xf9]QG'</t>
  </si>
  <si>
    <t>b'\xd4\'\x05\xdeJ\xaf)\xae\r\xe4Gz\xe9\x1fH\x1b\xfcJj\xb2\xed\t\xa3:\x91\x1e\xe4\x14\xc6F"F'</t>
  </si>
  <si>
    <t>b'y\xb9\x14c\x84@!\x8f\xaa\xf0\xafm\xb8\x8bx\xe0A\x00\xc2t\xc5\x90D+\xc0\xd6\x17\xa4\xcb\xca\x8f\xca'</t>
  </si>
  <si>
    <t>b'j\xf7\xf4+6\xa7\xc1B\xa8\x11\x0f\xb8\xd4@z\xe7\xa3z\n\xc9_\xfbnoa\x04\x8d\xa8e\x97|\xed'</t>
  </si>
  <si>
    <t>b"=\xfa\xa6tgb7\x960\xf9m\t\xbe\xaeH\x14\x9b\xf0\xe3|\x9c'\xd1\x16\xa5\xe6F\x87h\x0bC&lt;"</t>
  </si>
  <si>
    <t>b'3\xb5e\x9d\xd8\x12\xf7l\xa9\xaf\x88!\xc05lar\xb4\x15\xc1\xe9\x10\x91U\xb3K\xb8\xb3\x86\xbd\xa3\xc0'</t>
  </si>
  <si>
    <t>b'\x97\xb3\xf6_v\xeb\xb7\xe3\xcb\x1b\xc4\x06\xf9C\xb6)V\xa3\xfb$\x08\xbe\x0b]}\x08AN\x01r\xd9}'</t>
  </si>
  <si>
    <t>b'\x0c\xdf\xeb%\xe7\xab\xad\t\x0e\xa7\x01\x192\xb0\xc1\xbf\xd8\x90\xf4T\xebc\xeb\n\x88I\xe0\xb7C_\xa1\xf1'</t>
  </si>
  <si>
    <t>b'&gt;\xb2\xa6\xb8\x14\xbe\xd8\xe6\x99\xba\xd8?\x82\x1f\xa4\xd1@\x0fz-\xe7\xb2\xa1\xb0\x8c\x8f\xb5R\xd8\x9f\x95['</t>
  </si>
  <si>
    <t>b'\xa97K1xN\x82U\xa2(to\xed,H\xe4\xbd\xe9\x04+7Q\xea+\x8aM.\xc3\x96\x18\x84\xf7'</t>
  </si>
  <si>
    <t>b'\xc1\xe3\xd2\xb3\xff\x80&lt;\x90\xe1\xc8l-\x85\x9eu"\xd3\x11&gt;\xda\xd7\x81\xf2\x1b\x1a\xb5\xeb\x81\xb6\x8b\x86&gt;'</t>
  </si>
  <si>
    <t>b'\xd6\x18|\x06\xd3+\xbb\x04\x85\xe9{\xa9\xb3QT;\xc0\x11)\xeb\xffK\xff\xa0D\x9cpf\xd8\xef\x1b\x06'</t>
  </si>
  <si>
    <t>b'\xde\x1a\xca\xf6T\x17\xec\xd1\xb5OB\x1a\x84\xef\x1f(\x96A\xb1\x92\xc0)=\xb8\xebvF\x1c\xbb\x93!\xb9'</t>
  </si>
  <si>
    <t>b'\xd0\xbc\x9f\x97\x7fl\xaa\xe9V,,\x850\xcad\x06&lt;\x80\xdc1&lt;C\x87\xbe@\x9d\x03\xec\xf8\x9ek\xfe'</t>
  </si>
  <si>
    <t>b'J\xb6\xc6\xc3\x11\x86t\xf2\xcdi$\xab\x1d\xd2A\xae\xac\xbb}.,\xbbh`_\xd5AQ\x8bA\xcd\t'</t>
  </si>
  <si>
    <t>b'\xe5\x9cw{\x98\xca\xde\xdb\nY\xee\x1ec\xeb\xcf\xbc(Z\x07\xa95Z\xf6&amp;\r\x1e^\xf4"\xda\x06N'</t>
  </si>
  <si>
    <t>b'\x1a\x06\xe8\xd8w\xb2\xb0\xb79\xa55\xc0_:\x0e\xbf\tI\xdb-\xf7\x8aO\xfal\x9d\x17\xc7\x01\x84$\xf9'</t>
  </si>
  <si>
    <t>b"\x9b\x08\xeb\x0c-\xc2\xbd\xf7\xe4N\xf2\xab'n\xb42k\xa7]\x9a\xb5\xbf3o\xb0\xa8\x98~\t\xf56\r"</t>
  </si>
  <si>
    <t>b'\xe14\xfbm\x1dS\x88\xeb0\x0e\xf0t\x95{\xa8\xdc\xa1\xbd\x9a\xe2\x8a\xddC\x81&gt;,\x16\xfd\x94&amp;\x81\xcf'</t>
  </si>
  <si>
    <t>b'\xa4\x82\xef\xbd@\x10\xff\xcc\x07\x93\xa5\xa1\x9c==\x9e\xb3\nA\xd5\xd4\xd6\xc4\x86\t\xd0J\x0c;\n$\xd4'</t>
  </si>
  <si>
    <t>b'\xe0A\xaf\xfdU\xcb\x15\x87In+n\x1e$|\xbcg\xf3\x9f\xce\x94O\xe4EI?\xb0\x02|O$\xbf'</t>
  </si>
  <si>
    <t>b'\x191\x0e\xc8\xdf\xab\xcez\xc3E\x81\xe9\xe2\xc8\x87\xd3\x81\x1c\x02\x06\xf1\x9b$/\xce\xcf;T\x0f\xb50+'</t>
  </si>
  <si>
    <t>b'\xeeD\xff^OK\xf7B\xb5\x96p\xc1\x92\x89\xc2\xe5\x19\xf5E\x14&amp;\xff\xd5\xd9P\x1a\xe1\xc9\xc5\xefM\x1e'</t>
  </si>
  <si>
    <t>b"??j\xef\xb3\xc3\x1c-\x81\xaf\x04\x97\xc5\xc5fir\xd79'j\xcd^\x9fz`+\xad\xee\xeai\x14"</t>
  </si>
  <si>
    <t>b'\x84\xa1\x92T\xaeH\xf1H\x00\x19X\xeb\x12\xb0\xd8\xbf\x84\xc9\x9c:m\xe7\x87\x8b\xd2v\xb7l~J.,'</t>
  </si>
  <si>
    <t>b'8\xed\x8f\xd4jup\x10\xeb\t\xad\x17&amp;S \xea\x83\xe7\x07\xe1#\x9d\xdd\xaf\xc3W)\x86r\xc2\xce\t'</t>
  </si>
  <si>
    <t>b'RpQ \x8d\xd9\xb5\x0bFN\xb5\xef\xb6h6^\xec\xa6\x08\x8cm\xe4H\x9d\xeb\t\xb8\x8f\xc7S\xc8\xcf'</t>
  </si>
  <si>
    <t>b'2\xf9\xf9\xc7\xec\x88"\x01\x04?\xf9\xd0"\x9e\t\xa1\xfd6\xab,1\xe4wd\xa1\xad`\x82\x85\x84YH'</t>
  </si>
  <si>
    <t>b'\xce\xec\xfd\xb2\x0b\xbf\x90\xb3\x1fJ\x8a\xfb2%\x88\x00\xfaG\xa2\xc1\xe7qUe\x13)\xfbj\xb6\xb8\xb9l'</t>
  </si>
  <si>
    <t>b'\xa8yvT\x0c\xa3\x9e\x97\xac\x92\n\xb13R\xdf\x0b\x9b\xb4\x94\xf4\xf3\xc4b\x9c\x14\xa5-\xfb\xb1\x97\x96N'</t>
  </si>
  <si>
    <t>b'\x0c\x1d\x18\x00\xf0\xb2z\x0fz\xd0\xf1\xe7\x1c3O&lt;A[_4R\xd2\x1elL\xfb\xd6yg\xe3\x1du'</t>
  </si>
  <si>
    <t>b'\xa5\xa3\xae~\x1f&amp;\x14\xca\xf8\xa6Y\xde\x9eW\xd1\x89\x96\x9b\xacQ\xa3\x15aG\xfc\x0b!\xe5~;\xafW'</t>
  </si>
  <si>
    <t>b'\x86_\xab2\x1c)\x01/s\x9eRr\xae\x07j:\xf9\x80\xfdE`\x94\xdd\xd2\xdaO\x04\xb7!\x06\x9bi'</t>
  </si>
  <si>
    <t>b'\x0eQ\xd0\xaf\x15d\xb2\xa6+\xe3\x0f\x83@%A[\xd4\x1f9\xec\xf8a\xf3(\xb1\x07H\xc3\xb2\xb26\x8a'</t>
  </si>
  <si>
    <t>b'\xf3\x94\xda\xf6u\x8dP\xbfg|5\x83I\xe4W\x9b4\xdc\xbeN^D\xe0\xadb\xe3\xfa\x08\xd0\x95\x89h'</t>
  </si>
  <si>
    <t>b'",\x17$\x8eH\xf2\xb8\xe5\xdb\xfb\x91M\xd6\x8bAP\xfb\x05bxkm\xa7\x8b\xea\x1c&lt;\xd7T\xb8T'</t>
  </si>
  <si>
    <t>b"\x1d\xf0l\xb2VU\x8d\xfd\xb2\xa0';\xc8\x9eM\x11V\x89%D9\xb0,\x1b\x9f\x96\xb3\xbb%-Ni"</t>
  </si>
  <si>
    <t>b'\x9d\xe88\xf3\x02\xfcG\xd7\xac\xed\xe7\xa2F\x14Y\xb9J\x93\xbc\xd9\x85\x91l\xb9G\xfb\x7f\xf2\x90\x12\xe2\xe5'</t>
  </si>
  <si>
    <t>b'3\\0\xe71\x8eP*PL;0\xe7\x8dw\xef\x07\xcb\x04g\x0f\xc5\xa1\xbad\xcd\xf8\xe2\xbcQrA'</t>
  </si>
  <si>
    <t>b'\xa3)6\x98\xd9\xd9\xa3\xef\xd4b}\t\\\xa5\xd5\x95C\x1e\xf2\xb6\xbf\xbeA\x15\x98\x89\xe8\xafU\t\x9c\xa7'</t>
  </si>
  <si>
    <t>b'\xbd\x16\xe8j#\xff2\xa2\xca\xfd\xe1\xebC\xc2\xf1\xdd\xdb\xc9\x14\x0f\x99V\xde\xb7r\x83\xbd\xb9\xffg#('</t>
  </si>
  <si>
    <t>b'\x93\xd8\xf9\x8f^\x06l\xda\x9c\x8c\x7f\xad\x17\x04\xbaF \xa7F\x17Q&lt;\xab\xc8z\x93\x10\xe7\x1f\xa7\xaa\xf0'</t>
  </si>
  <si>
    <t>b'\xba\x91\xda\xba\xc6T\x10\xe4\x15\xc9\xf4;\x0e28l\xcf\xc2\x88\xfa\xc5n0\tO\xc9-\xf2n.0"'</t>
  </si>
  <si>
    <t>b"\xa2B`\xde\xc0'\xd0\xdaiIkE\xa0\xa1\xd2\x0cQ\x9b\x88~\xff\xbf6\x12@\xc3IM_\xe3\x86k"</t>
  </si>
  <si>
    <t>b'\x12\t:\x94\n\x90\x87\x99\x17\x1e|\x98\xf5\xffO\xb6\xd1Me\x17\x1b\xf6\xd5\x92\x9e{_\xdd\xbf@\xb1y'</t>
  </si>
  <si>
    <t>b'\xe0\xae\xb0\xb9&gt;`\xfa\xc4\xd4\xe4\xbem\xd0\x8e\xdc\xd2\xaf\x96\xab\xe7C\xf1\x8f8J;\x7f\x9e&lt;\xdet\x91'</t>
  </si>
  <si>
    <t>b'\xd2\xb9c\xb0Sd\x9c\xdd\xffe\xb5]]\xbf9\xac\xbdq\xb3g\xf1\x97+Q\xab@M\xbb:\x05\xe5R'</t>
  </si>
  <si>
    <t>b"\x1f\xf9\t\xaf\x0c\xc1$\xd5\xedk\xf7\xb5\xa0\xe5\xe7\xa74&amp;\xd5\xa1\xb4\xca\xa8\x96\xe0W\xef'\xae\xbb\xd4\xca"</t>
  </si>
  <si>
    <t>b'\xad\x9c\x1c\x12\xa4\x86+i\x07\x0c\x1bb\xcc\xe8L\x8b\xca[M6Fy\x9cm\xbd0`\xc6?\xee\xea\xed'</t>
  </si>
  <si>
    <t>b'\x87\xde\xd5\xd6\x8f\x84\x08\xe5\x95+\x81\xad\xd8\xf1i\x00\x89\xc0\x16\xfe;}C{\xcc\x94 \xb8\x934\xd0\x11'</t>
  </si>
  <si>
    <t>b'6|PYfb\xc5\xc0\x1d,%\xea\xed2\x8a\xfexw.\xda\xa6\xed\x86;\xae\x9cm\xb0&amp;\xb3\xe6\xc1'</t>
  </si>
  <si>
    <t>b'!i\x00N\x01\xeeO\xe9\xd2?]\xb2\xb5z\x911\x1cj\xd4\xceq\x8cM\xe5\xa9\xd8\xd2\x0b\x88\x01\x92\xcb'</t>
  </si>
  <si>
    <t>b'\xd9\x1a\x9f\xbd}N.\x16\xc8\x93n\xb1t\xac\xef \x84\xd8\xea\x82!jt\xa6@X\x1d\x1bmQ\xed0'</t>
  </si>
  <si>
    <t>b"\x9f\xe1@\xe3\xf3d\x8aC\xb66/\xbaS,!^\xe4\xcf\x8bK\x1a'\xedg\xf1h6\xc8\x13-\x94\x01"</t>
  </si>
  <si>
    <t>b'\x81\x82\x15S\xab\x1c\xd3+\x84\x87\x83\xd2\xfe\x819\xc3v\xb9\xfc\xa4\xd6\t\xa9\x030;\xff[\xa1e\xc6\xa3'</t>
  </si>
  <si>
    <t>b'\xc1/\x9b\x8bH\xa2\xea\x85\xc2\x0c\xa5\xa0\x12\xe0\xb0d\xb4\x8e\x0e\xfdI\x12\xc8%\xf4\x03\xb4\x11lpd\xc3'</t>
  </si>
  <si>
    <t>b'\x01\xb9\xbf\xc5cX\xac\xc6a\xf8&gt;M\x18\x9a\xf1\xcd\xf4\xda\x9b\xca\x9b:7\xaaOG\xdb\xdfW\x84\x91\xf4'</t>
  </si>
  <si>
    <t>b'\xdfs\x82\x00u\x04kJkAz\xbe\x10\xe8F(g\x8e\xab\xfdv\xd7W\xbc\xfe\xb8\x00\x93o.\x84\x04'</t>
  </si>
  <si>
    <t>b'#"n\x87\x11c\'\x14\xa06%`(\xec\xc2\x90U\nvH\xd2\xad\xbc\xe1[\x93\x92\xcet\x82\xf8$'</t>
  </si>
  <si>
    <t>b"\x8c\xfdKtM&gt;\xc7\xe1P\x844\x1aR\xfb=\xdb\xb8'\xd5g\xf0m/\xa3v\xaf&lt;\x96fK\xee\xb0"</t>
  </si>
  <si>
    <t>b'\x8ao\x18Y\xf1-\x95\x1bI\x82\xef\xe2)\xb2\xf29\x88\xf6l\xca^;\x82#k\xa3\xebf\xea\xfd\x04D'</t>
  </si>
  <si>
    <t>b'\x94\xd6\x80%\xd7\xf6\xe0\xc1\xc1|A\xbb\xac\x18\xdc\x04_\x87\xfd9\x00\xd4\xed\xaa\xbe~\xd26\xb2\xd5PX'</t>
  </si>
  <si>
    <t>b'\xd2\x01&gt;\xcfU\x9b\xb3H&lt;\x8cV\xb6T\x13\xf1n@\xec\xcdl\xe6\x07ye\x04=\xbf\x93[\xe4\xe0\xce'</t>
  </si>
  <si>
    <t>b'\xf0q\x9b\x13\xe9\x00\x11\xfa\xed@\x1f-\x03\xc4X\xb8{\xadG\xb1\xd6\x0fy\xa0\xdf\xa6zv\x96yh\xca'</t>
  </si>
  <si>
    <t>b'\r\xbf_\xbc2*p\t\xcd)P\xda)\xb7\xa5\xd0Ui\xc5-\xdb8\xa1U\xf8\x9a\xe3\xecY\x8a\x0cn'</t>
  </si>
  <si>
    <t>b'Q\xf7\x91\xdb\x89\xe8a\xfb\xaa\xb5\x8d&gt;(p\x07*GcGK\x80\xea\x17\x03M\xb8\xe9\x052\x06\xb4\xb7'</t>
  </si>
  <si>
    <t>b"\xfa*\xa9\xb5\xe2W\x006J\xd6\x18\x86\x06\xa6\x1f\xd0\x1b\xb9\xf0\xe4a'1A\xfc\x97&gt;\x0b$T\xc3\xfd"</t>
  </si>
  <si>
    <t>b'Vc1\xb4!\xc2\x8a-\x83\xba\x81\xc1\x97G\xb2\xe5\x87\xbeu|\x81\xbc6\xedI\\\xce\x05\xfb\x1e\xd1\xbc'</t>
  </si>
  <si>
    <t>b')\xd5\xb7\xb6\xc5aP\xa4\xe0\xb3\x17\x8ay\xdd7\xb2F\x03\x193o\x1cp\xf0i\x08\x1c\xa9\xb9\x9ehj'</t>
  </si>
  <si>
    <t>b'\xa0{\x1d&amp;J\xf3\xbeg3\xadE#\xe6,.\x08.\xf1\x11\xae\xf0\xaa\x18\xb2\x1d\x8aZ\xf0\xd6\x8d(\x1d'</t>
  </si>
  <si>
    <t>b'\x9eI\r#\x80\x82#\x9c@\x80\x90\x10\xe0\xb5\xdd\x0b\x047k\xcc\x9e\xd9\x9aJ\xd5CM-\x95\x80\xe5\xad'</t>
  </si>
  <si>
    <t>b"L'\xe8-\xba+\xa4?k\x14\x11\x15\x16\xe4\xdf]@\xb2\xd7\xdc,rM\xa0\xf0A\x91\xf8y\xf4\xee\x12"</t>
  </si>
  <si>
    <t>b'+M$\x8b\xb6\xe4(\xf8Y(\xf6\x92\x88\xe3\xa2\xcc\x0b\xf9T&gt;\x8dwHk\xd9\x12lF)\x18@\xa8'</t>
  </si>
  <si>
    <t>b"\x8f\x15U\x92l\xd3\x8aZ\xe5\x9a\x8a\x17\xfc'\xfc\xe7GCfi\x82\x07\x18D8E\x97i CU'"</t>
  </si>
  <si>
    <t>b'\x1e\xab\xc9\x1e\xd3\x94\xd3\xd2\xa4K\xaa\xdd\xba\xa5j\xe5\x84k\xd7\xfb\x99g\xd0\xd8d\x1a\xb6*\xedb\x1d\xc8'</t>
  </si>
  <si>
    <t>b'd\x86\xb48\xc0\xa6\x8env\xc3I\xcf\x0b^\\p\xb7N&lt;\x96 \xb6{\xe9\xc0\xbb\xf3N&gt;\x05\xa4G'</t>
  </si>
  <si>
    <t>b'\x7fQ\x08\xfe\x83\xba\x1f4\xfc\\\x08\xadw\x06\xb8+$\xb3&amp;*,\xebWl\x88$]\xe0"\x0cl\xab'</t>
  </si>
  <si>
    <t>b'\xcb\xda\x96}\x00\x82\x17\xea\xc5\x00\x84\x85#&amp;\r\x7f\x0b\\\xde\xdco=\xc53T\xc3\xaf\x0f\xf50q*'</t>
  </si>
  <si>
    <t>b'\xb5\xb3\xd2\x87\xc7\xe6\x85\t\xb7\x88&amp;\xf0V\xf9\xadJ\x13\xc6\xd7\x1c~\x18\x97\xd09`\t\xab~[\xd1\xdc'</t>
  </si>
  <si>
    <t>b'\xdcX\xe2\xc7\xdc\x9b\x1e\xe4\xfd\xbc\xb6\x19\xe8\xa6\xa3u\xf3c\xf1\xc5\x11\x04k \xdfJ\xcb\xe1\xa9\xb8;L'</t>
  </si>
  <si>
    <t>b'9w*\xe1;\x12h\xb0\xf2,\x9c\xb6\xa1,X\xaaz\x84\x93\xc7u\x90\x06\x86%v.+\xf8\xdf0\x91'</t>
  </si>
  <si>
    <t>b"\x83\x9e\xc4\xab\x0eE\xe31'\x16_#%\xa5r\x11PD2\x86O\x88[\xe2B\xefg\xe5@G;`"</t>
  </si>
  <si>
    <t>b'U.mq\xb7\xa2\x1f|rK3\x81+\x8f\xc4\x10kbW\xca&lt;h\x85h\xd4\xb7\x8a#\x08\xe5vi'</t>
  </si>
  <si>
    <t>b'dt\x8c\xed\x14\x7f7\x13\xc9\xbf\x0eNi\x1a\xfa0Z\xc4\xc5\xf1\xb9/\x1b\xbc\xff\xee\xc2je7gT'</t>
  </si>
  <si>
    <t>b'H\xcf\x99n$\xd7\xb1^\xb5\xe6\x0eo8qu\x87\xf7\xac\x87|\xa3\xae\xc1B\xfa\xd6\x81\x18~\xbc\xcd\xba'</t>
  </si>
  <si>
    <t>b"W/2\x18)\x19\xbdK\xf5\x87ON\x02\xb9A\xef\x8dkDY*&lt;\xc7\x94'\x101#Z\x07\xd6b"</t>
  </si>
  <si>
    <t>b'\xf6\xed\xa1\xcb\x86T\x0e\xb1\x8er\x17x4\xd0N\x9e\x18\x05\xd3;y\x05q\x84\xe6\xfb\xd0`&gt;\x1e3W'</t>
  </si>
  <si>
    <t>b'A\x9d.\xdf\xd1\xa8\x13\xf2\x82\xc7TJ"w\xd7\xbclU\x104\x05\x9fh\x0ehI5S \xbc\x12q'</t>
  </si>
  <si>
    <t>b"k\x8b\x8d\xf4I85\x98\x7f'g`\xe52Z#\x8c[\x9evV}\x02K\xf8\xba\xf4\xfa#\xe1\xea|"</t>
  </si>
  <si>
    <t>b'\xf0RR\xc6\n\x80umsg/\x82\xe1\x03hE\x97\x8c5\xbc\x19\x93\xf8\\\xcaw\x8e\xba!\xc5\xe5\xd2'</t>
  </si>
  <si>
    <t>b'\xbe\xc3\x94W$\x15$(\x05q\x8d\x924SoR\x10D~|\xe5\x80\x89\xda\xad\x03\x8d\xde{G\xa8N'</t>
  </si>
  <si>
    <t>b"\xd5U\xcat\xa6\xef]3sI\x91'K:}\x9e\xf0x\xbd@\xd8\x14\x15\xff\xa1\xb4^\xd2\x8e\xd3-\x15"</t>
  </si>
  <si>
    <t>b'\x19\xf4\x19\xeb\xf4\xa4fA\xf7\x96\x1cu\xa3\xd7\x9e\xda$.\x837\xde\x1a\x04\xa7#\x85\xf1\xac\xfe\x1f\xe3p'</t>
  </si>
  <si>
    <t>b'\xa3\x15,\xdcL+\x95\xbc\xe5a\xbb\x1cI\x0f#y#\xa2\xe7\x8a\xd6\x95q*\xe33\x10J\xb4\xd5\xe7\x9a'</t>
  </si>
  <si>
    <t>b']\x1f\xc0\xa5\xe4\xdf\xd9\xf7\x85\x93\xf0\xa92\x0f\xc6\x97\xfdH\xf4\x10\x88p\x1b\xbbL\xf4\xd6\xfa\xbb\xc1\x84C'</t>
  </si>
  <si>
    <t>b'\x19j\xcd\x81Y\x98|5T\x9a,\xbc\x0c\xf4\x97\xc4\xfeC\xbe\xa0\xd8%\xda\xcc\xcc\xa5F\xfbM\xa9\x04-'</t>
  </si>
  <si>
    <t>b'T|C\xbd\xf9\x95;\x15~#\xa5\xe8@\xa7\x8f\xe4\x8c\x98\x94\x0fj\x9f\xea[\xf3\rw\n\xbfl_\xbc'</t>
  </si>
  <si>
    <t>b'4\xd1\x7f\xbc\xb9Pm\x8d1\xf0\xa6r1\xdc\xb6\x87r\x84\x95\x1f\xcc`\x1bQ\xf8\xef$\xa5T\xe4a#'</t>
  </si>
  <si>
    <t>b'=\xe6\xc9\x83\x97\x8bb\xcc\xeeYi\x04\xff\x186\xeb\x03\x17\xde\x9ac\x8a}\xe83\xc6\xef\xc7\xe2p\xe6\xc2'</t>
  </si>
  <si>
    <t>b"\x85@&lt;\xff'+\xfa\x02\xea\xf9\xfd\x8b\xff\xcc\xe6\\\xfa\x0bh\xd1\x08\xc3\xa7q\xd8\xdf\xa6v^\x03w\xf3"</t>
  </si>
  <si>
    <t>b'\x1d\x94o\\Ee[\xca\xe8{v\xd0\xe4\x80\xe2Th\x9d\xaf\x10\xcf\x0c\x8a]N\xed55\x15\xcf+`'</t>
  </si>
  <si>
    <t>b'\xfa\x06"\xe3\xc8\x9c\xc2\xa6P\xe4Q:\xe0\xec~B\xc5\x81\xc1\xd9\x0cQ\x02\xb790\x8ej\xe8"\xc5\xd2'</t>
  </si>
  <si>
    <t>b"\xdc&gt;~8\xe6R\xb24\x8b+\xb6\xe1\xb0\xc5\xd2\xb4\x14\xed\xa0\xb4?~z+\xa0V\xde\xc4\xa9'\x17\x10"</t>
  </si>
  <si>
    <t>b'\r\xc48\xa3\xfbK\xca\xf4\x9dF\xb4\x19\x08\xde\x02\xf4\xe8\x01Q\xd1\xb6F\xa8l\x90\xa3\x9c\xb9\xb5\x9c\xfe\xd1'</t>
  </si>
  <si>
    <t>b'G\x07\x0bu\xa4\x0bG!\xb7!5\xb0\xf5\x02A\x89\xd8D\x1b\xb0\xae\x03\xd6&gt;Y\xdb5\xa0\x04p#\xd3'</t>
  </si>
  <si>
    <t>b'\xd9V\x8c\xeeN\xf4\x7f\xce\x9b\x1d\x8fI\r\xa9\xc7\xd8\xde9\x01\xf9wF\xd6\xc8\x8aq\xa7I"\x9f\xac/'</t>
  </si>
  <si>
    <t>b'!\xdfPr\xe9\xb4\xfd\xcd\xb13\x03m\xf4R\x04Z\x83\x8a\n\xa3\x15*\xd4}\t\x08f?X\xedB-'</t>
  </si>
  <si>
    <t>b'\xcf:\x86*\xc9.t\xe3\xa5\xd3a]\xea\x94\xe7\xe2td\xba\x1e]\xc6W\xc1\x86\x8f\x04\xb4p\xcc\x1a$'</t>
  </si>
  <si>
    <t>b'\x86f\xb2\xdb\x0c\xe3\xac\x9b\x84\xd9\x8d\x03\xf4\x1c\x99\x8bG\x07\\\xf1\x9c\xe4\xf0\xff"\x0e\xc6\xc5\xe7y\xefq'</t>
  </si>
  <si>
    <t>b'&lt;\xe5n\xc9\xea\x14&amp;\x81\xde\xe8\x8f\xa2\xa8\xf4\xc4\x1dA^\x93\x17\x80\x83_C\xab|\xf4\xce\xd6\x06\xf9U'</t>
  </si>
  <si>
    <t>b'\x9e\x9d\xbb8d\x15\xd7N\xdf\x9f\xe2\xbf%\x8d\xe5d\xa4\x1f\xaa \x9dV\xa4\xb2\x08:\xa3M\xc4\xa7L\xb8'</t>
  </si>
  <si>
    <t>b'Ktn\xaf;L\xb9^\x80\xdb\x18\x03nM\r\xb5\x9f\x9e\x1a\xac\x7fK\xf1\xa6a\xb2\xf9\xc8\xbd\xf8\xc9\xec'</t>
  </si>
  <si>
    <t>b's"|\tG\xec\xbf\xaa\xd5\xf1OE\xab\xbaZ&lt;\x8d\x9aq\xde\x9ag\xafe.\xa5Rl\xb3VwU'</t>
  </si>
  <si>
    <t>b'\xf1\xc9o[}\r\x90\x16_E9\\\xd39\x0c\x03\x0fAf\xf3\x8a\xba\x81_\xf2\xb7\xb6$\x82\xb8\xbd\xff'</t>
  </si>
  <si>
    <t>b'`\x83\x17\xf7S\x91s\xd87\xbc\xe2\xdae\xac\xa8\xea\xe8\xf4~\xecH] \x11\xbc\xe8\xa2B#9!\x87'</t>
  </si>
  <si>
    <t>b'\x15-\x87\xfc\x15\xc4X\x82\x1b-\xb4\xe8a4\x85G\xe5$\xca\xe7\x86\xb5\xd0\xf5\x04\xc4Xf\x9fE\xfaI'</t>
  </si>
  <si>
    <t>b'\xfe\x92\nI\xe2\x0f\x1d\xc6i\xb9\xd3\xbd\xd8\x96\xbfES,!\xacfZ\x86\x92\xd4E\xd8;\x9e\x06\xf7*'</t>
  </si>
  <si>
    <t>b'Q\x15\xc5\x8fB\xf4J\xfb\xd4\x91\xcc\t\xe8.C\x99-\xd35/\xd8\x96&amp;F#V\xc7+@\x85\x8bW'</t>
  </si>
  <si>
    <t>b'\x94x\xa3yl\x11\xab\xe0\xf2O2\xab\x9b\xe3\xe7\xc0l\xa1)&lt;\xc2\x98\xd4\xba\x11\xf6F\xb2\xfa\x1aX\xd5'</t>
  </si>
  <si>
    <t>b'\x9f\x16\x18$R5?\x11\x7f\xe4\x1a\x05\x03\xcb\xb4"G\xe10\x9b#F\xad\n\xcc\xcd\xb1\x91\xd1ld\x17'</t>
  </si>
  <si>
    <t>b'n\xb8B\n\xdd\xc5\xef\xaf\xb8\xf8ar\x1ag\xb1\xa1jb"Z\x8d-\x1f\x13\x87\x83,iq\x9c\xf5;'</t>
  </si>
  <si>
    <t>b'\xc8\xd1\x1aHy\x8f5\x0e\xc7\x10 pz6\xf2t\xd2\x14\x9c\xac\xa8S\xd3l@1\x05\x81\xad\x0b9\x84'</t>
  </si>
  <si>
    <t>b'\xd1\x84pz\xc5\x16[x\xff`\x1e\x99\x80\xc5\xb4\x16\x16\xc0\\N\x93I\xa5\x9dD\xe9RvyEx\xd9'</t>
  </si>
  <si>
    <t>b'x\x176\xe5\x0ehoqI\xa2\x17\xbcBf\x00\x1a\x16o[|\xde6M\xee\xc0\xedu)\x98\xf1#\xc4'</t>
  </si>
  <si>
    <t>b'\xd0\xbaG`suiO\xab\x04\xd3\xf8\x15\xca\xe5\xeb\xbf9\xa8\x01#6\xf3\xf6\xb3\x8fV)\xcf\x16,\xa3'</t>
  </si>
  <si>
    <t>b'\xc5\xe1nw\xcc\xa2-l\xc8\x1f\x8b\xa6Iy\xb9w\x00b\xb3P\n\xa2\xa0?=\x87\xe2\xe8\xb2\xd1\xab\xcd'</t>
  </si>
  <si>
    <t>b'df\x13\x93k%\xa5\xe7\xfe\xc9]_\x86\xb25\xa1\xecS\x81DB\x1f\xeb\x83\xfc\xa5\xe5\x82\x01H\xba\xbf'</t>
  </si>
  <si>
    <t>b"Z1\xe1;\x0fS^\xb2\xf2\xc5T'\xe7\xd7\xaa\x80B\xeai\xa6\xb8\xdb\xd7p\xe0R\x91Y\xd1\xb2\xc7\x97"</t>
  </si>
  <si>
    <t>b'\xb0w\xbbP\x0f\xdaVU\x85\x98|\x1a]f\x80\xde&lt;\xb7\xebpn\xcf\xf7UH_m\x163\x84=\xeb'</t>
  </si>
  <si>
    <t>b'$\x98\x98\x98\xa2\x9a\xd6|_\xdd\x1c\x01\x99*\xe0`]^\xac\xe4\t\xf7\xe4\xdbZ\xf4\xd8\xcf(O*\xaf'</t>
  </si>
  <si>
    <t>b'\x81\xc6i\xec\x1d\x95\xbe\xffh\xc3\xe6 \x06\xa1\r\xa6\x99\x18\xc3\xe3\x97\x1b\x18\xd1\x19\x06%4\x06\xbb"\xd1'</t>
  </si>
  <si>
    <t>b'\x95y`\x87\xf9\xc4\xcd@\xe0\x1f\x83\xdeF\x91\x04s\x177B\xa1=\xf0YeNp\xceO\xc9T(Q'</t>
  </si>
  <si>
    <t>b'z\x03aCC\x1cIc=$\xfc\x02\x11\x08\x02\xbb\x1dU%&lt;`\x87\x1f\x87b\xf8\xee8\x9c\x933\x10'</t>
  </si>
  <si>
    <t>b"*\xa9(\xe9p(\x13\xacz\x9b4\xd4|\xb1\xc7\x93\x92\x169'\xe1\xab2\x04\x8a\xa5\xd79\x15\xebD\xb7"</t>
  </si>
  <si>
    <t>b'\xfe$\xa8\x8d\x102\xc7}6Ivuuw\x9c"\tR\xb7v\xc4\x9f\x94\x1b1vy\xaas\xda 5'</t>
  </si>
  <si>
    <t>b'\xf7\x99lNx\xa5\x1b\x89\xe3x\xce&gt;\xcdS\xf3m\xf7\x05\x7fG\xd6d\xbd\x91\xef\xa3q\xc1;\x0c\xafG'</t>
  </si>
  <si>
    <t>b'\xdbr/j\x8d\x90B&gt;W`%\x7f\x18\x80\xe7aB\xa1\xcf(\xa2]\x8a=\xf7\xa1\xe98\x12\x9b\xf7\x18'</t>
  </si>
  <si>
    <t>b'\xca]\xe3nd~\xc5\xb6\xfc`m\xa4%\xc5|\xc2\x94Ma\x01\x1f\xbd\xbc\xc7o\x9b\x0c\r\x02\xe3\xaf#'</t>
  </si>
  <si>
    <t>b'?(\x9e W\x9c\xaf+z\xd9\xe4\x13\x18V\x17\xed\x18S\xac(\xfe\xbef\xd8\x933\x93\x8a\xec~\x1bp'</t>
  </si>
  <si>
    <t>b'\xf4\xa9\xd0v\x87Lp+\xd9lg\xab\xe2:J\xf3\xee=\x1e\x9fR\xb9\x8a\x06$\xe8\xdf\xce\xa6\xcb\xcd&gt;'</t>
  </si>
  <si>
    <t>b'W\x9dH=\x1b\xf6+\x14%\xf0\xdan\xfe\x16g\xe1uT\xb2\xcei\x0c\x85\x0c&gt;\xa3^\xaaj\r\xd2\x10'</t>
  </si>
  <si>
    <t>b'\x9f\xb6\x940\x1a\x03\xfe\xc9d\xe3)\xdb\xebR$\x13V*\np\xce5\xe1\xfb\x14\xcbq\xe6\xdaa\xd3P'</t>
  </si>
  <si>
    <t>b'm\xa8p\xaa\xc3\xaf\nauQ\xb9\xbe\x86\xca\x8d\x98\x85\xa1l\x05\xe6\x88d\xaeP\xbb4\xef\xe5\xee@B'</t>
  </si>
  <si>
    <t>b'\x0bEE\xcd\xf92]N\xea\xfff\xb1\xfe\x01\x10k\x91\xa5K\x7f\x87q,r4\xbd\xa7\x0c\xe8P\xf5\xff'</t>
  </si>
  <si>
    <t>b'\x8a ]\x0e\xa3\xc3\r\xc4\xed\xaa\xeeQH)\xbd\xe4\xf2\xca\\\x1b\xbb\x89\x06\xffD~\x8aRY\xdc/\xcb'</t>
  </si>
  <si>
    <t>b'\xf3\x9a\x84\xed\xed\x0b;\x04\x86\xb6mL\x9e\xca\xc5}\xa1\x85\xc3\x85\xa4+]Hhk\x0c\xa1\xdd\x8eS\x98'</t>
  </si>
  <si>
    <t>b"D\xf2\r\x13yJ*\x86\xb0\x98i\xea}p'\x95\xc2']e\xed=\xd6Q\xca\xa3&gt;W6\x9c\x8b\x16"</t>
  </si>
  <si>
    <t>b'\x1d\xd07\x8d\xa4\xd8iO\xe5\x05\xbf\xcc\xee/\x1eU\x0c&lt;\x98B&amp;a\x81\xaa\xd9\x8f\xc2\x87\xaf;\xbf\xf9'</t>
  </si>
  <si>
    <t>b'\xe8w\xf4\xe7\xd1|\xe1\xf3\x85\xf7\xbe=6o\xf8\x92\xe73\x01p\xab\xa0|\xc6p%?\x88\xc5\x0f\xdb\x90'</t>
  </si>
  <si>
    <t>b'\x05\x15\xe5\xa91\xb0&gt;\xba$\xed\xd7.[\xf0\x049%rv\xcf\xce\x7f\x13_\xa0X\xe2\xe6\x03\x9d\x8es'</t>
  </si>
  <si>
    <t>b'i\xf1\xb4\x92\x19\xb6\xb9\n\xb0\xecE\xe3\xc6\xbe\x7f\xf1o\x88H\xba\x8c\xc8sj\x91\\\xc6\xa4F\\\xe6\x83'</t>
  </si>
  <si>
    <t>b'(z\x82P\n\xb78X\x0b\xea\xc8o:\x1c\xda\xb3\xc9\xb7\x8a\xdf\xdddU\x97\xa4\xb0z\x82\x05\x84\xeb\xff'</t>
  </si>
  <si>
    <t>b'\xd2\xb8\x0c_r"F\xaf\xcc\xcd86\x81i\xe5\x8fd\x00\x94D\xab(\xa0\x1c\x0e\x7fLM\x02\\\x8cq'</t>
  </si>
  <si>
    <t>b'\xcb\x06B\xfc\x860\x99\n\xe0L\xafr\xae/O\xee\x85|\x1bFo\x8a\xd4\xd6\xff_\xa7@m\x89\x02\x03'</t>
  </si>
  <si>
    <t>b'\x8ePxV\xf0\x9a\x04\xc5\xdb\x1c(pr\xe7\xdc\x18^\xcc\x9ai@0\xa0\xf6\xfds\x1c\xb6\xf5;\x04\xe2'</t>
  </si>
  <si>
    <t>b"\xea\x98\xba\x88v\x1c\xbcx.1H\x06\x9d'.G \xafO&lt;\x140\x0b8`}\xe9\x99T\xb9&lt;\xdb"</t>
  </si>
  <si>
    <t>b'\xb0C\xdb\x16v\xe8YYIr\x86\xa34\x0e\x1bAL\x8f\xb2\xd6\xf2\xc1\xac\xc1\x03t\x01\x8b\xf4xV\xac'</t>
  </si>
  <si>
    <t>b')I\x01\tC\xc2?D\xb3\xf3K\xbf*t\xf0\xb1\xeb\xf0K\xf5\xca\x01z\xfc\xde\xbd\xcfH\xa6Q\xa3Y'</t>
  </si>
  <si>
    <t>b"\x97\xd1\x91Hp'.\xfah\xc0 \x81%\xbc\xfc\xa5D\x94K\xf5\x04\xfcQ\xbe\x12\xf3\x1f\x8aM\x15\xd9\x19"</t>
  </si>
  <si>
    <t>b'6\xb5\n\xcct\x1c(\x06\x90\xbd[\x90\xa8\xe9\x14\xc7\xdc\xc2\x16~\xba\xa4d72W\t\xe9`\x02D\xbc'</t>
  </si>
  <si>
    <t>b'\xa8\xf1\xef\xae\xbe\xf9\xb3\x15sR)\xce\xab+\xdd\xe2\xa8lj\x0bp\xdd\xd3\xeb\xba\x19E\xb4O\xf1\x8a\xae'</t>
  </si>
  <si>
    <t>b'\xa3\x86,\xe4\xd2\xef\xe7\x1b\xa8c\x17\xbb\xf9M\xf0\xf8P\x9d\xc0\xe0\x11\xee}\xf0\xd1\x85\x04\xbe\xd60t*'</t>
  </si>
  <si>
    <t>b'3N\x05\x12 \xc0 E\xea\x9b\x7f\xd7\xfd\x99\xe1\x9e\xc3b_H\xcal\x19\x0e\xdcm\x8d\xea:?\x89t'</t>
  </si>
  <si>
    <t>b'U5\xc3\x02.\xb6\xec\xf2\xcb\x95d\xf1\xcaW\x8eF\x99g\x9dyf\xaa+\x15f\x1b\xd4N\xe6\xc5\xab5'</t>
  </si>
  <si>
    <t>b',\xfe\xe0d\xa0\x99\xe4.`\x1b\xe4\x91\x97C\x9b\xa0{Zz`^U\xdc\xf6o\xc7\x96\xb6\xad\x16\x1d\x9c'</t>
  </si>
  <si>
    <t>b'\xeekI\xa8\xcdt\x10\xd6LKD\x88\xa0I\x1d\xba\xa1\x07\xe5s\xd1\x10\x17[\x95o\xeb\xb8|\x8e\xcf\xeb'</t>
  </si>
  <si>
    <t>b'\t\x1d\x17n\x88\xc9\xda\x86\r\xae\xa2\xfb]\xf0G\x88\xedl\x90\x7f\x0e\x91)O\xc8\x92Z(\xe9O\x11\n'</t>
  </si>
  <si>
    <t>b'\xd5\xe9\xbaRz&lt;\x87\x11\xfb=\xaca\x97\xb5p\xa5\xde\xbe!Y\xbaE\xab\x7f\xc8\x91\xc4\xe5\xd3\r\x7f\xe3'</t>
  </si>
  <si>
    <t>b'WG\x1d\xban\x19\x96\xc0\xc9\xc8&amp;3\xf3\x10\xe8\xb5y:\xe8\x8bexw\xc2\xc3\xda\xa5\xc9\xb9v\xe5\x1d'</t>
  </si>
  <si>
    <t>b'\xbe&amp;X\x9c\xaa\x18\xb8\xd33\x11S\xfd\xcf\x9e\xd4\xecT\x91\x92\x81\xe7I\x9aS\xd2\xd9\xf0\xaa\xe9N[\xb5'</t>
  </si>
  <si>
    <t>b'\x89\x11]b\xab\xe3\xf7&amp;9\xcex\xfb\n\xc3\x86\xac\xa4\ny\xae\x12E\x19\xaa\xbf\xaa\x9e\xb2C\xc8\xbc\x9d'</t>
  </si>
  <si>
    <t>b'\xdbs0\xf6\xed\xe8\xb0H\x15\xa0\xd7\xa0\x94\x0c\x13\x11yx\x9c\xa6\x14v\xbb\xedx\x86!\xb7\xdc\r2\xbf'</t>
  </si>
  <si>
    <t>b'\x97h\x0b\xc9\x82\xb3\xc3\x8c\x9aF\xcc\xbc\xae\xdcE\xe9\xd9\r\xf6H\xf1\x8e\x9b\r\xb7\xa3\xa7q\xa5\x89\x94\xf4'</t>
  </si>
  <si>
    <t>b'\x1ay\x89\xb1\x08\\\x93\x9e\xcd@\x0e\x1f\xc1\xaf\x16\r(\xa8\x97\x0c\x85\x13\x97\x8a}\xb3\xc0\xcf\x1fj0M'</t>
  </si>
  <si>
    <t>b"\x12\x9fC\x8a\x8aG\xc7#]c:!\n\xb4x*\xa3\xc4Rj\x04\xa3?&amp;\xc6^\xba'\xd6\xa5\xd4h"</t>
  </si>
  <si>
    <t>b'\xb9\r\xa8\n]\xf5W{\xf6@&lt;\xb3\xb9\x18}q\xd5\x93Nn,:\xc0r\xe3^e\x98\x83\x1f\xb7\x88'</t>
  </si>
  <si>
    <t>b'A\x03i%U1\xe5\x14\xea\xe2x\x98\xde\x0c\xdf\x03(,\xfa\x12L\xca\x84\xa7\xab\x04\x83w\x93~\xc7\xb9'</t>
  </si>
  <si>
    <t>b'J\xcb\xbe\xff\x89\x80\xe6\x95\xc9A\xfdr\xe8\x8d\x9a12\x93|\xb1"h$\x9d\xc2_j\x1es\x80}\xa3'</t>
  </si>
  <si>
    <t>b'\xb3i\\\x89\x1f\x18\x80\x8b\xde\x9e\xb9\xe0i\x1eD\rb\xba\xc9k\x18C\xfe\xfb\xd6\xd6\x88\xdb\x84\xd5\x13('</t>
  </si>
  <si>
    <t>b'\xe5yO=(\x80L\x9f\xb2\x0c4\x85\xed\xfd\xc4\x9a\x82q\xe9\xd9c$\xf4\xb3La\xbe/qQ\xcc\xd3'</t>
  </si>
  <si>
    <t>b'\xce\xc0]s\x92\x82\xd0$&lt;\xae:\xfb\xe8c\x9c\xa8@\xd2Y\x04\xb2M\xc3\x9c\x82#\xd8\x98\x11E\xe5\x07'</t>
  </si>
  <si>
    <t>b'_\xb1a\x95Ik\x12*\r\xca\x02\x14\x9dH&amp;@\x0c\x95\xbfy\xcd\x90\x9aN\x83\x00\xf39\xc9\xe8k\xf5'</t>
  </si>
  <si>
    <t>b'\xd4\xea;j\xdae\x98\x11\x7f\xbar\x9a$\xd1\x0f\x80&amp;LP\xa8Q D\xcbgz\x93\xbc\xf4\xb6\xb5I'</t>
  </si>
  <si>
    <t>b'L\x97\x19X\xc4{\xd9\xa5&gt;\x18I\xcb2\xaa\x0bY\xbf\x9d\xb5\xb8\xca\x12\x14]&amp;A\xe8\x91\xd3\xd0[C'</t>
  </si>
  <si>
    <t>b'\x1c-\x0f\x1b\xbb\xf4J\xb7/\x16\xce\xbd\x89\x02j6n\x93\xbdm\xeff_68\x1a\xe7\x9d\x13b\xf3\xad'</t>
  </si>
  <si>
    <t>b'\x10\xfd?D\xa1E\x89H\x1bN\x82\xec\x9f\x15\x97\xf2\xd3\xf5\xd1\xeaE\xa0\x82\x8a\x1a[M\xdc\xe7\x83\xe7A'</t>
  </si>
  <si>
    <t>b'sr\xba\xaf\xaa\xe3\xca\xb1.mI\x90\xccI(w\x96\x81w\x1d\x97&lt;H5\x98\xbe\x87\xf7tw\xfb]'</t>
  </si>
  <si>
    <t>b'\x12\x8fV[\xb3\xe5\x17\x1f&gt;\x0b\xd7B\xe4\x0e\x81\x8fk\xc8z\x1e\x03\xcaL\x02j\x96\xf3\xe5\x89\xd7\xc6w'</t>
  </si>
  <si>
    <t>b'z&gt;\x05\xef\xbez\t\x0cK\xd7l\x00Y\xa3o\xaf\x193\xa4\x9b\xf6\xd8K(\xa6\xce\xc3|I\xb9\xfbN'</t>
  </si>
  <si>
    <t>b"\xc8\xfa\xabZR\xfd\xedl\x0c\x16v\xbb\x8bA\xb4F&lt;\x05A[\xca\x88\xaf\xe8/\xbf\x8b*'\x9d&amp;s"</t>
  </si>
  <si>
    <t>b'\xb8\xd2!\xaf\xb5R\xd4\x1d\xe4C\xbd\x07\x9b\xdf\xb5\x98\xce\xd4\xc3\xfeg\xbd\x9a\x02\x12"\xc6\xf0\xfesc\x01'</t>
  </si>
  <si>
    <t>b'9\x8d\xacM{t\x11\x14\x080\x0c\xd8\x88\xa4\xdf\xda\xbc\x9e\xdam\x1c\xf5\x89V\xd8\x03\x153\xff\xd7\xb5['</t>
  </si>
  <si>
    <t>b';\xf3L+\xa3\x80,\xc1#\xc8\xfe\xa5!!\xc3\x17%\xc4\xdc\x83/,Z\x0b\x8e\xe8\xb0\x12\x8f\xb7\xcb\xc7'</t>
  </si>
  <si>
    <t>b'\xac\xef\x01musDI\xa8B\x94\xa0E*\xf0.F%0\x0c(\x04\xc8\xceF\xef\xf8\x9c\xa4QG\x0e'</t>
  </si>
  <si>
    <t>b'\\m\xcd\xb5\xa9\xe9\x16\x88*\xe3\xcb\xa5\xc0&lt;qi;\xa0H\x8a\x91\xcb\xf2*L4\xaf\xe2o\x01\xae\x8c'</t>
  </si>
  <si>
    <t>b'2\\\x88\x99t\xcfo\xadv\xb7LU\x02\x8eT\xe7\xd6\xddy\x81\x074_\xb7\x8fhA\x9a\xa7\x8b\x8as'</t>
  </si>
  <si>
    <t>b'\xab~\xa1B\x80r\xe7\xb0s\xf0\xf7p\xee\x972\xe9\xc0P\xe9O+\xc4\x07r\xf5B\xca\xc7\x9e\xc4\xa6\x18'</t>
  </si>
  <si>
    <t>b'\x10Fw\x80\x0c\x17\x7f\xed\xd6\xdc\x95\xfd\x89\xba\xf5Y\xb3\xa8\x99\xc8\xe3w\x05h\x86\x8ct\xbc\xee\xac\xbf\xb7'</t>
  </si>
  <si>
    <t>b'sf|/\x19&gt;\xfb\xc3;#\xb4\x11N\x1e\x89\x8c\xff\xbf[\x14S\x01@\x7fQn\x8e\xac\xb91\xf9\xe6'</t>
  </si>
  <si>
    <t>b'r\xc1\x1f\n}+\xfcwPP\x0b.xV\xb6\x7f\x141(\xe3\x89\xa2\xb2\xd3~\x91\x0f\x9b\xffdl\x91'</t>
  </si>
  <si>
    <t>b'l\\\x964\xb5\xf3x\x14\x17\x13\x18\x17EXG\xa8\xc1+\xb2\x97\x84\xf9,\xce=p\x14B9\xc7\xd84'</t>
  </si>
  <si>
    <t>b'\xb2\x9f\xa4\x86\x1e ^\x1a\xb1\xfb\xbch\xd6\x1c\xf1.?)\x87\xe7\n\xf0\x95\xa2b\xb8\xd6pU\xc7\xeaA'</t>
  </si>
  <si>
    <t>b'7\xf3D\xe2^f\x82\xc6Z\x94m\x1c\xfd1\x18o\xbcqz\xa8\x92\x8dq\x91\xeb\xf6u\xb1\xa5\xdf\xc2\xea'</t>
  </si>
  <si>
    <t>b'\xadD\x1e+\xbaN\xdairS\x9b\xf8CM\xa6k\x8d?s4\x1d\xed\xb2r\xc2\xc0\x82\x1fJPb\xcd'</t>
  </si>
  <si>
    <t>b'N.X!\xca%Ez\xa8\x01\t\xba7\x91a\x17\x8d\x18i\\?\xf2\xd4+\xf5\xfc\\\xc0\x10r\xd5\xe6'</t>
  </si>
  <si>
    <t>b'\xc0\xe2\x80s\xc7\xaa\xaf\xac\x05\xed\xabU-\x9a\xc7v\xa4\x923\xbe\xaa\xd4X\xd3\x86\x8b\xf0\x03K\xde\xd1\xac'</t>
  </si>
  <si>
    <t>b'm\x87\xcfH\xe8c\xd1\x8b\xde!\\\x19\xb8\x9durB\xd3\xc7\x9e\xa9\xe2\xab\x99\x8d\x1eAO\x8d\x88\xb9\xbf'</t>
  </si>
  <si>
    <t>b'\xc3\xa1)\xdf\x8f\xb6\xec\x01\xa4\x86\xf1\x04\xd7\x828$\xc8\x10\x17L"\x1e\xdb\x1cs\xb2\x00M\xa5\xc9FA'</t>
  </si>
  <si>
    <t>b'\xa5\xc05I\xbd\xdfM\x0b\xbf\xef\xe2\xaf\xbf@U\x89l\x91\xc3f\x81uiyK\xf6=G\xb5\xa8\xa2\x9a'</t>
  </si>
  <si>
    <t>b'#\xea\x1bkM4\xfa\xbe\xc1\xfeRo\x02\xf0\xa8B\xbb\xe2\xd0\x1d!)\x99\xd8k[\xd4\x91I\xc8AG'</t>
  </si>
  <si>
    <t>b'\xa2-]m9\xb2\x83\x96\xb1E*\xcd\xcdu\x12\xe2\xb7\xec\xb0\xdfWl\n\xa1\x90\xbe\x1b&gt;e1\xbe\xef'</t>
  </si>
  <si>
    <t>b'\xb0\xb5R j\xc0\xed+;\xb3\x1f\xe1=\xee\x8a;\xed\xa2\xac\'"Q\xe2\x86\xbf\xb3f\x9d\x9eE\xb5K'</t>
  </si>
  <si>
    <t>b'lm\xf4\xc6v\xbcv\xecIf\xd8\xd8\xf6o\x13(f)\xab\xbfu@U:\xd5\x8ex"@\x85\x1a!'</t>
  </si>
  <si>
    <t>b'\x07\xc3\xc8\xf3\x01\r\x18U}\x88\xb3\xf7\x0cUY\x15/\xe1\xb6Q!\x05=\xe8\xcb\xc6{i\x17\xc4\xb5M'</t>
  </si>
  <si>
    <t>b'\tsI\x8fxeO\xa5\xfb\xda\xea6\x99\xed-\x05\xa6\xc9\x02\xa9\xe3E\xd8\x03\x9f\x0c\xfe\xb5\xb0J\x97I'</t>
  </si>
  <si>
    <t>b'1]\xa2\xc0HTPm|\'\x80y\xf3\xcc\xe4\xf6\xcbM"\xe0F:\xccw\x89X\xcb\xb6\xcb\xfcr\x9a'</t>
  </si>
  <si>
    <t>b'Q\xf0l?u\xd9\x88y}?\xc9\xcf\x136@V\xe8\x08\xbb\xdff\x8b\x1a\xc8I\x01\xf7\xa5\x87\x86\xb3\xaf'</t>
  </si>
  <si>
    <t>b'Sl\x11V\n8T}1\xdb6&amp;\xa7I\xcb\x0c\x1dJV\x8bj\x80\x89\xa0s[\xc7\xeb\x9e\x02\x8b\x10'</t>
  </si>
  <si>
    <t>b'\x0fsJ\xeb\x87p\xab$\xfb\xe9\xc2\xea1\xc1m\x18\x85\x08\x97\x96\x1fL\x18&gt;\x18h&gt;\xe6\x9fq\xdd\x83'</t>
  </si>
  <si>
    <t>b'\x91s\xb89\x1c\x7f\xd3j\xf4\xcd\xc7\xff\xdf\x983R\x96\xa4(p\xc9\x9c@\xb2\x9a\x8d\x06/\xdc\xec\x99\t'</t>
  </si>
  <si>
    <t>b'\xa5\xcfs7\x0f\xfb\xa4\xa9\xb8\x8f\\\xf9rA5\xf5P\x93\x0et\xa1Qe\xa8;\xa5\xda\x9d=\xad\x9f\xab'</t>
  </si>
  <si>
    <t>b'\xe8\x1bd \x93\xfb\x93\x19\xab\x14\xdd\xb7\x00`\xe3e\xbbW"\xfdF\xe1L\x83G\x8c\x0c*\x7f&lt;\xb2\xef'</t>
  </si>
  <si>
    <t>b'\x96|\xfd\xd2b\xec\xe4\x98h\xf6\xbbO\xffE\xed\xfb\xffg\x06\xedYbw\xe2\x18\xac\xf39*/+\xc5'</t>
  </si>
  <si>
    <t>b"b\xec.P\x0c\xee\x1a\x1d\xb4\xbf\xf8HY\x83\xd5\xdf\xa87\xfcB';\xdf-\xdb\x0bi\x9ev\t\xf3t"</t>
  </si>
  <si>
    <t>b'\xed\xe5\xd6B\xdb\xba&amp;\x81 4\x03\xf9Xx\x9e\x18\x97/z\xe4\xe4?\xb5\x16\xe7\x93\x16\xcf\xa1\x90\xe5\x80'</t>
  </si>
  <si>
    <t>b'\x0c\x15\x97\xf7A+\xed_\x17\xe5^\x0f\xf1\xdd4\xf7]\xfbX\x98\xa5\xf3\xd8\xe7\xcb\xae?\t\x9d\xcb\x15\xd7'</t>
  </si>
  <si>
    <t>b'\x84\xe4\xefF{\x8e\x88A\xb5\x06\x96\xfb\xa0\xbdC\xff\x8b\xc1\xa2\x91\xcev+\xfc($H\x96\x08\x9b\x04\xb9'</t>
  </si>
  <si>
    <t>b'\xe2\x8eT\xf4[w\x97\xe1\xb2i$\x81\xaa\x1c\x9aS\xafp\x12\xb7\xf3-\xff\x1a\x8f\x0c\xd7\x07\xfe\x9f\xfb\x10'</t>
  </si>
  <si>
    <t>b'\x90RX\xe7\x0f\x86\x05X\x02h\x16d\xd1\x98\xfbq\xbc\xef\xefhe_{\x19m\xbb*\xe6\x83\xcd\x0f\xbb'</t>
  </si>
  <si>
    <t>b'\x8b&amp;\xfb\xe16\x90\xe0w\xfal\xcf\x1f@\x8d\xc4\x1a\x8aW\xc2H\x9e2\xfe\x9e1-\xdf&amp;\xecZ\x16W'</t>
  </si>
  <si>
    <t>b'\x16\x0cn\x84\xdb\xb1\xa6}\xd7\xaeS\xc4eW|\xd4\x13\x1a\x90\xaf7Pk\xf1\x1cH\x19W\xad\xd8\xff9'</t>
  </si>
  <si>
    <t>b'\xbcO\x13\xaf\xcd9\x96]\xa0\x13\xf2r\xc6\xbfi\x89N\x10\x8a\xac\xc2p!\x15ts\x11\xef/\x97\xe3^'</t>
  </si>
  <si>
    <t>b'\xac\x9d\xaf~\xa8\xf9\xb6\xde\xecZ\xe7\xc3"^\x8b\x11\xda{P\x17\xde\x89\xf2\xf3\xdb\xbe\xf6Q\x99\x11C\xd7'</t>
  </si>
  <si>
    <t>b"\xdb\xac\xfb\x7f\xf7\x83\xfeC8\xce\x16\xd03\xaeb\xbf\xa6\xb7\x92\xe0I'\xaf[\xe9\xcf\xc2\xbe\xd6\xf4\x80@"</t>
  </si>
  <si>
    <t>b'~V\x19dSCVVl\xe1h\xc1`\\I~\xe38\x17\x16\x14\x8e\xa36\x03\x90Z\xdc\x1a\xe6K{'</t>
  </si>
  <si>
    <t>b'X\x96\x9cK\xcb6-l\x19:T\x95\x00\x84\xae\x92\xbf\xb7\x1b\x84\xdfqjW\xba,f\x02j\x8e\xf6\xd8'</t>
  </si>
  <si>
    <t>b':\x9b\xad\x82t\xc2("-N&gt;/K\x91\xd7"\x83w\xb2JN\x0b\x7f*\x8b0\xe8\x9a5\x07?\xe3'</t>
  </si>
  <si>
    <t>b'\xd0\x89\xdb\xbe\xc8\xa0\xf8^\xc9\x94R)G\x0f\x82]\xf9\x1e\xac\x81ysm\x1dn\xee\x04\x9b\xack6P'</t>
  </si>
  <si>
    <t>b'[n\xcc\x8d\xc1\x83\xfe\xccn8{\xcd\xd7\xc4M\xc1k\x8f\x06 \xc2,\xdb\xee\xc3\xa5\xa5\xd1*\xda\xb7\x01'</t>
  </si>
  <si>
    <t>b'#x\xc6\x01U\x04\t9\xbe\x0c\x9b\xbf2\xa1\x9f\xa3\xa6\x95E3^1&lt;5\xa5\xd9\x80\x8d\x1b\xce\xafL'</t>
  </si>
  <si>
    <t>b'\xd9bgp\x9c\xce\xd2l^(Mj\xf0\xac|\xdaC\xc1\xcb\x0c\x126\xd0\x93\x8d\x99\xd6\xd7b\x1cA+'</t>
  </si>
  <si>
    <t>b'G\x15\x14\x19\xadB\xfe\\\xf9g\xc2\xb6\xd8\x06\xc8l\xb2\xcb\xfb\xb51\x85\x9b\xdbd\xf3\xe2\xfd\x1au\xa1\x82'</t>
  </si>
  <si>
    <t>b'`)\x0fV\x1ag\x94\xbf\x99\x98X3\x93,\x14\xbb\x0eQ\x9dN\x12e\x9c\x1c\x14?\xafDI0&lt;\xed'</t>
  </si>
  <si>
    <t>b'\xd9\t\xa1 \x83 G"o\xad\xd6\x8c\x9a(\x93f\xbca\xa8\x82/F7\x89\x17\n(\x1e-)\x9e)'</t>
  </si>
  <si>
    <t>b'\x7f\x1f\x1b\xa5\xc2\x96:\x8f*\xa1\x8aN@a\x0f)\x08&lt;X:\xda\x86\xf5\xdd\xc9\xb0\x96\x80y$:y'</t>
  </si>
  <si>
    <t>b'\x05\x12\x11p\xba\xbc&lt;h\xe4\xfe\x81\xe5^\xf6\xe68_\xbby\xa4t\xfd9X\xd0\x94\xaed\xb7co\x08'</t>
  </si>
  <si>
    <t>b'm\xe4\xc3\xa4.lOX\x8a\xfc\xc82\x9bp\x84\xbe\x86IX%\x03P7\x97\x07\xcc;\xfb\xa7\x90\x8d\x94'</t>
  </si>
  <si>
    <t>b'l-\xc8\x0e+\x81\x06p\xef3\xc9D$\xa5\\\x07$\x97\xf8\x00z*5\xfb\xd6\xa9\xa0\xc2\xbd\xd0\x1d\x7f'</t>
  </si>
  <si>
    <t>b'\x837\x16]\xbf&gt;\xf3\x82\x97\xd8\x7f\x1fx_\x834h\xc9u3K$H\x87\xd2\xb4d:\r\xca\x86\x8b'</t>
  </si>
  <si>
    <t>b'\xb8\x97w\xd4\xc5\x8c4\x19\x1e\xde\x93t\x87A\x83\xca1)\xc7O\x93\x7fIQ9v_e4\xffR\xb5'</t>
  </si>
  <si>
    <t>b'=\xee\xb3p&amp;\xb9{\x8f\xb7\x1aU\xfc\x03bHJR\x92\x16Xl\xc1\xfdlYeo/y\x12\x80\xfc'</t>
  </si>
  <si>
    <t>b'\xb9\x97!\xa7Z\xfa\xd9;J\xa6-&gt;\xd7\x9ft\xeb\xb3p\xcd\x80\xe5_\x90\xa4\xf3\x98\x85\xfa\x0e\xcd\xa8`'</t>
  </si>
  <si>
    <t>b'\xf8\x9a\xc4\xfe\x8f\x1f\xa4e\x9e\x05GM\xb1\xfem\x96\xe83\xa0~N5\x03\xf4\xaa\x80\xd92\xd2/x\x96'</t>
  </si>
  <si>
    <t>b'\x02\x10\xf3&lt;\x01\xba\x88,Qr\xacshf\x93{\x97\xa2\x10^\x1c.\x7f\xf1\xd7\xb5p\xee\xae\xcd\xcbu'</t>
  </si>
  <si>
    <t>b'\\W\xbf\x93geR\xa7\xb4\x081\xbaM)&gt;C/\x8f\xbaTkPm\xf8p\xd4\x1b\xb6\x0b\xac\x14_'</t>
  </si>
  <si>
    <t>b'\x90\xc2\x90Fd\xf6\xac\xb6i\xc7 \xc2\x1b\xfe\xd8\xe3\x95w\xca\xa5\xfe\xd0\xe6\xd8K2.\x93r\x1a\xfd\xb0'</t>
  </si>
  <si>
    <t>b'\xc5\xb0Q\xce\xd6\xb0\x15tM\x11\xe6\xb0q\xe4 \x1d\xfa\xf2\xd4}\xab\x01\x13\x1f\xeeQLg\xa1\xa3\xdci'</t>
  </si>
  <si>
    <t>b'\xdb\x1e+\xf6&gt;\x9b|\x94\x1fE\xb8\x1b\x89\x00\x10\xda\xe7\xea`\x8c6\r\xb3\xc0\xeeEHt\xda\x8b{#'</t>
  </si>
  <si>
    <t>b'W+\xac\x9d\xbclR\xdc\xbe\xac\x1d\x8e\xf9J\xfe\xd3\x9df{\xaf\\Y8g\xcef`\x15\xd65\xe2\xbb'</t>
  </si>
  <si>
    <t>b'\xc3a\x80\xf3\xf4Pt&gt;y\xb2\xc83\xde\xa17\x96\xbc\x15}N\x8c\x08\x8dc\xa1\xe0\x8b\xb4\x85\x84_U'</t>
  </si>
  <si>
    <t>b'`@\xca\x05\xb6\xc5S\xe6\x17[\xf5\x1e\x8a\xb5f\xf3p\x87^ \xb62\x8b\xd8\xfa\xbb\xda\xcb{\x80\xf9='</t>
  </si>
  <si>
    <t>b'\xec\n\x8a}\xc6c\xfb\xa4\x83\xddd\x04\xd1@b7\xec\xef&lt;\rY\xef\xf8\xa0\xd8\xda\xe1b`\xb8\x1b\x0e'</t>
  </si>
  <si>
    <t>b'\xbc\xe4lE\n\xc4G\x18\xb3\xa7GO\xe0\x0f\x03:\xd9\xaf\x01h7\xf2\x13r\x9c\xbd\xa3/\x93\x06\xc7$'</t>
  </si>
  <si>
    <t>b'\x83Y\x89\x9chj\x0e\x18\xe5\xc0o\x89\x98\x1dC7o\xb1s\xe6\xdc\x98\x01\xec\x03\xb1+\x14\x84\xe2\xb8C'</t>
  </si>
  <si>
    <t>b'\x00A\x16\xdfm\xd7+\xb9\x18\xa6\xf9\x17\x15\xda\x90&lt;\xe8fM\xc7\x19D\xe4\x02\xb5\xcf\xc8\x9e\\\x0e\x85\x14'</t>
  </si>
  <si>
    <t>b'\xd5\xc4\xc7\x08\xa6\x93\x93\xcb\x16\xe3CQ\xa0~\xb6\xefA\x18\xf8\xb8\xd0H\x02\x96rP\xf9*zL\xb9\xdd'</t>
  </si>
  <si>
    <t>b'\xaf\xed\x91\xfd\xcc\xde\xde@\xda\xef\xff\xcc\xb4\x8b\xdc\xf452D\xa9\xa3\xf6\x8am]\xa9\xdc\x7fh-R\x7f'</t>
  </si>
  <si>
    <t>b'$b\x081\x05\xe9N\xb9\x7f,\x85\xf5\xbdu\x19S\xd1\xbd\x07&gt;;\xf5\tO\xca&amp;\x95\xfb\x95\x801&gt;'</t>
  </si>
  <si>
    <t>b'\x83dy\xaf\xa5\x00uV\x15@\x10\x86\x07\xbf\x9f\x13\xaf\xd7\x96\xc2\xbc\xe1\xe66\x1a\xb9\xf6\x84\x14\xff_\xf5'</t>
  </si>
  <si>
    <t>b'C\xc6\x802C\x86\x1b\xe6\x86\t\x08;\xd4\xd3a*\xb0\tv\xd01\x7f+z\xeaC\xda\r\x18\xf8\x1eP'</t>
  </si>
  <si>
    <t>b'\x12H\x84`&lt;\xf3\xff"9\xe7\xebr\xa2$\x98{\x85\xefS\x17\x9f\xdb\xe4\xa4h\xa3}N\x82f\xc6m'</t>
  </si>
  <si>
    <t>b'}+8n\xa1y\xbb\xd7\xc1I\xa3_\xd7/\x8b\x7f8\xaf\x8e\x17c\xf1w\xc5b\xdcoY&gt;\x14\xeb\xf7'</t>
  </si>
  <si>
    <t>b'\xc0\x1b\x0c\x80\xfc^\xba\x96H\xc4L\x8f\xa5d\xe9Op/L\xdb\x92\x9e\xdd#\xda\xd323\x0b\xe3\\\x9c'</t>
  </si>
  <si>
    <t>b'6$t\xa1\x9en\xc75\x9b\x80r/\x1e.xMW\xc8.A7\xc8\x1fM\xed\xc9}\xfd\x1e\xb5eT'</t>
  </si>
  <si>
    <t>b'\x8f\xaa\x9b\x10{\xc5P\x9bU\x90\x9c\xad\xdbs\xd2\x12\x93\xc8\xe4m4\xf9\x19g\xeb&amp;K\x00|\n\x93\x83'</t>
  </si>
  <si>
    <t>b"\x9a\x8d\xda&amp;z\xda\x93\xd8\x14\xac\x14\x15\xc5\xb9\xf9:\xd9Ob\xf0YH\x03'1\x99\xfa\xbe\xbb\x0b#O"</t>
  </si>
  <si>
    <t>b'^\xedV\xf6\xc4\xc1],LFP\x97;\xe5&gt;\x9e\xd3e\xae\x84{p\x1f\xca&gt;$\xf1\x03*0Xe'</t>
  </si>
  <si>
    <t>b'\xe1\x06\xa0`\xd4\xc39p\xc69\xa0TYu\x9a\xc5+M\xc6gK\x15\xb1"~\xb5\xfb\xb1s\xe4\x8a\xcc'</t>
  </si>
  <si>
    <t>b'!wv\xb5\r\x16D\x93#z\xb8\x81*\x10\xac\xcf\x10\x8b&amp;\x16\xb7\xc5\x1c\xb7\xae\xa3!\x903\xa5%\x04'</t>
  </si>
  <si>
    <t>b'Z\xa9*\ry\xe0Jg\xd7\xdc\x8f4\x0f\xfb\x9c\x91(U(-\xcc&lt;\xa0cf\xf6)\xcbH\x95[\xe6'</t>
  </si>
  <si>
    <t>b"\x0c|\x1b\xa9{\x9cJ\xf7P\x00'? \xa2\x94\xa6\xeb\xff\xb8KJ]\x82\xbf\x18\xc7;\x839\x12\xa9\x86"</t>
  </si>
  <si>
    <t>b'Y\x12&gt;H\xd4PjV\xfdt.\x808%\x937a\xc1%\xe6j\xd0\xfcD\xbd=9\x8a\x8e\xb5#\xe3'</t>
  </si>
  <si>
    <t>b'\xe3-]\xd9\x0c\xfe\xa6\xf0\x85\x9f\n\xd86\xc9w\x95\xdevC`5g\x08\xe2*17\xb1\xed\x91\x80\x91'</t>
  </si>
  <si>
    <t>b'\xc5\x94\x80\xd3U\xc9Yq\xad\xb5\xd7\xeb%\xe1\x03\xfe\x11\xfbuY\x97N\xfa+K\x1a\xfea\x9d\t\xd0\xf6'</t>
  </si>
  <si>
    <t>b'"\x91\xb6\x98\x89P`\xa2\t\xdc\xe9\xf3\x02~\xc0\xbf\xfc[\xba\xe2\x11\xd7\xd4v8Z\xd1\xd66\xd5\xb4\xca'</t>
  </si>
  <si>
    <t>b'\x96!\xc9\xc3\xea\x04\xa0\x86\xac\xb5\xf1\x8eJ\xd0\xbe\x9a\x88\xf7~\x173\xb3xTP\xc4\xf2s/\xa5\x9a\xf2'</t>
  </si>
  <si>
    <t>b'\xb7C\x87d\x1a\xcf\x81\xce\x076\xf6\xd0\xe54W9\xb8&lt;|\xaf_\xe0;h\xa9O\xfa\xd2_\xf4\xda8'</t>
  </si>
  <si>
    <t>b'\xf1\xc1\x1e\xf0\xe9iy@r\x01\x8es]\x7f\xa9\xb3\xec\x9eZ\xce\xd2 -\xbc,,\xaa{\xbf!\xd2\x07'</t>
  </si>
  <si>
    <t>b'Z\x07x\x89\xd81m\x82\x96\xa5\xdb\xdcy+.\x9e\xc4\xde\xfb\xcf`\x8ark\xb8G\x1a\x1d\xd8D\xb2C'</t>
  </si>
  <si>
    <t>b'\xb0\x164R\x1d\xe2\x8bw\xfdO?F\xb4\xc8;(t\xeb\xc4\x81\xbb2\xbcw\xc8\xba@\x15\x83i\x9b+'</t>
  </si>
  <si>
    <t>b'}\xab\x1c\xe4\xbcs\xb6B%O]\xe0\x8a\x97 \xfai\xbc\xc3\xc3\xa8\xe7!\xb9\xde`\xdcv\xe9\x9e\xdb#'</t>
  </si>
  <si>
    <t>b'"N\xf3\x18J\x94(oT#\xec\xf3o\xd2{\x13\xe48\xd4\x87\xbb\r\n.\xd0k\x8f0G\xc8\xbd\xb6'</t>
  </si>
  <si>
    <t>b'\xf4lgPf\x19\x15du\xda\x84f\x8fF\x015\xbdz\x8b}\xf0\xfe\xadS\xc0J1}b+HR'</t>
  </si>
  <si>
    <t>b';*\x94\xf6G\x97\xbcT\xbc\xc9\x08\x9e~\xe9\xcf)\xf7\xb6s\xb7\x1c\xcb\xa6\x81\xd2\xcc\x9b5`\x8d\x90\x02'</t>
  </si>
  <si>
    <t>b'\x0em\x9d\x12\x998{6p\xd09\xe9\xd1\xbc\xb8\x1d\xca\xd6&amp;\xab~\xe1\xb5J\xad\xff\xb0\xdc\xc1\x06\x9f\xd9'</t>
  </si>
  <si>
    <t>b'\xea\xdb\xf4\x08\xcdw\x064\xe4\x84\xfcw\xb4\xafn\xa3\x05\xd9\xd1\xd8\xd7\xbd\xdf\xeb\xc5w\x0c&gt;\xd3^\xfd\xf1'</t>
  </si>
  <si>
    <t>b'\xdd\xf3]\x06(\xa5)\x8d\xde\x8f\x9a\xed\x99\xcb\x82x\n\xd3\x89\xa5!c\x1e\\\xbd\x85Zc\xebl\xfdO'</t>
  </si>
  <si>
    <t>b'A\xb5\xe3"\xe6?\x7f\xe9Q\xaa3!\xabt\xf8\x1bjWCN^m\xa8x(\xa9\x98\x11\x8enue'</t>
  </si>
  <si>
    <t>b'Y\x0eC\x96\xeb\xfa\xcc\x9a\xa1k\xec\xf9\xc2\xb5\xce\x02v\x9fW\xb4\x02\xf6\x966C\x80\xc2\xd4l"\x95.'</t>
  </si>
  <si>
    <t>b'\xa8\xbe\x98\xfd\x88\xed\xd56-I{\x943#\x11\x98\xce\xce\xfe8Y.[\x05\xbcvvh\xc6\x80(\x7f'</t>
  </si>
  <si>
    <t>b'\x9c\xff\xfe\x14j\xb6\xfa\x9b\xa7\xdd\x05\xab\xd09\x98\xbb\xe7&amp;G&amp;\x83\xaa.\x13\xf7\x14\x17\xbd\xa6Gc\xd3'</t>
  </si>
  <si>
    <t>b'\xea\xb6\x0c\xa9G\xd6Q\xc0\x8a\xa3\xef}\x85S0\xa1\xeb\x9c\xa5\xa3\x12\x12\xf3p\xcb\xda\xba[s\xb4\xcf\x10'</t>
  </si>
  <si>
    <t>b"\xf3\x08\xe3;Wr\xafqW&amp;\xbfp\x1e7\xa1\xfd'\x03\x97\xb1\r\xe9\x91\\\x9bZ\xac\x94\x1a\xc9:\x19"</t>
  </si>
  <si>
    <t>b'\xe8\x14\xca\xadx\\i\xec\x81*\xd5Z\x1a\x9b\x80\x8a\x96`&amp;[\x8e,\x1f\xe0\x9f\x7f]\x9e\x9b\x1ff\xe0'</t>
  </si>
  <si>
    <t>b"\x05\x9b?&lt;p\x18Zo)\x0c\xc3w\xc4CN\xe6\x02\xbd\x19\xdb(\x9a\x80\xa5'\x13vZFC\xa7K"</t>
  </si>
  <si>
    <t>b'$\xef\xb3\xa3\xd4\xc4bh\x0b\xa4\xd1]\xa8\xc7c;8\xae\x16c\xe5\xf9\xdb`\xaf@\xf1\x99q\xe5\xa7\x7f'</t>
  </si>
  <si>
    <t>b':K\xe3;fC{\x9bL\x9an,|U&lt;A\xf96\xdbjW\x00\xe5\xad\xc3\x90\xac\x98\xf0"\x00\xa0'</t>
  </si>
  <si>
    <t>b'\xa7\x10[|\xe3\x7f]\x16Z\xa5\xca\r\x8c\xacQ\xb406\xc5gx\xe1\xe8]\x04\x80\xa8\x8c*;y\xf4'</t>
  </si>
  <si>
    <t>b'\xf3\xd1\x98,\x01\xaf\x99\xe4N\xf8\x90\xda+ \xd8\xaa\xf4*\xe5$\xb3\x19H\xc9\x8d\x14 \xc4?\xcb\xb6q'</t>
  </si>
  <si>
    <t>b'}\xed\x97\x8c}\xda\xe9\x1e"\xae\xcf\x9b\xf9T7\x9ctv\xc7\xd1\xad\xe7k\x97mHa#\xdd\x01\xa3!'</t>
  </si>
  <si>
    <t>b'\xf7\xceOo\xe3\x0f\xf1\xaf\xf5*!\x82\xb9S\xdb\t\xbb\xec\xf0\x94*\x81\xa5\xf9W\x9d%\x8d\xd22\xe7\x11'</t>
  </si>
  <si>
    <t>b'J\xf9\xfaD\x85\x808\x8bZi4e\xfb}\xe2\x06T\x07\xeb\x14\xba4\x0b\xf3\xc9\xbb\x00Was]\x17'</t>
  </si>
  <si>
    <t>b'\\\x92\xab\x91*\xf2Z\x89\xc1\x13\xb8Y\xabu#\x91\xd2\x05t\xfa\xa9o\xde\x9f[\xd7k\x13\x0b`\xe4;'</t>
  </si>
  <si>
    <t>b'v\x9f9\x8f\x03nF\xbe4\x88p\xa8\xc0\xeaS\xd0\n\x8e{\x04\xeb\xc3\x0fT.\xf2\xaf\xa9WS\xa4+'</t>
  </si>
  <si>
    <t>b'\x16\xfb"dT\x9e9(\xb5\x7fIwz\n\x81hjt4\xb3`\x95Vo\xbd\x8c\xb3\xb5\xc57\xf4P'</t>
  </si>
  <si>
    <t>b'J3\xc5I\xdc\x88\x8b\xbf\x8f4\x89\xb1d#\xca\xcdRe\xcf\xe6\rM\x0c\x00\x7fw\xde\xee7p\x1a\x0e'</t>
  </si>
  <si>
    <t>b'1\xf2\\3\xbd{S\xdbT\x892\xde\x94W&gt;\x9bf4\xf5o\x96y\x17h#\x92\x7f\x9e|\xfd\x16)'</t>
  </si>
  <si>
    <t>b'\x0ew\xaf\xdb\x96\xe3\x8b\x1a\x94\xa9\x83\xb3Uq\x07I\xc5\xea\x04\xf5nP\x88\x1f+\xdc\x8eXW\x04\xa8\xc9'</t>
  </si>
  <si>
    <t>b'\xd2\xe6\xdaZ\x97\x05b\xd6\xde-\xdc\xd3x7\x9d\x90\x00tQ\x91\xc7sX\x83\xc5\xcaal\x0bH\x0eP'</t>
  </si>
  <si>
    <t>b'\xa5\x0fGj;h\xbbx\xf4\xdf\xb0\xd1\xa7\x1f\xc0\xb9\xfe\xd0^!\x8c\x10\xf1\x15\xc9\xc9=\x12\xd2w\x01\x19'</t>
  </si>
  <si>
    <t>b'[\no\xd0z\xbd\x81v\xe6\xc2\x9b\xe4\xabn\x97\xdf\xbf\xd8\x06a]\xd9%0\xa5\x03[\xae\x95(2C'</t>
  </si>
  <si>
    <t>b'\x0fA\xb1\n\x0b|\xb90\xac\xafVh\xce\x14\x94\xf1\x86K\x96\x99\xcb\xbe\xe4\xd0\x8e\xaf\r\x9a\x8f\x06P\xe6'</t>
  </si>
  <si>
    <t>b'\x88\xbd\x17\xa0j@\x08\xae\x1f\x86\xa8\t\x82\x98l\x95L\xbfgG\xb5\x17\xafa\xb7\t\xd5zR\x83\xc6\xe8'</t>
  </si>
  <si>
    <t>b'\x19\x8e\xc8p\xa9\xbd\x83M;p\xfd*\xc6?Gn\x18\xd3\xfez:\x86=\x9ev\x89\xcb\t^\xe1ln'</t>
  </si>
  <si>
    <t>b'V\xb5`\x00\x8a\x84\xf5Dj\x1e\x81\xe3\xc0\xd2\x12g\xff\xa7\x05\x9aw\x87J\x18\xb5\xd2\xfen\xdd!\xa0\xe0'</t>
  </si>
  <si>
    <t>b'\n\xcb\xe5\x17PA\xb6\xba\x96\x99e\x06&lt;~\xc3=\xc6\x8a\x1ce\xee\x00\xef-\xeb\x06\xc8y\xf4\xf3\x16\xd0'</t>
  </si>
  <si>
    <t>b'\x83V\xc9\xc7\xed`X\x19\xf0\xe2\x8b\x12W\x0e\xa30\xcf\x8d\x1b1O\xa9\x82DK\x13\xda\xb6VJy\xdc'</t>
  </si>
  <si>
    <t>b'\x19/\xb5\xae\xc4#\x06\x86\xb6\xd7\x17\r6L\xd2V\x0e_\xcf\xd4~S\x96"\x94\xea\xc1\x95\x07\xc3\x8e\xce'</t>
  </si>
  <si>
    <t>b'Qr\x1e\x9d\x1c\x1cB\xb7\xc9\xdd\xd1Y\xa0\xf9\x1c\x91\xf6\xbe\x0b\xab|-\xd2\xb4o\x05\x03_\x99\xadva'</t>
  </si>
  <si>
    <t>b')C^\x97\x07\x0e\x8d\x8c8?\x07\xc27\xa5\x83\x19\x85{T\xce\xdc\xe9\xe6D\x8cgJjan\xfb\xfd'</t>
  </si>
  <si>
    <t>b'\x17"\x0c\xe7\xda\xfa\xcb\xc0t\xf4\xee\t\x9e\x9fWn\x17E\xd5+\xc6\'\xbf\x8d\xa6\x15\xd1\xe6CZ\xcbh'</t>
  </si>
  <si>
    <t>b'\x8d8\x8d(\xcc\x93\x82\xa0C\x0f\xfa\xf4\xd3\xd1\x0f\xb2\xcc\xab\x89\xff\xd7\xc4\xf8\xd5Ia\xed\xe37!\xbc\x16'</t>
  </si>
  <si>
    <t>b"\xf8\xf0\xecA'\xe3\xefn?30k\xcd\\\x19\xde*3!Y&gt;\xa8=\xf6\x8f&lt;\x9fv\xd4\x06\xef\xa4"</t>
  </si>
  <si>
    <t>b'\xeb\x06Qh\xb11\xb4\r{\x9a\xe54^\xa7\x0c@\xa5\xeb\x8e\xe4x\x0c\n\xe2\xd8\x16X\xfb\xfe\xa20\x0f'</t>
  </si>
  <si>
    <t>b']\x0e\xf6IVI!v\xcbF=f\xdd\xc7\xe9\x86\x93\x84J\xb3\xe1TW\xf9M\x9b\xbe\x97\xd8\x7f\x9a\x1c'</t>
  </si>
  <si>
    <t>b'\xa8\xd0\xa1\xb3\xfe#D\xbe\x17\xc1\x9e\x80\xfe\xba\x17\x01\xf6\xcb\xfe\xa9\xa7\xd5\xa2\xd7\xeb\xe5\xa9\xef\xb2\xa0\xe4\xb3'</t>
  </si>
  <si>
    <t>b'\xc4ke\xe7\xd4y\x9be\xdb\xe5\x97\xd8l\xado}\x03\xaf,\x18?KIh\xaf\xd2g}S-\xdc\x0e'</t>
  </si>
  <si>
    <t>b',bS\x82\xd8\x16Y\x91~v\x95\x15\xf5\x07\x88,ws\x93TB\xcc9:5jZ\nKi\xe5\n'</t>
  </si>
  <si>
    <t>b'Q%%\xf6\xa1\x05vMP\x07^xS\xc9E\x88\xb5XD\x0fgOC\x0f\x12!v\xf8\xc9\x93#h'</t>
  </si>
  <si>
    <t>b'\x84Lcs+\xb9\x9f`\xe2\xd1fW\xe3\x9b$B\xa4\x9e\x1fh\x8c\xfa\x1cJi\xcb\x07\x13CD}\xe1'</t>
  </si>
  <si>
    <t>b'\\\x98\xd1f\x87\xef\xb5\xb1 ;\xad\x8dX\xf9lqOM\x00\n\x8d\x7f\x1c\xafk\xa5\x928\xf0H\xf7\x8b'</t>
  </si>
  <si>
    <t>b"\xe6a:'@\xbb\xc2\xd7%\x8f\xb4\xdb\xbf\xa7\xd5\xafHr\x06\xc6\xa4Z|]O\xca\xd5%\xa5\x1dK~"</t>
  </si>
  <si>
    <t>b'\xea\xce\xad5\x87\xb9\xc6\x93\x1aK\x15\x02\xb0\xe9Pv\x89\r\xb8\x8c1\xe5iU\xbb\xdaS\x8dFe|S'</t>
  </si>
  <si>
    <t>b'\xe8\xae\x19\x9a\xcf\x12\xcf\xad)\x13U?$\xee\x93\xe7\x01\xfd\xf5\xd1[K\xd6\xc5W\xe6]\x05\xe1KS\xc4'</t>
  </si>
  <si>
    <t>b'\x9a\x97^\xce@9}\xb8\n\xe0hB2_\xcf,\x9bg\xfd\xb2\x04 \xd5\xfb&amp;w\xfe\xfd\x04\x02\x84\t'</t>
  </si>
  <si>
    <t>b"\xa9D'OC\xd8\xb9\x0c\xdd\xe0y\x03Qu\xb5p\xf7\xfa\x19\xe0\xfc\x05\x85\xcfr\xf7($\x86\xbeY\x19"</t>
  </si>
  <si>
    <t>b'-\xbd\xa0_&gt;\x84"i\x9e\x0e&lt;\xe1\xf7Eo\x12\x8b\x1cA\x8bz~\x1fl\x1b&amp;\x0bF\xc6oY\xd0'</t>
  </si>
  <si>
    <t>b'!s\xfc&amp;)F\x8a\xc0D\xdd\xf0\xc5S\x18\xcc\xec\xd5\xa4&gt;\x8aGn\xc0Zk\x84\xce\x8e~u\xc5\xbb'</t>
  </si>
  <si>
    <t>b'Gn&lt;\x0b\x9a\x8c\xda3w5\x12h\x82\x9fC\xedu&gt;7G\xff\xcb\xac\xea\xb4\xc2~\xd0\x10\xb1\xaf\xb3'</t>
  </si>
  <si>
    <t>b'HXu\x16\x87Xb\xca\x93\xcbZC)\xeb\xb7&lt;M\xca\xedl\n\xf3\xb2\xec\x98^\xea\xb7\xe3\xc8\xcf\xb0'</t>
  </si>
  <si>
    <t>b"\x16\xa3\x966\x85\xe1^w\x8d\xaeam\xdd\xed9\xa6\xaff\x9e\x01^\xceo\x19\x14=\xc6t|\x8f'\xad"</t>
  </si>
  <si>
    <t>b'"RsI\xdeA\tr\x8c\xd3&lt;\xfe\xc1\xe3=\xae\xe8\x9b\x08\x1d\xf2\x82\xa5\xddP\x8eK\xaf4\xed\xe8\xf8'</t>
  </si>
  <si>
    <t>b'B|\x1cN\x02\xbc\xcd\xeb\xa6\x91L\x0e[\xd8xV\x81\x16\x02\xaa\xfc\x15\xf0x=\xe3m\xabE\xa1k*'</t>
  </si>
  <si>
    <t>b'\xbd\t\x00(\x8b\x8c.\x02\x15\xe1\x14\x9f\xc3|;N\xe43\xb9\x85g\x9bM\xfa\x07m\xc0(+\xa2\xc5\xf4'</t>
  </si>
  <si>
    <t>b'vp ,|AW\x89\x80\xd2f\xda\xe8[#\x96DD2\x1bF/Lv\xf3\xe8c\xf7S\t\xfbN'</t>
  </si>
  <si>
    <t>b'\x19\xf9T\n\xf0ODg\xb6Y\x99\x87q\x92\x06\x8ee\xe0)-H\xe3!\xa6s\xab\xeb\xc9D\x19=\x8d'</t>
  </si>
  <si>
    <t>b'\xd8\xec\x01\xef\xeb\xd3q6\xb0\x8f\x14]A\x8d\xd5!\xd9\xb3\x17t(\x02r=\xcakg\xc1,\\\xba\xb5'</t>
  </si>
  <si>
    <t>b'wK\x8b\xbf\xfd?\x91\xa9\xa6D@\xd7\xeawQ\xff-\x02\x9dY\xfa*z\xfb\t\x9d\xf9\xfd\x9a&amp;]H'</t>
  </si>
  <si>
    <t>b'\xbe\x8al\xbb\xd5\x1b)\xe5*\x1b\xe1,\xa2\xc5H=f\xd7w\x91Bi\xac\xc2\xc6\xc2-}M\x88p9'</t>
  </si>
  <si>
    <t>b'D\xc7\xe1\x1e\x06\xd3\xeb\r\xf7P\x91\x0f\xe2\x8f\x1a\xbf\xd5\x8c\xbc\xceP\xb4ke\xf5\xc3\x00\xcd;zcf'</t>
  </si>
  <si>
    <t>b'p\x84Th\x80\xdd\x9a=\x04\x85\xcaFMe`\xdf\xfd\xd2\xd8\xf82\xb5W\xdck!\x98\xca\xb40T\xbf'</t>
  </si>
  <si>
    <t>b'\x92_\x83\xd4\x8fo\n\x14s\x18r\x9f]\x8d\x08\xceQ\x9d4\xe7;%/\t\xb0\xbe\x82\x1fB\xf9T\xf7'</t>
  </si>
  <si>
    <t>b'\xb3q\xa7h\xb20=\xc0\xf8\x81B\x12\xf3.U|\xd5\xf7\xed\xf0\x11\xd21\xd4\xd0ua\xc2\xefD~M'</t>
  </si>
  <si>
    <t>b'\x87\xc5\xee\xc3\xd2\xd7&gt;\xcag(\x82\x12\xa1\xc2\t\x9eC\xdex\xeca\xfe\x08\x01\xbd\xfbb.\xb6~\xa2g'</t>
  </si>
  <si>
    <t>b'U\xbc\x11\xd2\xa2\xb0\xde\x01{\xa7V1\x1e\xc4h\xf7\xdb\x12JOH1\xb4da\xcb/\xa0\x99\x81\x15\xe7'</t>
  </si>
  <si>
    <t>b'\xec@\xdf\x8d\xce\xaa`l\xb7\xca\xf0\xbd]\xea~q\r\xfb\xc42\xc8\xf1\xd7\x17\xaaB0\x96\x8c\x98d)'</t>
  </si>
  <si>
    <t>b'\xa5\x99\xbc\xf2e\x0e\xf3\xc9\xf3\xeb\x82Z%]\x7f\xf7\x1b\xdb\x95\x91\xd8m\x86S\x81\x87IBw\x91\xc4\xc0'</t>
  </si>
  <si>
    <t>b'\xb8\xd3\x13\x04\xa51KU}\xfd\xa8\xae:E\xfa\xf5d\x96+\x89\xf3&lt;\xa9\xb2\x96\xf1;\x8d\xf1\xfb%\xa3'</t>
  </si>
  <si>
    <t>b'\x9dd\xe3\tf\xdcc\x16\x9b\xcf\x85\xf5\xeb\x8c\xfa\xa3j_6Ig;\x04L\t\xfa\x97YE\x04\x90C'</t>
  </si>
  <si>
    <t>b'\x83\xb0\xeb\xdeD3f\xbbB\xc7\x89\xd7\\\xb7\xdc\xdbuW\xd2\xb8\xb6\xfd\x8d\xd4-\xdf\n2\x01L\xd7\xca'</t>
  </si>
  <si>
    <t>b'\xb4.\x85.8\x1bAL\xec}E5W\xab\xac\xc2B\xcfz!/&lt;\x15%\xd1\x06\x8b7\xf4,f\x88'</t>
  </si>
  <si>
    <t>b"\xaf\xfc\xf1FE\xf5\x0c\xa9\xe5\x85\xae5\xf6g\x972\x80\x0fj'\xb5]\xba\x94\xa8\xe4_\x80=7\xf3S"</t>
  </si>
  <si>
    <t>b"\x9b\xa8\x1bJ\x1e6\x81\xcc\xd9\xb9\xfb\x16\x80R\xef\x0e\xcb\xc4)\xec\xee\x88'7\xa6p\x14\x14\xa7\xbamy"</t>
  </si>
  <si>
    <t>b'v9\xca5\xcft\xfa\xedi\x8e\x8c\xd8\xf6\xe3*\x0c=\x82;\xbc\xcfB\x80\x8f\xbc\x7fMf\x83\n\xeeG'</t>
  </si>
  <si>
    <t>b'\xc56\xc25\xa3O8\xe4\xb6J\xcf\x89^\xa8\xa3\xe6\xd7;\x9e\xd6\xc1\x15\xd0|\xb3\x1d\xcc\xd2@\xf5KE'</t>
  </si>
  <si>
    <t>b'P7\x0c\xd4}\x9d#j\xaa/~\x9a\xb7\x97\x9an\x89\x18\xf9i\xa6\xc7\x93\x8d\x06m\xd0\x8c\xf2\xcc\xc7\x9d'</t>
  </si>
  <si>
    <t>b'\xdcTW\x978\x0c\xe9b\x10%\xe4\xbf\x81U\xd3dd\xf1\xc9\x84IR\x06_\xe9\xac\xe5\xad\x0e\x8b\x02\x8d'</t>
  </si>
  <si>
    <t>b'lU\xa0L8]"\xfd\x88\x01\xaaH\x02CS\x07Z|\xa3^\x1a\x06&amp;3\xcfZnf\xbfC\xeb_'</t>
  </si>
  <si>
    <t>b"\xcdl\xdbx\xe8\xf5\xd5\x91\x94\xd6\xa7\x8a&lt;\x1d\xc4\x12H\rw'\xb3L:\x93\xcf\x0c\xbc\x955!\xdc\x87"</t>
  </si>
  <si>
    <t>b"\x964!r\xa1\xb1\xa3\x97\xd9\xbc\xb18\xe1\xe1\xd2\xad\x06\x94@'\xfe\x00\x13I`\x06\x9c\x92\xd5\x11\xb9\xef"</t>
  </si>
  <si>
    <t>b'\xa7\xd5$\x14\x89\x1c0\x83\xa4\xef9\x8e\xfa^l\x12I\xf2\x8f\x17#\x9e\xe1\xb0@L\x92|\xfa\x85]"'</t>
  </si>
  <si>
    <t>b'`\x00\xff\x97/\xcbp6+\xf0N\r\x83S\x0c\xdd\x85*oS\x00\x00\xebu{k\xf6\x85&amp;\x00\x1a\xd9'</t>
  </si>
  <si>
    <t>b'M\xb4#!\xe6iGZ\xb5,\xbait\x19\t8\x02a"V\xb6\xcc\x98bf\x80]]\x86\xf2\x1e_'</t>
  </si>
  <si>
    <t>b'\x80\xa0\xdcq`\xe5L\xbaA\x8d\x10\xd7\xc8\xa1\x8c\xe0(l\x9f84Z\xa53\r\x91r\t\xcc\x82r\xe4'</t>
  </si>
  <si>
    <t>b'4/\xe4\xe8\xaa\x1a\x00\x033\xa0\xfc\xd8x\x7f\xee7(\x1b\xa0\x97\x14\xec\x87j\xcc$\xdf;\xb2v\n\xa1'</t>
  </si>
  <si>
    <t>b'e\x81\xc0S\x82?\x0fp\xfb\x83\xe5\x92Abg\xfe\x99VMd\x05P\xda\x9a\xd0-;=\x94a\x91`'</t>
  </si>
  <si>
    <t>b'\xd7\xb2l\x99\x7f\xe2\xb2\xda\xe1\x950\xa9\xd0\xcb\xd0\xbe\xdf\xab\x94\x81\xa3\xd4d\xf1\xd0\xb2f\xcf.\xe9{/'</t>
  </si>
  <si>
    <t>b'\x14\x95\xc9\xbc`\xac\x81WP{\x17\xc14\xc6\xe8z\xa2\xf3U[\x8e\xa7-\x8e\x12\xe7\xa1\x98\xaa\tQ,'</t>
  </si>
  <si>
    <t>b'\xcd\xa8\xb4l-)\xd4\xf0\x12S\xd1~%\xe5\x16\xc3h{\xc8fc\x05UXjf=\xeb\x8c\x81\x11/'</t>
  </si>
  <si>
    <t>b'\x9c\x90\xe1_\xbd\x0e\x90\xd8\xc3\xd6\x82_\x04\x88\xfd\xa4\xae\xfa\x17\x9a\x1a\xa2\xd5A5\xeb\xa9\xf7\xad\x01\xfa\xaa'</t>
  </si>
  <si>
    <t>b'\x129\xa8\xf1:f\xc2\x05\x01\x9fR\x9d0d\x1e\xd5\xb7\xc4\xb1P\xa8\xbc\xa9\x8b\xb5\xd2\x8fD\xbfa\x9a\xcf'</t>
  </si>
  <si>
    <t>b'\xa0\x13&lt;\xe2\x89z\xf3\x85-w\xf9C\x02q\x1d\x95\xc0V \xff\x02Z\x8e\xa4\x07z\x91$\xe5\xfc\xcc\xa2'</t>
  </si>
  <si>
    <t>b'm\xf3&amp;\xf3\xf9\xf5\xba\x9c\xff\xdaq\x8a\xda1\xb5\x80\x84&lt;F\xdb,uh+8c)\xaf#\xaf\x90\xe3'</t>
  </si>
  <si>
    <t>b'o\xcev\xe1\x18nf\xb6\r0\xac\xcb\x9c\xbd\x00\xe4\x81\xe7\xf0\xa0+m\x08\xb7\\m\xfb\x85\x80\xc7\xa6\xa3'</t>
  </si>
  <si>
    <t>b"Q&gt;\xbd\x81\xb90\xd5\x1a\x01\xf3E$'\xaaf\xc6\x81[\x01\xbbZ\xbd{\x9b\xd7\t\xb0\xea`m\xde\xf1"</t>
  </si>
  <si>
    <t>b'\x99\x19\xb9\xf3\x17\x89\xb3\x90\x9cw#\x1b\xd9\x9e\x15z`\xc3\x07z5\x8bj\x9ac:\xfa]\\\x85+\xfe'</t>
  </si>
  <si>
    <t>b'\r\x9ay\x97\x7f\xfe\xa4\xb2\xc0\xcf\x99I\xc5\x9cCH\xcaA\xc0\xc2\xcb\x8a\xcf\x7fe4[\xc0\xd1\xb1\x84\xdf'</t>
  </si>
  <si>
    <t>b'\xd2f\xf4\x18X\x15\x8f\xeb\x0e\xa4\x0bx\xf5\xfe\x9dN\x07\xcf/\xe20mK\x06\x90n\x1a&gt;:\x12\xa7\x15'</t>
  </si>
  <si>
    <t>b'\xd90\x87\xdf\x83\xaf\x1bV\xb4\xc2za\xd2\x1fxY\xf0J\x0e{\x8cD\x15u\x87\x93\xd5&lt;8\x1d\x83\xbd'</t>
  </si>
  <si>
    <t>b'\t\xa4# \x8db\xcb\xa3\x9d\x15\xd8\xabs\xf1,|\xa8-\x1a\x98\xd04o\xd0\xa1\x94\x94\x9f4!\x82s'</t>
  </si>
  <si>
    <t>b"\x87\x1cvK\xa2\xd7\x9a\xdf\x9fA\xa6'\xfaK-\xca\xf3l\x17R\xbf\x14Sb\x95\xd7\xad_\x04\x86\xd4\x93"</t>
  </si>
  <si>
    <t>b'\xde\xd2W\xbdCi\xe4\xeb\x1e\x8a\x88\x9b\xb5\xfa\x05&gt;\xaf\xb2,j\x86e\xe7/\xcb|S\xa9f\x9d,\xc6'</t>
  </si>
  <si>
    <t>b'`\x7f\x84\x83\xf04\xa8\x10(M\x87x\xb2\xe4/K\xc2\x974\r\xff(h\xe7y\xd0u+~6j\x0e'</t>
  </si>
  <si>
    <t>b"K\xe4\xcdc\xf4N\x13\xc0\xec\x9a\x17\xdd\xc3o\xba\xb1\xa9\x94\x9bb\x80D8\xde\x1b\xf6\xdf'\x03\xd4\x9b\x12"</t>
  </si>
  <si>
    <t>b'\xb2\xa5?\x1eEk\x17~k\x94\x7f\xe2\xe4\xa0\xfd\xcc\xd9O\xa7g\x10K\x9e\xe4j\x9f?\x07%\x88oA'</t>
  </si>
  <si>
    <t>b'\x8bo@\x16\x89SZ\x07\xfa\xf3\xb2\xc6\xb2U\xb2\xeb\xff\xeb\xd2\xd6y\x14\xbd\x8f\xde\xadX\xd1}\x93\x03\xbb'</t>
  </si>
  <si>
    <t>b'7\xe6\xfaEx\x9c\xe9\xf6DZaz&amp;\xe4o\xa0(\xb2R\xa7\x97\xee;L\x08\xec\x1fy!x\x0fe'</t>
  </si>
  <si>
    <t>b'\xb9\x91\x0cK\xd9]\xe6\x8bz\x04\xa4\xcb\xb4q&lt;\\\xd7r\xbcFw!\xbc\x87\xb1\x89\xe5\x90\x0c\xbf!n'</t>
  </si>
  <si>
    <t>b'\x14\xf6\xfd\xf2}\x16\xff\xf1(\xe7\xb7\xcf\xa0CE\x98vT\x03H[C?\x14\xb9\x17\xed\xad\xbb\xf6\x18\xd3'</t>
  </si>
  <si>
    <t>b'.\xf3\xa8mpQ5\xbc\x1c;\x1d\x17]n,\x17\x9f&amp;\xa3  \xe8#|\xbfq:7}l\xf7 '</t>
  </si>
  <si>
    <t>b'\xeaB\xb5_\x91\x81e\xc7\x8fd+\x91o\x90\xd6hL\xc8\xf6s\xd7|\x17bE&amp;\x06\xcfL:W/'</t>
  </si>
  <si>
    <t>b'\xaa\x05s\x13_1\xe4+\xd3kl\x01\xe1\xa6 zd\x08\x01/yr%\x1e\xa3_\xf7\xd7\xd41\xeb-'</t>
  </si>
  <si>
    <t>b'\x0f\xfc\xcc"\xb4j\x85\x07^\xf1\xe5&gt;\xf0\xa7&gt;\xde\x98\xe3\x90\x14%\x95 \x99\x88\xf8\x9c\xdf\xaf\xa3\xd1b'</t>
  </si>
  <si>
    <t>b'$pG0h\xd6GFbqC~w\xa0M\xf0\xaf\xba:\x80\x12\xfd\xd3\x8f\xa8\x8d\xe0\xc4@g\x06o'</t>
  </si>
  <si>
    <t>b'T\xce\x93\x84\x85\xc7\xea_\xfe\x03r \x16\xb4u\xba\xfb\xb8\xb1\xf8\x12\x9c\x19S\xde\x18\x93\xb9\xb3\xfey\x94'</t>
  </si>
  <si>
    <t>b'\x9fM^\xab\x7f\xa7{{\x9b\xb6\xb2\xa2\xc3\x05J%\x9f"\xd9\xef\xdb.D\x96a\x0f\xb4y4@j\xb3'</t>
  </si>
  <si>
    <t>b'\xe9qiD\x81!\xa4\x0e\xad\xd4\x9b {\xad\xb5\x12\xf4\xb1\x8b\x01\xde\xe7\xc7j\x97\xfeni\xd9\x1d&amp;='</t>
  </si>
  <si>
    <t>b'\x03\xde5i\x96\xc7@\xb3&amp;\x7f\x97\xb9\x07\xf0\x0fB5\xab.\x8d\x19T\x8c\xe9[\x96\x8b@w\x1f\xd1f'</t>
  </si>
  <si>
    <t>b'h\xba\x85\x9a\xe5n\xd8\xa5\xd1\xa7\xb9\xd4\xf0\xb4,\x81\xd2\xa3\x1cJ\xf4\x8cd4\xf1_\xcf\x17\xb1q,\x9b'</t>
  </si>
  <si>
    <t>b'\x97\xf7a\x88\xcd\r\xa2;\xc0(\x9e:\xdf\xe2\x81\xfdG\xf3\xe7\xe4k\x8c4:\xac)\xff\xd3S.M\xca'</t>
  </si>
  <si>
    <t>b'\xe3`\x15\n\x0b=\xf8\xce3\x9c\x98\xf6ipk\xb8\x91\xeb\xb7\xc1\xa4\xae\x15&amp;\x98X&amp;Cy\xbc\xce\xaa'</t>
  </si>
  <si>
    <t>b'EVjX\xdf\x9bPJ&gt;\x8a\x88a\xe2\x89\x8eVM*\x0c8o\x83\xcd\xb4\xa9T\xa5o\x12`\xe1Q'</t>
  </si>
  <si>
    <t>b';\xbfhe\xef\xec\x17\x8fC\xb7\xb8\xd6"\xc2OYO\xb1N\xf3\xb4\x03u\xbf\x14\x9a\xcb\x02\x01y\x83S'</t>
  </si>
  <si>
    <t>b'/n\xa9P\xf1\x98stO\\L3\xbb\xeb\xe7\x15\x1a[\x1f\x9e \xad3\xcam\xc0\xab\xbf\xd8\xaf8\x1a'</t>
  </si>
  <si>
    <t>b'\xd0\x95U\xe2\xdd#\xff\x15\xd3H/ACj\xec\x8e\xbb\xb3\xfc\xd4\xd0&amp;\xa84\xa7\xb4\x8c\xd8o9H*'</t>
  </si>
  <si>
    <t>b'\xf6\xba\xcb\x87Q\x90\xc7k\xf9\xf8\x0fe\x11\xb3\xbe#\xe8\xad\x11\xb5\x9f\x15\xd3m\xd7jk\xac\xcfB\xaf\xba'</t>
  </si>
  <si>
    <t>b'\xa4)k\xd3z\x8bh\x1ay\xe9|$\x12\xf4\xf5X\x01\xee%\xa5s\xef+0JF\x04\xc3\x02xS1'</t>
  </si>
  <si>
    <t>b"\xc2\x03\xcd\xfbD'\x14\x94\xb5\x1a\xa9Xv\xa0&lt;\xdc\x12\x9c\x01hR\xbd\xec\xf4T2't6\x19VX"</t>
  </si>
  <si>
    <t>b'\x12V\xf4\xcf\xf8/d\xbaaT\xd9O\xfeK\xd3\x7f\xcb\x0fS\x0cq"\xba\x9cvRF\xb4\x93\xd2[\xdc'</t>
  </si>
  <si>
    <t>b"\xb8G\xc7\x9c\x1c'\x92\x16\x03\n\xd0\xdf\xf0\xf0\xfc\xc5g\xc3\x80E\x1c\xdd\xc7*\xa7\xc0\xf1}\xfb~\xf4\xbd"</t>
  </si>
  <si>
    <t>b'i\xe5C\xa0\xeb!\xa6S\xca\x7f\xc6\xa7\n\x08\xbet\x99\x9e\x9a\xf0\xae\xc5\xc1\x07\xfapw\x10dS\x97\xb3'</t>
  </si>
  <si>
    <t>b'\\t\x87}\xc9\xef\xe1\xd5\x11\x9b\x0f\xdb\xd8qr\xcd\x99\xcf\xc7\xc7\x054\x05\x99\xd1\xd2\xd3\xd8\xba\x1dz\xbb'</t>
  </si>
  <si>
    <t>b'\x12:\xdc\xd5\xd9\x14gfh\x16\xda\x9d\x17\x12\xb0\xc1%\xa5\x9c\x9e\xf08\xe8\xf0\xa6@\x86b\xec\x02X+'</t>
  </si>
  <si>
    <t>b'.;\xfa\xfd\xe0\x01\x96\xf7k\x8fu\xc7VP\xa2\xdc\xf4\xf1\xc3\x91\x18AJ\t\xa4[\xed\x07\x11\xd2\xaf\xe4'</t>
  </si>
  <si>
    <t>b'*\x8e\x93\xaf\xfc\x9f\xfd(c\xf65\x83\xbf\xdf\x8b$zj2\x94ZC\x9b\xfb\xf1\xa7\xd0N\x01\x8d\x05|'</t>
  </si>
  <si>
    <t>b'\xb0\x9f\xa50mB\xf0\xf2k\xd201\xa4yG\xcf\x98\x88XhO&amp;\x12\xe1\x01\xce\x86n=\xa0\xe3#'</t>
  </si>
  <si>
    <t>b'\xee\xbe\xd0\xf0\xb5\x13u\x99\xc0@\xe4r[\t3\xcf\xa7\xdfx/k\x9e\x1a2\x04\xfe{\xb7\x19\xb1\xfc\x9a'</t>
  </si>
  <si>
    <t>b'\xb3&gt;\x9c\x08\xc0.\x0cDT+\xcaT\x16\x87&amp;\xa0\xe1\xfc\x99/\x95\x84\x1fW\xf7\xa0\x8dM\xc8\xa0\xf6)'</t>
  </si>
  <si>
    <t>b'\xc9\r\xbc)\xd04\xa9\x8e\xef\x0c%\xb9*\x03\xa8\x14\xfb\xc9\x11\xd9\xa0\xc5\x8b\xc1\xd4\xf3\xa2\xd1Il\xf5\xe7'</t>
  </si>
  <si>
    <t>b'V\xc0J\x14\xc9l\xc7N\xfdx(\x88\xf7\x1e\xa2\xb5\xf82\xcb\x13\xa47\x84\xb7W\x0e\x15\xc2\x83\xd1\xa4\xe0'</t>
  </si>
  <si>
    <t>b'&gt;\x0cu\xd5\xf9&lt;3lA\xe6\xec9\xc1*\xe5V\x08\x9ex\xe0J\xe8Fi\x82\x14\x14\x98\\%\x07u'</t>
  </si>
  <si>
    <t>b"\xcfZ\xfe\xff\x7fW\x96f\x01=\x0bp\x98E6\x82`\xdf'q\x1e\x0b\xc5\x0f\xf0\xd0\x04\xdd-\xe5\xb1\xaf"</t>
  </si>
  <si>
    <t>b'\x8f&lt;\xe5\xfa\x96)M\xdd%\xed\xdb\x8e\x8f\x9b\xff\x0f\x86\xfb\xad_+{\xc4&lt;A\xb5\xcde=\x05\xd6o'</t>
  </si>
  <si>
    <t>b'c\x96\xfe\x1b\n(\x9a8\x0e\xe9\x102\xd9\x85\xde\xde[\x87\xff\xe0\x9a\xd9\xac\xdc\xd7euCo\x98@M'</t>
  </si>
  <si>
    <t>b'~\xa0\x1e\xd7ej*.\xbb\x9e\xc3\x16\xac\xe2\xaes\x1c\xba[\x1b\xca\x7fo\xe9\x9d\xdb[\xe8\x07T \x97'</t>
  </si>
  <si>
    <t>b'\xd4\xa4\x83\xf6;\xb1{\x1c\x87\x13\x8d\x8fx)C\xe1\xa0\x9d\xc3=\x12gFM+\xcau\x8ad\x17\x9d\xc8'</t>
  </si>
  <si>
    <t>b'\x93\x80\x02\xed\xfeK\xbe\xdb\xc3\xf3\x10(41\x07\xfa/\xec\xa7O\nSd\xed&lt;\x88r\xddB;\x96\xeb'</t>
  </si>
  <si>
    <t>b'SiS\xbeC\xbe\xa6\xa2#\xf8\xb0\x95\xd8\xa9\x08$j\x0e\xe9\x1d\x87\x87WP\xe2J\x07~[\x8ds1'</t>
  </si>
  <si>
    <t>b'~\x0f&gt;\xa7\xdb a\x84m\xde\x9a\xaf\x92\xa3h.\x8f\xc1\xd1Fk,~\r\x87\xb1\xac\xc0\xec\xc2\x88S'</t>
  </si>
  <si>
    <t>b"\xaf'\xce\x9bx\xcc\xd0\xe6\xfb\xa7\x08\x84\xac\xc7j\x89o\x07CP\x1f\x0c\xd8\xd6\x05\xdb;\x85\xc6+\x1a\x1f"</t>
  </si>
  <si>
    <t>b'\\\xd9\xef\xa8\xdb\xe3\x92\xf8 a\xba\ty4\xf7BUQ\xa3\x9bc\x9e\x15wt4\x18\xec\xb6\xbc\xe5\x9d'</t>
  </si>
  <si>
    <t>b'\xadEe\x96\xc3\xf2\x10\xcb\xd5\xba\x1d\x00\x15j\x91Q\x81!{\x1bW\xfc\x0b\xe0\xb6\x84)\xcc`\x0b\x83M'</t>
  </si>
  <si>
    <t>b'\xde\xc8t\x1d,\x06\x1e+j\xf5\x13\xd1\xa8\xe7\x93ir\x86\x91K\x1f\xe9\xd16\x1d\xf7(\xaa\x8f8\x8bb'</t>
  </si>
  <si>
    <t>b'\xf3\xdd\xed\x8b\xca&gt;\\\x97\xf2\xe1\xe8i\xcdy\xa3{\x1d\x95\xb3\n\xf5\xdc\x91ud\xdf\x92\xf9\x99\x16\xf0O'</t>
  </si>
  <si>
    <t>b'\xd3\x0e\xde\xfc\x96\xd6\x82&amp;\xbb":\x08\xf78\x8d4\x93\xd4\x1b\xa9xe&gt;h\xa9"d\x12\xc8\xd0\x0b\xd7'</t>
  </si>
  <si>
    <t>b'\x92\xbf\x1b*)\xff\xd2\x05\x98HO\xc3\xec+&lt;\xf1\xe5\x14\xa0\xf0R\xbf\x85\xe0\x9b\xbf\xd8\xa3\x0e\x87\xf7\xfb'</t>
  </si>
  <si>
    <t>b'\xb9\x94\xbe\x96\xa6\xbfCN\xb6Xn\x99W\xf7\xd74c\xdf\xc4;\xafq\x95Hhu{&amp;\x13\xb0\x88\x94'</t>
  </si>
  <si>
    <t>b"\xdd9\\\xae_B\x10'}\xdd!v\x07O\xdb\xf3\x98\xc0\xf5\xbd\xe1B%\x89\xff\xfe\xd6\x0e\x17\xd8]D"</t>
  </si>
  <si>
    <t>b"^J{Y\xbe\xd5y\xe0'\x9e\xa5\xc30G\xb8\xf6w\x83\xaf\xa3\xef\xdd'NX&lt;n\xa5\xa8\xbf\xf8Y"</t>
  </si>
  <si>
    <t>b"9\x8f=\xa1\x8cs\xef\xd4\x89\x1co\xe2\x93\xbe\xdb\xf6IyG#\xe9\x92T':\xcf\xf7\x03\xc3\xd0\x1b\xcd"</t>
  </si>
  <si>
    <t>b"\t\xe6\xf4T\x0c\x16\x8e\x96\xb3\xe9\x8fq\xc88L2N\xd36\xcc\xfcSc\x93k\xda9_'wu\xc3"</t>
  </si>
  <si>
    <t>b':a\xcb\x9d\x96\xba\\J\x1eu(\xc7&gt;\xc2#\xcd\xc2\x7f\xe0\xfb\x80\x0c\xbd\xc9t\xdc\xc1\x90_J\xabg'</t>
  </si>
  <si>
    <t>b'%$\xb2\x0c\x86a\x92\x17\xca\xf0\x1d\xc6\xd1\x82\xab\xbc\x90\x9e\xedhm\xbd\x95\xe2s\x02\x13:\xe6a\x01\xb0'</t>
  </si>
  <si>
    <t>b'\xd4\x9e\xa9\x07\xe9\x03w\x07&lt;\xd9\xc7\x9c\x1b\xbf\xb2\xb0\x15\xb7\x94;\xe9\xfa\xc0J\x08\x03L\x12d\x07k\x13'</t>
  </si>
  <si>
    <t>b'(\xde\xd2\x9e\xff4\xc7\xe8\xec\xf1\xbd\x0c\xa8\xba9\x1an\xcf\xf3G?5k&lt;\x9eC$\xdb\xc4i\xf3T'</t>
  </si>
  <si>
    <t>b'\xd5\xcf\xf9\xbdH\xdaK\x1d\x11\\\xa4\xc9\xb3u\r\x11\xc1 ,E$\xf2y\xa2\r\xbah\x1b\x11\xe2\xb4\x11'</t>
  </si>
  <si>
    <t>b'\xd1\x98\xee?\xfb\xa2\xc4\xa2\xc18yz\xff\x19\x1d\xebf\xc9u{=x[\t\x8c\xd9\xc3\xb6\xd3\x8e\xfe\x08'</t>
  </si>
  <si>
    <t>b"\xcb\xaa \xff\x7f6'\xc2\xa8CX\xfb\x90\xea\xb8&lt;\xc5^\xbcg\xaf\xdc\xf1\xb1rd\n\xe4\xa6\xe3\xb3\xbb"</t>
  </si>
  <si>
    <t>b'\xdc\x8bl\xd4\x89\x92=\x1a\x8a\xd4\x80\x95\xfa\xd4\xf9\xaf[d!\x8df\x95M\xf7C\xa8\x9c\xe3\x95\xe3\xbf\xb7'</t>
  </si>
  <si>
    <t>b'\xe3\xf3\xd7\xe0\xde\nN\xda\xa9\x96\x7f9\x85\xd9\x96\xf8!-\xb7\xc2\xb0\x16\x08\xb2\xd4C3\x100]uz'</t>
  </si>
  <si>
    <t>b'4\x89]$\x07\xff\x06\x94\x11\xc8\xca$\x9e\xeaF\xad\xb3vpPL\xbc6\xec/\x958\xc9\xc6\x7f\x01\x9a'</t>
  </si>
  <si>
    <t>b'\xf1,A}\xc1F\x05qt\xbau\xb8Y\xc4D\x94\x15q\xe3\x08\x13\x07\xb9\xa1\x08\x87&lt;\x89\xad\xb0\x12\x0f'</t>
  </si>
  <si>
    <t>b'B\xe5\xdfu\x14\xbcw\xd7].\xc4\x19\xd5\xf6\x83\x90\xc0r\xc9*\x1d\x7f\xef\xd0\x97\x81fq\x91\xe9\xbfi'</t>
  </si>
  <si>
    <t>b'\xc4Gq@W\xa9Q\x1c2\xb7\xf2K\x9d\x7f2\x06\xb8b[\xb9\xe4\x11\xbf\xc8#\x8e\xa6^\x1fZ%\x8d'</t>
  </si>
  <si>
    <t>b'L+\xb8\xc4\x85\x18\x11\x82Gz\xf4v&lt;\xe8n\x8a\xa9pD\x07\xcag\x90p\xb9\x8a\xcf\xcd\xd6\x90\xf2\x90'</t>
  </si>
  <si>
    <t>b'\x829\xd2\x89\x8e\xf2\x07;\xc6N\x8b\x9f\xff\xd6Q\xb2\xe4.\x12\x81Ss\xbc\x88\xd1\xad`\x1c`=jT'</t>
  </si>
  <si>
    <t>b'\xc2\xda\x12\xa9\x17\x08\x86\x9e8\xf1\xddE7m&gt;z\xce\x11\x99YF\xc4\x7f\x11\x8e\xd2\xeesc\xf1!\xab'</t>
  </si>
  <si>
    <t>b'z\xdb~d$IJ6\x89Pl\xe6\xb2\x0f\xa0\xfe\x08F\xd3\xd2\xe4\xe9v7.\xe9\xd2\xc7\x0b\xbc\x9dh'</t>
  </si>
  <si>
    <t>b'n\x9en\x96\x89f\xa1\x0c\xab\xef[}7\xdaJ\x1c\x89\x16q\x8b|\xc0H\xc8E\x1d?\x02{\x01i\xe7'</t>
  </si>
  <si>
    <t>b'\xfaM\xb1\x7f\xadf\x97\xc7\xe5\x984Z\xd0e\xf2\x8e\x7fm\xd0\xa8\x1a\xc8!S\xd6\xb0\x00\xe8f\x91\x8d('</t>
  </si>
  <si>
    <t>b'\x06\xa6/\x07\xd3\xf7\xbfu\xda*e\xd9\xe2\x0c=\x1dv\x03\x88\xc3G\xb3\xc2\x10\xa2l\xcdvK\x82h\xc2'</t>
  </si>
  <si>
    <t>b'N\xeb\x11^O\xbd\xfauA|d\xe6ck\x9dgd\xc0\x19w;9do\x18\x0f1\x99-\x0e\x1c\xb3'</t>
  </si>
  <si>
    <t>b'\xc1\x820i\xb7\xf5\x90\xd4Y)v\xff,|+\xbf\xe1\xab\xceP\x11#\x01\x935L\xb7\x9e\xd9\xae\xf0\x1a'</t>
  </si>
  <si>
    <t>b'\x10[\xf0!eX\x84b\x1a\xf2M\xa0\xe4\x17&gt;\x8a5\x91fjK\xf8\xb4\x02\x8f\xa0O[\xcb%"6'</t>
  </si>
  <si>
    <t>b'~b\x8d"^\x8dq\x04\xd4jIG\xe4\xa1|\xddS\xe6\xf4X7\x8f\xae\xdf\x036yj\x03\x960H'</t>
  </si>
  <si>
    <t>b'\x16\x1f\x8b\xbe\xc8\x92\xd5\xde\x8c\x13\x1c\xd0[\xd9\x9e\x99s\x82\xcd&gt;\xef\xdd\rA\xd3x\xfaG?\x0e\x85{'</t>
  </si>
  <si>
    <t>b'\xbdi\x8c!\x1d\x9c\xa3L\x13\xbb\xc5\xc0&gt;\xc7&gt;f\x88R_\x9d\xb2\xcd8\xb1{\xca\xbdiR0jW'</t>
  </si>
  <si>
    <t>b'\xc9\x00:\x06X_x^W\xd4\xff\xaf)\x90\xc3L\xa3\xbaX\x13\x8c`\x0c\x95\x11\x03ryx\x8d#+'</t>
  </si>
  <si>
    <t>b'\xbe\xe3/\xd4\xa6\x7fm=\x0f\xc2\xa8\xa8\x1e\x9bk(\xa9\x9e\x1e\xdeH\xc4\x1b}Tw\xcc\nu\xb8o\x89'</t>
  </si>
  <si>
    <t>b'\xe8\xa6}d\xb2\xd1\x1b :U\xdd\xd5\x11=\x9c\xfc\x06\xc0\xe7\xc8=\x943\xef\xfc\x93\xad\xd1Or\xb7\x0b'</t>
  </si>
  <si>
    <t>b':\x8ak\xaa,\x96\x11b\x1d\x8e\x95\xc9S\xe0T"\x9f\r\xd2`\x9c\x88l\x9dRz\xc5\xd7#\x944\x17'</t>
  </si>
  <si>
    <t>b'0\x84\x95q84\x84\xaa\xa9$\xa6\xa2\xdf\xe4\xae\xff\xeat9\xfe\x95\xab\x8c\xaff\xfa\x81%!\xc1\x05\xc3'</t>
  </si>
  <si>
    <t>b'\xc5\xaf\x00\x9c\x0c\xd1X\xdd\xc1#\xdf\x8cC\xdbg\xd3\x03~\x98fA\xc1\xda\xabu\xb3\xbd\xf9\xd6\xc2\xeb]'</t>
  </si>
  <si>
    <t>b'U\x03\x8e\x00\xd6\x8d\x18\xea\xb9Z\xa8-2\xb8\x131\xa0\xf8\x0c*Pr\x08@\x16\xf2\r\xfb\xc0\xaf&lt;4'</t>
  </si>
  <si>
    <t>b'\x97\x006a\xc5K\xaa\x1c\x06jk\xaa-\x03\xe8$\x986\xd5\xf4\x17E\xc6i1\x88P\xa7\x96\xf0c\xaf'</t>
  </si>
  <si>
    <t>b'^\xde\x95~\x9e\x91\\[(\x89\x84(\x86j\xc7\xee\xd9\x06\xc0j(\x11H9\xfa\xc3\xd9v\xba\x9bd='</t>
  </si>
  <si>
    <t>b'\xad\xaf\xfe\xad\x0c\xc2K.\xe2d\xf3\xe4\xfc\xbe\xc2$\xf7As\x8b\x80\x8beN\x137\xa53\xc0q\x12\xb6'</t>
  </si>
  <si>
    <t>b'\\\x16\x14U\xf8/\x81m\xbf\xd1\x10!^\x8a^\xbcN?\x83\xc8$\xf7\x84\x10\xde\x1alYp\xf1\xdd\xba'</t>
  </si>
  <si>
    <t>b'B\xd3p\x8a&lt;\x16\x95\x04\xa9\x1d\xd1v\xe4\xc4\x7fG\xc9m\x94\xe7+\xc1\xbcZ\x00VM\xc8\xca\xc9i\xa9'</t>
  </si>
  <si>
    <t>b'.\xd3\x1e\x84 ;u\xde\xb4\n\xce#\xf4\xd7\xb5\x11\x13\x82\xb1W,\x12\xd0\x0c:\tAE\x19|\x14\xef'</t>
  </si>
  <si>
    <t>b'c\xb6\x9a9\xbfV1\x84\xfc\x89\xb2\x9e\x04\xa4\xa6\xaez\xe6{\x94\x95\tT\xc0e\xcb\xc3\x0c\xa0"\xbfG'</t>
  </si>
  <si>
    <t>b"L\xbe\xa2?\x19\xc1\xfah\x8d\x02b\x17\xaaR\xe3\xf9\x99Om\x8e\xcb{`T;G4,\x1f\x8c'\xa4"</t>
  </si>
  <si>
    <t>b'e\x00\xbf\x1aA\x02\xea\xb7AY\x04\x88\x896\x90\xab~\x9e\xe6*t\x01\xc42\xf4\xbdT \xa0"\x85\xc6'</t>
  </si>
  <si>
    <t>b'v\x8b9\xbd-\xc1k\xab\x9e\x0b\x80[\x1a\xde\xc9\x06\x86\x0f\xf2bl(\x82$\xc4\xc9s\xfcX\xf7MC'</t>
  </si>
  <si>
    <t>b'\xb3\xe9.\x9f,\x9c\xa9\x08\rDB&gt;}\x0e\x92\xd60\xba\xb3f,\xcc\xd5\xae\x8dq\xc6\xa8\x8cO\x80X'</t>
  </si>
  <si>
    <t>b'\xaa\x83\xadB\x1cU\xdb\xc0\x8a\xa7\x12q\x1br\xf1\xa3\xcbv\xb0 \xb3\xe8\xdc\x82T{\xff\xb8I\x08 N'</t>
  </si>
  <si>
    <t>b'A\x03Q\xb0f\x1d"K\xaa\x90\xbf=\xdb\x1eB\xa5\xc2\xd4\x96\x1dg\xd3~\xf2\xa2\x9d\xeb\xe6\x0bY\xef\x1a'</t>
  </si>
  <si>
    <t>b'\xfa\xa2\xe3\xb3\x00\x92U\xef\x9f30\x99%}\xa9&lt;\x18\xc0\xd4uRTGn~\xe7\\\x08\xaa"j\x11'</t>
  </si>
  <si>
    <t>b'\x9aD4Q\xb0(=m\xa7\x94\x82\xb64\x01\xf5\xdfB\x1e\xcfD\xcb\xcc6\xbfH\x84\x91\x9fzP/4'</t>
  </si>
  <si>
    <t>b'\x11\xdc\x8bD\x8b\xfdE\xe6\xa54dgQ&gt;&amp;b,`\xb7=x\x08\xfb\xbe)\xcec\xb7\x0b\xbe\\\xb4'</t>
  </si>
  <si>
    <t>b'*.\xeb\xb7\xe4\xd5\x9d\xe6\x1cL\xbd2\xda\xe2\xf46L\x130\xe2=\x87o\xae\xf4\x89\xd5\xef\xc2\r\x8c\x9a'</t>
  </si>
  <si>
    <t>b'=Z0\x82$\t-zT\x03\xc4Qc6g\x9bj\x06\x11\xf8\x0c\xdb\xab\x91\x03\xea\x9eP\xd9r\xd4\x94'</t>
  </si>
  <si>
    <t>b'\x82\x8ay\xe6U\xaf\xe3d^=\xcc\xb2\xc0}\x93A\xc0\x8a\xcf\xee\xfeP\xd6G\x99\x07&gt;\xa3\x10\x9a\xb61'</t>
  </si>
  <si>
    <t>b'\xed\x08\n5w\x8cF\xa1v\xd6\xc5\xe2\xda\x00\xbd\x93h\xfe\xe4\x05B"]\xcd\xfa\x82s\xd9w\xbd\xca\r'</t>
  </si>
  <si>
    <t>b'\xe0\x8b\x19P\xab\xb24\xf2\x00*\xf5Ss\xf5?\x9a\xac\xad\xa8\xe2Y\x17*\x99"\xe0\x90\x91#\x1b\x05\x03'</t>
  </si>
  <si>
    <t>b'\xde\xabPg\x80\xe8\x99z\x01\xf3?\xccFQ\xe7ul\xb6\x1b\x18\xf2C\x01\xe9\x11\xd5\x96\xa9a\x05\x17\xa5'</t>
  </si>
  <si>
    <t>b'w\x87\x05\x90\xe9\xba\x8c(\x10\xcd\x9ey\xb7\x16\xab\xb6\x11&lt;\xf1g\x1d\xf3\xdb\xa5\x14\xda$w\xbd;u\x03'</t>
  </si>
  <si>
    <t>b"\xa9\xc5v\xe8\xe2\xad\xf8\xb6lGf\n\x15'\xfb\xaa\x92j|\xdd\xb8&amp;\t\xa7t\xf7|\xe1A\xee\xd9%"</t>
  </si>
  <si>
    <t>b'\xc6vRp\xcd!8:!J\xa2\xa9\xcd\xa0\xe1Hf&gt;\x05x\xd7\x08\x89m\xee\xe7g\xd9Pp\x96['</t>
  </si>
  <si>
    <t>b'\xd03\r2k\xf1\xcdg\xe4\x19\x15\x87\x7f\x85\x8d\xc4/p\x88\x923\xa9z\x0eJ&amp;\xea\xa9\xeb\x8d\xcd\xf4'</t>
  </si>
  <si>
    <t>b'\xc7\xc1\x03\xce\xfa\x84\xb6\xdb\x81_\xebP\xbc\x91\xc9\x03jj2\xb7\xd8\xbb|&gt;9\xe7mT&gt;\x1b\xa0\xc2'</t>
  </si>
  <si>
    <t>b'Q5\xe7\xeb\xe3\xae\x8e\xad\xc3\x92v\x1a\x0e\x00\x93\xd7\xcc\x1a.\xc3FR\x92\x85\x0bS\x1d\xd8\xa7&gt;\x1d/'</t>
  </si>
  <si>
    <t>b'\xa1\x1c\xe9\xdf\xa6\x8a\xb0Sw\x84\xaam\xa2gs!\x95\xe4|K\xe9\x9f2\xed\x9d\xa6Dl\x07\x17\x14\x11'</t>
  </si>
  <si>
    <t>b'$[\x11\xce\x0f\x1c\xb0[\xaf\xe2\xb1\xbe\x9fj\x08q\xa9\xd8\x96\xc2\xc47\xd0\x9dC\x9c\xd0\xe29\xdf\xbfU'</t>
  </si>
  <si>
    <t>b'\x87\x83]\xc4\xea\xd3\x9fA\xca\x8ar\x87\x94\xa9S\xef\x8a\xf1\x85\x8cB*M\x19\x809v#\x95\xcb$\xf5'</t>
  </si>
  <si>
    <t>b':\\\xb9\x19?\xf4\xae\x1f\xc7-D\xbc\x8cc\x81j\xa2\xbc\xe4\xbf"y\x9a6\xc4U\xc8\x111}\x80~'</t>
  </si>
  <si>
    <t>b'aVNVw\xaa\x13^\x13\x8d\x15\xc00\xc5m\xb4\x08\xb1o#\xd5\xa7C\x7f\xc7dDy\xc1V\xc3\xfc'</t>
  </si>
  <si>
    <t>b'\x84\xb0\x97(R\x14\x17\xb4uD\x8c}\xb4\x84\xaa\xf821(\x96\xad\xcf\xafZ\x12!?\xba\xd6\xd6\x81\xc5'</t>
  </si>
  <si>
    <t>b'y\xc8\xbf\xf0\x1fF8\x9d\xa0\x7f\x01\xb8q\xbb\xfbE\xa6\xbb\x96tq\xdc\x90\xb0\xb3^\xc0U\x1d+9\xf4'</t>
  </si>
  <si>
    <t>b'\xb4\x8aD\xbb\x89\xc14\xcf\xfd\x82\xdd\xa8\xc3\x9f\xfd`\x86\x8a\xd1\xb4A\xcf1\x1dG\xb7\x98LF\xaa&gt;I'</t>
  </si>
  <si>
    <t>b'&lt;\xfa\x90\x12\x80\xb7\xbeK&lt;l\xde\\\x0cM\x9d\xfb\x7fLR\xa8\xeb\xb2\xb0\x07\x8e\r\xca\xc2WP&amp;O'</t>
  </si>
  <si>
    <t>b'K\xdf\xbao\xc8\xa2\xd6\x13H\xcdO+\xa0\x86O\x90F\xd8\x81\xa3\xbd@\xd2\n\xa1\r\xa6H\x90\x92\x8c\xc8'</t>
  </si>
  <si>
    <t>b'Q\x8d\xcaj\xb4p\x92\xb0\x8f\x8e\xbdu/\x0b\x9b\x81 \x86\xfb\xb8\xe9\x04q9\x05\x18S\x1b\xf6\xae\xb2M'</t>
  </si>
  <si>
    <t>b"\r\xb7\xa3TI[\x14\xc6N\x94z\xac\xd9\xe1\x9a/QIv\xd4\xef\xbf'\xc9\xfb\xc1tF6\xce7\xdc"</t>
  </si>
  <si>
    <t>b'\\\xef\xee\x83\xa4\x9e\xc6\x0b\xaa\xf5\x11~\x95x\xcc\xe9\x14\xfd!\xc2\x9b\x13\xdffWE\x1c\x1d\x92v\xef\x10'</t>
  </si>
  <si>
    <t>b'qT\x91.\x99\xe1\xa3\x86\xf49\xddY\xc5\xeeC\xff\x9a\x9d\x13\x95\xee\xd0-\xa7YI\x85\x9bWo\x9a\x86'</t>
  </si>
  <si>
    <t>b'\xbf\x87{\xd3\xbd\xd3y\xcd\xf1\xdf{\xbd\x1f\xcd\x92\x82\x94\xb8\x9fz\xd8\n\xd3\xc3\xbb\x1e\xd7\x91\\\x97vZ'</t>
  </si>
  <si>
    <t>b"\x03\x86\xb6L.\x8f-uB\xe4\xa4\xdc_\xdc\xfa?'`\x15\xe2\xe6\xae\xed\r\xb4\x00\xb6\xea\x93;\x06'"</t>
  </si>
  <si>
    <t>b'&amp;\x9e\xa7\x8ag\x8f*\x04p&gt;_\x9e\xd9\x01!\xe8\x88\xee\x11Sq9\xe8\xdeU\\\xc2\x96\xb0\xf8;.'</t>
  </si>
  <si>
    <t>b'\x8d\x8dp\xdd\xf7\x13~\x12\xdfZ\xbad\x97\xafg:AbNL\xd1\n\xed$\xc0([7\x8cM\xa0\xfb'</t>
  </si>
  <si>
    <t>b'Z\xcd\xdf\xcagBz\x87\xcb\xd0ewV\xe8\xc9\x01\xc6\xc18*^\t\x8e|\x95u\xa0\x86w\x85\xecM'</t>
  </si>
  <si>
    <t>b'\xb0\x8dL\xaa\x8c;\x9ea\x84EQ\x1e\xc3\xfa\xd8\xc0\x1890o\xa6U5\x8b\x97\xd5\x83EL&gt;\x95&amp;'</t>
  </si>
  <si>
    <t>b'\xda\x98\x1d\xd7\xe1\xfc\xd1&lt;\xd5K~\x85\x15`\xe2W9+\x14\xcd\x88\x06\xda\x8f`{\x8e\xb6\xd2\x8fzo'</t>
  </si>
  <si>
    <t>b'h2\xec\xc7\xa4\xcc\xb1\x96\xc3\xd7|\r\x92XD6\x9f\xbfV\x04 \xb1\xca\xb4\xf2\xa4\xa7,\xf9y\x02\xcf'</t>
  </si>
  <si>
    <t>b'jU\xe0\xc83\t\x08w+=\x03x\x81\xef\x06&gt;\x82\xce\xab\x18DEH\x07\x93\x8cSab\x1f\xd0\xa4'</t>
  </si>
  <si>
    <t>b'\xf65w\xd4\xa5\xbb\x9f\xaa\xc4C\xaf\xe5\xc0\xc34\x89&amp;&amp;x[Q(\x94\x14\x19\x94\x18\xe8;\xe34\xd1'</t>
  </si>
  <si>
    <t>b'\xc6F\xa7#\x94)\x95\xb2\xb9\x84\xbe\xea6\x08\xbc,}Rhb\xe9\xe0q\x88\xa3\xd1_\x11O\xd0\x0bF'</t>
  </si>
  <si>
    <t>b'\xa3\x9eF\xc3\xc7&lt;\xbe\xab\x98^\xbd\xa6\xaa\x82\x8dP\xc8\xdd\x01\xaa\x17\x18v\x89^{s\x87\xd43\x977'</t>
  </si>
  <si>
    <t>b'GqIptG\xd3\x86\xb1[\xacV\xa3qJ\x18\xe5\x92\x7f\xa2Da\xd1Q \xb4\xf0\x12=\xa5f\x95'</t>
  </si>
  <si>
    <t>b's\x97U\xefy\xd6\xcex\x0e\xf5\xa5O\xcah\xbf\x1c\xae\x06\x0e\xfdr\xe8\x0c\x93\x0b\n\x06&amp;\xec4\xed\x01'</t>
  </si>
  <si>
    <t>b'\x05"\x97\x1b\n^zI)L\x06\x84x\x1e\xcfB\x84\x1f\xc8\x01r\x07\xd4\xfc\xae\x94\xd0\x16\x84x\xe0\x9a'</t>
  </si>
  <si>
    <t>b"&amp;\xca\xa6m\xae\xb5\x86\xd5-\xc8\xf2'\xaf\xfcg\x16\xdf%\xd0\x8d\xee\x99\xac\xfdC\xf5\x8c\x18\x08,2\xd2"</t>
  </si>
  <si>
    <t>b'\xd1H\xfb\xd1J\x13ma\xa9(\x1bZd}!\xec\x93\xe3\x02\xca\xcc\xaa~ZDI\nT\xfa\x8a\xaf\xd9'</t>
  </si>
  <si>
    <t>b'S\xfa\rX\xdc\xf4\xe3\xffj\xe9\x86\xb0\x16q3\x0b$\xc5\xa4uHw:\xf5\x99\xa3j\xdc/A\x9fj'</t>
  </si>
  <si>
    <t>b'\xf7q\x19K\xcdX\x19+\xf7\xf5\x17\x07\xb8\xae\x07&lt;\x19\xc0`s\xe1\xe1\xb0=d\xc02X\xe8\xe25\xf5'</t>
  </si>
  <si>
    <t>b"m\xbf\xd4\xc9N\xe0\xc9\xcf\x84\xffh1\xeb\xa7m2\x18\x89\xb5\xd5\xef\xd1\x87K'\x01]hw\x97h\xce"</t>
  </si>
  <si>
    <t>b'4c\xd4\xd2\xb8xP\x80\x9c\xb6\xae4\xbbL\xf3\x1bk\xbcY\xad\x9a\xe2\x96\xb7\xbduD\x00\xd8\xa4k!'</t>
  </si>
  <si>
    <t>b"\xe3\xb9\xcfLd\xcf\xe6\xd9\t\x82\xf8N\xb13l\x0eRU:\x04'\xcf\xaeNt\xbfaX\xc4\x12\xa2|"</t>
  </si>
  <si>
    <t>b'H)iG\xdd2\x03\t\x9aF\xd7 \x9dN\xa1\xe5\xd7Mg\x110\x92\xa2\xc8\xac:\x86\xfd\x03\xbe\x15\xca'</t>
  </si>
  <si>
    <t>b'\x98\x16\x01\x06)\x924\x83\x92\xe2\xdaO\x86\x827\xea\xf3\xf0\x16\xe3S\xe5\x88\x1e\x1b\xab\xe9`\xd4\x8f\x1d\xb3'</t>
  </si>
  <si>
    <t>b'\xc5\xab)]\x8f}\xcf%\x8f\xa5|V\xdd{l\xf4\x8d\x87\xdbr\x1f\xfa\x05\x8a\xe0\x1ca\xe1\xca\xbb\xae\x0e'</t>
  </si>
  <si>
    <t>b'HB9|\xc3H\x12\xcc+&amp;|\xa5\xb3\x8d% OjP:\xab\xbb`\xd1!\xd0\r\x9b\xd7\x9d\x87\xf6'</t>
  </si>
  <si>
    <t>b'\xca\x00V\x1a\xbe@Bh`\xd74\xe4D\x00\x19sW\xdb\xd9g\xe0\xe9j\xaa\xa8\x98~\xe5H\xbb\x11\xe7'</t>
  </si>
  <si>
    <t>b'\x87\x95\x8d7\x0f)#\xefqe1\xff{ \x9eU\x95\x16\xca&lt;&gt;\xb8\x9fY\x1d)\xda\xe8\xf7(\xdd\xdc'</t>
  </si>
  <si>
    <t>b'Xe\xff\xaak.\xad\x8a@\x02\x81\xac\x98\t\x02jN\xc6\x80\xd5\xd0F\xbbm\xbe\x06\xb6\x06\xf7\xae\xfa\x82'</t>
  </si>
  <si>
    <t>b'\xf3\xe0\x86\t\xe6S\xaf\xdc\xb2P\xde&amp;S\xf1\x14N&gt;\x9a\xf4\x04\xedS\xfd\x9f\x7f\xbe\x92\x80\xac\xe5\xf8r'</t>
  </si>
  <si>
    <t>b'\xe8U^1]\xc3\x15\xcd\x0f\xca\xe6\x11\x9d\t@k\x0f\xfbG~\xe3\xf9\xef\x8b\xfeH\x17\xe9k\x80\xf0\xb1'</t>
  </si>
  <si>
    <t>b'{\xbd\xe3\x1b\xab\x81\x0f\xe5\xd1S\x16\xf1?)=1\xa8\xfc`\x9e\xb0wA\xb5\xdb\xdb\x9fux\x04\xc0\x8b'</t>
  </si>
  <si>
    <t>b'\x93\xefT%\x8ft,\xf8\xba\x11\xf6\xb3\x96)\x0c\x06\x86a9t\xb6\x91\x8c \x07U\x9a8\xa2w1\x91'</t>
  </si>
  <si>
    <t>b'\xf5\xc9\xb2\x10\xef\x7f\xf0\x9a\x0e\x82\xce\x949\xd4\xd6G\xa8ae\x94\x03\xb3\x9evV\xa9|"\xfa\xe1\x0c\x10'</t>
  </si>
  <si>
    <t>b'\\L\xe8\x85\xc7\x85\x95I\xfat\x93pR\x86t\xef\xf4M\xf9\x97\x0b\x93;\xad{(g\xa8|)\x82!'</t>
  </si>
  <si>
    <t>b'\xb6ix\xcd\x82\xad\x84l\x9aS\x9d\x17 \x97\x075\xa4wg\x19\xec\xf1\x10\xa0\x1f5oYI?\xc6u'</t>
  </si>
  <si>
    <t>b"V\xa1\xbcG\xcf4\xeb\x8f\xe1o\x07\xea\x90\xf8\xd6'\xf3\x86\x9f\xb8\x80\x0e\xb4)$sLxO\xce\xec\xaa"</t>
  </si>
  <si>
    <t>b'\x03mB\xc1\xff(\xca\x8dlo4\xa9\x17\xe0\x1b\x9d)\xb2$&amp;2]\xea\xd9\x85\xf1)\xd1\x82\xfcF\x10'</t>
  </si>
  <si>
    <t>b'\x9b\xa6\xedp%\x83\xfa\xde~iZ\xab\xbf$\xc5&lt;w\xa4\x88\x83\xa2\x06z\xfb9\xaf\xa2\xfe?%\x03o'</t>
  </si>
  <si>
    <t>b'\xab\x8e\xcd@\x96S@\x0fL\xa6\x91&amp;N\\D+\xc7Z\x7fAYA4\xea\xf7\x89)\x16\xa7\xa3\x1a`'</t>
  </si>
  <si>
    <t>b'ka\xc8lL6f.7L\xa9-\x83[\x98\xa9\xb1\xdd\xd8\xc2\xd7\x04\xde\x03O\x03\x8e\x1b\x8c\xff\xe9\x11'</t>
  </si>
  <si>
    <t>b'|\xfc\xcf\xfaJ\xc1\x82\xe0\xc9\x03q\x89\x82\xe7\xa4K\xc0\xb8\xfb\x96\xb5]~\xa8\x18+\x88\x1c\xbaS\xd3\xe0'</t>
  </si>
  <si>
    <t>b'\xdc\xa7\x0eq\x0c,\xf6\xed\x91m-\x0c\xb9\x9fe2}E\x07\x9fj\xdb}\x07 \xc6\x8d\x84K\x8e-\xa7'</t>
  </si>
  <si>
    <t>b'\xeaL97\xb0\xc1&lt;n\xb5\xf98\xe8\xa1L\x04UWp@8\x9eg\xa7F[L\x10\xdb\x00\x97\xfb\x9a'</t>
  </si>
  <si>
    <t>b'\x06\x87\xe1\x10W\xbd4_p\r\xaf\xe6cb\x08\xd9|\xdaM\x1c!,\xd5sg""R\xc4B\xa6\xee'</t>
  </si>
  <si>
    <t>b'\x14h~\xd5\x9c[\xb4\xa7;\xb8J\xf3\x1dW%nkxv\x7fg\x8d]\x8b\xddbMH\xb1\xbe\x85J'</t>
  </si>
  <si>
    <t>b'\'\x1e6\xeej\x9f0\x1a\xc9\x8bn"\xd3\x95s\x81,\xff\xa9\xbb\xce\x97"\x90\xf7\xa3\r+.\xe2w\x91'</t>
  </si>
  <si>
    <t>b'T\xe5Kk\x11R\x8a\x85\x8c\xc4\xfd\x8c\x88P\xc9 \x9d\xd8W\x03`\x07\xd6\x99\xd3(\xfc\xce\xc5\xb0:\xf2'</t>
  </si>
  <si>
    <t>b'\xec\x1c\x9eZ\x12Y\xc6\xebS\xb9/\x85,\xfdy1\r\x0e\xd4\x81\xbd]\xe7\x94\xa6\x8f\x11@\xd94X\xd9'</t>
  </si>
  <si>
    <t>b':\xf2\xb8I\xe3\xc2\xb4\xf8+\xcf@\x84\x9by5\xb81\x01\xf7\xd9:\xcff6\xd7\x05|;\xf4\xae\xdc\xd4'</t>
  </si>
  <si>
    <t>b'`i\x94\xde\x08\xf6\x9a\xb4\xb2\xae#8\x9e\x93\xec\xdfd0\xa0J\xc4\xecA\xde\xaa\x17\xcc\xab\xad\xdcf\xde'</t>
  </si>
  <si>
    <t>b"J\x03\xcb'\xff\xac@z\xbfk\x13U8\xf3:\x90\x15_\xf9\x11U|\x92\xa2?\xc5\xdc\xb0\xee\x82\xcb\xe4"</t>
  </si>
  <si>
    <t>b'\x91,iC\x91\x19i\xb6\xdcI"I .\xe0_\t\x89\x89\x98\x18,\xea6\x96C\xe0q\xd2\xb6F,'</t>
  </si>
  <si>
    <t>b'\x0f\xa7\x91t\x0eNsX\xba_\x85\x9a\xb2v\xa1N\x02 \xa5\xfaS\xda\xa7P\xdd\xfd\x8d\xca\xabb\x97\xb0'</t>
  </si>
  <si>
    <t>b'\xf9\x11B\xbc\xd9(\xe28/\x8a\xc1\x16\xab\x18\x8e\xaau\xbb=\x07s\xc6\x7f"\xf5\x80\x881\xc0B\xe2~'</t>
  </si>
  <si>
    <t>b'O\xe0\xfa\xa3\xcf\xd6\xe9\x8eo\x01;\xb7\xf1Xt\x8d\x1a\x1f\x83N\xe5\xc4\xca\x0bm\xb2(S\xde\x0e\xd0\xf1'</t>
  </si>
  <si>
    <t>b'\x98x.f\x9e\x9a\xbe\xe39\xd3 \xbc&lt;\xec\x84d\x83l\xa8\x11`zNh!j\x1aLX\xcc\xa7\xb2'</t>
  </si>
  <si>
    <t>b'\xb9\xf1\xbb\x9b\xd85!iq\xffI\xbc\xec\x90\xd8\xac&amp;\xbbZ\xef\xfc\x85\xbf\xf3Q\xfc\x96n\xf1q\xc8\x03'</t>
  </si>
  <si>
    <t>b'\xd0\xd0"\t\x13c42O\x11\x97\xfd\xef\xb8\x9c\xa3\xae%\x8f\xbb\x80*Aiw\x8e\x03\xf2R&lt;\xa7\x98'</t>
  </si>
  <si>
    <t>b'\xc5\x88\x94\x93\xb3+Q\x15\x86\xc0rb]\x9a\xe8&gt;\xbc\x98\xd5X\x99\x9c\x0b\x9er\x17\x87\x9a\xe4\xe3\xb2\x95'</t>
  </si>
  <si>
    <t>b'\x15\x15\x80v\xa7N\xf4M`~\x15\xfb\x9f\x9a\xc1(\xc9\x1ae\xb3\x00\xf6\xfb\xf7\xbf\xe5\x04&gt;\xde\x1d\x8bw'</t>
  </si>
  <si>
    <t>b'\xd5-\x96&amp;\xce\xaaN\xb1\x16\xf3\x9b\x1d\xfb\x7f\x11\xccBE&lt;\xa62\x04K\xcaL\x05V\nU@\xbcK'</t>
  </si>
  <si>
    <t>b'\x18\xd0\xdb\x00\xfe\x9a\x13\x91{\xa2s\xce\xa1\xfeD\xa2;~S\xb2v\xf1\xcc\x01\x13fMi\xd2v\xb4\xb1'</t>
  </si>
  <si>
    <t>b'\x81\xe2\x14\xc0\xb1;\xa1&lt;T\xa5@;\xce$\xc5\x14&amp;\x1b\x07f\x82]2\x15\x0b\xa1%\r,\x87\rj'</t>
  </si>
  <si>
    <t>b"+(p'\xf3\xcfB\xa9\x17\xef\xbe.6'\x19\x13\x11\xe5\x1f`\xce)\xe3\xda\xb7|\x87\xf2\xe2\xa0u\xd7"</t>
  </si>
  <si>
    <t>b'6\xd9\xc7O2\xd1p\x9b\xf0\xa2\xcf\x17\x92(\x1e\x9b\xb3-\xd8y\x7fS\x855X\x86\xea\xf9}\xbc\xd62'</t>
  </si>
  <si>
    <t>b'\xd4\xcc\xda"i\x11\xccf(\x84S\x10oo\xd0\x94\x05\x1bj\x0frXc\xa4\xb1\xd1\xa1\xcbQ\xd2\xe9\t'</t>
  </si>
  <si>
    <t>b'r\xa0k\xa6\x87n1p\\\xb8e#\xe9\x07c\xf8p\xdc\xfd\xac\xd4\xa84\x02\xbf\xee\xf1\xfat8Fn'</t>
  </si>
  <si>
    <t>b'\xca\x950[\x15\xae\x18*\xe9P\x9e|\xdc\x8c\xa9\xfd\r\x93;v\xcb&amp;)D\xe2\xc7\xe6xb\xf5t\xfb'</t>
  </si>
  <si>
    <t>b'\x93\xc6\x07\x90-\x16\xc4\x04\xbdt\xb2\xb8\xd5\xf6A|\x8e;\xde4\xf5\xb4\xba,Y\x83\xc0\x1a\x90e\xbb\xf6'</t>
  </si>
  <si>
    <t>b'\xae\x1c\xb33\x9b\xa1\xf0a\r\xab\x1d\x8fk\xde)\x0c\x08V\x8e\xa5\xdc\xc1\xaa\x86\x86\x11u+0#m\xd5'</t>
  </si>
  <si>
    <t>b'\xf8/Z9+E\xba\xe4\xc0\xfd\xee\xec\xdfA\xe6\x1b@\xef\xd2\x08\x14\xb4\x11&amp;!\x83R\xa9\xef\x16\xf9\x86'</t>
  </si>
  <si>
    <t>b'9Z\xa1\x81B^9O\xfd\xdeIt\xc8\xaef\xcf\xc6\xbe\xb8\xd7\xc6\x1b\x1d\xa2\xd0T\xae&lt;\x8d\x19\x1fm'</t>
  </si>
  <si>
    <t>b'\x11I\x92\x16\xcc\r\xf3S/A\xd3\xb9\xd8G\xc2g\xb0\xcd\x89|\xc4U\xe3Q\x18[\x19\x97\x9d5\xf9\x19'</t>
  </si>
  <si>
    <t>b"\xd8\xce\xcc\xf4\x7f\x9c\xf1&gt;CK'@\x85\x19c\xd2\xe2\xa6\xf1\xdc\xe0\xcd_;\xf3o\xcb\x0c3\xb7u{"</t>
  </si>
  <si>
    <t>b'Ly\xe3\x9a\x85\xe3\xaa\xffA\x10\xbfw#q\xe8\xa6\x96\x07\x87\xb9\xfc\x85\x0e\xcb\xb3P\x93\xf2,\xf1\x8b\x05'</t>
  </si>
  <si>
    <t>b'\xd2\xae\xe5Oc/\x1f\xca\xbb\x82\x88Z\x89\xc2+z!v\x87\x8a\x12\xca\x17\x8c#a\xf8/\x1d\xb6#W'</t>
  </si>
  <si>
    <t>b"|+\x06OE\xfd\x88\xf1\x07\xdcU%\x0f\xf1\xd0'\x12+\xb3\xfc\x03\xb3&amp;\xde\x96\x01SyH\xb6\xc26"</t>
  </si>
  <si>
    <t>b'uP\xb3i\xb4\xc8\xd29i`\x9b&amp;&amp;r\xae\xad\x03A\xe7\xff\x9dcc\t\x01;\xb0\xd5\x83\xc6\xa5u'</t>
  </si>
  <si>
    <t>b'\xa8FQ\x99\x06*j\xae\x90~\xf1%\xa5Z]9\xbd\xc7\x03T\x95\x13QU\xc9/\xd1\x9e\xa3P\x1d\xb4'</t>
  </si>
  <si>
    <t>b'\x19\xca&amp;\xdeH\xf0\x00\xea_u\xdd\x1cn62-\x1b\xf5]&lt;\x854R\xc9\xf4\xc9\t4\x1e\x0e\x81\x1d'</t>
  </si>
  <si>
    <t>b'\x95\xac!\xdb\x1dp\x0e\xfb\x97\x06\x97s}\xb0Z\x96\x8c\x16~Mm\x1eo\x99\x8b\xda\xc4;\xfc\xed=h'</t>
  </si>
  <si>
    <t>b'\x90\xa0C\x9a\xef"\xfe~\x05\xeb\xca?\x96\x06_1\xf8\xdc\x86\xe1\xe8k]\x8a\xbf-/I:\x97\x12o'</t>
  </si>
  <si>
    <t>b'\xfbI\xa5:[&lt;x\x08\xff\x02\x1c\xfe(\xf6\xb0D&amp;\xcc\xca\x98%\xec_\xca\xec-\xd1Y\xbf\x8c\x03\xfd'</t>
  </si>
  <si>
    <t>b'p\xc5\xfb\x87\xec6\x86Bd&gt;\x0e\xec\x1b8\x0fY\xc2P\xbb\xac,\xa8\xf6_\x1a`\xf4\x93a)z\x84'</t>
  </si>
  <si>
    <t>b'\xf1\xa2\xf0\xe3&gt;=\xb4\xd0\x966\x11N\xd4[\xd1x\xf7B\x12*e\x9a\x96M\xbd\x80\xeb\xcc\x90\xads\xf7'</t>
  </si>
  <si>
    <t>b'\x8eg\x81\x9a\xa3o\x83\xbb\x9a\xfd8\x93l}\xec|\x13]\xb6\x11\x97\x18\x9c\x99\x88@k\xd4\xb4$\xef\\'</t>
  </si>
  <si>
    <t>b'$\x96V8\xf6dfx\xc6T\xed\x82\x92\x8e\xd8J\xeca\xf9\x81t\xd7P\xe5\xf3\xb7"&gt;\x91u\xdb8'</t>
  </si>
  <si>
    <t>b'\xf6j\xe4!w\x80S\x82f@a\xf8\x14t\x16\xca|R^r1Z\x1d\xe6R\xb0\xf8\x85H\xbf\x89\xe8'</t>
  </si>
  <si>
    <t>b'\xa2\xd0\x9e\x9a\xea\xab\x91\xb1\x19\xb6\xe0\xd2\xd1cSK6\xb5\xbd\xfa\xef\xe4q\xea\xcfP\xb0J\xb1\x842s'</t>
  </si>
  <si>
    <t>b'4\x8b\x0b\x97\x7fw\xe7~\xc5\xaf\x08\x14u\xe3x[`b\x8c\xfb\x8d\x19\x10\x7f\xe0\xc4lE\x16\x9b\xc8\xbd'</t>
  </si>
  <si>
    <t>b'\xf5]\x97e\x19\xe8(B\xa2\x0b\x16\xf5\xc0\x8a\x01\x13\x08e\xd3\xf8\x95\x9b\x1c\x00\xe2\xc3\x05((\xf0\xff\xed'</t>
  </si>
  <si>
    <t>b'\xb6\xc6\xdc\x85\xd6\xd0\xc9y\xf8w\xc2\x98d\xdasW\xd8\xc2\x83\xae\xd7\xe4\xa66\xf5\xec\xed"\xdd\xe8\xfd~'</t>
  </si>
  <si>
    <t>b'F\x05A\xb4?\xaa\x07%W\x15qG\x98\xff.bP0\x00,\x9c\xaa\x88N\xbd&gt;r\xca\x91\xdc\xeeW'</t>
  </si>
  <si>
    <t>b'\x00\xa4\x98\xe6&gt;\xd7\xe4v\xa3~\x91A\xc3\xca[\xbe\xf5\xf6[\x14A\x1e\xeb)\x98\x90\xc7*\xef\x1b0\xc7'</t>
  </si>
  <si>
    <t>b'\xb9\x96\xf93HH\x92\xe0H\xef\x19\xa0\xce\xcf\xa61y\xd2\x8f\xd7\xed\xd1,^\xb6\\+p\xffX\re'</t>
  </si>
  <si>
    <t>b'/z\xd8\x14\xfc\xfe\xbbK\xd6E\xba\xa7\xc8\xaf\xcd\xaclC\xd5D\n\xa2\xd2\xb7\x11%\xe4\xa9\xe2\x1b+Q'</t>
  </si>
  <si>
    <t>b'#Q\x14\xf9\xc9fW\xa6\xd5\x81\x05fO\xde\xaf\x85\x98nBE\xe2\x05\xc2\xdf*\nC\x0f!\xe7\xea\xf4'</t>
  </si>
  <si>
    <t>b'\xee\xc7\x9b\x9f\x17+\x94\x02J{\xf3:\xb6\xfa\x86\t\xed^y\xf0&gt;\x96\xfd\xe1\x8c\xed\x94!R\xfa\x1dv'</t>
  </si>
  <si>
    <t>b'@\xcfHi\xedwsl\xa7&gt;\x01\xe6"T%\x84\xcf5\xc3T\xa7\xdee\xcc\x05\xf3\x82*\x07^\xfeP'</t>
  </si>
  <si>
    <t>b'l;\xc65e#\xfc\xb8G\xa9~\xbb\x8cz9\xa6d\xbb\xdcr\xc8\xf7{\xc9x\xa0\xe3C\x18\xe5`O'</t>
  </si>
  <si>
    <t>b'\xd3\xe6\x14\x84\x14\x00\x16\xe1\xd4\xcaJ\x19\xa1?\xe4E\x86\xe6O\xe0\x04\xbf\x91\xd5\xfa\xd2F\x06\x82w\xf6D'</t>
  </si>
  <si>
    <t>b'F\xf3\xb1F\x9e#\xb2=X|h/\xfe\xces\xe0~Z-\x0c\xb8\x05\x91\xf2\x84\x0f\x04 \x7f\x1f|\xd5'</t>
  </si>
  <si>
    <t>b"\xb4Q\xee\xae\x00\x88\xb4\xb5t_\xaa\xe1\xc0\xff\xe7\xb9\x90\xf48\xefw\x90\xf1^'\xf6`\xa5\xff\x17%\x13"</t>
  </si>
  <si>
    <t>b'{\xb7\xb7e\xb1\xd3\xbf\xd1:\x10\xc0/\xdb\x18\xdb\x86\x1b\xe6\xdau\xb0\xcfD\rX\x11\xb7\x9c\xcb\xae\xa0\xdf'</t>
  </si>
  <si>
    <t>b'\xb7\x03[\xeb\xba\xe6T\xf0\x08\x83\xfe\x84\xd9\xf8\xd1`\xc4\x15\xfbl\x97\xf7\xfc\x05\xd3[\xfa|\xec\x8a\xe0\x8e'</t>
  </si>
  <si>
    <t>b'*\x08\xa3\xca\xca\xdf\xb5\xbe\xe7&amp;3R2*&lt;)\xa3\x8ap\xf4]\xb8[U\x1c&gt;\xc2\xb9&amp;\xbb9\xe5'</t>
  </si>
  <si>
    <t>b'\xbe\x08\xad3\x89\xeb\x8d\xda\x06?\xfb2V\xb13M\xa8\xd0\n\xe3w\x17\x189\x06\xf5\xcc\xe4e\xf5o2'</t>
  </si>
  <si>
    <t>b'\x9b/\xd2S\xaa\x1a\x1f\xa9pQ\x7f\x0f\xa0kh\x1e\xc5\xaf\xe8\xfeA`\xca\x14\xcb&gt;G\xeb\xa9\x0b\xf1T'</t>
  </si>
  <si>
    <t>b'=\xde\x98h&gt;cQ\x8b\xda\xd1\x80I\x13\xe59\xefS\x89\x89\xd9\xbf\x92\xb7\xed\xef6\xd0m\xf2z\xcb\xfa'</t>
  </si>
  <si>
    <t>b'z\xbc\x91Rz\x8d\xc2\xe3\x14\xa4\x9f\xf2m\x16\x16iA\xe6\x01\x83\x84%q\xad\x81\xe0^\x18X\x02H\r'</t>
  </si>
  <si>
    <t>b'\xe4\x9d\xdd\x00Z\xcbA\xc2\xe6;[&amp;O\xc7\xb0\xa78\x9aofy*\xab\x7ft\xaf\x1f\x93D\x8c/\xfa'</t>
  </si>
  <si>
    <t>b'_d\xce\xee\xdc\xbd\xcb\xa3\xdeC9\xad\xd1\x88\xd8\x85\x17\x85*\xfc\x15\xde\x95\x97e\x8c\xe8EtH_3'</t>
  </si>
  <si>
    <t>b'4\xdc3\xda\x9e\x9c\x83\xf5\x90\xd6\xae3\xfdf\x12\x08v|\x0f\xd3P\xae*IF\x06\xb1\x1dK#I\xdd'</t>
  </si>
  <si>
    <t>b'\xed\xc0=9N@\x9d\\\x1c\xc0K\x9a;\xf7\x1f\xc6\x99[U\xae\xe7?\x95\xfd\x11\xfaEr\x89\xdd3\xa3'</t>
  </si>
  <si>
    <t>b"\xf5\xe1\xe4S\xad\x04V\x7f~A\x9el\x10\x06\xd6\xe0\xc8\xc5\x95\x88r\x0f~\xcb\xd5}M\x89G\x85'\xbb"</t>
  </si>
  <si>
    <t>b'\xd58\xe8\xdc\x86\x13\x1ass\r\xa6PqL\xab:v\x06\xe2\xad\x16s\xffn\xb0\xcd\x13&lt;\x90\x9f\x870'</t>
  </si>
  <si>
    <t>b"?#\xfdq'x\xbc\x12\xbb\xa5?\xe0\xa0\xbd\xd3\x80a\xa2\xbf\xd2\xa7M\xc1d\xcfX5\xe1\xdb&amp;\xf2\xa0"</t>
  </si>
  <si>
    <t>b'",\x92\xf0\x9c\x80\xe9\xd8\xc3*\xe8P\xcb;\x14\xbe\n6\x89w\xb9\xab\xaf \xab\x0f \x1f\x18!\x97\xb4'</t>
  </si>
  <si>
    <t>b'\xbb\x19#\xa4`\xa4U\xd9\xd1\xb7\x11\xaaAF\xe7\xda\xf6Z\xc5\x11\x983\xf5\xaa74\x0b5ULK\x17'</t>
  </si>
  <si>
    <t>b'\xbd\x9c\xc2O\xb4\xea\xff\xd85\xca\x13Kk\xa6\xc2\xf09f\x869\x89\t\xf75\xf1\xe8\xdc\xc4\t]\xfd\x08'</t>
  </si>
  <si>
    <t>b'\xed)\xf6+\xb94\x82\x1d\xedT\xb3\x0eJUM\xa2\xc4\x19\xe0^T\x90\xb5\xe9"\xc8\xb0\x14:[\x7ff'</t>
  </si>
  <si>
    <t>b'A\x85\xf2\x13\xc8\x11\xb1a\xd4\x86\xbb\x14\x9c\xba\xbaTS\x92\xcb\x1d\x08Z7\xe0WZ\x88\xd5%\x1f\n\xfa'</t>
  </si>
  <si>
    <t>b'\x94\x8cnZ\xc9F\x84y\xf9\x0b\x00\x964F(\x92\xd8\x98\x9e\x89_tn;\xa8N\xffO\xb1/\xb7\xb2'</t>
  </si>
  <si>
    <t>b'\x83\xbaZ\x0e)\x12\xee\xba\x94J(PL\xe1\xbdn\xab:\xe7+\xefC\xc4b\xe0\xa1\xf9[\xf5l\x9bK'</t>
  </si>
  <si>
    <t>b'\x7f\x04\xb7p\x98SFFw@\x923\xa2\xa4\x04\xf7\xdd\xbd\xafb\x04}\x155aytY\x94@Hd'</t>
  </si>
  <si>
    <t>b'^\xc0\xc7s\xa3\x8d\x96\n\xfcC?\x9b\x98h\x04YZ\x06)\x12u\xcb*2\x10\xc1\x16\xdd\xed\x00?\x14'</t>
  </si>
  <si>
    <t>b'\x80H\xa7\xaf\xa4\x07!\x9d-\x1b\xf3"I\xf4\xcaQ\x81\xe7\x99\xfa\xd7\x1a\xc3\xba\x1f\xf0Fw\xf7\x17b\xd6'</t>
  </si>
  <si>
    <t>b"&amp;\xce\xaf\xd6N\xa1v\xf9\xf9=G{j\x9e\xd9Ftb\x05\xa4\x8fG&gt;\x9d\x14XL%\xd2o\x9a'"</t>
  </si>
  <si>
    <t>b' \x08\x1d\xec\xa0\x93LK\x04ek\xc1\x13\x8a\xf7\x0fc\x8c\x07 \x98k(+\xf8\xb3c#\xde\x007&amp;'</t>
  </si>
  <si>
    <t>b'K\xa2\xbd\xae\xfd\x0eR\xa2+\xf0\xba0}jU\xa2Q\xa42\xea\x8b\xd42\x9f\x83\xb8\xec!\xa4\xf2\xca\xe2'</t>
  </si>
  <si>
    <t>b'\xb5\xf3\x91\xde\xe0\x80u@f\xacn\x8f!0\xb4\x1d\xa7\xfe\x86R\x1d\xd5]\xa8\xe7\xfd\x8a\xce\xea\x8d\x9f\x85'</t>
  </si>
  <si>
    <t>b'\x155l\xd8\x93\xf9TB\xb7\xd0\x90\r\xfe\x0e\x97\xc7\xf6\x7f\x975\xff\xe7)4\xd9\xae\xad\xad\xf4\xb2\xd0\x1a'</t>
  </si>
  <si>
    <t>b'\x8e\xae]\x85\xe7&amp;39\x0cc\xa1\xdc\xca\xe8/\xfc\xdd\x1f\xb5\xf9\xc5\x80\x9b\x07fV\x9d)E\xac\xe6\xe7'</t>
  </si>
  <si>
    <t>b'\xa1\xec\x83\\\xb4\xa7F\x06.\x96\xf8]\xb1i\x90\xcb\xdd\xa3\xea0\xdbz\x9e:\xa2@\xb7}\xef4H\x90'</t>
  </si>
  <si>
    <t>b'\xbf\x1f\xeb?y\xe5\x02\xef0\xd2\xf1,NQ\xdbmG\x9c|\xb7\x9aK\xb0t\x91{B\xf3\x0eJ\xdd\x82'</t>
  </si>
  <si>
    <t>b'/\xabl~\x99\xb4\xa2r\xa7\xaa\x9b\xfe\xe3\xf0 \x99\x80f\x8f\x8e\xf5{ =#\r\x1d\x8d7"a\xde'</t>
  </si>
  <si>
    <t>b'\x95\x8dZG_\x7f\xc5;\x92\x1adD\x9d\xf2D\xa1\x14\x12\xce\xed\xbc\x82\xb2\x13N"\x01\\EY\x7f\xa2'</t>
  </si>
  <si>
    <t>b'\xffA\x98\x16^\x05c\xc2\xe3\x15\xc0\xdce(\x11]\xb8\xbb\xf7}\x9d\x88\xf1\x8aDy9\xdenq\xa3~'</t>
  </si>
  <si>
    <t>b'\x94\xe1\xdb\xda\x02\xda\xf4V\xd2X]\x9df\xa7\xda\xca\xa2Bv\xa5\xde\x8a@\xb9C\x14\xc0\x98y\xff/\xe5'</t>
  </si>
  <si>
    <t>b'\xf0\x850b[\xed\xd2]\x865&amp;\xefFI\xc9\xae%h\xfb\x13\xe06ji5NWY\x16aFL'</t>
  </si>
  <si>
    <t>b'\xc1\x92\x87\xc6@F`\x11\xfa&lt;\x1c\x8f\xaf\x18\x8c\xb8\xc8\x16\x908{w`O\xec\xe7wW\xa7\xce;c'</t>
  </si>
  <si>
    <t>b'\xac\xcd6\x9e\xdf\xa5\xe5\xf9\x02\xad-\x82\x86\xb2G\xc0\xdaV\xebHl,!haD\xd7\x08\xf7\x8e\xb4L'</t>
  </si>
  <si>
    <t>b'\x8bD\x9do8Ak\xc0_\xa5.\xb3\xc6&amp;\x036pi\xe5\xda\xd2\xca\x88k\x90-\x02*&gt;%B\x80'</t>
  </si>
  <si>
    <t>b"x,U\xf4|\xe1\x91\x81'\x94;\tw\xb9E)}\xa4\x91\x13\xc7P\x14(\xc0\xdc\xd0\xc9\xb5\xc1E\xf8"</t>
  </si>
  <si>
    <t>b'$Qa1\xff\xf0)\x86r\xb0}\x0f\\p\x18\xb4\x17a\x19\x8ad\x10\xbcX\xd9f8\x96\xb7\x96\x83\x19'</t>
  </si>
  <si>
    <t>b'C\xf6\xe0\x88~\xe3|\xbe\x8a.\xf7\x11\xabep\xe6[i\xdb\x9e8\x83ro\xfa\x11s\\~wP\x1e'</t>
  </si>
  <si>
    <t>b'\xfd\x03q\x88\x0cz\xf3\xf9\x07\xb6\xef\xc1km\xb5CS\xa1@\xc9!\x9bEt\x93]\xc1\xd2\x82\x8b\xcb\xb4'</t>
  </si>
  <si>
    <t>b'\x83\xc4\xb6\xd3P\xc8\xc9\xb7H\xa7:"P\x9f|ekQ\xd1\xdb\x10\xe3\xdb\xd6\r\x0f&amp;\x95S\xdb8\x1d'</t>
  </si>
  <si>
    <t>b'CM\xa8\x7f\x9a"\xf8\xe1&amp;\xe5\x81Y\xf0\xb4\xe1\xf0d\x97B\x179e\xee&gt;Tf\xae%&amp;(\x19\x0c'</t>
  </si>
  <si>
    <t>b"l\x99\xa6\x0c\x12'\x96\xf0\xe0\xb9B\xd0\x9fMD\x8b\xa0\x8c\x85\x04sl\x8a\x83\xb2\xf1]DW\x0c\x9e\x80"</t>
  </si>
  <si>
    <t>b'\x03\x83\x03T\x0e/\xfc\x95`\xc8\x8a\xa5\xeb@O-\xa3\xa4\x07\x7fm\xf2{\xfa=\xe2y\x1e\xcd\xdc-\xae'</t>
  </si>
  <si>
    <t>b'\xfe\xdb\x8f\x9a|\xba\tVQ\xdd\x00\xd0\x8fkO\xdc!c\x9cGO0\xca\xcdH\x0f\xcc\xcf\x91j@ '</t>
  </si>
  <si>
    <t>b'\xdc\xa2\xf2\x03\xb3d-\xe4\x13\x9a\x0e\xa0\x1a{\x86rmX\x1cv\xb7o\tU\x84\xb6\xff\xc9q\xd8\xeb&gt;'</t>
  </si>
  <si>
    <t>b'\xc3_\xcccT]\x17\x8d\xc7&gt;)Gn(\xabcx\xbe\xcb\x81s\x87\x99b\xa0$\x85&lt;\xf4\xf3`G'</t>
  </si>
  <si>
    <t>b'\xbb\xbe#X\x0fT\x0f\x86\x9e\xda\xcb\x8a\x86\x16\xf0\xe0\xdb\x00\xb3\xbf\xa0\xb2\xa2\xea\x84%+\xe0z\xaf_\x1f'</t>
  </si>
  <si>
    <t>b'\xdd\xf3\xcf\xac\xe9\xf74\x95\xc6O\xa8\xbe\xcfZ\x95NW\xe7iv\x97D\x9a\x07\x8du\xfb\x1c"\x9da*'</t>
  </si>
  <si>
    <t>b'\xf8\x15i\xb7\x02&amp;\xd3\x03\xc8^\xdc\xb2\xc9\xd1\x9b\x80W\x82\xea\xd2s\x15\xf2D\x1f~\xc6\xc27\xaa\xd5\x8c'</t>
  </si>
  <si>
    <t>b'0\xe1\xe9\xa02V\x1ap\xdd&gt;\xad"PT2\xea\xf0\n5\x8aN\x10\xdbz\xb6\xdf\x9a\xdeK\xd3\x18\xf2'</t>
  </si>
  <si>
    <t>b'\x8a3K\xb5\x1d\xdf\xd8\xb8\x12\xee\x03X\xb8o\xe4\xaf\x0f\xad\x0e\xb8Cw\xf2\xc8Ir\x0cle\xfa\x95Q'</t>
  </si>
  <si>
    <t>b'%\xd0\xf4\xfe2\x9a[\xf3\xdf\x80\xa7n\xafM\xcdIA\xddK\x93\xed\x9bU\x89V\xfc\xa7\xd6\x7f\xb8\x94\xb6'</t>
  </si>
  <si>
    <t>b'\xb0G\xf6\xa4\xe5n\x93\xe8,\x95\xe9.Wf\x8a\xa70\xeb\xcf\xdb\xabi&lt;\x1a\xc6\xc1K\xc2\xfe\xfa\xcb\xc4'</t>
  </si>
  <si>
    <t>b'H\xae\x13\xad\xc8\x90rS\x1d\xeb\xb71\x11\x1d\x19\x9e\xbb\xde\xa1\x15f!Q\xc4n\x94\x02\x8cX\xb1\xbd\x04'</t>
  </si>
  <si>
    <t>b'\xa5\x1b\x89\x05\xb7\xc4\x01\x1c&gt;\x19\xc7\x86E\xda\xe7\xe8\x0e\xb5\xdd\x04\x07\x16y\x06\x9813\xea\xecI_\x94'</t>
  </si>
  <si>
    <t>b'\x84\n:\x9b\xb0\xc2y\x9a\x13!k\xf1\xa5\x8b=\xf3\x84zF\xb5\xc4\xc6;\x0f\x96\xd0\xb68\xad\xc2\x11\xa7'</t>
  </si>
  <si>
    <t>b'\xaf\xaf\xa4\x83\xf3E\xbb\xf27\x03\xd5\x1f\x0e\x1f\xe0\x83\x9e\xf6\xbed\x1aQt\xfd\xe6\xe7\xc3,\x06\x9a|\xb4'</t>
  </si>
  <si>
    <t>b"\xcb\x98M\xdd\x8a\xa9Q\xea\x97\x86~\xd4\xd7\xb0\xb4\x07'U$\xfccz(3D8\x0b\xc2\x10\xb2:)"</t>
  </si>
  <si>
    <t>b'\xb9F*\xcf\xe6g\t\xe02\xb4h\x1d\x1a\xef\xd5fX{\t\xf9*\xeb\xb0\xfc\x12/m\x8f=\x951\xa8'</t>
  </si>
  <si>
    <t>b'\xfc\xe8Y\x1d-\xfd\xa5\x00Q\x17O\x1e/Q"&lt;o\xff\xdal052,S\x1a3q*\x9cB\x91'</t>
  </si>
  <si>
    <t>b'\x83\x9fh[\xfc\x14\x1c\x9bo\x9e`\xc7\x0fW%\xbf\x08\x05(\xfb\xab\x8f\x8c+\xbb\x13\x95\xdfo\x0bCb'</t>
  </si>
  <si>
    <t>b"c\xd9Oc\xf6\xcan\x94I\x9d\x83\xbc\x7f\x1b\xcb\xc0\xc7\x9f\xf4\xb6'W\xef+\xca\x92\xebFn\xe8\x90]"</t>
  </si>
  <si>
    <t>b'\x01\x0f\xfd\xf04\x9d\x8f\x06k\x9b\x7f\x95\x00\xca\xd8B:\xbbCU2\xfdo-\x8b\\\xd6k\xc7Y\x7f\x1b'</t>
  </si>
  <si>
    <t>b'\x88\xfd\xc0y\x92c9\x02\xd5\xd2\x9e7r\xa5\xcc\xde\xaa\xf98\xba\x896\xbf\xc9\x97\xb8UR\x11\xf3\\V'</t>
  </si>
  <si>
    <t>b'G\xaa\xa2\xc6\xb3\xc8\xd1/\xdf\x0e\x00\xac)\xa5?\xcc;\x81\xcd\x16\x12\xb1\x0e\xbf\xfc+\x13\xf0\xd9^8\xd0'</t>
  </si>
  <si>
    <t>b'\xdc\xef\x1a?44\xc2|\xbf\xe1\x0bF\xbc\xe0ni\x85\xbb\xae\xd0\xea\xcb\x85\xd4\xb0n\x0ceFvrY'</t>
  </si>
  <si>
    <t>b'\xff;\r\tz\x8d\x1f\xc7\xf2\xb5\x80\xbaf\xc0\x17\xbcj\xa9\xfcr\x174}\xcd\x8f\xcc\x9cI\xa4\xb7~\xaf'</t>
  </si>
  <si>
    <t>b'\x16\x95\xb4\xa6C\xd7|\xc9~\r\x97f6P33\x82\xefaY\x9f\x93\x88\xea{\xbd\xb9\x19\xaa\xc4\xb7\x91'</t>
  </si>
  <si>
    <t>b'\xb9w\x97\x8b\x9dp4y\xbd~\x17j\x9a\xb9\xab&gt;\xd2R\xdaum}\x9b\xf7\xb1\xb8^\x92\xd8\xd5\xa6\xc8'</t>
  </si>
  <si>
    <t>b'\x17\xcb\x96uDho\xadX\x99[%X\xa3\xaa\xa6\xeb\xbc.\xc9S+Rc\x11\x8c^\x9b\xee&gt;\xa0D'</t>
  </si>
  <si>
    <t>b'\xb6\xf9}\x89\x8fCV\x8c\xdc\xe6\xfe2]\xfb\x8e\x97\xd9\x86yU\xf7\xe7\x1b\x8b\xc5\x82\x00\xf4\x8e\x8em.'</t>
  </si>
  <si>
    <t>b'\xc4S\xcf({\xcf\xb5n\xa8\x7f\x85\x88\x8a\xff8\xd9kX3\xb1\x86]37.5\xb9\xf8\xcd\xe1S\xd1'</t>
  </si>
  <si>
    <t>b'\x9d\x9e\xc3@\xff\'\xe7\x0f-\xf4\xf8\xfeA=\x89nv\xb5\x07\xee\x91\xfa\x037\xbf\x9d&lt;\xa7\x14"a#'</t>
  </si>
  <si>
    <t>b'\xc4-\x93\xf3:S\xed\xf3\xdb$\xcd4L\xabp\xbb\x80ppC\xd1\x082h\x7f\xc5\xea\x8b\xd8\xbf\xff\x93'</t>
  </si>
  <si>
    <t>b'yk5\x843\xc75\xf9\xae\xfe\xe4\x18\xdcs\xa7\xa5\xc1\x87\x05.?8[\xc5\x04m\xe7\x0b\xc5bV\xbd'</t>
  </si>
  <si>
    <t>b'\xacj\xe6J\xfb\x92\x92\x1eL3\xe29m\x118\xb8\xdf\x0eI\x8a\xf3\xdb\x13dH\xe6\x92L\x80\x11\xbc\x99'</t>
  </si>
  <si>
    <t>b'\xb1\x03#~\xbd\xf6\xbd\r\xa2\x1a\x02&lt;y\x01\xd8y\x04#0\xef\x19\xa4\xbe8\xba\x11(\xff;aWJ'</t>
  </si>
  <si>
    <t>b'\x16\xdb\xdb\xf9\x99\xc6\xb6jXE+\x9f&lt;\x96\xbf\xeb\x82\xc3\xa0\xf3\x17;;\xfe\xf5J\r\xaa\xcd!\xc4\xba'</t>
  </si>
  <si>
    <t>b'x3YT\xbaE~\xcc\xd7\x96]\xe7\xd8\x887\xe5@\xa0\x98\x81\xa1\xf1\xa1\xfdcaP&amp;2-\x86B'</t>
  </si>
  <si>
    <t>b'\x03i\xe2\xeeb\x10\xf4\x13\xde\xf5P\xac\xa6\xd0p\x1de\xdb\xb4\x86\xe3\xa2[\xb2\x0c\xe5f\xc3h\x82\x87\xa8'</t>
  </si>
  <si>
    <t>b'a\xf6&lt;M\xd8\x8d\xd6\xedJ\xa7\xa8\xfb\xd1TJ\xafv\x9e\xacb\x02\xc52\xa8\xcc\x98t\x03i\xbaG\x06'</t>
  </si>
  <si>
    <t>b'\xde6DV\x9eC\xbdG\xdf\xf2,\x05}\x1cA\xe3\xa8n\xb0L\x1b&amp;^&lt;CLn\xc1&amp;\x89\xc9\xea'</t>
  </si>
  <si>
    <t>b'\xc6U\x85\xf6qw,\xb3\x87\xb2Y\xf9k\x15\xf5\xc3D\xf5+t\x14\x07\xbd\xbfi\xf0:\xf2\x97\xe51s'</t>
  </si>
  <si>
    <t>b'K+\xf6g&amp;\xe2\x17\x14fG\x9d\x9e\x11)\xf9i\x14R\x0e),\xce\xca\xcf\xcf\xc8\x9f\xa5\xfd\x1a\x1e\x15'</t>
  </si>
  <si>
    <t>b'RV&gt;c\xe4\x01\x1e\x9f^0\xa2\x8d8\xf0\x13)\xab\xca\xb5Y%\xf2\xc9\xf8+\x012~=\x9b\x8f\xc6'</t>
  </si>
  <si>
    <t>b'\xd9\x9d0f\x17\xb7\xcfR*\xec\xe8\xe1\xcfn \xdfR\x0b\x90\xb7\xf4YA\x88\x00\xe7\xca\xd2O\x85G\x13'</t>
  </si>
  <si>
    <t>b'U\x07\xac\xb2\x1f\x95$;\xdc8IC\x00\xbaJ\x810S\xd7k\xc8\xb3\xaa\x82 \xbf\x91(\x14(j\x08'</t>
  </si>
  <si>
    <t>b'\x13\x86{/q\x9c\xd5\x12\x83\x9d\xfa\x96\x02\xc8\x8f2\xb7\xc4o\xe6\xfcr\xe9\x04\x16-g\xbb]\x1f\xf0\xb8'</t>
  </si>
  <si>
    <t>b'.-\xfb\x0e\xae\xfc\x168\x00\xe0K\x97\x9f\xad\xc3h\x92\xc0\xb9\xffA\x039\xeeb\xe2\x02+\x1e_7$'</t>
  </si>
  <si>
    <t>b'W\xc0w\xbeu\xe4\x90\xa3\x95_Np\xe1\x01A\x0e\xd8\x8c\xc2\xa7\x1d\x1d\xdbw\x19|\xd94X\x1f0\xad'</t>
  </si>
  <si>
    <t>b'@\x7f\xc0\xeb\xfcH\x11\xc3#\xd4A\x05\xba\xc0\x91L\x00\x19\xe3\xa7\x19\x9bTj\xd5\xa8\x8apVL\x92\xf5'</t>
  </si>
  <si>
    <t>b'\x19\xfd\'\x8c\xac\xb9"g\x03\x0cj\xa4\xe7W9\x97D\xd7\xa8!\xf3\xf5\n\x80.\xbe\x95\x81\x0f\x9b\x90I'</t>
  </si>
  <si>
    <t>b'm~v\xff\x9b\xf4\xfa\x1f\xf3\x800\x9e\xdb\xa5\xc1\x80\x1d\x1f\x9e$\xb2\xa2\xe2\xbe0\x8aHG\x1d.\x8c\x01'</t>
  </si>
  <si>
    <t>b'7\xc7\xa2?\t\xf82msH\xf11\xf7\x00V\x02v\xd2\xc9\x9c\xdf\x87\n\xc3jF\x91\xebJ\xaeU\xef'</t>
  </si>
  <si>
    <t>b"\xfa\xbf\xf5+\xf2\xf2\xc2\xfd'\xcf\xa7E\x89\xd9r\xe5\xcb|\x08&amp;o\xc0\xa8\x10\xa3\x85J\xc59\xe6`\xf7"</t>
  </si>
  <si>
    <t>b'\x02\x13g\xa8c\xf0-\xd0\x8b\xb4p\x8b\x89\x01q\t\x93\x95&gt; \xb9\xef\xa1\xcc\xa4\x83\xb0\xd8\x86\xb9\xc0\xf3'</t>
  </si>
  <si>
    <t>b'\xe6\xf2\xce\x8c\xc1\xe5d\x17\x85)\x04\x97\xa6\x96\xb5?$1)\xe8\xad\xfe\x9a6\x82\xa7y\x90N\xf6\x16\xe0'</t>
  </si>
  <si>
    <t>b'\xb9IN\xb5SM\xe2\x7fzS\rnf\xfd\x97\xf9\xb3\x82\xc9mp\xb4\xca\x97T\x93\xc5jY\r\x00~'</t>
  </si>
  <si>
    <t>b'\xb6\x10\x0e\x0c\xa4\xe5tnY\xb6ap\xfeo\x1bhr\xcf\rJ\rO\xcb\xa56\x18\x05\x88\x8c\x1e$\x0f'</t>
  </si>
  <si>
    <t>b'G?\x8a\x88\x92n\xd9RE\t~\x8dU\xc2h\x93\xb6\x83\x8a\x06m\x90\xb5\xc2\xf6\x06\xab\xbe\xf3\xd2Z\xc7'</t>
  </si>
  <si>
    <t>b'\x05z\x06\xa7\x8e\x04\x81\xdf\x98|\x1f\t\xfe4\x16m\xf0\xe93HN\x9eq\xd4\xb4;87\xfb*\x18\x9a'</t>
  </si>
  <si>
    <t>b',\x0ed\xac$\xde\xaf\xd5J\xeeT\xfd\xc3\xf6\xf4\xe1\xf7\xb9\xb1\xda\x81O)\x115\xbb\xd6\xb4\xd1\xc2\xae\x94'</t>
  </si>
  <si>
    <t>b'\x91\xa6\xec/Q`#-"M\xeb\x04\xc6\'N\xc33\xc1\xa1q=\xd5\xd4,\xfc\xf9/\x12\x02\x9aI\x99'</t>
  </si>
  <si>
    <t>b'\xa4\xc6\x8b,\xec\xf6\xb4\xce\xef\xc4\x9c&gt;(\x11\xb0bkYG\x1d\xd7\x1d\xa6M\x96\xe3\xaa\xf6\xb8X\x07O'</t>
  </si>
  <si>
    <t>b'\x16\xdd\x02U\xa0\xbb#\xc6A)\x06?!}\xe3b\xb7\x94\xe8??\xa3\xec\x96*\xc6\xfbt\x01\x83\xada'</t>
  </si>
  <si>
    <t>b'\xda\xc1\x17S2\xea\x1b\xab\xd7\xcc|\x86\xcc\xf8iz@D\x1bR\xb2\xaeS\x03;\x1b\xa8\x96&lt;Cz\xd5'</t>
  </si>
  <si>
    <t>b'W\xa3\xf3\xb9\xe1_R\x08\xcedee\xbc-\xea\xd0"\xd1\xbe)7\xe3m\xbb\xc8;\x10\x85\xaaHV\x1f'</t>
  </si>
  <si>
    <t>b'\x84\xb9\xa7\xe4^`%\xb8\xe9\xa3\x93\xda\x98Qg1\xac\xbd7\xd5\xdd\x0b\x1bL\xc4\xabV\xd0\x14m\xbb\xc3'</t>
  </si>
  <si>
    <t>b'~w#\xc8\xb2\xaaRG\xde\xd3&amp;\x9a*^l`\xbdLu\x17\x8akL\xac7fs\x13,\x1c2\x88'</t>
  </si>
  <si>
    <t>b'\xb0\xb0308\xd8\xd29\x95\xec\xf6\xc54F\x9c\xf5=Z\x8av\x01twQL\xbe\xe6\xb5\x14\xf2@0'</t>
  </si>
  <si>
    <t>b"\xc4hB\x8e\xf6\x92'\xa2\xaa\xc7\xc2\x00\xc2\x96\xc8\xf9\xfc\xa1\xf4\x8ed\xfe\x9d\x08\x06\x19\xfdr\x8f\xaa\x10\x12"</t>
  </si>
  <si>
    <t>b'I\n\x98B\xeau\xae\x99\x8eW\xd4\xcdBw\xf7\xe4\x1f\xce\xb4_l\xe8\x88nnd,\xde [\x17L'</t>
  </si>
  <si>
    <t>b'\xf1\x0e\xa9\xa0\xc6P\x18\x8c\xf4k\x08\xcf|\x85\xd7%;(\xc2a\\^w\x8c/\xf1\xad" vlW'</t>
  </si>
  <si>
    <t>b"\r\x0c!'\x07\xc0s\xd6y)RA\x88\x80\xc4P\xd7\x0c\xdb&lt;\xe1\xcc\x9b\x8dw\xc8-\x04^\x0b\x11\xd6"</t>
  </si>
  <si>
    <t>b'\x88\xbe9\xa7\xf9\x83\xe6\x9ay\x15\xcf}\x05\xc9\\\xa1R=\x1a\x8e\xadW\xf3\xf18\xc3\x82n4\xbb1S'</t>
  </si>
  <si>
    <t>b"\xf5,\x92\x00\xc8\xe6;'a\x10h\xb6}[\x83V\xbdr\xaf\x88\x80HR\x80W'\x9eZ\xaf\x9f\x87-"</t>
  </si>
  <si>
    <t>b'\xce\xdb\xa8\x05\xb7\xa7\x1f\xab\xb2X\x1aD\x16\xe5\x0c\x81\x1f\xbd\xf0]\x0f\x90\\s\xb2\xb2p8v\x03b\\'</t>
  </si>
  <si>
    <t>b'"\xcdk-4\xa7L\xa26\xe9}F\xf9\x80e=j\xa4,{\xc6\xdb\xa9fm\xbdGU\xd9i\x92\xee'</t>
  </si>
  <si>
    <t>b'\x8b\x9f`s\x9d\xe8\x8f\xda\xbc\xca\xcdI\xc4 Y\xe4\x1aMF\x143\x10|\x1dX\xdf\x17at\x08\n{'</t>
  </si>
  <si>
    <t>b'-\x92&gt;.\x96{\x0c\xad\x9dM\xd2\x87\xd6+\x9a\x9d\xfb\xf0c\xc9r_Se\x069\xa0g\x83\xd6\x83K'</t>
  </si>
  <si>
    <t>b't\xab\\A\xdc\xd8\x94\xe7\xdb&amp;\xda\xb6\xb0_0K\xcaa\xcd\x8be\xec\n#9\xca]=Nnt\xdd'</t>
  </si>
  <si>
    <t>b"\xa2\xd4\x8an\xf4\x89\x93b\xb5'\xfd{\xf2\xf4L\xd8\x94\x19%\xb0\xfe\x10k~&gt;\xd9\x80np\xc3E\x8e"</t>
  </si>
  <si>
    <t>b'\xa1\x82S\x12*B;\x9f\xc4\x93v\x83]\xd7\x18\xf3/\xf1\xa9\r\xfd\xb5\xe3\x0eXs\xe0*\xeaE\xac\xca'</t>
  </si>
  <si>
    <t>b'\x88FpfJ/\x06k\x99\xcfck\xa8\x1b\xaa\xed`A\x15i\x8a\xf5\xcbd\x96V\x8b\xee\xffR\xa7\x95'</t>
  </si>
  <si>
    <t>b'\xab\x96\xb0X\xae]\xc8\xc5Dr\x1f\xb8\xde\xe8\x13\x8a\x7f \x8f\x15\x8fc\x1ekT\xceE\x88\x01"\\\xee'</t>
  </si>
  <si>
    <t>b'\xa7H _\x0b\xc6\x02\x13\xf6\xfb\x85\x05v\x0e\xbf\xf4\xd3b\x85\xa8\xd4\xb8\xfbq\xabO\xff@\x89-\x9e\x19'</t>
  </si>
  <si>
    <t>b'\xd6\x0f\x03\xafX-ba\x82\x9f\xc4\xcc\x93/\xac\x80\xa7\xba?\xf4\x9e\x00\x00x\xb7Ma\x97}Zi\x95'</t>
  </si>
  <si>
    <t>b'\xd1G\xd3\xfa\x95\xae\xebk4\x0e\xd0\x0c[\xbeY\xadJ\xd4!bKP\xfc\xa5*\x8f\xcf\xb7O\x87\x9cW'</t>
  </si>
  <si>
    <t>b'\x87\xffs\xdd}\xf2\xf7I\xbc\xc7R\xbd|\xd5\x94\x93\x17\xcd\xe7\xe3\xa4\xb1&lt;\xa3\xc6q\xcd\xadV]?y'</t>
  </si>
  <si>
    <t>b'\xc5\x97\xbd\xd3\x1af\xf7\xd2\x1c\xe3s\xe02\x82\xa3=i\xd0B\x9f\x01\xa1\x95\x06\xff\xfb\xb5\xb1n\x84]x'</t>
  </si>
  <si>
    <t>b"\x8a\xa3\xff\xc3#\x93l\xed\xc7\x80'?\xd0\xce\x03a\x96\x7fZ\xfb\xb6\xdbz\\\xa7c]G\xb8\xc5\x7f\xbe"</t>
  </si>
  <si>
    <t>b'X`]\x9e\xd2\xcaw\xb7V\xb5\r\xa1\x9c\xa03l\xffD\xf6\xb1\x04\xa9\xb7\xed\x18\x88\x16D7\xaf\xb2\xf5'</t>
  </si>
  <si>
    <t>b'\xeaF^\xa9j\xda\xc0_\x86C\xf7Yy\x96i\x15{\x91O\'\x01}K\x86\xf5"2\xc4\x1c-@\x8f'</t>
  </si>
  <si>
    <t>b'\x0b\x98\xdd1T\x94\x00\xae\xb3u\xd1\x0b \xdb\xf0\xa9\xbe\xdb\xbe\xca\xbd(n\xdf\xe9\xd5\x9c\x14@\x99Y\x10'</t>
  </si>
  <si>
    <t>b'6@Y\xafm\x01\x86\x0cB\xe6-W|L\xd0\x98\xd2f$\xa6\xba\x0fUV\xf7S~n\xef]s\xe7'</t>
  </si>
  <si>
    <t>b'\xb5\xb9\xd4\x1b\x8bg=\xbb\x00\x06P\n\xd5\xc0K\t\xad(z\x1e\x1e7\xf2\x0e\x9dE\x9a\x1e\xe3\x1a\x80A'</t>
  </si>
  <si>
    <t>b'\x19\xef\xf4I/\xf6\xe4\xf8V\xad\xfe\x14\xfaK\xc4\x0c|\x95\xff\x1bE&amp;\x81\xf0\x19\xc9\xcf\xc9d\t\x9e\x1b'</t>
  </si>
  <si>
    <t>b'\xecq2\xe7\x85\x19\xcdk\x90]\xf5\x8a\x84\xd4\x08\x8858\xf63\x88\xaf\x18Wt\x07/\xfd-\xfa\xe1\xfb'</t>
  </si>
  <si>
    <t>b':\xb6\x81\x16#E\xfcq\x1a\xd5\x8fX\xeb\xf5,S\x17v\xcal\xe3\x8d\xd6\xd7\x06&amp;Q\xa6\x88\xf4f\xae'</t>
  </si>
  <si>
    <t>b'\xa2\xf7SVF\xb2\xff\xc2r\xb5_E\xadI\xd6St\x81&amp;\xbd\x02\\b\xe2\xc4\xdd\xb36\x10J\xf3J'</t>
  </si>
  <si>
    <t>b"v\xfd;\xbe\x01;\xdf\xcaP\xa4\xf3\xbd\\7\xd3'\x88CSI\x1d\x9b\x97\n\xde\x83{a_z,8"</t>
  </si>
  <si>
    <t>b'zod\x13p$\xf7c\x90O\x83^$P\xf9\x12:\xee\x1b\x9bW\x01M\x99\xc9jW\x17\x11\xa1=\xcb'</t>
  </si>
  <si>
    <t>b'5c=\xb1\xeaH9\x12\xeb\x99gZ\x12\xa6"\xfa\x11\x9c\xf4E\x12\x0e3z\xc4p1\t\x86\xfc\x92#'</t>
  </si>
  <si>
    <t>b'q\xd8\x03r\xc9\xcfk\xb7\xd6\x83\x7f\x1f\x03G\xf0\x11*V (\xc9KOu\xb1\xe9\x01\xb26\xbfz\xd2'</t>
  </si>
  <si>
    <t>b'.\xfa\x04\xe7\xa5O\xbf\xe0\x12\x1e(\xb0/\x9a\xd5\xf3\xa8\x0c\xf6mt\x8b!\xe7\xf2\xdd"\xfbj%/\xea'</t>
  </si>
  <si>
    <t>b'\x84M\x1a\x81D\xcez\xab\x1d3\x0f\xdf\xa0\xc4gTk\xdfgu\xba\xd7\xdc\r\xde\xe2\xdd0M.=\xae'</t>
  </si>
  <si>
    <t>b'hg\xa2*\xae\xa9\x0b\xfe\x13\xfc\x97\xb1\x94\xac\xac\x9dO.\xbb\x1b-\xf6\xf5V\x9b\x03\xcc\\\xf73\x8e\xe0'</t>
  </si>
  <si>
    <t>b'\x1c\xf7\xcf\x97\xae\xd03\xcb2\xeb&gt;\x84\xc2\\Z\xa8\n\x04Ov\xfeQJ\xac\x98\x00\xfdQ\xa7\xcd\xb5\xd1'</t>
  </si>
  <si>
    <t>b'\x95(\x88.!\x06w"@\xd8sW\xbbt\x8eO(*\xc0\xa0m\xca\xce\x96{P\xd6J}\xb0h\x0b'</t>
  </si>
  <si>
    <t>b"\xf2\xb4\x9e\x9fn,\x9b\x8aA\x12^\xcf\x16\xba\xd3''\xb7\xbf\xb4\x91\xd3i}^*\xa5\x05\x8c\x1e\xb6@"</t>
  </si>
  <si>
    <t>b'\x82\xd9\x9f?m\x1cV;{.e\rg\xf4=\xfcuqc\xb3\xe3Yo\x03\xda\xb4\xc4-u\xa496'</t>
  </si>
  <si>
    <t>b'\x8a\x8a\x06\x83\x18\xfd\xc7\xebWa\x91C\xd4\xbd\xe1\x86\x9ert&amp;\xc26\xfaT\xf3\x86\xbe\xea\x06h\x01\xed'</t>
  </si>
  <si>
    <t>b'\x0c\r\x1c\x8b\xaf\x04\x05\xaf\xbb`l\xac\xc1T\xd9\x1c\xce#f\x91j+\x88U\x8e\x9e\x00\x16RC\x12\xaf'</t>
  </si>
  <si>
    <t>b'\x82\xba\x89g\r\xb7\xf0\xe0\xda\x03|u!\x1d\x03\xe0\x9c\xbaH/e\x19\xe4\xe6\xf0]m]m\x85\x80\x91'</t>
  </si>
  <si>
    <t>b"\x87\xaf\x89\x8d&amp;\xfdso{\x00\xd6\x88_\xea dj\xd0\xe1\x04\xee1\xbf\xaf\xd9[U'\xda\x0b\n("</t>
  </si>
  <si>
    <t>b'\xb13\x04-\xcd@\xc4\x84\xd2\xaa\xf0;\xa4H\x87\xd7\xf9\xc76\xc8J\xf6\xbc\xad\xf9\x0e\xed\xe3-oQ\x94'</t>
  </si>
  <si>
    <t>b'\xb9f\x0c\xb3te%\'Q\xe20\xa8\xc6Ozd\x19\xdf=\x00\x12\x0b\x9a\xf3\x8f\xa3)"\xf8@yR'</t>
  </si>
  <si>
    <t>b' 2)r\x9c\x04=\xde,u\xa5\x97\xfa\xa3\xden\xb8\xea\xc9%x\xeen\xa3\xd7\x9cJ+pm\xc8\x14'</t>
  </si>
  <si>
    <t>b'\xd5\xee\xfd\x8b\xa4\x8c.}(\x06.\x06\xe3\xda-\x16`BD\xd9\x86j\xc2;]\xd0\xd6,0{\x06\xac'</t>
  </si>
  <si>
    <t>b"&amp;\x11\xb1\xf0@^L\xc9\xcdVM\x18\xcb\x08p\x97\xb0\x85\x02\xdfr_\xe9\x0bB\xbf\xf0N\xac\x17z'"</t>
  </si>
  <si>
    <t>b's\x94\x9a\x8d\x05\x8a\xcf\x14/)\x8d\xa9\x85\xf6z\xc7\xcd\xfdP\xa7=\xeb\xeb\xfd\xb3\x00W\xf1s\xb3\x17\x08'</t>
  </si>
  <si>
    <t>b'sC\xabx\x1d@\x8c\xa2\xed\x9ddT\xcb\xb5\xb7\xba\xf3\xee+!wR\t6\xf2\xe6\xbc\xae@\xb7i\xdd'</t>
  </si>
  <si>
    <t>b'\xbfg\xfb@#\x82\xf9v&amp;=\xe4hv/\x7fyu`IK\xe1\xf2k\x16\xaf&amp;\xca\xea\xfcGK?'</t>
  </si>
  <si>
    <t>b'\xb6\xd0\x92\xb0u\x84\x83\x05\xcf\xa3\x18+\xd1jW\x807+\xfa\x13\x13A\xa1b|\xcf[\r\x04\xbc\x0c\xa4'</t>
  </si>
  <si>
    <t>b'\xe5&lt;R\x0c\xde\xc4\x84a\x1c\x00Z\xb76\xc5\xee5\xc6\x83R7\xee\x89\xeb\x1f\x04\xca\xff\x8e\xfdT\xfe7'</t>
  </si>
  <si>
    <t>b'\xc9\xa3\x08\xd4\xeb8\x9f\xf8\x94\x98F\xf1\xd9\xb8&gt;\x17r\x91\xf8\xa2\xbe\x95\xba\x04m\x05\xcfU\\\xb3\xc7%'</t>
  </si>
  <si>
    <t>b'\x16\xae\x97.\x82\x9eQ,\xcd\x01\xc38\x82\xb5\xc9\xe2T\rI\xda2\xb8\xb1eb&lt;\xab\xa8B\xfd\x88X'</t>
  </si>
  <si>
    <t>b'q\x82i\xcb\x80X\xba\xdb\xc2\xabG7p\xd2#w\xd1\xaa\xa97\xd6]HA\x02u\x04l\xad_\x83\xfb'</t>
  </si>
  <si>
    <t>b'V\x12\xeedxA\xb7\x18li\xd7\x98\xaa\xb1\xc9\ndB\xa0F\x1en\xe4\x1cm/\xaagtj8\x0b'</t>
  </si>
  <si>
    <t>b'\x9c\xaf3\xab\xf5\xb2y\xbc\xfe\x7fp\x9e\xf7L;\x7fe\x1f,\xe5\x92g!\xfbAB\xf1\xc7mz\xb2\xba'</t>
  </si>
  <si>
    <t>b'\x02a\x060o\xa7\xef&gt;\xd1\xfe\xa1\xa9\\\x95\xfb\xb5\x02\xbb\xbe\x00\x1b\\\x89\xe1\xe9Vk\xf2\xb9\x13\xfe\xa4'</t>
  </si>
  <si>
    <t>b'[\x1e^$\xbd\x17\xc0N\xbe\xeb\x8aW\x02|&amp;\x9e\x158_\x86\xedm&amp;F\x81m\xd5\xf1,\xa2[#'</t>
  </si>
  <si>
    <t>b'\xb6\xddb\x8b\xcb\xf8\xd9~\xc1\xd7V\x91\xe3$\xb9N\xcc\xca`w-*\xa6\xbf\x07\xd2ypz\x83\xc7_'</t>
  </si>
  <si>
    <t>b'\x1a\xd2\x85\xe1\xca\x8b}\x06\xc3\xd0\xc2\xb3O&lt;\xcc\x89\r\x91-O\xd6\x86\xd6^\\\xd8W$\xc1=\xec\xaf'</t>
  </si>
  <si>
    <t>b'\xde\x10j\x9f\xcd\xb4\xaf\xc5\xe4\x1aO\xf4\xfe\x98\x03\x84O\x83&lt;+w\xdd\x89E\xb6)\xc7\xce\xe4\x8f,\x05'</t>
  </si>
  <si>
    <t>b"\xc7/\x8f\x0c\x8b\xc6g\x8f\x07'%k|\x8f\xa3I7\x87\xd2\x8a\xa7\x86\xb7\xecP\x9b&lt;$\x87\xdc\xe9%"</t>
  </si>
  <si>
    <t>b'\xec\xc4r3\xbas2\x10\xf9z\xc3T\x1a\xc0c\xcf\x1cNg\x1a{L\xf1zZ\x10\x8b\x8f\xb5\xf1\xe2M'</t>
  </si>
  <si>
    <t>b'\x03%\xc8\x04N\xe2#G\x15#jPP\x19\x06R#oht)\x16\xaah\x8f\xee\xae&amp;\xb5\xf3bQ'</t>
  </si>
  <si>
    <t>b'1*c\xe9H~\xa0\xb3;\x92\x97\xa7=(\xc0}\xef\xf9M\x93\xf3J\xe2\xe9y\xef{W\xc71\xf5\xfd'</t>
  </si>
  <si>
    <t>b'\xae\x9cc\xb6T\xf2i\xf5\xa2\x12/\xa9Q\xf7\xaarC\xdf&gt;\xe5\xe1T\x02\x9f\x1cD\xf8e\xa0\rb\x91'</t>
  </si>
  <si>
    <t>b'"\xe3\x00\x1d\xd6\xf8\xe3\xab\xf3\'\x18\xfb\x0c\x87g$xq\xe2\x1b\x0fW\x1f\x87s\xfb&lt;\x04\xb2\xd4\xedw'</t>
  </si>
  <si>
    <t>b'(W\xf4v\xf3\x99\xe9\xa6 \xb2@S+gy0,\x10*A\x1ep\x90\xb3\x00\x84\x13\xa7\x89E\xe9\x99'</t>
  </si>
  <si>
    <t>b'\xadQ\x9cb\xb8\\t@[Q\x0c\x07j\x16\x8fI\xc1a\xd9\xf6\xdd\xc9RG\xc9\x9bw\x05\xd2\xc1\xec\x8c'</t>
  </si>
  <si>
    <t>b'\xfd\xeb.\xf1\x15,\x1d\xdaC\x13\xea\xb6TR\xc5\x8f\x10\x8d*\x8a\x065\x14]\x15\xe6\xf2g\xb4\xfd\xcb"'</t>
  </si>
  <si>
    <t>b'G\xc9\xc2s_\x83)\xc9\x7fU{\xd9\xb7\xa7\xfa\n\xf1Rv\xa0\xb0z\x1e!*\x064\xd31O\x99D'</t>
  </si>
  <si>
    <t>b'\xe2j\xc3P\xe1Y\xf1\x18\xa1m\xccZ\x18Q\xce\xf9#?\x89\x98\x809\xe6\x98s\xe5c\xcf\xd3#\x18\x13'</t>
  </si>
  <si>
    <t>b'\xcfe\xf3u\x8a e\xb5\xd5}\x07\xf45\xef\xff\xb2%#\xdc\x12{\xba\xd3\x90\x02\xa2]k\xd6\xbda\xb3'</t>
  </si>
  <si>
    <t>b"\x1b\\\xa6q\x0fP0)\xdd'\xb1mW\x7f\x06\xbd]JL\xdf\x9c\xde%\x10\xf3\x05\xef\xb9\x96\\\x81\xe4"</t>
  </si>
  <si>
    <t>b'\x7f\xc6{\x9c\xcd\xa1R\xa9\x7f\xa7-\xde\x94MU\xb8\xc0\xe1\xc1 \x82\xac&gt;9+\xb7|2\xa6Os\xbd'</t>
  </si>
  <si>
    <t>b'k\x00R\x99\xc9wA\xd7\xb1\xb5i\xfe\x1fI\x9a\x9ae\x07\xbc\xc3\x85\x94\xeb\xef\xc1\xcc;\xebMY\xe6\xd5'</t>
  </si>
  <si>
    <t>b'\x8d\xce\x9aw2\x9ft\\\xc4\xf7\xde\xe0\x87\\8\xd05\xb5\xa4-x\x8a\x13t\x8c\x1c\xec\xb88\x83\xc9\xa0'</t>
  </si>
  <si>
    <t>b'\x0c\x18\xfe(\xc9\xc7Y\x06\xe6+Z\xa3T\xe6Cq\x13\x91\xe7x\x9a\xa0\x130\xbe\x92o\xe0_\x83\x95d'</t>
  </si>
  <si>
    <t>b'=\x7f\xf8\x91,\x0b\xb3\xf8!\x17\xa7)\x03\xc2\xd5\xa1U\xc0\x02\xc0\xf5\xf2\x8f\xadR\xba\x96\xa96&lt;\xa4\x1a'</t>
  </si>
  <si>
    <t>b"v\x83n'\x8dY\x14\xbe[\tE\x89\xfd\x04\xb8\xaaB\xc8\xad\xd3i\xec\xe4\x07\xf7\xdb\xc8k\x99V\xf7P"</t>
  </si>
  <si>
    <t>b'\xae\xc4;\xed\x9f\x16B\n\x0b\x88\x10i\x07v3\xe3\xcd\x14p\xd07^\xb2\x84c\xeb\xe4\xf5\x83#\x18P'</t>
  </si>
  <si>
    <t>b'\xb9*\x92\x15D\xd8\xac+B\xe9\xb9g\xb2iX\xa85\xf8\xf7\xc7\xf7&amp;\xc7\xa3*\xb0D\xcd9\x16}='</t>
  </si>
  <si>
    <t>b'.\xb0\xecQ\xd3?b\xd6\x07\xac\x06 \xaeFR\xc9\xec\xae\xd6"O\xbc\xa9\x95\x82\xc54X\x83\xcc\x9b\xe3'</t>
  </si>
  <si>
    <t>b'\xfc\x97@\xb2N\x99\x1f_\x129\xb7WW\x11\x1e\x7f\xfam\xdcv3\x8dk\xe2?\x1bp&lt;\xe0\xca\xb7\xf6'</t>
  </si>
  <si>
    <t>b'\x8f&gt;\x1a\xf0\r\xf1\xabp\xd6\xfb~A\xbc/4\xf3\xd79LQ\x82~\xf0\x05\x06(&amp;\xe8o\x07V\xbb'</t>
  </si>
  <si>
    <t>b'\xd1\xf3\xbf\x97y\xb6\xbc,\xcd\xb0\x0c\xd3\xc9\xab\xe33[\xccW\xc1\xc7\xbfe\xe8BPN(%_x\xea'</t>
  </si>
  <si>
    <t>b'\xee\xca\xb3\n\xc7F\xe0T\xc7S\xe3\xe0\x88\xb3GJ\xd4v\xce\xafs\x10\xed%\xa4\xd3Ck\xe6w\xe6\xb8'</t>
  </si>
  <si>
    <t>b'\xb9h\x1d&lt;u\xcb\x1diD}\xdfvQp\x898APZ\x97\x86\xb1[? \xa7\xe7H\xc9\xdbv\xd7'</t>
  </si>
  <si>
    <t>b'Xv0\xa3\xde\xf1\xf3\xacE\x92\x0be=$\x13\x1b\x92\x8fU^\n\xce\x17\x15\xa2i\n\xa2\xaa\x10\x0eD'</t>
  </si>
  <si>
    <t>b'\x03\x13\xbf:\xb3\x84\xf5}\xec_\xc7\x82\xec}h\xc6\xa71k\x08\x11*\x16\xa1\xee\xd0\x1f\xa3\xc5|\xea\xa6'</t>
  </si>
  <si>
    <t>b'\x17\xa5\xb4p\xbd\xb0\xa0\x00\x1d\x0f_\xa9\xb5`RT\xbb\x1b+\x07\xba\r+~\x07\x87\x8aA\xd53\xcfs'</t>
  </si>
  <si>
    <t>b"'c\xb4\xdf\xdb\xbcz\xc79\xe2!\x05\xed0\x7fn\xb3\x1dK\n\xdc\xce\x17\xa6\\\xd6\x84\x10\n\x8eHt"</t>
  </si>
  <si>
    <t>b'\xc0K[\x0fk\xec\x88\x01\xf6U\xa3\xf9\xfe\xd0/\\\x91\x15#\xaa\x1b\x1c\xad\x1e.A\x10\xb3\xc3C\xb7\xe8'</t>
  </si>
  <si>
    <t>b'??\xe0\xda\r\xee#\x17\xe0\xb0\xd7\x90LjP\xdb\x19E#\xa2\xf4Pu\xdb\xca\xad\x94\xf5\xcd\xc9sX'</t>
  </si>
  <si>
    <t>b"}\xc6'\xb3\xad\x0b\xf5\x1a{\xd1\xefD\xd49y\x11W\x8e\x14\x06\xca\x13$P\xa5!\xad\x18\xbd,b\x9b"</t>
  </si>
  <si>
    <t>b'L\xe0\xa9P\t\xc8s\x92\xe6\xa6\x86\x97\t\x97I41\xaeB\xaf\xba^\xec\xfd\x0c\xbf\xb5PKA3\xa3'</t>
  </si>
  <si>
    <t>b'\xf3J`\x96K\xc8y\xdd\xa1*\xfek|:Y].\x0b&gt;$\xb8\xaa\\\x02\xd3\xc4$4u|\xd6\x03'</t>
  </si>
  <si>
    <t>b'\x91]\x97b\x11\xbb\xca\xd3qtD\x0c\xd7\xe7&gt;\xae\xc2\xa5IW\x86\x87\x8e\x08\x0e5aJCk\xee\\'</t>
  </si>
  <si>
    <t>b'\\\n\xcd\x19\xc8\xef\x92\xa3\x9d?T\xa7\xcb\n\xc1MA\xeb\x1d\x0c\xd3\xefHs\x8e&amp;\xb3\x7f\xaaad\xbc'</t>
  </si>
  <si>
    <t>b"\nk!/\xa4\r\x06(#\xe4\x10u\x0c?\xb2\x91\xe4]{w%pe'\x9c\xf2\xc0\xcb_&lt;a\t"</t>
  </si>
  <si>
    <t>b'\xfc\xa6\xed\x95S\x05\xa1\x80&lt;\xd6!c\xb5\r\x0b\xc1\xbe\x8ey\xc2\xf1\x7f\xec\\\x0ehq\x9e\xcdC4\x1b'</t>
  </si>
  <si>
    <t>b'\xd7\x95C\xd2\x93{\xa1\xed\xce\xda\xa3\xc8\x158\xb75l\xdcf\x04USY\x03(YtM\x18^\x05\n'</t>
  </si>
  <si>
    <t>b'\xaf\r[aR\x14\xeaZ\xc4\xb2\x0b\xf0*\xc5\x9c\x9f\xb1\xa8[i\x0b\xfd\x88=\x882(\xf0\x86N\x87\xae'</t>
  </si>
  <si>
    <t>b'\xea\x0b[\x81\xa5\xdd!\xd0-y\xfa\xefKo&gt;w}\xa5u\xb8\xdc)\x88\xe6F\xda\xee&gt;\xc9\xc9u '</t>
  </si>
  <si>
    <t>b'\xf7D\x84N\xc1\x18\xce\x93\x14[_\n\xf5!t\x97=\xed`\x87\xec0\x85e{\xaaH\x0ey\xd9\xbd\xd5'</t>
  </si>
  <si>
    <t>b"\xbf/s\x06\r\xfb\x1e\xca\x9b\xdf\xd7\xd9\xacev\xba&amp;\xbc\x8f'\r\xac\xed\x0e\x1d\x1b \x1c\xafQ\x13\xdf"</t>
  </si>
  <si>
    <t>b'qan\xd8\x8c\xda\x8e\xadb\xbb$n\xbfP\x9f\xef\xa9\xe7\xb1\xc1\x89P\xd2D2.\xad\xcf\x13;\xfd\x88'</t>
  </si>
  <si>
    <t>b'\xafeI\xbd\x9cN5JbTk{\x0f\xc0\xf3\x10L\x86\xd4#\xcb \x9d\xd7\xa7\xc6\xa3\x04HY\x8cV'</t>
  </si>
  <si>
    <t>b'\x06\x18\xa3\x8aM\xa2\x89\xef\xfa\x0b\x11\xcc\xcd\xbe\x84\xe8\xe6\x07\xb3\xe7\x9a\x11v&amp;\xea\xbcl\xd4\xf1\xc1\xa4\x14'</t>
  </si>
  <si>
    <t>b'\x00&lt;\xa4]\x95\xdd\x03)LAT\xb3e\x87\xdb\xaa\x90%\x9b\x99ekb"UR\xa5N?X(\xac'</t>
  </si>
  <si>
    <t>b"?8'\xf4\xaf,4\xc3\x96H&gt;\x90b0\x0e\x06!_\x01\xa5\xf8/\x1e\xdc\x0f\x17\x85]\x08\xee\xba\xe6"</t>
  </si>
  <si>
    <t>b'\xf1\x98`m\xb1p5^\x18\xa2uo\x0b\x81H$\xa0+\xc6=\xe4\xe9m\\\x0e\xe0\x8b&lt;\xe9\xa9\xbd\xc2'</t>
  </si>
  <si>
    <t>b'C\x06KXNV\r\xd3\x12&lt;=\xcc\xf9\x92+\t\x13\xba}\xeb.\xed\x19,&lt;\xd0\x08:\xf6\x8b\xe6\x84'</t>
  </si>
  <si>
    <t>b'\xc1Td\x8cZ&amp;\xb8cZ\xd58\x83\x9d;\xc4\x07r\x13\x13Kcb\xcf\xfd\x0c\t\xc8ur\xe4\x83\xb4'</t>
  </si>
  <si>
    <t>b'\xa6\xe9D\x96\xffY\x0b\xa0\xe3Nv\xd6,$,&lt;X\xbe\x99\x12\xcd\x90-\xc5h\xccjq\x81F\xb8L'</t>
  </si>
  <si>
    <t>b'\xd8\\*\x8ci\xa1\x91\xe0\x86\x01\xd4\xbb[~\xb9s\xd0\x8b\xcca\x98\x1d\xabQ~\xb6\x13L\x00\xe5\x1b8'</t>
  </si>
  <si>
    <t>b'_f\xc65\xf7A\x8c\x06i\xd969"\xc6\x04\xa5]C\xcb\xcc%\xd5$3\x1c\xe5!\x9f\x7f\x1f|\xc5'</t>
  </si>
  <si>
    <t>b'/}\xbdy\x14\x9b\x15\x90tgg\x9e7\xc7\x919\x0c\x14\x11{\xe1J\x1f-k\x94\xaa4~\x1e\xacG'</t>
  </si>
  <si>
    <t>b'\xa0\x82\xb6Fp\xaez\xe6\xdd\x10\x10}\x89L\x0f\xec\xe4e\x1ez\xce\xc7\xa4\x7f\x88N\x9b9\xad\xc4w\x12'</t>
  </si>
  <si>
    <t>b'&gt;4+\xab=J\xaa\xe9l\x93\xd7\xf9\xe9\xc19\xba\x89\x1c\x81|\x99\x82N\xad\xf7sR\xc4?t\x17v'</t>
  </si>
  <si>
    <t>b'\x13\xb3\xcf.\x03\xd4\xd8\xce\x19\xa3\xd7DAx5J\xb0\x19\xfd\x9f\x17E.VxX)-~\xf3O\xfa'</t>
  </si>
  <si>
    <t>b'g\x84Oi\xe4\xd1r@u\x0eC\xee\xbck\x98\x8be\x91\xe1*4\x86h\xb4\xca4B\x8b\xc3\x11\xf3p'</t>
  </si>
  <si>
    <t>b'T\n_\x1fk\x07\xc9\xd6\xa8\xf7z\x10]:\xdcI\xd6\xa4p\xab\x02W\x8e\xcd\x84\xd0\xde{{\x04Y\x02'</t>
  </si>
  <si>
    <t>b'3\xc6\xbd\xc3o\xb8Ig \x0b\x07\x9fv0 w&gt;\xeb\x1c\x14,\x8b\x9e\x11?S\x98\xed\xc2\x17\x17\xcc'</t>
  </si>
  <si>
    <t>b'\xea\x14\xf9\xbfd\xa5~\xcf\xa8\xe6\x04Z\x86\xb3\x000\xf7d[\xb2C\x06\x05\x9aLp\x16\x0e\xf86D5'</t>
  </si>
  <si>
    <t>b'\x0e\xe1h\xd2$\xac\n{"\x19xU\x80\xbf\t\x95\x19m\xbd\xf2\xe1(As9p\xaf;\xb4 \xe8@'</t>
  </si>
  <si>
    <t>b'd\xbe\x92\xd2!\xa4\x88\x07l;\x87{\xdb\xacv\xe5*\xb4\xa5U\xb4\x15\x9d\x17\x9a\x1a\x90c\x01\x86!\xc8'</t>
  </si>
  <si>
    <t>b'\x0c\xaf\xb8\x9a\xac`^\x9a\xa2Z\xe1\x93|\xeb\xb4&gt;\xb5\xef|k\xc7\x9f\xdf\xb7\xe9N\x1cB\x1a^\xec\x8a'</t>
  </si>
  <si>
    <t>b'*1\x1f\x11\x8a\x8c\xe9\x9d7\xf2F\xf3\x9f&gt;\x08\x10\xa8e.\xf2\x10\xc7n\x92f\xe0\x8e\x07J\xd3\x9cT'</t>
  </si>
  <si>
    <t>b"\xe9\xd2\xe7'\xc2[\xd7\x18\x16\x90\xba\x1e\xf4\xa7\xef\x86\x00\xa8\x89l\xa6\xaa\x8eV\xa6\xd0\xedc\xc1y\x92\x1a"</t>
  </si>
  <si>
    <t>b'\x90\x0f\xcd\x975\xc0k"\x13\xdc\xef\x1a\x9d\x1ey\'\xb4h\xe1\xe1K\x88)\x16\xdb\xa2\xb1\x04F\x90\xe4G'</t>
  </si>
  <si>
    <t>b'\xf2Q\x9c\x8e\xee\xe6\x16\x89*F\x164K&gt;\x93\x05\xf85\xd5\xb8Z\x0e)\x18!A\x8eQmo\xe9\x0f'</t>
  </si>
  <si>
    <t>b'\x83\x17\xe2\x8ft@\x1dNh\xfd\xcd\xa4\xd9\xe8\xaaW\x99\xbd|hZ\x9e\xdd\x11\xe7M\x99\xf9\x8a\x1b\xfa\xa5'</t>
  </si>
  <si>
    <t>b'A\xdc9\x91\x9b\xd1(\ng\xbaX\xad\xc5A=\xff$\x1b9\\\xe9e\x10\xd5c\xe1\x985\xde\xfe\\t'</t>
  </si>
  <si>
    <t>b'\xd6{/i\x97\xb7p\xdf\x06\xc0B\x05\xa0I_,\xfaW\xc3\xf6;T\xa5\x83\x86\x94{\xaa\x16\xe4\x1cu'</t>
  </si>
  <si>
    <t>b'\xb4\x7f\xfa\xc8X\x89r)\xdfSO^\x81\xf7\x84\xe5\xeeq\x91r\x005&lt;\xbcE\xefz\xa0k\xf430'</t>
  </si>
  <si>
    <t>b'\x88 \xb8h\t\xcf\x83\x19\xb09\x07\xcf5\x14|\xb3\x10&gt;\x9f=7\x80\x01\xbb\xc4\x8d\xdc\x7f&gt;\xb42\x0e'</t>
  </si>
  <si>
    <t>b'i\x8d/\x9b\xe6Alm^\xadt\x16\xe5\xab\xdcv\x11\xf8\xda\xa8G\x8aX\xe6V\xdd\x9c:\x87\n\xb3\x1f'</t>
  </si>
  <si>
    <t>b'\xe1ru\xedz\xbb\x07\xb4c\x9b\x9bd\xbf\xcdN\xa0\x05\xbd\xe4l\xd6#\x84\xca\xfb\xf4\x13\xc0\x97\xedI\xf0'</t>
  </si>
  <si>
    <t>b'\x84p\x07\x01\x925^\xffA$\xc3&gt;{\xc7J\x17\xfaA\xe1\xaa&gt;\xcb\xa0\\B\x13p\x9c\xb5\xe5\xb7q'</t>
  </si>
  <si>
    <t>b'\xd8\x1e\x0c\xb1\xae\x16\x870x\xe8\xbe\x8f\xb7\xd2\xbb\xb5\xe6,\xae\xee?.\xe3n\x88\xf5\xbe\x9e\xdf\xfb\x97\xcf'</t>
  </si>
  <si>
    <t>b'\x9c\x80\x81Z\x16\xd2s\xa5u)9\x07\xda\xd4\xf9\x1e\xe6~\xbd\x0b\xa4\x90w\xa1*xn\xac\xc1[\x01T'</t>
  </si>
  <si>
    <t>b")\xc4-&amp;`\xbd$\xac\x91O\xda\x8a\xdf\xaf1u*\x0b\xbd\xa8`ft_TA,\xb5\x8d\xe1'k"</t>
  </si>
  <si>
    <t>b'\xdb\x93 \x0f\xd9\xaa\x88\xbf\xac\xd9\xd4L\xb3Y\xeeC\xb3;\x8ai\xf8\xa7j\xff\xefM\x11M\x15\x80\xce\x94'</t>
  </si>
  <si>
    <t>b"\xb4M\x1c\x8a\xd98\x05j69;z\x00\xdd\x1bW\xaf\xf1\xe8c\x04\xc8\xd7'\xe7\x14F\xbc\t\xc9\xa0f"</t>
  </si>
  <si>
    <t>b"\x04\xc7\xe4\xa0ha\xfe\xba\x8f\xf0\xc1\xb4\x9d'\x84RDj\xef3\x0fG\xb4\xb3\xc9\xa1x\xc2\xc8#\xb6\x00"</t>
  </si>
  <si>
    <t>b'\x08&amp;\x04\x0e\xec\x0e\xe7\x9f\t5|\xa5G8\x7f\xc2\x9ceb\xa7#\xd9\x90\xc71\xb9\x99\xbb\xae\x07I\x9d'</t>
  </si>
  <si>
    <t>b'\x07\xab\xf4\xd4\xddL\x1fG\xb6\xa1\x8e-\x8b\x9c\xde\xdfC\xdf\x1c\xfcj\x98\x8b\xe3\xcf\x11^\xe9\x06sl\x95'</t>
  </si>
  <si>
    <t>b'\x03\xe5\x80\xcf\xa4\x1a\xb3N\x89\x9e$*\xa8\x1e\x06q\x88\x9d\x14W^\xe5yjG66\xc7\xac\xd0\xcd\xf3'</t>
  </si>
  <si>
    <t>b'\xbd\xf9\nm\x04\xa2\xc4\xe8bj\xa3\xa0~\x86\x0el\xea\xdf\x82\xc2?\xa4\x98\x01\x12\x0c\\\xed^\x83pO'</t>
  </si>
  <si>
    <t>b'&gt;f\xcfg\xac\x8eH\xc5\xd29\x19\xe4\x0c\x8eK\x0eR\xc2Y\x8f\xa6\xdc*\xf0\xa7\x06\xb9\x13&amp;\x99\xabq'</t>
  </si>
  <si>
    <t>b'\xc5\xdf\x87\x06\x01pK\xfek\xa9\xed\x11q\x13\xcb#\x0b\xf5K\x19\x7f*Y\xf6\xae\xde9\x0c\xf01\\\xd0'</t>
  </si>
  <si>
    <t>b'L\x87l\xe3\xd7\x00\xe8\x1c\x97i\xd0\xe5\xdd\x05dk\r\x93\xf0\x11\xd9kJ+\x9f\x94\xddT\r\xb5y0'</t>
  </si>
  <si>
    <t>b'\x85\x02\xec\x9a\x19\xf2\xd0?2\x8b\x13\xc6\xb7\xa6\xd1bu0x\x1d_\xc2PZ/`\x80]\x8b-\xdc\x9f'</t>
  </si>
  <si>
    <t>b"\x1f\x1bZNT\x8b\xde\xb5vu\x11(\xa4' o\x1f\xf0\x15S\xe6\xcd\xa3\x8eh\x08\xccE\x99\x07MY"</t>
  </si>
  <si>
    <t>b"\x05\x88\x91\xaf\x11\xec\x10&gt;\x06\x03\xb3\xa3\x15'rq\xcd\xb2i\x99\x1a\\\xa6\x12T\xd6\xf9y#\x17\x8f\x0c"</t>
  </si>
  <si>
    <t>b'\x83jiB\x9f\xbb\x13\xd1\xcb\xd2\xddD\x01\x1f\xafQ\x1c\x05O\xbf\xe3=\xfb\xe6 \xa8\\\x13\xf7$T\xf2'</t>
  </si>
  <si>
    <t>b'XH6\xda+x\xc203\x10\x88\xfa\xb9_\xe5\xb6\x10u\x86\xba\x9b\xf8\xa8\xc2q\xe8\x17\x84e\x8c\xc9"'</t>
  </si>
  <si>
    <t>b'Gg/\r\xce\xdd\x86\x91\xf4*|@\xaeY=\x10\xc9tc\xac\xc6E\xd8\x8fT-\xb6Z\xb4\t@\xe8'</t>
  </si>
  <si>
    <t>b'\xd0\xff\x81\xf2\x07\x07s\xc1\x017\x1c\x19c\x0c\x96\xd2\x1dh\\\xc5\xec\x9f\xae\x07\xde\xd0j\xb2\xca\xb1\xf4`'</t>
  </si>
  <si>
    <t>b'3\x89\x89\x16\x1d\x7f\x13\x1f\xa5\xc6\xba\xfd\x168\xb56\xaf@\x0c\x90"\xef\xe0\xdd6\xbd\x1c\xf6S\xe9\x0f\xd0'</t>
  </si>
  <si>
    <t>b'@A\x95u\xad\xf9hr\x07\xe0[7X\xf0\xba\x00\x80\xf2)]\xacS&lt;\xe5\xdc\xfb":\xf2A\x1b\x8d'</t>
  </si>
  <si>
    <t>b'\x04\xa9\xe9\x13\x01\x18[\x8d!u\x88[r\xe6\xef#JB\xeb\x89tB\xef\x15{!\xd4\x01/3\x96\xc3'</t>
  </si>
  <si>
    <t>b"\xb7@\x87J\x81\x05\xbe\xd6'\xd3\x8c\xe1\xa4p\x06\xe1S\xa4\x16&amp;\xb0$\xfc#\xf3=\x1c\xa3\xceBHT"</t>
  </si>
  <si>
    <t>b' \xafen\x91\x0f\x94\xdb(\xa4\xc6L\xba\xc3\xca\x80F\xda\xb8\xa5\xf5Zd\xc8\xc5\xf3Y\xd9\x89\x00\xfff'</t>
  </si>
  <si>
    <t>b'\xd6Pv\xafI\xc5:\xe4\xd1\x1c\xc7\x8av7\x81\x05\xe8p-g\x80\xc54\xd3\xb1\xf3\xda)\xcaP\xbcq'</t>
  </si>
  <si>
    <t>b"\xdc\xd2\xb9\x0c9\xda^J\x85\xc6RT\xe7\xe6\xed\xbcox\x0c\xc6\xc3g\xc8\xb45'\xe0\xd2\xd7??\x17"</t>
  </si>
  <si>
    <t>b'\xe3\xdd}\xf8\xecs6\x12or\x91&lt;\xa4b\x86\xce4\x965\xd0\xfb\x82\x97v\xf6\xff 9y\xcdj\x14'</t>
  </si>
  <si>
    <t>b'^\x97\xfd\xf8\xd7\xf0\xd4K\xe7Y\xa3\xb7\x90\x83\xc19\xcb\xae\x02\xcb\xae4h\xb3\x80\x94E\x13\x1f\xe5\xfc\xdc'</t>
  </si>
  <si>
    <t>b'\x8a\xb3e\xd0\x1f\x1b;U,-\xf6\x1d\xf9\xbdf\xb8\x96!b\xab\x03\x0c\xd6\xac\xfdWO\xb2\xb6\xc7\xc8*'</t>
  </si>
  <si>
    <t>b'\x18\xd9\xff\x90\xbcz\xd1=\xf5\x13;\xdfi\\p \xf3@\x84f\xf3\xadX\x1b\xf0(\x03{\x89\xcf\xf4\xe3'</t>
  </si>
  <si>
    <t>b'\xcf\xb9\x12\x9d\xdf\x15\xedI\xcb\xbb\x06\x8b\xf4\x82\x07\x04Y:\x9bRQ\xe5\x1a\x8e\x80\xcb\x9d\x19\x81EP\xf7'</t>
  </si>
  <si>
    <t>b'\xe1A\xb6,\xab(\xd3\xec\xc5\x1f\t|\x88ZHq\xea\xedc}\xf3L\rY\x84\\,\xb6a\x0bmb'</t>
  </si>
  <si>
    <t>b"\xa4\xe5'|\xb7)\xa4\x881Hl\x85\xef\xd6\x13\xe1TXW\x99\xd9\xc9\xb7\xdaY\xdc\xc7\xd0\x80ka\xa4"</t>
  </si>
  <si>
    <t>b'5\xb2\xae\xd9\x8b\xe6\xe8$\xd5\xa6\xc5\xe6\x0b\xb4\xcb\xfbsu\xef{v\xae\x1b\x1f\xa4\xcdm\xe0\x88[D\xc1'</t>
  </si>
  <si>
    <t>b'\x9d\x97\xd8\x94\xdb\xec\x9aV\xda\xfb|L\xb3\xd7\x19j9\xd5\t{\xd2\xd8\xafAp\xcf\xe1G\xb0_\x07\x17'</t>
  </si>
  <si>
    <t>b'|Q\x13\x14\xdc \x98\x8cT\x17\x9f\xb8`s\xef\xbbq\xb4e\xe5\xb0j\xb3z\xd3\xc6\xa2j\xf0t\xf1;'</t>
  </si>
  <si>
    <t>b'\x98\x80]\xd8\xc1\x8f\xc7\xd6\xa9t\xfay)))\xb6(z\x10\xe3\xb1V\xdc\x93\x1c\x0chvH\xfc\xe00'</t>
  </si>
  <si>
    <t>b'&lt;2*L&gt;\x9do\xb0L\x15\xf6\x85._\xdfF\xff \x1d|\xcaR&gt;\x92@\xd8V\x11\xdc\xe2\x97\xda'</t>
  </si>
  <si>
    <t>b'&amp;u\xd9B\x18\xae\x83\n\xe4\x87\xdd\xd6\xf4_&gt;NcD\x9c\x8c\xa1\xd8t\xb0+\x9b\xaf(;\xb5\x0c8'</t>
  </si>
  <si>
    <t>b'9\x92\xd6M\x95\x14j\x90\x8bH\xfe\xc4\xfa0\xe5\x17\xb1\xe6\xe3\x86\xdd\x83\x0b2\xd7Z\xe3H\n\xaf\xff\xba'</t>
  </si>
  <si>
    <t>b'\xc2m\xe4\x9a/\x88_\xeb\x01\x0b\xa9\x06\x0c\xfcN\x16&amp;\x94\xc9\xf2Q\xf4\xeb\xc5\xfd\x037\xfc^\x82\xa0 '</t>
  </si>
  <si>
    <t>b'\x86\xd0\x1e\x98\xe3\xec\xad\x8b,\x02z@\x97\x86Q%g\xbf\x89\xc8V\xd2\xee\xdf\xdbe\xdf\x05\xc0I\xa7b'</t>
  </si>
  <si>
    <t>b'\x9c7\x12\xc1\x0c\xa9\x1c\x13\x92\x8c\x1e8\xe7D\x84\xd6\x16\xf7|\xcaS\x9c\xf7\x959L!\x90\x98}%\x95'</t>
  </si>
  <si>
    <t>b'C\x9e\x8b\xf4\x05\x001\xc1&lt;\x8e&amp;Z\xd0m\x15&amp;8-XK\x08\xd3\xc8\xc4\x8eN\xe2\x0c\xe4$d\x82'</t>
  </si>
  <si>
    <t>b'H\xa6\x8f\x11\x16#\x88\xfa\xca\x9d\xf5\xd9\x85\xf3f\x7fY\x97l\xb5\xaew\x8d\xa2\xc64B\x1d\x86\xd42\xe3'</t>
  </si>
  <si>
    <t>b'\x10eh\x8a\xec\xc6#\xdd&amp;\x946\xf7\xf0\xf5\xa3M\xb4\xab\xbf9\x05\x99\xca\x88\x85{s~ugc\xc3'</t>
  </si>
  <si>
    <t>b'\x80\xf0\xf0\x0b\x8fdT\xfb\xdfn\x97yfHAK\x1d\xa2\xb6\xd7F\xc0;J\x8b\xa6v\xed\xd5\xd5i\x82'</t>
  </si>
  <si>
    <t>b'\x06E\x90L\x9d?\x1c\xdf*8\x01v\xc1lS8\xe1c\xee[\xd8k\x85N\xbco\x81\rr\xc4\xf2S'</t>
  </si>
  <si>
    <t>b'\xda\x07\xa7\xaf\nb\x01o\xf5/\xf2\x0c\xf0R\xf3\xe6&amp;\x04{\x1b\xf9\xad\x8b\x8fkO\x9b5\xc7\x902\x84'</t>
  </si>
  <si>
    <t>b'\x88\xc4\'\x04[\xcf\x9e\xaf\xb3\x90\xdcD\x15\x11\xf6\x9e&lt;\x06\x10Y\x10={v\x1a\xf2"~\x99\xd6\x92\xf0'</t>
  </si>
  <si>
    <t>b'P\x9e\x96\x10\xed\xa3\xdeF?\xdc\xf6\xde&amp;\x10\xc3\xc5\xb6\xd6\x13\x1e8R\xe3\xeas\xaf\xde\xe9\x1f\xf5\xf0?'</t>
  </si>
  <si>
    <t>b"\xb0\xd2\x00L\x19\xef:YQ\xdfMr\xf2'\x83\xeb\xee\xe8\x84l\xfd\x17\xb1\x8eu\xe8W\xf5 *\xf6\x03"</t>
  </si>
  <si>
    <t>b'\xebo\x9bC\xd9&amp;\xe1x\x7f\xb5\xd1\x0c\xb4D\xf8\xda\xd6\xae\x8c\xfd\xae?\xf06\xed\x9c\x00"j\x17\xa8\xd6'</t>
  </si>
  <si>
    <t>b'\xdb\xfd\xfbu\x89F\x03{\x1e1\xd6\x9a!-3-\xfdh\x14\xe6\xee\xcb\x87.j\xcb\xf9\x0b7f\xd4\xf5'</t>
  </si>
  <si>
    <t>b'\x9e\x04\xecq\xb4\xbe!\xc8Z\x97%\x1b\x13x\x12\xdcD?\xc0`]|D\xc9\x03\x84k\xe7H\xb6&amp;H'</t>
  </si>
  <si>
    <t>b'l\xa0\xc3Ne\x1cI\xb3\xe2\x03q\x00#\xa4\xeb0\x8b5\xe4\xba\xc3\x10?&gt;\xd1\xee\x19\xf1\xe5\\F|'</t>
  </si>
  <si>
    <t>b'\xe9\xb1\xb4x\xbf\x95\xd4\xd6\xd4\xa4\xbb*%\xc3\xfa\xf3\xcb\xfd\xf6\x81m\xfe\xca\xbe\xf0\x01\xe3\x16 \x1ap\x0b'</t>
  </si>
  <si>
    <t>b'y\x15\xd9u\xa1\xf1\xf3o\xf3\xa9`r\xfb-I[N\xd1g.2\x01Q\xd6J#\xd37HT&lt;\x12'</t>
  </si>
  <si>
    <t>b'\x05\xa8tw\x87\x872\xf8\x98&gt;\x88\xf0]\x05\x1a"\x84 2\xb1\xa4\xaa\xb0\xc3\x19\x9e\x05\xac\x8c\xcfy\xda'</t>
  </si>
  <si>
    <t>b"\xf1\x02\x14 '\xbd\x1f[\x00\xdb\xf3{\x9de\x1eB\xb9\xeaJ\xd5J\x17\xc9\x98\xe0\x96\x8fWq\x96\xdc\x05"</t>
  </si>
  <si>
    <t>b'\x8f~u(\xdc\xbe\xc2\xc8\xe0\x80\xc4\xf7]y5\xdf\x84\t\x08\xbc\xdd\x06\x1blq\x04\x0b\xee\xdd`\x8b\xf4'</t>
  </si>
  <si>
    <t>b'\re\x8b\x00{g\x8c\xc3\x13wT\xbfP\xee\xbe^\x0c\x88\xf5Z)\xe3\xc2;S\xf8\r\xd6g\xb0\t\xb8'</t>
  </si>
  <si>
    <t>b'\xecR#5qb\x83\xe9\xcd\xbe\xdd\x94\xdfZ\xb6\xe4\xb35\xe7\xd6\x9a\xd0=&gt;\xd5\xed|\x9d\xe1\xa7\xbf\xe1'</t>
  </si>
  <si>
    <t>b'd\xd2\xa9\xa2i\x98\xb1F\xe8f\x1fY\x82\xcd\xb3\x8b;a#\xe7/M\xc8I\xa1~\xeb^W\x06}\\'</t>
  </si>
  <si>
    <t>b"\x82\xe5\xebY\xee'\x87\xa8\x0f\x1c\xa4I\xc2%\xfe\x8b\x1d\xfbj:\xb2\xf7]M\xf2\xe3*\xaaW\x1ea\xc4"</t>
  </si>
  <si>
    <t>b'\xe5\x83\xf3\x95)\x11\xfb;\xd3D;\x05\x87\xady\xf3oK\x1d=\xb0\xcb\xc2\xed\xe0\x8bX\xbb=\xb9\x8bo'</t>
  </si>
  <si>
    <t>b'\xec5\xc5vIFje\x8f\xb2\xf3\xc2\x99t\xee+\xefv\xfdcS\x13\x8b\xc1\x0e#?eq\xc8\x81\x94'</t>
  </si>
  <si>
    <t>b'\xed\xb6Q\xb55\x10\xdef\x82\x9e\xfc\xc4\x8e\xafX\xf4\xca%\t\xcf\xb7\x8e\xad\x80M\xf2\xd4\x93s\xb6"\x95'</t>
  </si>
  <si>
    <t>b'\xfc&amp;\xcbM\xdf\x9f\x83z\xa1\xc6\xa2s\x9f\x808\xf8Aj\x87\xd4\xee\xf1yT&amp;qn\x8cl\xc5\xb3^'</t>
  </si>
  <si>
    <t>b'F\xf2w\xe3E\xb2s\x9c\xad\xd0/\xf3\xe6\x81\xc2\xe3\x87\r\xcd\xdc6\xee\xa4\xd2aR\x920N\x0b\x8a\xcc'</t>
  </si>
  <si>
    <t>b'\xd0\xf755:f\x1c\xd2\x15\xe0\xf8\x0fz\xe0\x04\xbbH\x02\xf8 \x1f?u\x07_2\xf2e\xd1*\xfb9'</t>
  </si>
  <si>
    <t>b'\xb5\xf9\x145%\n\xc6&lt;\x8d\xe6U\x06/q\xe2\xc6\xee\xdc&lt;\x02\xd6\x91a\xcf\r5\xaf\xadUU\xe11'</t>
  </si>
  <si>
    <t>b"\xdf\xd7s\xbc\xfbi\xb8\xfa\x80\xd3'\x81!\x976\xb2\x86\xf5\xb4\xa8\x15\x1fW\xef%\xae#\x955\xf6\r\x18"</t>
  </si>
  <si>
    <t>b'\xdej#h\x94\xb6\xfa\xe1L\x01\x96\t\x8c_Rb\xfe\x16\x13G\xbe\xbd\x00\xd5X\xb2\xb1P\xcdB\xde\xfe'</t>
  </si>
  <si>
    <t>b'\x9e\x99\x90\xb0\x96\xc74\xe1\x7f\xf6\x81\xd0T\xd9\x10p\xff\xbd\x91\x87\x03\x9b[\x9a\x19.\x8b\x911\x1d\xa1\xb0'</t>
  </si>
  <si>
    <t>b'+\xc1g\x97%\xbc\xf3\xa2\x8f\xd2\x13:\xa5\x853\x83Tz\xe1\r\t9\x9cY\xd6\xc6\x93\x14\x13\xd0B$'</t>
  </si>
  <si>
    <t>b'\xe6\xc6\xc1M\x93\x95`dC\xb6\xcft\xcc^\x81\xbb*\x8f2OK\x88|:\x82\x9c\xf0\xe6\xebo0\x04'</t>
  </si>
  <si>
    <t>b'\xd0\xe40\xb1\xdf\xef\xffI\x1b-\xd3\x17\rNq\xba\xf3\xae\x11\x1aJ\xe2\xb7\\\x12\x0b\xd3\xdc\x02JY\x01'</t>
  </si>
  <si>
    <t>b'\x96\x9a\xc1\xe6JX\xa3\xac\xc8}\xb3ixI\x15\x0cL7m\xbdKG:\xd3\xa6T\t\x03t\xf5\xff5'</t>
  </si>
  <si>
    <t>b'\x80\xfc[S\xd6\xabNZ\x0bC\x8c\xa9\xe4\x85\xcd3w\xe4z4\xeb\x10G\xafBa\xacD\xd8\xeb2\x14'</t>
  </si>
  <si>
    <t>b'V\xf5\x9d\x13:\xfa\x08"\xce\x82\xb0\xc9\xa8\xcdV&amp;\x14y\x08\xa8e\x12]\\\xa0\x11\xb6NT\x0fM\xa9'</t>
  </si>
  <si>
    <t>b'\x9d\x86\xa4\x9e.\x03\xbe\xb7j&gt;\x85n\x98\xdaKpJK\xf8\xd3j\x08\xb8I\xad\x97\x98X\xd9\x15i\x15'</t>
  </si>
  <si>
    <t>b'\xb3\x95_\x17\x8dV\xde3\x16\xca\xed\x86\xca\x88\xd7\xab=\x0e]\xb7\x05} \x0e\xa0\xcc\x05\x82*\xbb\xfbF'</t>
  </si>
  <si>
    <t>b'%\x07R\xb3\xf4\x1f5.?\x0ce\xca\x0c\x12\xcf\xc8e\xf3\xee\x82\x0c\xfbd\xea\x00\x05x\x10btI\xb5'</t>
  </si>
  <si>
    <t>b'\xf8#\x9d\xde\xdc\x0cI\xab\xad0m?+\xe9l\xe9\xbb\xc4w1\xd8]\xfc"\xdf\xdb\x91\x14\xafO\xd2\x9c'</t>
  </si>
  <si>
    <t>b"]X\x9e\xda\xc9e\x96\xfb\xcc\xfd'\xcd-GM\xde\xee%\x7fU\x08\xe2b\x99\xdb\xf1\xe1\xb2M\xca\x96\xee"</t>
  </si>
  <si>
    <t>b'=\xe4rHU\x18\xd8\x16\xe7\xa8\x0eD\x82\xbd\xf60\x96\xef\xbd/)\xa5\n\x90%\xb0(\xd9\xdaT\xdcc'</t>
  </si>
  <si>
    <t>b'Q}\xc7\x07Sx\x1cl\x8f\x87\xb8\xcf\xc06\x06`1\x14\x0f!(X20\x8e"\xbf\x99\x10\x9b\xc3\xa3'</t>
  </si>
  <si>
    <t>b'\xfeqn\xab\xde\x8d\xadI\x99\xe1\xf8ql0z*\xfa\xcb\n@\x89\xf4Q \xae\xc5+\x17\xfe\x88=\xdf'</t>
  </si>
  <si>
    <t>b"\x91[\xca\x80\\wz\x1e\xf5\xdc\x116sw'3ph\x99)H\xe0\xd1\xa7\xfdN\xf2\xb4!;W\xb4"</t>
  </si>
  <si>
    <t>b'\xa6/\x91_+\x87A\x87\x82"\x8a\xa7MB\xf0\xba\x1fB\xab\r\x8eh\xa3\xf5*\x89e\xbe.\x1c\x12\x9e'</t>
  </si>
  <si>
    <t>b'\xa8/K\x87m\x98\xfeU\x86}\xf0\xb0\xf5\xffko?\xd2\xa4x\x13\x84\xd0u*}k\x9b\xe4\xee\\\xba'</t>
  </si>
  <si>
    <t>b'0\xb6#a\x85\xe5\xce\xa8\x90j~\x00Y\xbcq\x14\x82\x07\xb1%\x8f\nr\xc9"^%+\x8e/\x89\xe1'</t>
  </si>
  <si>
    <t>b']_\x9f\xf6\xea\xfe\xb2\x9b\xb8S\\\x0b\xf3\xdd\xcfa\xcd+SI![\x99V|\x8e\x1d\xe6\xd0\xc9\xdd\xba'</t>
  </si>
  <si>
    <t>b'\x8eq\xa28\x987V\x18\xb1i\xac\x02\xcfX\x86\x05\x06\x11\x13\xf2\xc4\x83vj\xb1\xff\xaa\x84s)\x8f\x91'</t>
  </si>
  <si>
    <t>b'\xad\xb4\xa7\xf2\xa2\x8d.~\x93\x1a\x1c\xecM\x9c\x0e\xc4\xa61\xe2$}\xd5\x81\xa9^aY&gt;\x10\xd6\x05\x03'</t>
  </si>
  <si>
    <t>b'\x03\xeb\x9e\t+\xb5 \xd9\xc5$\x92\x1b`\xdc\xa0\xe1\xbb\x14 \xae%[\\\r\xbc\xf65@\xd5\xb5\xd5\x1d'</t>
  </si>
  <si>
    <t>b'\xb0\xccd\xa8\x08\xa9\xd2\x92\x84\xbd\xc6D\xbcU"\x8a\x9e@\xbd\xeaY\xe2$Q\x8c9\xb1\x9dhi\x02\xfa'</t>
  </si>
  <si>
    <t>b' 5\xbd(\xe1\xdd\xcd\x95\xfb\x12y\xc7?\x96%o\x8dL\xb4\xac=d\xfe\x9a\x14\x91\xff\x9f\xc1\xe9(\x92'</t>
  </si>
  <si>
    <t>b'T\xb7nX;\xb3\xb9\x0e\xa6%Sb\x0f@;6\xce\xb1\x08\xcd\xe7.\x1b\xe2D]|g\n\xca\x9dJ'</t>
  </si>
  <si>
    <t>b'`\xcc\xcf\xdf\x17\x14\x19o\\\xf4\xeb\x1a\xa1P\xbaW\xc7\xcb\x05U\x07\x92h\xa5i\xa1`z\xecgF\xb0'</t>
  </si>
  <si>
    <t>b'\x16\xfb\xcf\xe1\x94\xc1N\n\ni\xe4@pg\x02\x81\xdcR\x93\xce;\xbd\x94Y-\xd0w\xfa\xefr+\x18'</t>
  </si>
  <si>
    <t>b'\xea\xc0\x85\xf9\xb7\xb3]E\xf6\xacJ\xf8\xd4\xa0\x8f\x7f)o\xcd\xc2\xed\x9fP\xae\xad\xe8\x9dA\xea\xd4\xdaz'</t>
  </si>
  <si>
    <t>b'\xb5\x06\x84\x1f\xcf\xd6_wn\xf9\x02\x97\xacO\x00}\x98\xc8!\xd8\x82\xdd\xb9\x9c\xcdS\xe5\xc7\xe5K\xab&amp;'</t>
  </si>
  <si>
    <t>b'\xe38w\xcc\xf7\xa7\tR\xd7\x03xZ/\x9e77=0\x86&amp;+Y\xfb\xe3\xc2\xcaA\x85n8%\x9a'</t>
  </si>
  <si>
    <t>b"{\xa6(e\x0c\xe3'\xb2/\xdb@B]\xb06j\xad7SnR:(\x98\x98\x95\xe3yJ\x8dh\xc0"</t>
  </si>
  <si>
    <t>b'k\xcdru,Sw\xd1v(D\x12\x15\xda\x07\xa7\xa0\xfe\\^j+\xbb\x11\xeb8k\x18\x0frv\xab'</t>
  </si>
  <si>
    <t>b'R\xc8\xf3\xc8\xa6\xf1F\xba\xef\xc23\x85}\xf9\xce\xdb&gt;6X\xf2\t\xb5\x10\xf0\xb1\x91\xfe\xe1\xe0\x90\xb0\xbe'</t>
  </si>
  <si>
    <t>b'\xe2A\xea\xf9\x89a\xd8\xcf(\xea6hiLbl\xff$\x06\rI\xb4\xcc\xb2\xf8\x8bm\x8eb\x81\x0b\x92'</t>
  </si>
  <si>
    <t>b'\xbd\x7fW}X\xcc\xb62\xe99c\xd2sjj\\\xfc_L\x98x\xf9\x90\xfa\xa2\xea1\xda\x88k\xf7\xf4'</t>
  </si>
  <si>
    <t>b'\x11\x17\x9c\xe5\x98"\xc3\xc8\x84 n\xf5z\xa6L\xe5$\xe3\x96\xe2\xfeP(\xfam\x81\x17\x10qn\x00V'</t>
  </si>
  <si>
    <t>b'\x1f\x0f\xca\x8b\xb3\x05\xc5\xae\xf4^\xcb\xbc\xd6\xcaL\xb9\xab\x8f\xbb\x0f\xac\x06\xc3\x06,\x03I@\x1eY\xed4'</t>
  </si>
  <si>
    <t>b'\xfe\xea\x85\xad\x81\xdc\x1e\xa4\xbd\xca\x90\x15\xed\xf5\xef\xd3\x1fF\xd8\x88L\x0f\x14\xd1\xb3\xaf\xba\xdf\x85\xdd\xef/'</t>
  </si>
  <si>
    <t>b'6:\x923\x14j\xa2\x15\x90\x19\xeb\xb3\xf2\xf6\xf7\xd3\xe7: \x94\xfe\xa1i.i\x95\xde\x04\x1b\xc2\x07&lt;'</t>
  </si>
  <si>
    <t>b'\x1c&lt;\x8c\x06f\xe6F19\x02\x18ps\x89\xa0\x16\xdd\xae[\x87\x18\xd7\x9b]U+&gt;\x94\x98$\xa6d'</t>
  </si>
  <si>
    <t>b'\xddEP*\xdc\x8a\xd9)\x05D\xde\x93T\xe2\xecjP\x145._\x86\xb2\xcf\xc6\xb0[\xcb\x19\xafj\xc1'</t>
  </si>
  <si>
    <t>b'\xcb`\xdf&amp;\x9e\xf4\xe2\x7f\x1c\x93\xaa2\xe0\x06Q\xba\x04\xccZ_\xb2h\x7f\xbd\xf6\x8c\xc2B\xdf\x8c\x99L'</t>
  </si>
  <si>
    <t>b'\x14\xbaV&lt;\xe9\xd0!\xc4\xfb\r\xfb\xe3\xcb\x10\xdcg\xc9\xc1\xebr\x06\xbc.c\x9f\xcb\xd5\x1b\xab \xaf\xf0'</t>
  </si>
  <si>
    <t>b'\xd4u-\xc2\xa5&amp;7\x97&lt;:\x96&gt;\xafI|\xd7Y\x8b2\xd4\xea"\xad\xd8\xd9l\xd2b\xfd\xd6\xad\xd4'</t>
  </si>
  <si>
    <t>b"\x05\xd7\x9c\xae\xa1\x8cqR\x96\xdf+\x19 \x93\xe7\x93\x9fu\x9d\xc2\xf8k\x01\x84\x96{\xdfO '\xe8\xca"</t>
  </si>
  <si>
    <t>b'\xfa\xc0O\x91\x1c\xfce&gt;\xbb\xc0\x93\xdc\xf7\xfb\xbb8Y\x95~f\xfa\x9d3\x1b!\xb7t\x94Z\x19\xa7\xef'</t>
  </si>
  <si>
    <t>b'z\xb0\x99\xda\x07M\xae\xbd6\xd8ho\xb9\xd0\x86\x84\x98-z\xbc\xb1\x85\xfbe\xe7\xf92=\xd6O\xb8}'</t>
  </si>
  <si>
    <t>b'\xbfXW \xb8*\x99\x03%\x13\xdd\x02\x1b\x19\x95\x11&lt;X\xf9\x8c\xd3\x9f\xaf\xd7\xbc\xd1MD\x1e\xfa\x08\x10'</t>
  </si>
  <si>
    <t>b'2\xce2W\xf7\xa6\x8c\x81\xfb\x11\xb19\xab&amp;Uk\x19\x99\xd8L\xa6\xf8\xdd\xfa\xdc4\x91\xe2\x87\xcb\x1a\xf6'</t>
  </si>
  <si>
    <t>b'V$\xf2\x92\xb4\xb50\x80\x98\xba\xa4A\xf9\xcbe\xd3\xba\x08\xd9\xb7\xa1\xe3\xb0i\xf4\xa9\x05B\\\xce\xe9S'</t>
  </si>
  <si>
    <t>b'\xd03\x80\xd5W(\x91\x15\x9dY\x19I\x07O\xb0V\xa6\x87\xc5\x99\xfdM\xa7\xbe\xf4\x9c\n\x99#\xf4{\xdf'</t>
  </si>
  <si>
    <t>b'8\x07\xc6\xf4\x88\x89\x85\x05\x8fC\xf1\xf4\xeca3^e\xc5\xcb\xce\xd9o\xb7\xf2\x1cTd#\xb88\xd3)'</t>
  </si>
  <si>
    <t>b'\x89\x88\xf0\xedH3&gt;\xc6?.\x13\xa1\xd1f\xa9\xef\x98nT\xbbL\x88\xb8\x12\xfb\xcc5\xe1!\n$\x0b'</t>
  </si>
  <si>
    <t>b'\xd6\x94HVs\xf1\x883\x85Gq\xb1\x17\xee\x0b\xd5\x92W\x94\xd2\x03\xc8\x1b\xcbh\x9b\xc9\xba\xb2!!\x04'</t>
  </si>
  <si>
    <t>b'\xdd\xb4\xf9\xf2\xa79\xcb\xdfq\x11\x9ePU\x13\xc9\xa3\xa1\xabt\x93~n\x82hAFJl\x06\xdd\xf7\xdb'</t>
  </si>
  <si>
    <t>b'&amp;\x003v*\x07w}\x8cD\x97\x1f\xd6B\xf5 E\x1c@g\\\xb7U\xd9\xef}&amp;M\xd7N\x10:'</t>
  </si>
  <si>
    <t>b'i$\x93t\xe6r\xa5@\xdcv\x83:\x96"B\x8b\x93\r\x85\x81\xdc\xaf\x1e\xa7R35\x03\xf8\xe4\xf2]'</t>
  </si>
  <si>
    <t>b'\xd6\xe6\xe2\x17\x94\x9a"c\xae\x0e\xce\x9a\x86\xc1$/\x01X\xca\xa5\xa4,:\x97\rszH\xd2\x93\x01\xe6'</t>
  </si>
  <si>
    <t>b'&amp;\xaa\xa7\x88\x1f$\x86\xd70\x02\x90O\xf1E\xe72\xf6^l\xdb\xe8@\xdb\xd1\xa25\xa9\x1aI\xeb\x0c"'</t>
  </si>
  <si>
    <t>b'\xb3&gt;\xf5\x0f \x05\x1cc%\xcc3D\xe9\xad\xa7\x93\x02O\x939\xad\xeb\x93\x03 \xa1\x98\xba\xf3\xa3a\xf6'</t>
  </si>
  <si>
    <t>b'\xa3f{,\xbf]\xc8W\xaf1{M\x0845AK\xdc\xc8\xf0\r~\x16\xcb`t\xc7\xc2\xd2}d\xb7'</t>
  </si>
  <si>
    <t>b'\xedU\xc2\xca\xe8I\xe7rQ\xe4\xb9\x8eJk\xc1\xbc\x023\x95\xaa\x9e\xd3\xc1\xe6\xfc\x04US\x13$EK'</t>
  </si>
  <si>
    <t>b'\xe8\xed\xfd\xa6\x0b`[\xdax\xe4\x15\x0c\xbc\x9a\xc6D\\\xfdG\xe0~\x88\xf2b\xdc\x9cc@\xb2\xf6Z\xf0'</t>
  </si>
  <si>
    <t>b'\x88\xe0p\x1fXs_\x9f\x9e_\xb1!\x06\xe5\x18\x86x@P\nqhi\x99S@m\x05\r,\xc3\xb0'</t>
  </si>
  <si>
    <t>b'y5\xfc\xb5\xd8\xe2\x9c\xc5\x17\t\xfd\xc8\xff\x97\x8b"A\xbc\x83z\xed\xbe\xf0\xf3\xff\x94\xde\x93%\x10HG'</t>
  </si>
  <si>
    <t>b'F\xadr\\\xbb\xd8{t\xfbE\xc8MUT\xf7n\x1b\xc5\xeb\xe7!\x14\xaei\x91\x07\x15\xf9\xe2\xc3\x0fP'</t>
  </si>
  <si>
    <t>b'&amp;G\x86\x97\xbdw\xa0\x1cK\xb2\t;\xa5_\xc6l\n[@l\xd8\xe0\xd4\xb7cT\x1cg\xac\x92\x80\xe0'</t>
  </si>
  <si>
    <t>b'J\xe0\xee&amp;\xb1\x86]\xfc\xcbq\xea\x1b\xbcH\xf6\xc7\xee\x93U\xc6&gt;\x0fd#\xf8!\xf3\xb5?K\x98P'</t>
  </si>
  <si>
    <t>b'\xe8\x95\x1e)\xaeO\t\x9a;\xcd\xee\x7f\xc9\x12$\xfddX\x81\x9d\xd6 &gt;\x15e\xa4\xc9\xd9w\xcd\x96\x1f'</t>
  </si>
  <si>
    <t>b'(/\xe3\x17SX\xa9@&lt;\xef\x9f\x94\xba{n&lt;\x90"a\x08\xc5,\xd9\xd6&amp;73\n?\xfe\x86\xf7'</t>
  </si>
  <si>
    <t>b'\x82\xe9\xd5\x89"\xfb\x14f\xe6;K~\x86\xb0S\xe8:lD\x9d\xca\x8e\xa3\xa4*\xd2\x01x@\xbe.\x13'</t>
  </si>
  <si>
    <t>b'=\xd1\x03RJ\xb8\xc7\x89\x16\xe6\xdb\n\xe1\x1a\xaf\x1ev68\xbe\x1a\xa8\xe2\x9c@n\xdd\xeb[:n\x02'</t>
  </si>
  <si>
    <t>b'\x19\x8b\xed\x06w\xa1\xac\xf74\xcf\xdd\x12@\xc9HB \x95\x1c\x0e\x94D\xf12\xd6\x0c\xfaCJ\xd6\xfe)'</t>
  </si>
  <si>
    <t>b"\xfd\xb6\xea\xc0\xcf\xc7o\xf9\xeb}u\xfa\xbao'i\xcc#w\x86?2UVc#\xdb\xc2u\x92\x15\xd5"</t>
  </si>
  <si>
    <t>b'~\x00\xde\x15\x9627\x9c\xfc\tKC)\xc770JyZw\xfe\xc0b\xa5S\x98\xc4\xa0\x0bYM\xde'</t>
  </si>
  <si>
    <t>b'$"i\x02\x0e\x90Uv\xb0yu\x19\x0fuI\xaeL\xea\x9e\x8f\xdfT\x9a\x8b\xbb\x15\x96\xda\xa1SR\x10'</t>
  </si>
  <si>
    <t>b'e\xac\xf5cU[\xe4{XG8\x072J\x85\xbf|\x8a\x8d\xa7\xff\xe5=\xd7\x94j\xe6a\x97\x96\x1a\xab'</t>
  </si>
  <si>
    <t>b'\xb7\x84\x8e\xbc-\xa2\x8f\xae\x97\xe1\x93\xff\xaaP\x11\x95\xdf\x154\xcf\xcb\x03G\x03\xc6\x1cjz\xe2\xcf2z'</t>
  </si>
  <si>
    <t>b'\xca\x82+!X\x1f\x11\x01\x04\x03Ew=kVA\xcd-\xb0\xed\xd4\xd8\x94)\x0b\xe7\xc8\xb8\xcc\x9e\x9b:'</t>
  </si>
  <si>
    <t>b"\xda\x7f\xa4\xacx,\x84'&lt;P~i{T\xe6\x9f8\x871\xf9\xae\xc0[\xa9\x10B\x0f\x98NZ\xaa\xdf"</t>
  </si>
  <si>
    <t>b'\xb0\x8aAZ!o\x8a\xd1\xc7\x16k\xab`|\x84\xc1}\x01\xfe\xb7`\xb3\x83\xdc\xfcf\xd8\xa7\x9b\x8a\xd2\xdc'</t>
  </si>
  <si>
    <t>b'\x18J\x96].l\x04N\xd5\xb9\x8f\xb2\xbf_wh\xe7\xa1\x0b\xd7\x02t-\x80\x9e\x89\x11/~\x1a{\xa1'</t>
  </si>
  <si>
    <t>b'\xa2\x18\xa0&lt;\xf1\xe7#\x1b\x00L\xf4\xce\x0fq\xce\xf2`B\x0b\x02;\xee\xd7\xd7Y-\xa7g\x9d\xbb)\xf6'</t>
  </si>
  <si>
    <t>b")\xd1\x18=\xf5\xa0]\x1f;\x86\xdc\xfc\x85x\x7f'\x16\xfe\xb3$\x86\xd0;\x8f\x05\xf0\xd5f\xa9\x7f\x15\xd7"</t>
  </si>
  <si>
    <t>b"k\xf6g\xe0'+\xb41\xecc\x80\xd2Q\x11CX\xab{\x80i\xdc$e\x00\xc2\xa5\x80\x0e\xc5\x1b\x823"</t>
  </si>
  <si>
    <t>b"%\x93\xceJ\xf1\x89\xb9\xd7cij'\xdd\xb9\xed\x9c\x80\xfc\xfc)0\x81\xff\xd6\x99\x03\xe5\xef\xd5\xca\xd6\x06"</t>
  </si>
  <si>
    <t>b'u\xe8\xcfS\xbdz\xe1\x04\xc8\xc3\xb3#\x8b\xf3\xfd\xd8\x01\x8e\xec\x0b\xc2\x1e\xd9\xfa\x19H\xc3\x9e\xe0\xf2\x16\xe1'</t>
  </si>
  <si>
    <t>b'g\x96l\xea\x8f\x1az\xcb\xe7\x1a\n\xfbQ\xff\x86yl\x0f/8\x17\xab\xf9\x83\xdf\x12\xeeg\xb3\xa4\x0b}'</t>
  </si>
  <si>
    <t>b'\x9c\t\x8e\x0f\\(\xe7s\xff\xfb\x11e@\xd3\xe5\xa5\x1e\x82\xb2\xb6\xbc\x91\x84}\x93\x15\xf7\xef\x92$\xdf\x9d'</t>
  </si>
  <si>
    <t>b'\xa3{\x93\xbf\xba+8\xaa\x1dZqE\x99ym6gH\xea\xf5\x16\xa8\xef\xad\xbe\x82\x1f^T#\x9e\x05'</t>
  </si>
  <si>
    <t>b'\xbd\x88@}\x12\xbcQ\x8d:\x8b\xe7Om}E\xe7!\xafc\xd9\xc1\xfa\x1b\xcc(\xa1\x07]\xe7\xec\xa9\x1d'</t>
  </si>
  <si>
    <t>b"4\xfc\xddU6\x11\xd6\xe0o\xbc\x9a\xf09\x8b\x98&amp;\xda\xddM\xc2'&lt;\xde\x80\x15u\x9a\x9b\xaf|\xe7_"</t>
  </si>
  <si>
    <t>b'8\xdd\xde\x83\x9e\x06\x82C\x0bW\xe5\xc7,\x8e[&gt;\xbd/a\xdf\xdc\x8fc\xab\x86\x94/\x07\xfb=a\xae'</t>
  </si>
  <si>
    <t>b'"\xc1\xcf=\xd0\xd2\\X\x00\x88=\x9b^W7e\xce\xdd\xd1\xec\xd9\xe9\xf6C&amp;\x18\xdc\x1d\x00\xc42\xa8'</t>
  </si>
  <si>
    <t>b'\x8d\x8f\xaa\x886\x86k\x18\x0b\xd3*p\xfb\x06\xb7\x84\xd2U\xefDy0\xd3\xf0\xe3\xa3;\xb6dA\x89\x10'</t>
  </si>
  <si>
    <t>b'\xe0\xa3\xf7\xd9p\xf7P3Qg7-Q\x00\xc4e\xe9\xa0b\xd8\xe5\xd6S\xbc\xb2\xe9\\\xa7\xe5%3$'</t>
  </si>
  <si>
    <t>b';_G\x18O\xa8$6^\xc9V\xee\xfc/\x8c\xc1\xf0k\xe9\x93b\x9b\x1cp\xd2\xc7\xcea(\xc0\xe2\xdb'</t>
  </si>
  <si>
    <t>b'\xaa\xd3\xe4\xb6\x01\xf2\x1c\x1d\xe8m\xbc\xd5\x95\x05\xdbI\xd3\xac]\xd7\xaa\x1bd\x06z\xd9\xbb\xa6\x0e\x06\n\xc2'</t>
  </si>
  <si>
    <t>b'\xd2j\x88\xb7\xbd:]\x80\x00\xa1\xdd\x7fnG%\xde\xcfh\x10\xb6?o#\xf9J\x04\xe8g\xb3G\x9c\xd6'</t>
  </si>
  <si>
    <t>b'|\xf0\xbc\xfa$\xbe\r8\xf57\xe5%\\C\xa67\xeb\xe4\xdd\xccAV\xae\x1br\xb0\xc3\x13ug&gt;\xe6'</t>
  </si>
  <si>
    <t>b'\xf8\x02\xbb\x0c\x1dE\xf5\x07)0u\xabf\x90\xad\x05\xf8\xc1_@\xe5\x9b\x99\xde\xd4\\&lt;\xe6\x0b\x8f;\x9e'</t>
  </si>
  <si>
    <t>b'\xd7c\xe1\xe64\xecy\xd10\x8d\xecC\xbc=_6w\xd1\xfe\xa3`\xaaB\xbd\x8d\x85\xa4\xe3}\xa7\xf7D'</t>
  </si>
  <si>
    <t>b'{\x0b&gt;)\x1e&amp;\xa8\x9b\xccl\x1d\xebQe\xae\xdb\xa8\x8b\xb2\x9b\x99X\x93\x8e\x01\xb2\xb1L\xf3\x82-\x8e'</t>
  </si>
  <si>
    <t>b'#\xd1O\x8e\x88\x86\xa3(\xcd\x14Q\x1b\x17\\\xb8mSYV\xf3a1\xcf\x07\x15\x10N\x0c\x0bl\xddu'</t>
  </si>
  <si>
    <t>b'\xc2n\x1b\xb3P\xd3\xb3%yN\x9e\x03n\x0c\xb2\xb2\x98\xd1\xe2\x9e\xb6\x10\x00D\x17\xd5\xe60+j\x172'</t>
  </si>
  <si>
    <t>b'\xeb2Fd\x96=\xdbn\xa3\xbdy\xd5B\xe6x\n\xffy\xf7\xaa\r]\x12\x96\xae\x1b]\xcc\xf1\xa9\xf0\x07'</t>
  </si>
  <si>
    <t>b'\xb7\x84\xeaO\xb0\x0e&lt;\x86\x92(fn\x93S\xeb\x16\xdb1l\xf3q?8\x98\xc7\x81G\xd93\xc5\x10W'</t>
  </si>
  <si>
    <t>b'au\xdc\xb9\xd2d\xa8\xd1\x828Ee\x1e^\xd9,3\xbe\x95\xb6R`\x91Y\xdb&gt;9\xad\xed&lt;F\xec'</t>
  </si>
  <si>
    <t>b'r\xf9\xd2`$\x8a\xe2\x86\xed\xcc\xf1\xe3\xf0\xbe\xa0\xe3\xce\xf6\xb0\xb2\xfc\xd3\xde\x05\xd7c\x88"\x89\x06\xb5\xd3'</t>
  </si>
  <si>
    <t>b"W\x89\xe0\xcb\xaf\x00\xbcq\xc9\xdan\xbfA.\xf1\x02\xd6'h\xe7S\xb7W\x93C\x11\xdbb\xa4\xe4\xe2\x1e"</t>
  </si>
  <si>
    <t>b'O_#\xa2\xe4z\x89\xdb\xc5($\n\xbd\xdfJ\x19\xa4\x89\xd8\xabp\xc7\x03\x05\x1aM\x12PoF\xdeE'</t>
  </si>
  <si>
    <t>b'_\x88\x1a\xc4\x0b\x1e\xc6\n\xb7\xea\xfd\xaf\xcd1\xbe;\xfc\xda_\xf1\xbd6\xcdd&lt;(\xdc\x05\xdaF\xb4\x0e'</t>
  </si>
  <si>
    <t>b"2\xba5u\xc3\x81&lt;\x1cu\xc2E\xd6'\xf5\x01\xbaCW\xb8-s6\xb0Pq\r\xf0\xcf\x1c|\xbb\xfb"</t>
  </si>
  <si>
    <t>b'~.\xf5\xbb\xbc\x0e\xa8\xde\xb9)-\x1ah\xff.\xaba\xcb\xc0p\xcf\xef\xc5\xae\xd1\xa4\x9e\x8c&gt;,`\xa4'</t>
  </si>
  <si>
    <t>b'\xb9Y\xc9\x9e\xe8)a\x96\xfa\x0fL~\xb4b\xaf6q\xe7]\xd0\x13\x02m\x99x\x1f]\xca\xd8\xc7r\xfa'</t>
  </si>
  <si>
    <t>b'\x07c\x9b\x12`\xf7\xb5#^\xf89\xb3\x95\x9d\x84\xf9\xd0mza\x08\xbd@\x0eo\xe6\xb6\xdc\r\x0c\xb3\xec'</t>
  </si>
  <si>
    <t>b"\xcc\xcc\x85\xba\x0e8\xef\xa5`'TQ\x0c\xf0r\xb4\x11\xcf\xc1bqUE\xbb\xbf\xf1\x85\xb2\xdbZ\x08\xea"</t>
  </si>
  <si>
    <t>b'\x10\xbf$\x11}s\xd8iN4\x89U\x98\xa05$\x83\xf9~\xbcLoXOS\xb9*\x84\xeb\t\xc8\x95'</t>
  </si>
  <si>
    <t>b'\xa55\xf9\xa7\xfb\xe8-\x96\xd3\xa48G\xbb$\xc1\xf2\x001\x14%\xd0,\xb9\xa9z`!Wm\r\xc0\x8a'</t>
  </si>
  <si>
    <t>b'.\t\xe1I3&lt;[\xba\xf3\xa5\x0c\x19\x1ft\xbb.\xc2\xcc\xa8\xad\xf4!1PMn_"\x04z"B'</t>
  </si>
  <si>
    <t>b'\x8eU3\xd0}\xa3\x04:\xca\\\x9b%,\xa2\xea \xae2-\x99\xee\x16\xeb\xbfX8oC\x8a\xd5k\xdc'</t>
  </si>
  <si>
    <t>b'\x9bV\x8e\x81\x97K\xd7Q\x92\xa1\xe3\xe7\xcd\xa7\x19\x10t\xd4\xcays\x0ex\xc1\xfb\xb5\xefv=\xc0\xe7\xa8'</t>
  </si>
  <si>
    <t>b'\xbcm\xac\x8c4|\x88\x7f\x98\xe3B\x07\x82I\xb1\xcb]O\xcf\xb4\x17\xfcl\x04\xff9\x10\xee\x05\xe8\xcd\xcd'</t>
  </si>
  <si>
    <t>b'\x07\x83\xdekQ\xcb!\xd4\xee\xd5\xa8\x1d\xf7@\x9a2\x85\x01Q\xba\x85&gt;\\U\xf3\x08\x11\x0b\x8c\xdd\x02\x0e'</t>
  </si>
  <si>
    <t>b'\xdd B\x11W\x9dh\xa6\x83\x89\xa0\x18\x8f\xbcr\x15}\x17\x06&amp;\xdeF\x1b!\xef\x19\n\xe32\x8b\xa1\n'</t>
  </si>
  <si>
    <t>b'_D\xc6\x92\x87 \xca\xce\xf1\x83\x82\x0b\xcbk.)\x90\xfd\xf0U\xb0B\xb5jtpE\xcb\xa0&lt;pA'</t>
  </si>
  <si>
    <t>b'\xde\xa9\xc7\xead\xe7\xe6\x9a\xf9\x81\xba\x8b:d\xad\x023\xb0\x8bC\xe2\xa8\xa6\x13\x80owd\xe2!Hv'</t>
  </si>
  <si>
    <t>b'\x88g$\x1fq\xbb\x7f\xd9K\n\xc6\xaf\xef\x0b\xffz\xc6\xb2\x02\xb5st-/Igodt\x17t\x17'</t>
  </si>
  <si>
    <t>b'\xe2\xd9h\xbafa\x01\xcd\x9d\xdf\xf4g\xdfE\x8c\x00g\xe2\xefq\xfb,\xa2\xfc\xdb *\r\x12c\x88\r'</t>
  </si>
  <si>
    <t>b'\xe7\x0f&lt;oK\xc4\xd6\xd4\xb2;\x88x\x13%-\xb0\xd5\xa7\xa8\xe8T\xcc\x82\xd2h\x89A\xe2O\x9a\xe4\xb9'</t>
  </si>
  <si>
    <t>b'\x10FCM\xd3\xc1\xdc6\x06\x8b\nW7\xe5\xc5\r;\x87nzw\x91\xcbE\xfe\xd5\xa0]\x84\xfat\xba'</t>
  </si>
  <si>
    <t>b'\xc0Ee\xae\x84\xb2?]\x91\xc38&lt;\x12\xa5*?\xc4\xe6\x9c\x87\x07a\xa0\x00]\xfez\x15\xd5\x8fm\xa1'</t>
  </si>
  <si>
    <t>b'\x12\x1d_\x07tq\xfd\xd1p\xd8p\xd0\x92\xef\x92\x98s\x93m\xfaQ\r\xa7\x8e\xbb\x1a_l!*\xb1\xf8'</t>
  </si>
  <si>
    <t>b'W\xe4\x13\x9a\x7f,\x84\xdc\x14\xd5p\x9er\xadh\xa1\xb4v\xbfJi7_\x977\xf1\xa4\x04T4zA'</t>
  </si>
  <si>
    <t>b'1\x08\xc2\xc8Ac\xd0i\x0b\xef}-"\x90}\xa7\x87k#\xab6^c|\x19\xd3\x80\xbc\xb2\xf5\x08@'</t>
  </si>
  <si>
    <t>b'\x17\x16\xc9/\xe0\xb3\x92\x88(\xd3\xe4(H\xa2d\xfc\xa7g\xc0w*|\\5\x85R\x8d\x132\x94\xf0\xa3'</t>
  </si>
  <si>
    <t>b"\x19K\xc1\x7f\x8b:`\x80\xe9\x1e\x06\xcc\x18\x96sT\x1b9\x05\xbc\xaa\xdeOu\xa2'\xec\xe4I\x00\xfc@"</t>
  </si>
  <si>
    <t>b'\x1f_\nI9\xdb\x9a)"\xc2\xaf\x82\x1b\xea\x14L_\xff\xffo\xb4WN\x91)%;\xea\xefln\xe5'</t>
  </si>
  <si>
    <t>b'\x06C\xec\x05\x9c\xef\xebEY\xf0S\x97\x95\x07\x19h&amp;\\U\xb7\xa1\x96C+\xd4\x00s\xdf\x7f\xb4\ru'</t>
  </si>
  <si>
    <t>b'\xe2\xb4\xec\x03\xd1\xa0\x86Z\xf5K\xf5\xffK\xbd!\xd3\x8d\xf7\xfc\xea\x88\xdc\x7f\xfd\xd5\x11*\xd6#\xc7n\xb2'</t>
  </si>
  <si>
    <t>b'\xab\x8f"\xe7-\x9e\x1dK\xe6\xe5\x01\x1a)\xf4\x95\xc4\xb3\x0fbI\x84jl+\x8ax\xd2\xc09\xc0\xc6\xad'</t>
  </si>
  <si>
    <t>b'\xe5\x11\xc7\xbd\x80\x87\x14\x8a/\xcf\xeeI\xd2\xe1\x11\x86\x9b~\x00h\xf9\x96\xd0\xdag\xcdR[\xf0\xc3rT'</t>
  </si>
  <si>
    <t>b'\xfe\xe7J\xe9w8\xe9\x89J\xbb\xe3\xee\xd4\x1awA\x8e\x88m\xe7\x14\xceN\x11\xd9\xe0\xca\x9e2\x02K\x97'</t>
  </si>
  <si>
    <t>b'\xf5z\xbf\xc7\xb4t\xe9\x98\x00\xc07\xba.:\x94\xd1\xba\xe44\xc5b\x1d.o-$\xa7-\x96\xef\x0b\xef'</t>
  </si>
  <si>
    <t>b"\xce\xfd\xf8?\x10 \xed\x8dB\x0e'\x95\x85\x0b\x19C\xa1l\xc9\x9a\x05\xb8$&gt;(&amp;5\xd6\xb9+\x00\xf7"</t>
  </si>
  <si>
    <t>b'WtJ\x80\n\xf5\xc2\x1e\xf0\x9a"f&gt;\x15\xf8\xb5\x19?Hsm;\xa9{\x7f\xd4\xca\xb3\x8e\xa4\x8c\xdf'</t>
  </si>
  <si>
    <t>b'\xc4\xff\xa35q0\xda\xe8\xefO\x02\xb8{/\x88c\xd7#\xacG\xd7\x84N\x8aN\xa7\x1e\xae\x8d\xf0g4'</t>
  </si>
  <si>
    <t>b'c}\x01\x13(=\xd0j6\xd7Z\x1d\xb9\x91\xc7\x16\x17\x1e\x0833\x9e\xa7\xdb\xb0\xf5\xc1\x8fk\xfa\x8d`'</t>
  </si>
  <si>
    <t>b'\x8f\xe4k89\x8e\x81\xe3\xad\xef\xcc\xdd\x0cu2\x0b\x19\xa8wi\xe8I\xbe\x9c5JT\x032\xa4-\x97'</t>
  </si>
  <si>
    <t>b'\xa8\x85\xf3W#\xe9I\xd1\xaf7\xfcf\x85[\xd5\x183\x03v?]\n\xd6\xf1\x1f\x1cE\xcc\x865\x08\x8e'</t>
  </si>
  <si>
    <t>b"\xff\x94.g\xaf\xf3\x88\xce\xb2\x7f\xe5\\\xe2\x1d\x1f,@\xb7A\x08\xa1/\x02H_\xa2J\xe3\xa2'\x84\xa9"</t>
  </si>
  <si>
    <t>b'\xef\x02\xcf]B\x99\x14\xc6w\x0c\ro\x1fpS\xb6;/\x08\xfe\x1c\x9f,o\xc4KUI/O\xa8m'</t>
  </si>
  <si>
    <t>b'u\x01.91s\xcc\x9dy\x8fG\x83\x1a^\xa9\xa1b\xb2\xcb33\x9c\xacE\x81\xbf\x04\xa7\xef\x8f\xa8\xb7'</t>
  </si>
  <si>
    <t>b'\xa0\r)\x9c\xd0\xf3\x1dX\xf7\xca\x97\x85\x0b5\xde\x99\xe6\xc1{\xb3\x04\x9c\xd7b`\x8c\xfa\x9bS\x1e\x19\xe7'</t>
  </si>
  <si>
    <t>b'\xa2G\x0f\xab\xbb\x95j\xc8kK\xd4*\xf3\x93\x91\xd88\x9d\xef\x0b\xe8\x8d\x1b\xd4e|\x07\x1d\xf8\xbc\x8b9'</t>
  </si>
  <si>
    <t>b'+\xc0T{Zi\x8c\xa4\x8b\x9b&gt;\x14\x0f\xf1\n\x7f\x10\xf8u"\x8a\x80\x8b\xebY\x04\x94\x04\x12\xd7\xbbe'</t>
  </si>
  <si>
    <t>b'\xed\x08~Q\x93\xac\xc18f\x00@}\xa0"\x01\xc9\x08$p\xb2N\x96\xf7dI: \xe8\x05\xb1\xecI'</t>
  </si>
  <si>
    <t>b"\x1f\xcc_nY\x0bY,G\x17\xa2^\xf8\xe0Bn&gt;,\x9au\x00q\xa1qd'evW\xcc\xe8o"</t>
  </si>
  <si>
    <t>b'\x9eM\xf4F{ 7v)\xe3\x89\x16\xbee\xc6\xb8\xe8\xd4E\xcdO\xf9y\xd76\x85+\xbe\x02,\xa4\xb5'</t>
  </si>
  <si>
    <t>b'\xc78\xd6\x1bZ\x85\x86\xfa\r\x9b\x1f\x9e\xff\x1c\xd7\xa7 3\xa4\xf9\xa9[&lt;\x8d\x1bA\xb3\x8a\x9b\xba}\xbc'</t>
  </si>
  <si>
    <t>b'\x06g*GE\x96\x9a\xf3w\x0e&lt;W6A\x97\x07\xbc\x07\xc9\xfe\x10\xf6{sj\xc3#\xa1\xe4Z\n\xd1'</t>
  </si>
  <si>
    <t>b'~\xdb4\xdfu+MT/h\xc2F\xe2\xd4\xa9@\xaaZ\x15\x08\xe4\x1bg\xaf~k\x0e\x8e\x04\xc4\xb3\xa3'</t>
  </si>
  <si>
    <t>b'|\x0fHO\xa1HJJ\x07}\xa3\x1a\xa6+dx\x80d.\x9fa\xf4\xc2\xef\x14\x8b\xa9K\t\xb0\xddD'</t>
  </si>
  <si>
    <t>b'Ph\x0e\xe0J&amp;\xffq\xa7\xec\x01\xc3\xceJ\xc8k\xe2\x10\x8a\xa2\xd9n(2\xc8\xd0\xc8?\x08\xb5\xd4\x7f'</t>
  </si>
  <si>
    <t>b'S\xa3\x0b\x7f\x11\t\xcd\xb4r\xf0\xd2\x7f!\xf2\xc5\x8a\xbf\xa7V\xc7+!\xb2\xf3LE@\x11\xf8\x0c\xcd\x08'</t>
  </si>
  <si>
    <t>b'\xc2N\x18\xb9t\xb8R\x8a,\xc79\xe7O\xa1\x0b\xf0gr8\x8c\x12\xe1B\x87\xb5\xbcJ\x06\xe7\x97\t\x8c'</t>
  </si>
  <si>
    <t>b"\xc6\xdd7\xc9\xa6\x81\x971\xc7\xabo\xe6\xffCg}\xde$A\xbb,[\x172)\xaa'\xcb\x13\x06Ae"</t>
  </si>
  <si>
    <t>b"\x86*F\xf6\xd6,\x1d\x83s\x8c_\xc2\xe8/\x03s\x1cO\x98\to\x061{\x13\x84\x8f\t\xc9+\x99'"</t>
  </si>
  <si>
    <t>b'6G\xc6\x8c\x83!\x08\x94\xa5O\x9c\xf7\x9c\xdd\xf1\xd7M&lt;PC\xe0K\xbb\x81a\xb6\xd7\x08\xe5\x9b\xf0L'</t>
  </si>
  <si>
    <t>b'\xa2\xa0\xf3\x16\x160\xd2^_}_s\x81H\xb1\x8b_e;\xaa\x99\x84\xfd\xd2\t\xd4\x90\xb1\xde\xac\x0f\x1c'</t>
  </si>
  <si>
    <t>b'\xe9\xbe\xb4u\x95\x7f\x91\x1c\xf7\x14\\c\xaaS=\x99\x9eXf\x19\xe5\xb5(}\xb3\x8f\x12\xa1\xbbk\x80\x18'</t>
  </si>
  <si>
    <t>b'_\x9a|\xef\xc4\x19\x9d7W\x93\xaf\xeb\xb0\x16\xdb\x8a\x86\xdaVSf\x87\xc0\xef\x02\x1e@\xe2\xb9r\xf0\xe8'</t>
  </si>
  <si>
    <t>b'\xaf??\xae\xa1@M%n\xd8P\x8ds\x04\x07\x83\x0fb\xc4\xed\xe0\xe5\xc8\xae\xd0\xb20\xfc75\x84u'</t>
  </si>
  <si>
    <t>b'\xa5\x9fBq\xc6Eq\x8e\x17\x0e\xb2\x9f\x10\x1a\xc0\xab \xf2\x1e\xe6Y$\xbcsl`\x19/\xda\xc3\xfb\xcc'</t>
  </si>
  <si>
    <t>b'\x03\xc0\x14\xb8\x8a"\xf5\xec\xbaa3\xbc\xe7\x15\x12\xd3\xf00\xf35h\x06\x1f-\xf7K\xe1S\x86h\x15\x10'</t>
  </si>
  <si>
    <t>b'\xec\x16\x07\x02C\xaa\x90\x15\x0bl\xc86\xddw\xabo$\x7f\xe4R\x9f*\xa1x\xde\xd1x\xc9\xe5\xe5\x9c\xa1'</t>
  </si>
  <si>
    <t>b'#Q\xaf(\xfa\xd0\x01\xe9U\xe1d:\xb4\xbc\x19\xeb\xe2\x8a\x182z\x94Kkc\x04\x84\r\x85\x12\xd0\x85'</t>
  </si>
  <si>
    <t>b'G\xd2\x83\xee\xc0\xd5\xabh\x89\x8e\x1a\x7f\x0bal%\x1c\x8f\x16!fv\x99\xfc\xecy\xd0\xb8\xaf\x10\x99;'</t>
  </si>
  <si>
    <t>b'\xcd\x04\x9enN\xec\x1c\xea\xfc\x9f\xd2\xb2k\xfb&lt;\x8c^A\xfe\xce\x00\x01,ztYmA\x943dQ'</t>
  </si>
  <si>
    <t>b'{\xee$\xae\xacF\x07\x0594U\xf6/K\xa0\x06\xa6\x99w\xcb\xd4G\xca\xcdHk\xeb\xe4\x81\xa7\xac\xbe'</t>
  </si>
  <si>
    <t>b'\xf7\xf3\xe1$\x85LpX14B \x89V\x8f\t\x1e\xfan9\x8d\xed\xd8[\xf7g3s\xa0\xe5\xef\xa7'</t>
  </si>
  <si>
    <t>b'O\xda5\xe7I\x15\xa2A$\xa4\xf4\r\x1a*u]\xb3\x8934r\xbf.\xfe\xf3"\x1cx\x1a\x94\xb5\xab'</t>
  </si>
  <si>
    <t>b'\xa3\xa9\x84%7\xf9\x1e\xc4\xe0\xff\xc5\t\xe2:Y\xe1\xa0\x05\xc4\x94\xae\xe4\xfb]\xe9\x18\xb0d\x063\x07Y'</t>
  </si>
  <si>
    <t>b'A\x0b"\xda\x805\x8e}\x02K`/t.\xe2\x05m\xe9ob\x06U\xde\xc6\x04\xe1l\xc9\xe0P6&lt;'</t>
  </si>
  <si>
    <t>b"RvQ9\xae\xee\xa3\xe1\xc3\x97\xcc'\xfd=F\x087\xaa\xed\xdf\x12b\xbfVj\x0e\xda\xf7H\x89q\x14"</t>
  </si>
  <si>
    <t>b',\xc2\xd3\x03,(\x9a\xdf\xb6\x8cpeC zD2f54aB\x141\x07HBDo\xee\xceL'</t>
  </si>
  <si>
    <t>b'\x99\xe8|\xc2\x83|\xc2\x8e\x87\x82\xe9\xf3n\rB-\x1f\x8b\xa5\xc2\xe0\xe5\x8b\xdd\xa1S\x1f\xbbB\xb7ye'</t>
  </si>
  <si>
    <t>b'\xf3&gt;\xd9\xce\x80\x0b\xe3\xfb0\\p\x8d^\x1d=\x99\x87\x0b\x99\x12\xae_i\x906\xa7L\x93"g=\xde'</t>
  </si>
  <si>
    <t>b'\xf9\xde\x17\xc7I\x0bmx\xde\xe8|\xe5\xff\x970[}\x83\x9cU\x02\x13\x95\xf9\xbb"\x93og):\xb8'</t>
  </si>
  <si>
    <t>b'B?\xda\x1d\xfaI\xe1\x06;\x17\x1f\xb7\xcej\xb1d\\!8\x0b\xdf\x19\xdbV\x02\xf2\xd86?\xf2`\xb9'</t>
  </si>
  <si>
    <t>b'\xba\xe8,\xfe\xc2\x0c\x08#\xdc\xcf\xffY\xa9-[mk\x96\x04Q\xfa\x89\x9b@\x1b]\x0e\x1c\x10_\x99B'</t>
  </si>
  <si>
    <t>b'\n\xe8\xe6\x00\xe3\xf8\x04\xd7\xf9\x86g\x8c\xf74\xd4\x81l\xc2\x84\xbb\xfe\xa6\xfbP\xf5\xb1"Ec\xac\xce^'</t>
  </si>
  <si>
    <t>b'\xe3\xb1\x84\xbdR\x9b\xae\xca1\xc1\x8a4\x87\xfb\xbe\x84\x1a\x96\x15W\xae\xfe\xe9p\x99\x0c\xe3\x02:M\xd6\xac'</t>
  </si>
  <si>
    <t>b'\xad\x97A\xe9\x99C\xae\x8c`4\xe1\x82\x12\xbe\xec\x97!v|\xf9W{\xea\xd7\x83\x85HYQ\xda\xfa\xdd'</t>
  </si>
  <si>
    <t>b'\xc2C\xb1\x1dk\t\x8e\xc9\xa6\xdc\x85Z\xd9\x13yT\xb2\xb5l\xd4\xf1\xbdo&amp;\xd5&lt;AFL\xf8\xf9\xf2'</t>
  </si>
  <si>
    <t>b'(\xa2\xe4\xf9\xe4\xfe\xe4&amp;\x19C\x90D\xcc\xc7P-f\xb5\xf8\xb2i6\x19\xd77\xed\x95seO\x9a\x14'</t>
  </si>
  <si>
    <t>b'\x8f\\\xb1\xb1$\xb2\xc4\xb0E2\x8b\x80\xd4\xa8J8\x19\x1eph\xb1\xc5\xb6A\\\xeb\xe8\xee/y\xe8-'</t>
  </si>
  <si>
    <t>b'\xfb\xb1;\xb1\xdc\x1d\x10\xd5\xcdJ\xdcQ\x16Ls\x88\x05P\xd1\x0b&gt;\x80\x14\xceR[/9g\xb8\xed\x90'</t>
  </si>
  <si>
    <t>b'\x84@\xe9wK\x7f\x84R\xe2\x17n\x8e3\x04F\xa8\xf8\xff\xd7\x1b}\x98[\xcfG=\xf6\xa4\x03\xe2\x86\x8a'</t>
  </si>
  <si>
    <t>b'\xa0\xf5,\xc0\x8d"\xf2\x98\xe2+\x01\xb4\xf5\x87s\xc5\x9d~\xee\x00\xec\xac\x8c~\xd0\xaf\x80\xcd\xdc\xa0\xf2\xb1'</t>
  </si>
  <si>
    <t>b'\xe2fE\x01\xb3@{;\xb2\x81aV\xf6\xc0Pf\x17N\x13\xe9\x8a\xe4\x06\x8e\x88\xa0\xaa\xe4\xd8Iu\x83'</t>
  </si>
  <si>
    <t>b'\xb8mQ\x99IV\xb2*]\x9f\x0e\xd3\xcc\x9c\xbb\xeck;\x12\xd8\x80\x89B\xadC\xb1\x00\x0b$G%\x02'</t>
  </si>
  <si>
    <t>b'\xff\xa2\x86\x93}\x91U\xae(f\x13\xf6\x8a[\xd8\xf8\x8c\xc4\xa1\r\x80\rE\x91\xd0\x7f\xf7Y\x05\xc5\xdcz'</t>
  </si>
  <si>
    <t>b'3\x12\xf2\x17\xe9)=yI\xcc\xd0\x85\xca\x16\xc5}\x86\x93D|\x8fja\x84&gt;\x1f\xd5\xdf-\x8d\xfb\x98'</t>
  </si>
  <si>
    <t>b'~\x8d#\x80zW\xd0\x1c\xa87\x9d\t-Q\xa8y\xa2\x98,\xcam\xa4\xa8\x88\xbbst\xa3\xb9\x8a\xbb\xbd'</t>
  </si>
  <si>
    <t>b'\xbc\xc5\xaa\xa1p\xc0,\xdb\xe4B\xe0\xba5\xed\n\xf2\xfc:\xdb\x7f\xdfG\xf0\xe7\x8b\x01k\xe5\xacR\xda\xf3'</t>
  </si>
  <si>
    <t>b'}\x1e\xf0K\xb8.0\xddR\x11\x8e\xd9#\xecD\xffA\x14\xa8\x8f\xe6q\x06\xb178e\x84R\x10\x1d\xba'</t>
  </si>
  <si>
    <t>b'#\x15G\xc74+\xb7\x94\xba\x1c\x86\xbffv\xecGV\x9f\x03 \x82\x16\x8b\x03\x13\x13m\x1d\xa6\x8d1\xd0'</t>
  </si>
  <si>
    <t>b'\xf3\x1c=\x1f\x05H`\x03\xf5H1\xb8\xa6(\x8a\xe1\xf0\x8d\xda\xd7\xdd\xc5T\x1d\xa2\xc0D\xf6\xd0\xb0\xaa\xef'</t>
  </si>
  <si>
    <t>b'\x92\xcc\x7f\xd6%\x0b\x0f\xd7\x1cS|^\x8e\xd0\x12\xaf\xae\xab:\x05Em\xa9\xc9F\xaa\xe7CN\xd3;\xaf'</t>
  </si>
  <si>
    <t>b'\x1b\x87\xd7g]\xf2\x99\x16\xf2\x9d\xd7\x86g(\xf7"\x1b\x866\xec\x04\xba\n\xe7\xd1\x98\xe5Y\x81\xfc\xb0L'</t>
  </si>
  <si>
    <t>b"\xc7\x804\x8d\xb3\xa7\x1e\xf7\x9f\xf5\x99\xfek\xaa?,\xe2\xe8\xca\x04'\x0cID\x95\xa5\xe3\xb3\xe8\xab\x19\xc1"</t>
  </si>
  <si>
    <t>b'\xba\x9a,p\x996\xa5\xcf\xb8@\x96\xa2\xd7\xf3K\x9d\xdbD\xbf\xcf|\xbb\x1a\xf3j\x99\xce!2\xa0\xb6\xac'</t>
  </si>
  <si>
    <t>b'\x8f\x15\xc0\t\x97]\x80\xab\xfc\x01\xf5\x1f+\x08K\x17\x85!\xa3e\xf3\xac\xe3\xe0\xfc\xe8\x04\x03\xb5"\xe3\xf8'</t>
  </si>
  <si>
    <t>b'\xb2\x86\xe6d\x8e\x05\xdb{7O&amp;\xb6m\xb4\xcc_Y\xe5\xe5\x80\x0e\x8b\xc8Y\xf7o\x8dF\xb6\x93\x13n'</t>
  </si>
  <si>
    <t>b'\x91G\xfdfO\x1e\xc8T\xba\x82\x1a\xe7\x17M\xe5+\xb3JY\xc6\x9e\xcb6ZHz\xea\x96\xa6\xd37\xb3'</t>
  </si>
  <si>
    <t>b'\xbb3\xdd\x10\xed~L\xbb\xbe\xd4\x01c\x03\xc0\x81\x81\x9c\xd2\x14\xba\xeckR\xe2\x18\xce\x19P\x07\xc6\xf3\xd3'</t>
  </si>
  <si>
    <t>b'\xec\xdb\x83\xa8ff\x92\x1ct&gt;~t\xc2\x00\x1b\x95\xd1~UU\x03\xfa\xbd\xdf\x8b\x86\xed\x90\xc6\x8dny'</t>
  </si>
  <si>
    <t>b'2\xd7vh\xdbi\x80p\xf7\xa6\x13.n\xdc0\xc3]a\x14\xaa\x13x-\x1b\xe2\x08\xd4\xcbF\x05\xe0\xd4'</t>
  </si>
  <si>
    <t>b'R\xc8\xb3\x8d\xb2?\x80\xdc|F\xe1C\x10\xf8\xa2aB\xff\x85\x96J\x81\x8a\xe8\x03\xf0X\x05qYV\x90'</t>
  </si>
  <si>
    <t>b'\xf7i\xa0H\xf5\x999\x06\xa7\x1cV{X#&gt;D\xa7w&lt;,\xe5\x9e!\xb4K\x8e}OS\x07=5'</t>
  </si>
  <si>
    <t>b'\xe6\xb9\xa3r\x96/\xe7\xeb\x9aS \x87s\xd4A&amp;\xbe\x90D\xe1\xcf\xee\x19H\xf3\xac\x0b\xb2Cl}\x06'</t>
  </si>
  <si>
    <t>b';\x9e,\xb2\xbf\xb0\x95\x80\xd3\xa9\x8b\xa5\xd5\x94o \x12\xb0\xf0\xa9\x11\xd9\x8c\x15Z\x92\xa9\xf7\x14\x00\x88H'</t>
  </si>
  <si>
    <t>b'\x88\x90P?&lt;\xe5\x8a\t\xbfD\xbb.Pb(D\xbd0\xa3^\x1b\x16U!\xef\xa5-\x88\xb7jp\xaa'</t>
  </si>
  <si>
    <t>b'\xb2REx\xc3\xdb\x1f\x82\x9a\xc0C\xd5\xd6\xa4o\xc1\xcb\x9d\xb8k-\x1eJ9\xe8\t\x9b\xc0\xb0\xf0\xa0N'</t>
  </si>
  <si>
    <t>b'\xd6p\xe0\xc2\x05^H\xe0\x11t\xc5\x90:\x00\xbb9\xb1\xd4WPI\xb2\x81"\x99|\xfbK@\xef%\xb3'</t>
  </si>
  <si>
    <t>b"\xe0\xa5\x16N\xb1\x9d\x86&amp;'\xe7\x02;\xff\xab[\xa6\xa3L\x8fX\xff\x85\x88\x8a\xa9\xdf\xdc7\xee\x13\xf12"</t>
  </si>
  <si>
    <t>b'\xa3dom.q\x1dM\x1f\xc44\xf3F\x01\x8f\xa4\xff0\x05\xae\xae\x88B\x0cK\x83\x80\xe6\xa1\x84\x97&lt;'</t>
  </si>
  <si>
    <t>b'\xfd\xd6\xe4\xf5-k\xed0W\xf0\x7f\xe2bX\x8e\xcb\xafD\xc2;\x91\x02x\xd0_!\x9d\xec*\xb14\\'</t>
  </si>
  <si>
    <t>b'\xb03B\x85\xb9\x16\xa2\xeav\xa0\xee\x1fM\xe8\x08\xe3\xc9\xdf\x90-\x17\xb0H\x87\x868\x00\x149\x1b\x87\xe1'</t>
  </si>
  <si>
    <t>b'\xfbu\x81\xd3\x1d\xb6\xd4\x02T\x8a\xca\x1b\x9d\xcch\xd5\x93X\x08\xe6\x00D\xbc\xd6\xfc2ir\xf7\xaa\x85?'</t>
  </si>
  <si>
    <t>b'\x15_\xf5\x13\x02\xda\xbc~]\x05\x94\x9b\x1a\xb2\x93&amp;u:\xb9\x01Y\x88\xf2\x99\xf2\xae\xfc\tV\xfe\xf6e'</t>
  </si>
  <si>
    <t>b'\x056\x05\x91S\xbb\xc1\x1f\x84%\xf1\xa6\xe5\xc7\xf4\x1f\x0ce\xc1\xe6\xbak\xbb\x98\xee\xe1a9i\xc3U]'</t>
  </si>
  <si>
    <t>b'\x9bE\x05#\xcc\xaa\xf3\x17\xb0\x1f\xde\xb8\x04[\xeaV\x15w\x04\x80\xe6\xcd\xdaI^\xca\xce\xb9\xca\xb3\x8eK'</t>
  </si>
  <si>
    <t>b'\xeb\xe18\xfb\x0f3\x06\xb8H\x9em;UN#\xab\xb66\n\xd4[\xd6\xe5\xa0\xaa\x9es\x17yZ7\xc5'</t>
  </si>
  <si>
    <t>b'A\x10\x0b\xc9\xf02}W\x83\x8d\\E\x86o\x0f(\xd5\x80\x9aR=\x87\xa8\xd4;\x06\x05,\xea\x0fG\xde'</t>
  </si>
  <si>
    <t>b'\x18\xe2/6\xbc0x\xcc\xea\x8b\x90(/#\xd1G,_\xb2PJo\xfehw\xa2\xd7\x93 p\xa1\xb2'</t>
  </si>
  <si>
    <t>b'|\xd6\x8d\xf1\xcf\xebg\x14\xe3\xb1\x9f7\x9c\x01x\xca\xdc\xae$r\xf8\x08\xf9\x14\xf3\xb3\xde\xbd\x86\xc8T\xd7'</t>
  </si>
  <si>
    <t>b'\x8f\xc0\x18r?\xbf&lt;\x02\x034\x95v\xc3\xb4\x93"GH\x83\x01\x0c/k(\xf5\xf0\x10\x15\xa3\x87!\x97'</t>
  </si>
  <si>
    <t>b'\xff1\xb7\xde\xc4\xc1\xc6\xdb&lt;\xd2\x10=&gt;Iq\xbbk5\xc8\x93f\xfd\x8e\x04\xd9\xef\xde\x131\xc4\xa0\xbf'</t>
  </si>
  <si>
    <t>b'\xde\x81E\nW:\xcdf\x11\xd9g@/xNh\xa5sBt\xe6*\xec\xf5-\xfcI\xa2(\xa61\x7f'</t>
  </si>
  <si>
    <t>b'\xb3\xbd\xff*\x84\\\x1f\xe5P\xf7\xa9\xbe%0\x9b\xad\xa9\xc6\x12\xdd+/#r\x87\x18!\xaf\xba\x9a0\xae'</t>
  </si>
  <si>
    <t>b'\xc8!MO\xd6\x11\xba\xe1q\x9d]$\xf4(h\x18\xe8\xe67\xdd\x88\x8b\xb4\x04\xe3Us\xfe\x0crZd'</t>
  </si>
  <si>
    <t>b',$J\xc8&gt;\x08\x19\x15\xef\xc8\xcf\x13!Y\x00\xc3["\x19[K\xaf\xafv;\xe8\x0b\xfb\xf9\x81\'\x8f'</t>
  </si>
  <si>
    <t>b'f\xcc\t\xed\xa5\x8c\xf5\x13\xeb\x92\xeaj\x92}&gt;\xa2\xf6K\xd7h\x045\x86\x8fCl\xdd\xa4\xf8\xf4\x87\xeb'</t>
  </si>
  <si>
    <t>b'P\xce\x8d\x10\xf1F\xa0\x04\xa4\x98dU\x83\xc5Rt\x8b!\xf9[:\x10\xcf\xb1\xe2\x01I\xa5\xfa\x81\xeb,'</t>
  </si>
  <si>
    <t>b'1\tT\xd2\x1e#\xa2\xff\x97\xcc\xbd\x9f\xc1\xb8dv\\\x04"\xe7@\x9b\x97\x90\xfc\x8af\xb7S\xbcT\r'</t>
  </si>
  <si>
    <t>b'1\xb1\x97\xab\xb0Z\x0c\x12Y]\x13\x80\xff6\xde\x11\x87\xe3\xa9\x9d\xdeG\xb1i[\xd7\x06\x99\x18\x1de\xfd'</t>
  </si>
  <si>
    <t>b'_k\xd6\xb0B\x92\x93\xf1\xd6f^\x93\x12\xa4\x02\x9f\x1e\x99h\x9d\x14\xae\xeap|\xbbl\xa0H\xe0(\x13'</t>
  </si>
  <si>
    <t>b'\x81c\x04\x82\x0c\x00&gt;\x0f\xe1~\xd44\xda@\xf9\x96\x95B}\xc6\xdf\xe3\xa5k_\xb7-\x0f!C3\xd6'</t>
  </si>
  <si>
    <t>b'\xb9\xbe\x0bE\x12\xc9O\xc6\xe2v\x96I5\x83\xc3\x01^\x9d\xbbn\x84\xcf\x98\x83\x9f\x9a\xa1\x0c\xcfq\xb0\x80'</t>
  </si>
  <si>
    <t>b'v\xe5c\xc3P_\x7f\xb6\x82\xf3\xe3\xe7\xba\xfe\xd81\xaa\x82m(\x9d\xad9\x16\xe3\xbcB\xd2`c\x03\xdc'</t>
  </si>
  <si>
    <t>b'\x1d\x86H\xc2\xce\x926F\x00\x02#D&lt;\xf69\xdeis]\xbb\xf6\xde\x82\x97us\xc0c\xa9|\x13\x97'</t>
  </si>
  <si>
    <t>b'\x89\x15\n\x80\xc1f\x83\x12\x16\xf0h\xfc\x7fs\xd8\x14V_K\nem\xaa\xe7\xc5\xca&lt;[\x1c\x18\x93c'</t>
  </si>
  <si>
    <t>b"k\x9c\xab\x91\xc4D\xe0\xfbMc\x97w=\x8d\xfbJ\xb8\x995 5(`\xf0\x85\x10\x81C{\xa0\x07'"</t>
  </si>
  <si>
    <t>b'vy_\x96}\xec\xb8\xac\xf4_\xcd\x02R!\xc4n\xb7\x15\x13\xbe"Z\xfe\xaf\xe9x=\x85\x1bJi\xc6'</t>
  </si>
  <si>
    <t>b'\xc7O\x85Tz\x00Ms\xfa\x9d\x96\xca\x9d&amp;W\xd1\xad\x0f\xf8(E\xd8\x1d\x97IZv\xf9\xddU\x07\x9f'</t>
  </si>
  <si>
    <t>b'\xf76sq\x1a\x16\t\x86Wl\x00\xf3\xc2V\xa4\xf6\x91\x0e\x15\x86\x130\x1c\xa3%\x16\x05q\xc2\xfdH\x10'</t>
  </si>
  <si>
    <t>b'*\xc1\xae \x9d\xb1M\x10\x88\x99\x95N\xfbd\xb8XQ\xb0\xdb.\xe0\xe92A\xe5\x1a\xf3x\xe0$\xbc\x14'</t>
  </si>
  <si>
    <t>b'z%\x0b\x9e\xf3\tgPC\x9a\x80\xb0K\xfe\x07\xd0+^\xc8V\x81Z\xe4\x19\xbd\xf8\xc5\xf7\x08\x9e,2'</t>
  </si>
  <si>
    <t>b"\xb1\xc3W\x80\xc9\x1e*\xefK\x86\xfb\x91Q\x0c\xf0\x03\xa0\xd4\xf6\x05\xec'x\xe2\xf0\x14\xdfx\xed\x8aF\x92"</t>
  </si>
  <si>
    <t>b"4{\xa3f\xc5\x15\xcc\xcf\xe5\x06\x0b\x84%j'\xd7\xdb\xc5\xad\xc7\xf9\xb1\x8f\xd20O\xbb\xf20\xcdu&gt;"</t>
  </si>
  <si>
    <t>b'\xa4\x1a\x93\xa9\xb9\x90\xb4\xcf\x95\x1a@\x9b7s\xb2B,I\x8c\xa1\x13\x97rCg?\xe6\xcf\x94\xcb\x93\xd6'</t>
  </si>
  <si>
    <t>b'%\xc7\x88\xb7\xed\x12\x7f\\\xbb\xa4\xcf$\xbaR\x97`&gt;)\xbb\xf3\xf4S\xd0\x96U\\\xca\xa6\x86\xb0\x0f\x94'</t>
  </si>
  <si>
    <t>b'\xcb\x16\xd0\xb1\xaa\xf0\xa6B\xe6$\x82\xb0\xfb\xb6%\x88yi\x12R\xb2\xefK6\x86\xc3\x02\x89z\x0f\x9ac'</t>
  </si>
  <si>
    <t>b'k\xd3\x0f\x7f\xdd\x9cB\xdc\x10\x02\\A\xd7\x9d\x89\xa6!\x05\xf6\xe5\x81\xb2\xf7\x8b)Q\x9b"\x1f=gR'</t>
  </si>
  <si>
    <t>b"10\x08\xe9\x0f\x83\xe3\x9aSWW\x97t\xb5\x95r%\xf8\nN\x001\xd8'h\xe6\xeedA\x82U\xeb"</t>
  </si>
  <si>
    <t>b'\xa1\xeef\xb1\xb2{\xa0\x0ct|~\x1f\xcc=\x01\x0c\x10\xee\x97\xae\x08q\x1c\xeb\xb9\x10\xb9\xf1\xd4t\x9f\xbb'</t>
  </si>
  <si>
    <t>b"\x81U\x90z\xac\xa7n \xcf\xe1i\xa6\xdc\xa3R'\xec[\x01d)%+\xc2\xe3\xbfL\xae\t\xe1\x8b\xe3"</t>
  </si>
  <si>
    <t>b'\xf4\xf01\xcf\xa0A\x00*]\xc2&amp;\x02\x15\xf4\x9c\x93\x92\xa9\xae*\x0e\xa3hS\xb0n\xa7q\x03D\xab\x91'</t>
  </si>
  <si>
    <t>b'&gt;\x87\xfd\xaf\xb9\xaa\x8d\xa0\x8b\x81\x98kl\xb1\x08?\xb7s\x064\xe6\x81;\xd7\xa3gA\xdbjd|3'</t>
  </si>
  <si>
    <t>b'xu^\xd9\xa7\xd8x\xcdb\x15\xd0|\xc7@~\xa2\x1c\xc2I\x16\xf0\xc1\xe0D{%\xd7\xfe\xfd\x95\xdd}'</t>
  </si>
  <si>
    <t>b'\xd2\x8a\n\x8f\x05`[\xda,\xe8nFj\x1a\xc6\xa5\xc6D#\xdaR\x1a\x06\x98z\xe8C\xdft{\xea '</t>
  </si>
  <si>
    <t>b'IH\xf3\x1c\xae\x07\xd9\xb6GYU,\x7fft"\xe9r\xa8\x97\x88\x00]\x06\xf6a\\\xd9\x17\x1e\x17o'</t>
  </si>
  <si>
    <t>b'$\xb5CX\x08\xe7\xb2\xabP\x1b\x93\x7f\xbd\xea\xd7\xb5C\xafQ\x89\x04!\x81\x1eR\x8e$A;\xf2\xdf\xea'</t>
  </si>
  <si>
    <t>b"W\xa1~'\xdf\xd7\x83\x8e`\xf2\xc3\x1fra\xe8\x1d\x88\x0cXGZ\xd2\xef\xf1\x9a\xb4\xeb\x9cY\x188^"</t>
  </si>
  <si>
    <t>b'9X\xf4\xd357\xca9C\xfd9\xa0DP3\nbG+\xcb5$c\x952\x17\x80\x81y\xf8\x9f&lt;'</t>
  </si>
  <si>
    <t>b'\x0b\x04\x8d)J~C#\xc3cK3\r\x89M\xa0y\xad|P\xbb\xa2\xfa\x82cJ\xdao\x82|}W'</t>
  </si>
  <si>
    <t>b'N"\x04\xbf\x92\xb8\rA\xbd\xe6\x17\x13\x9ax\x9aRaq\xaf\xa8M\x90\x93)\xb5\xa4\n\xdf\x10y\xd8\x86'</t>
  </si>
  <si>
    <t>b'A\xf9c\xc0\n\xd1\xcb\xbf\xc2+\x00\x9a\xcf2\x9b\x12\x1d"yr\x97\x89\xf7\x08\xf7\x90\xca\xa9}\xef\xddL'</t>
  </si>
  <si>
    <t>b'\x91\x9d\x05\xfdl\xd0\xb3\x07\x9a\xbdD\x83\xd9\xdb\xcf\x1b\xd1\xd6\x95u\x8c\x1bWQy\xe2@T\xb2j\xd6\x06'</t>
  </si>
  <si>
    <t>b'\xeb\xca\x950\xcaCN\xad\xd6K\x83\xf4]\x85\xf7\xd6\x9b\xba\xc3\xb4\x19]\xd1\x98_\xbc2\xf6\xdb\xd2\xd4l'</t>
  </si>
  <si>
    <t>b'\xb7\xb3&lt;IP{\x1es\xfe3\xa2\xeaSV\x0e\xb8\t\xda\xf9@\xd2a7\x90\x95J\xf5\xe1-d\x88g'</t>
  </si>
  <si>
    <t>b'.\x16\rr\xdeR6\x12\xd9o\xd6\xbd\x1a\xd6\xb7\xcf\xd3\xf2\\1\xe6\x11m&lt;\x94\xeb t\x84w\xf7&gt;'</t>
  </si>
  <si>
    <t>b'\x95\xc5h\x12]\xd6\x8f\xe0\xeb\x0c\xec!\xcd86\xdd\x8a\xe89.\xc0\xce\xe8\xbd\x0b\x91\x00\xa1\x84\xdf\xc5+'</t>
  </si>
  <si>
    <t>b'\xfd\xf1\x19\xbav\x97\x8f\xe2\xff\xdc\x92*\xfc\xa9\x866\x82\xf9=W\xc4\x1e!\xc3a\xdb\x9d\xf4D\x80\xe3\xe2'</t>
  </si>
  <si>
    <t>b'#L)\xdes\x8c\n\xfa\x14\xd5\x06;\r\xfet\xea\x15\xe1\xc8\xb2\x9a\x9eP7\x97\x9e\xd11E\xc68\xf9'</t>
  </si>
  <si>
    <t>b'\x83\xde\x0f\x8c\x8e5p*\xddV\x866/&amp;`\x00\x90\x07\x17-\x17l\xf2\xe6\xea\x98\x06\x7fB0y#'</t>
  </si>
  <si>
    <t>b"\xfd\xb2'nE0\x9a\xef-\xa38\tk\xddOZ\xb3\x9d\x8b\xea\xce_\xf1\xa0Mh\xe2\xff\xd6\x9b\x1eW"</t>
  </si>
  <si>
    <t>b'\xe6\x1a\xa0uA\x0b\xe0\xe4\x05+\xae\x97\x0c\xf0Y\x13n\xc2\x91\xad\xb3\x98\x91c\xac\xb9Oyef$Y'</t>
  </si>
  <si>
    <t>b'\x00\xdd\nf\xaaa\x91=U\xb6\xc8\xdb\x81]#\xed\x08\x91Pc\xd2|B\x8bF{\xef\x0b\xcb\xbb\x92\x99'</t>
  </si>
  <si>
    <t>b'\xdf6g\x96b\t"\x03\x00\x8b\x1b]\xb4\xbd\x92O\xbd\xf3\x14\xear_\xb2\xd3\xc2\x94\xdf\xdaX-\xd8$'</t>
  </si>
  <si>
    <t>b'\x95\n\xee=\x08\x90\x8e\xcbwe2\xd2\xe7\x9b\xce\x19\xf3\xa7\xc7\xe8\xc9\xc2K\x83R\x05\xa7[\xc6\x04g\xd6'</t>
  </si>
  <si>
    <t>b'+6\xff\r\x93D\xcf\xa7\xa5\xe0\x8b49ig\xa7,\x00:-\xf4\x18~\x8f\xf6&gt;\xe6\x8f\xb5\xffTn'</t>
  </si>
  <si>
    <t>b'K\x8d\xdc\xb53\\\xbbg[\xb5\xb8\xb2\x12\n$,\\\xc6n\x99\x98\x87\xcfE\xa7\x0e}_-\x02\x10~'</t>
  </si>
  <si>
    <t>b'\xfap\x9b\x94N\x08\xd1\xecO\xb6k\xfdK3\x08\xa8]w\xf0g\x0b\x1e1\xe1c\xe8&amp;\xb0\x1fI\xa7\xf4'</t>
  </si>
  <si>
    <t>b"\x14\xee2)\x94\x9c\xb5\xa4\x03\x0b\xb2X\x7f2'\xcfw9y\x9b\xb4C\xf3O6\x90RY\x98\xce\xec\xb5"</t>
  </si>
  <si>
    <t>b'q\xac\x02F\xc6\x86\xe4F_\xb3\xbe\xdeHo=\xa9w\x91\xb5\x19U\xe0B\xa0\x03\x03+\xd4\x13\xc1u\xac'</t>
  </si>
  <si>
    <t>b'g\x86\xe4\x8d\x9c\x1b,\xa7\xe0\xcc\x0b\x03]\xb0\xcd\xe1\x0f\x9cs\x86RfT\xb0\xc6+\x93\xad\xca\xcc@\xc1'</t>
  </si>
  <si>
    <t>b'\xfb\x9a\xa9\xbf\x033\x7f\x98\xd1i\x89\xe5\n\xa1\xc1l\x05\xe09\xddt\x1c\xfd\x856\x1c)\x9e\xe1\xa3\x01\xa7'</t>
  </si>
  <si>
    <t>b'\xdb5\xbd\xdf\x1e=6\xde@\x9b\x03\xdf\xd5\x02\xca\x84\xbe,bF\xb9\x8b\x8f\xd0\x15\x9e@\x95\x98n"('</t>
  </si>
  <si>
    <t>b'WR\x89\x9f\xdbB_\xee\xa8\xe4\xd7\xb6\xe7,\xc1\xbd\x07;\x90E\xc3\xb0U\xe9*f7\xee\xe6\x86\xab\xb9'</t>
  </si>
  <si>
    <t>b"\x9e\xc5\xbdA'\x9b\xa4\xb8\x1di|\xc8-\x17\x15%+\xadx_C\xfe\xb4A\xeb$\\\xfey\xdc\xe5\xb8"</t>
  </si>
  <si>
    <t>b'\x02mn\x80n&lt;\xbb\rm\xff\xa7\xc6\xa2\xed\xfa\x87\xeb\x1b-=\x14\xa9\xb1\xce&amp;\ri\x18\x99\x99&lt;\xd1'</t>
  </si>
  <si>
    <t>b'z;\x89\x9065\xc7\xc2\xd3q\xb1\xf5\x9e\x8c\x06J\x82\x92\xdb\xda\xba\xb1\x8do\x85\xd8\xd9\xf9\xd3O=\x1b'</t>
  </si>
  <si>
    <t>b'\xee\xdb\x82f\x0f[M\xaev$\x9dK\xdc@7,I\xaeR\x84Y|\x14\xce\xe3\xa9z\xce\x1b\x91:\x86'</t>
  </si>
  <si>
    <t>b'\xa5O@\xd3\xe1\xcc\x0c\xbc\x08{V\xcd\xf0\xdc\xc9iLG~P\xa3\x97&lt;"\x07\xa7]wI\xda\x0e\x07'</t>
  </si>
  <si>
    <t>b'\xa0\n\x0b9\xf3\xdb\x1f=q\x04\xbbS\n\xb2\x9f\x1c\x8di\x85Mt\xfe\x16}\x1c\xdabw\xdb\xb2m\xb7'</t>
  </si>
  <si>
    <t>b'{p\xaf\x19C\xee\xdc\xe3\x7f\xd37]:\xa8\xe7\x92\xe9$\xd0\xce\xc4N+\xf8\xd9\xd3\x80\x85&gt;)\xa2C'</t>
  </si>
  <si>
    <t>b'\xc0\x8e\x9c\xc5\xc8\x1a\xd4v\x98\x9e\xc1~\xa9\xa5\x02\x11^\xeav\x9e%n:H\x91:\t\xa1\x90[\ns'</t>
  </si>
  <si>
    <t>b'\x7faP\xb9\xdd\xacS\xc4\xcc\xf4\xe6\xe2\xc8\xa7\x85ig\x89\xc6\xbb\xe4U\xbb\xb1\x7fe\x88\xfe&lt;\x9f\xf3\x88'</t>
  </si>
  <si>
    <t>b'\x93!\xc7\xbe\x8dc\xfaw|&gt;\xf5\xe1\xbb0S\x18\xd6\xe9\x85\x8c1o\xe4\xa7\x00/\t\xc9\xce\x98!\xf2'</t>
  </si>
  <si>
    <t>b'6F\xd0$\xb9}&lt;V\xb7!\x18\x97"\x88\xb7\x06.\xf1J\x1a_b&gt;\xf1\x9d\x04\xf16\x0f{|}'</t>
  </si>
  <si>
    <t>b'\xdb=\x90j\x91\x82\xfe\x84\x89D\xc6q\xfa\xc9\x1e\x05?\x0c\x1f\xfe\xb7Lu\xd6H\x1b:@5\x04=\x05'</t>
  </si>
  <si>
    <t>b'\x93\xe8H\x0fj\x1c\x90\xe2\xef\xfb\xe4\x02g\xcbM\xfa\xc7\xf2\xf4w\x11\xeaQ\xbaM|\x9bg\x07\x8f_\x16'</t>
  </si>
  <si>
    <t>b"&gt;\xabt\x92\xc0\x13\x05\x04w\xff'\xa5_o\r\xcdLb\xc8&amp;d$\xc3\x80')b\x98T\xa7\x1e\xb3"</t>
  </si>
  <si>
    <t>b'\x8bp\xab\xe7]=\xd6\x18\x015"\x9d\x991\x1b\xb9\x82\xc3\xc7X]\xe8\xe5*\xc7\x9f\x0fZ\x97d\x17\x89'</t>
  </si>
  <si>
    <t>b']s\xfb\x02j\x80X\xf5\x8b\x11\x93H\x8a\x8b\xf2t\xff \xce\xc1\x15 `\x87\xc6\xa1\x93\xc5=\x00\x04\xb2'</t>
  </si>
  <si>
    <t>b"\xe8f\xc1\x1a\xc5\xe8\x940\xc2\xb1r'\xbe\x01\x81..\xa8\x1bcd\x82\xa7\x976\xf3\xfa\xc9\xd5~\xf3\xa1"</t>
  </si>
  <si>
    <t>b'|r\x0c\xde\xda\xa7ZW\xefp\x00`:n{\xa4\x13\x935\x83\x08\xedE\x18\x0e\x12\x1a\xbe\x9f\xf7\xeb\x91'</t>
  </si>
  <si>
    <t>b'\xb8\x87\xda\xf0\xfbs\xe0\xe0\x94\x8e\x9b&gt;*y\xeb\xd1\x81\xdd(\xebXD\x9c1w\xd6\xf2p\xbeEG\x1f'</t>
  </si>
  <si>
    <t>b'\xf5\xc0\x82\xbb\xea\xae\x85\x97\xe7[\xe7\xde\xca\xb3\xc9\x80\xe5\x95@\x80\xc6X\xbb\x15L\xac\xf1O\xc1e\x08\x1a'</t>
  </si>
  <si>
    <t>b"s\xdb\xc8\xbe\xb1\xec$&amp;\xe1xW\x93\xadfj\x80\x80\xacI\xfd\t\x08'F\x10\x1e\xf9q8\xa5\x91i"</t>
  </si>
  <si>
    <t>b'of\xb4O\xda\x1e\xa5\xbf\xa1\xc9\x0e\x0b\xb3\x83\xd4\x14?\xed \x04\x8af\x9f\x18\xdcFc\xbb\xed\x0b\x02\xab'</t>
  </si>
  <si>
    <t>b'\x84l\x80\x9d\x8e\x8c\xb30p[-u\xc0\x83\x80\xf6\xb3\x1f\xce\xb1\xb3\x80?I\x1d\xd5\x9c\x92\xc8\xb1\x91\xa4'</t>
  </si>
  <si>
    <t>b'l\xcc\x9b\xd7\x85\xee\xdf\x96\xab\xfec\xba\xe0\x8f\x03\x0c^e\x10ln\xe1L\x90erA\x88\x96W\xd4U'</t>
  </si>
  <si>
    <t>b'\x96\xc4^\xf1B8V\x948\xac\xb9\x96\x82@?\x19w-\x00\x1e\xa3\xcaZH\x8a\x1bP\xc0W\xab\xa0\x89'</t>
  </si>
  <si>
    <t>b'\xf5\xf7\xd4\xcbv0\x1b\xba\x85`\xcc\xe4C\xba\x12\xff\xe6\xb5\x10\xa9\x02\x1b\xd7\x88\xa8-u\xfe\xfa\xd1\xd53'</t>
  </si>
  <si>
    <t>b'o\x8e\x0e\x8e\x94\xb1\xab\x1b\xccN\xf6\xd4\xba\xeb\xd1\x98\x0f=\xd8w\xc5r]\xf2C\xcc\xc7\xce\x1f}1^'</t>
  </si>
  <si>
    <t>b"=\xaa\xf9\xfc\xdc\xf6\xdfB\x87\x81y\xc2\xd4q\xf8yEW\xcb\xcd\xdfaL\xb62'\x03}\xc1:\x19\xd5"</t>
  </si>
  <si>
    <t>b'\x1f\x0fH\xdd&gt;j\x91P\ts\xcb\xb4\x1b\xdb\xf7&gt;\xa7\xcd&gt;\x95\xb4\xfc5\xb5\x89\xb6b$\xd5\xc0\xa1F'</t>
  </si>
  <si>
    <t>b'\xbe\xf3\xf9\x1dp\x13\xb1\x1c\x07\x98[\xd4rv\x92\xf8,\xb6\xce7&lt;S;&lt;\x9b\x9cB-\xf5\xecp\x8f'</t>
  </si>
  <si>
    <t>b'\xa3\xae\x17&amp;s\xe3B\x7f\xfc\x91L\xf9\xce\xe7\xd7\xf0\xe9\x8b\xb5\xaf1{+\xdb&amp;\xe7\xd7A\xea\xc1\xce\x10'</t>
  </si>
  <si>
    <t>b"\x14\xd0\xe5;'\xc41\xd42\\\xe2\x10\xb3\xad\xc0\xf0\x8b\xb4t\x9dw\t\xb38\xd0\xab\xf1v\xb5\x14\xb9\xb1"</t>
  </si>
  <si>
    <t>b"\x929&gt;A\xbe\xfa\xcd\x024X\x81'\x98\xef\x1e\xfafH\xd2\x9ff\x91\x9e\xe7\xd0\x03I\x9a\x8b\xd8&amp;\xec"</t>
  </si>
  <si>
    <t>b"\xf9\x84;FZ:\x9b\x93L\xb9\x98O\x88L-\x08\xa8\x93H\xff'\xdb\xe6\xf7\xa58vp\xad\n\xc9\xe5"</t>
  </si>
  <si>
    <t>b"I\x0b\xe1\xf1\\D\n\xc8&amp;r\x16Kh\xb0lG\xbe'\t)\xe2\xe1\x18f\x85\x19\x06\xd6\xcb\x89\x7f\x05"</t>
  </si>
  <si>
    <t>b"\x87\x0b\xea]\x07!\x7f\xbaW0#\xe6'Bx\xe2K[Q\x81W'l\x12P\x05\xda\x95*w\xf3P"</t>
  </si>
  <si>
    <t>b'P\x04,tq\x8eyv\xedo\x0fqau7\xdc)\xb5\x9aw6\xe8 \xa7p\xfe\xa7\xdcGH\xd9\x80'</t>
  </si>
  <si>
    <t>b' G\x08\xf0c~\xf1\xeb\r\xfb\xcc\xf3y\x93\x8e\x0f\rJ\xa7I\xdf\xf6\xf74\x1ep\x80K\x1d\x90b\xd7'</t>
  </si>
  <si>
    <t>b'[\x94\x85_\x96\x07\xd0\xbc\x10\x111P\x01t~9\xb3\x99\xa7-\x8e\x8dUY\xa5\xceG&lt;I\x11w\x97'</t>
  </si>
  <si>
    <t>b'\xabt\xceS\x10\x9ctA\xfe\x9b^\xe2\xbe\xf3\xaa\x05\xc0a\xab\xfc\xae\x92\\G|6\x00\x15\x0c\x97\xd3L'</t>
  </si>
  <si>
    <t>b'@R\xf9X\x1e\x9fU\xabS\xed\xdd\xcb\xa8:\xd4\x80\xda\xf9Hn\x1b\x10\x89\x027" v\\\xe2\xc7\x0b'</t>
  </si>
  <si>
    <t>b'\xeb\x1e\xac!)G\xc3\xb6\xc8\x8f\xabuW\x1b2\xcdA\xbd\x15`=\xfc\xc0\xf19\x03\xdd\xaa\xbd\xa9\xc2\x8d'</t>
  </si>
  <si>
    <t>b'?:]W:\xb12_\xbe\xfe\xcc\xad\xd1$\xb4\xf0k\x11[[\xcd\x84\xefK\x9e\xb1\xe4\xf20M\xb1\xfa'</t>
  </si>
  <si>
    <t>b'\x19\xa6\x86)K\x1a\x89\xfc\xdba\xc0\xac\x9d`\xa2\x16\xe3\xeb!\xd1\x88\x01c\xbd\xaeiA\xfe\xedGH\xa4'</t>
  </si>
  <si>
    <t>b'\x13\xc0\x9e\xb3\ri\xd4\x916\xaf\xd5\x12\xad\xf0\xd0\xbdp\x91#\xe7\xaf\xa5\x8d\xccP\\\x08f\tF\t\x17'</t>
  </si>
  <si>
    <t>b'\xd4-\x00\xa4-\xc5M\x1e\xad\xcb\xb6\xfc\xc6\x14\xae\x93\tC4\xcc\x91{C\t[\xf1\xaa\xe7\xc5\x13@\x82'</t>
  </si>
  <si>
    <t>b'\xf8@M|&lt;\xc7W\x15`!\xfb\x9a\xe7\x0e\x19z.\xd6:\xfeRo\xbfP\xcb\xff\x8a\xbe0j\x90\xa9'</t>
  </si>
  <si>
    <t>b'\xf9\xfa\x8e\xf4\xd3D\xc4\xbbSi\x03\xa8\x11\xfd\x19L\x9d\xa2\n\xc38\xf8X\xa0\xb4\x04\xd4B\xa8\x87I\xe4'</t>
  </si>
  <si>
    <t>b'\x88\x01)\xe8W\xed\xee!5e\xbc\xe4)\xccGQ\xabp\xdaJ\xfe\xa6#\xe7C\x9eP\xc2)zFe'</t>
  </si>
  <si>
    <t>b'4=X\xf5X\x89y\x0e\x89Qn\xf4\xe8\xa4\x04V\xf9\x11Q\xa2\x0fu\xca\xb61\xbc_\xfd\xd0G+\x8b'</t>
  </si>
  <si>
    <t>b'\x8b\xc4\xdd\x1d.w7\xf1\xa7\xf9\x98$\xda\xb2\xa3\xdb\xbcY\xdc\xc8Oux\x00\x86\x17{\x08J\xcfV3'</t>
  </si>
  <si>
    <t>b'X5\x99\xdb\xad\x14F\xc8\x98\x11\x81&gt;\x9d\x86$\xe8\x19\x92\x0f\xd0a\x1dr[\xf0\x92{\xdb\xf0\xa9\xbb\xd2'</t>
  </si>
  <si>
    <t>b'\xc2`B\x17\x88Y(\x1b\xb5\xab\xa5S\x9d\x11\xdd\x9b\x91\xa4\x8e\x18\xde\xb1\x1c\xc2.(I\x86\x02\xc6\xa0C'</t>
  </si>
  <si>
    <t>b'\xf9\xbe\xb8%u(\x86&amp;\x1b)/\xa1\xd0C\xdf\x87\xaa`-F\x89d\xfc#1\xc3\xe9\xb9\x8c;g\xfc'</t>
  </si>
  <si>
    <t>b'v\xf6k)#\xd3\xf8kc\xfa"+S\x97b5\x89\x9b\xb5=T\x80\x17h\xe1m\x12\xaeU\xb0\x1a\x98'</t>
  </si>
  <si>
    <t>b'8\x8a\xae\x9e\x15Nh\x85\xf9\xfa"\xd4\xc9\x8e\xa0\xcc\xb7\xe1Hl\x95\xb3\x9ep"y\n\x16\xddtQk'</t>
  </si>
  <si>
    <t>b'\xf1\xe0\x04\xee\x98\x0c\xf6\x94\x9dO\xde\x141\x8eJ\x99\xcb&lt;\xaf\x84\xff\nlOa\xe4\x82\xc3Y\xdc"!'</t>
  </si>
  <si>
    <t>b'\x0f\xa9\xf1v\xc5\xd6Ym\xcc\x161\xf5"j\xd6\x14[&gt;}\x8e\xeaR.\xc5\n\xb1\x19j\xf0\xea\nM'</t>
  </si>
  <si>
    <t>b'$\xbcX1\xc4\x17\x99O%\xf0A\xe1G\xd2\xca\x0c4\xacR\x89\x1c\xa9\xa8\x1f\xfc&amp;\x8fD-\x88E\xb7'</t>
  </si>
  <si>
    <t>b'\x1f\x15U\x1d\xfd\xae\xc1L\x87\t\xa8feO\xa2G\xe0\x7f\x88\xcc^\x87b\xb1\x81"Xg\x98\x02\xd7\xd5'</t>
  </si>
  <si>
    <t>b'\x1d)\xdc\xbdU\x1b\xc9\xfcBT\n\x1bJC\x0cW\xaeA\x03\xc8\xfd\xcd\xac9j&lt;\xc1\xc2\xbe\xc4\xc9%'</t>
  </si>
  <si>
    <t>b'x\x1a\x99M\x92bn\x8d\\A\x8aU\x1a\xf8~y\x90\x02yNP\x0bs`\xdc\xacH7+\x1c\xa2\xa1'</t>
  </si>
  <si>
    <t>b"R\xc6\xcc\xbb\xc4\x18E_W\xa49P$O\x06xp\xd8\x813`o'\xb6a\xc3\xa56\x17v{m"</t>
  </si>
  <si>
    <t>b'\xb8Q\xdd\x8b\xee\xc9\x15U\xd8\xf0\xff\x0c\xfc\x93:\xe6\xf0\xd5\xfc!\xd8aOfB\xfe\x02 \x1c\x03%\xa8'</t>
  </si>
  <si>
    <t>b'/\xfe\xaerT\xd0\xcd\xf5\xcc\x92l\x0bI\x1f\xafdI\xe56\xd2&gt;*`\xfe\xfdhs*/A\x8f!'</t>
  </si>
  <si>
    <t>b'\xb3)x\x9a\x82\x175uM\x19\xd6|\x7f\xbcl\xa2\x10\xb0\xd8d\xb2\xbc&gt;9\x10\xbd\xf2\r~":\xcd'</t>
  </si>
  <si>
    <t>b"\xd5\x0e^v\x03\xc0B\xcbv\xc83\x13\xae\x0b\xecBU\xbfp\x16C\x12\x055\xff\xb6b'\xe28*\xb4"</t>
  </si>
  <si>
    <t>b'C\x9eJ\x0e\xa5zQpb\x00\xd2P\xfen\x9cQ\x0cB@7\xb1\xd3?\xf5\x04P\x04\x98\xe6)k\xcd'</t>
  </si>
  <si>
    <t>b'\xe2\x1c\xdc\xdf\xa7\xef\x95{\xb0\xb0.\xd0i\x93\x85X\t*9\x91N\xc0\x9fF1\xf9V\\\xdfFeA'</t>
  </si>
  <si>
    <t>b'&gt;\x17\xbaF)\x01\xa6fZ\r\xfdp&lt;\xa0\x9f\x03W\xb9\xfc\xeb\xfa+\xfdL\xe7\xe1\xc5\xfeV\x82\xec$'</t>
  </si>
  <si>
    <t>b'X\x8a\x9c\xda\xbe\xf2\xd08\xf9\xaf\xd6;0\xcd\xe6\xba\x039c\x05mex}\xab\x1cN\x81\xb1\xc1\xc9\t'</t>
  </si>
  <si>
    <t>b'*%\xfde\xf2\x12 \x95\x84.\xc9\xa1\x96z\x92B\x1dY\xf9(\xf9%\xb3\xd5\xfdJ\xdb\xbc+\xf8Nw'</t>
  </si>
  <si>
    <t>b'k\xf7/\xee5\xc7\x90o\x0555\xf7i\xd8\x11\xd6`|\xc2\x8cq\x9f4ZE\xe7\xfeK|\xaf\x15u'</t>
  </si>
  <si>
    <t>b'\x93\xc4\xd6\x05\x8b\xf3\xf9a\xb3\x04\xbb\xb8\x03\x99\xf4\xfa\xb0\x18\xc2/ac\xbe\x11\xd1\x8f6bnM2\xa2'</t>
  </si>
  <si>
    <t>b't,\xcd_\x9c \x07`\xe1\x19\x95\xb1\x08b.\x13E\x95&amp;\xdc\xadD\xe4\r, \xc5cz\x11\xfe\xea'</t>
  </si>
  <si>
    <t>b'\xb8hMx\xd2v\xe1\xf1qay\xee/\xe6\xad\\ \x9d\xec\x93V\xdd\x16\x8d\xea\xffz\xd1r\x0c\x8a\x81'</t>
  </si>
  <si>
    <t>b'\xb0\x01e\xba\xccf\xfb\xd4x\x84o\xcf\xd5\x8d\xb1\xd6V\x86\xd3\x83[k\xd11QW\xda\x80\x9f\xebI\xb9'</t>
  </si>
  <si>
    <t>b'"FKX\x9aN\xf3\x87&gt;\xf3\xd7\xf1\xda\x7f\x14\xf6},vj\xa5H\xd9\xa3M\x880\xe119\x8a\xa4'</t>
  </si>
  <si>
    <t>b'M\r*\x16\xb3\xc2M\x14\x7f5\xc5\xebRw\xd0A4\xa1\x0e\xe0#4L\x7f}-\xf9\x94\xaf\xcc\xa35'</t>
  </si>
  <si>
    <t>b'\x1e\x0e\xa3\x7f\xc41\x8e[(\xb2\x9f\x85\xb4\xbd\xfcU\xf8\xa3JdH`\x0eP=\x01\xf6S\x11\x18\xecL'</t>
  </si>
  <si>
    <t>b'\xbaA\xb4\xbf\x17\xa7\xdf8\x15\x14B\xa1\xab\xd9-\x9bv\x93\x8b\xdb\x04\r\xc0\x97\xd0\xf7\x12\xc5\\z\x89\xb9'</t>
  </si>
  <si>
    <t>b'jD\x8c\n,\xcf\xff\x9e\tI\xcf1\xb0\xfeG\xd3Or}X\xf3\xda\x88\x892m\n\x9b\xc4\xfd\xd2{'</t>
  </si>
  <si>
    <t>b"RB\x1e\xe5\xb3\xb2\xc0E\xf0y?\x860\xd5Z\xacD\x0e\x9c'\x90E\x89\xc6\xb2G%^h\x8f8\x9f"</t>
  </si>
  <si>
    <t>b'\x1e\x17\x1fZ\x9b\x03A&amp;\x1e\xa9V\xa7\x97\xdd\xa3_\x0f\xad\xd0\t\xe0\xbd\xa5\xcd\x88\xbcp\x17\x0f\xe8\x9ba'</t>
  </si>
  <si>
    <t>b'\x81g\xd6\xdc\xff\xed\xa6@\xaf5!\x9bF{\xa6\x1b\xfc\x8d\x0e\xdd\xf0t \xcc\x0e&gt;\x96Xc\xf7\\\x8c'</t>
  </si>
  <si>
    <t>b'l\xc3l\xa2[\xc8,\x11\xb2\x1b\xaa\x05O\xe5|cG\xd9e\xae\xd5\x9d4\x9em\xc3\x84v\xca\x8fD\xfd'</t>
  </si>
  <si>
    <t>b'\xbeMr)\xca\xc0x\x8b\x17T\xd6\x86l\xdd\xf4\xad\xe8\x8c\xfe\xe0\x92\xf3]Zo{]&amp;%\xbe\xe6\x9a'</t>
  </si>
  <si>
    <t>b'"v0\x07s\x8b\xba\xee\xfa1\xd2\x83?\xefM0\xbd6\xe1"\x83C\x91\xaf\xa5\xd7\xf4\xdf.\xd1Mp'</t>
  </si>
  <si>
    <t>b'\xa7\xaa\xb4p\xa7\x06\xbb\xf8C\xedp"K\xb4`kx\xa5\xb0\t+G\x10\x02$\xdc\x9bl\x06J\xe7\xcf'</t>
  </si>
  <si>
    <t>b'\xbd\xbc\x0f-\x8a\x07D\xf9\xc9\x8a\x8d\xe1\xb3\xc6\xfaB\xbe\xc7\x1693\xb3\x9f\x1f\x97\xcc9)\x9bw^\xaa'</t>
  </si>
  <si>
    <t>b'Z\x83\xe2\x04O\xe2\x0b\xdf\xb8\x0fTcHtz\xaf\x86\x84\xdf\x02\xad\xa3\x94\x82\xdb\xc34e\xb4\x8c\x06{'</t>
  </si>
  <si>
    <t>b'y|\xd7\xa1P&amp;a\x9a\x92\x81@\x92\x02\xeb\xfc\t\xeb\x1e\xd2(\x1c\xa5\xb7\x9d\x03\xae\xa8\x16Y\x96\xa7U'</t>
  </si>
  <si>
    <t>b'\xb2n)\x16\x84\xe2\x90Q\x8f4hh#\xe1^\xb4\x9f)\xd0$\xbd`\x1f\xd0\x82\x0f\xcav\x93\xd6\xbd\xc7'</t>
  </si>
  <si>
    <t>b'\x94\x10\x96\xb2\xa8\xcaU\x958\x1c\x01\xf3)[\x03g\x89\xf0\xed\xf8\xfem0XC\x10\xc9}\xfd\x90;5'</t>
  </si>
  <si>
    <t>b'=za)\x06\x9d\xf1\xaaL\r-\xd6*a\x9a\xba\xc2\xb0\x02\x82\xae\x16\x99\xf4&lt;\xbb.N^j\xcbY'</t>
  </si>
  <si>
    <t>b'1vkM\xf1"|n\xf4\xf4\x8c\x9f:\xdb\xe9)g\x85\x86\x06\x95\xcc\x14\xe9\xcd\xab\x1b\xa38\xa8\x81\xa2'</t>
  </si>
  <si>
    <t>b'v\xa4\x99\xc73A\x15\xacdE\xf6 \xb8\x16\xfa\x03\xa3\xea\xe6v\xce\x92B\xe8\xd1\x8bi\xc0\x1b\x1aU\x99'</t>
  </si>
  <si>
    <t>b'\xc2\x1d\xcc\x1bV%2\xcfg\xbb\x1d\x94\x99:\x9f\x02Xu\x84mft\xfbp\xdd7\x1e\xcd\xe2\xa1\xf6\x99'</t>
  </si>
  <si>
    <t>b'\xcc%\x8b]\x97\x81\xf8\xec#\xb2\x12\xca\x84\xeb\xfc\xe3Wt\xb7\x8b\xf5\xfb\xf6\xf0a\xca\xf6\x94g`\x86\xf0'</t>
  </si>
  <si>
    <t>b' \xb5\x8c\xb4\xbb\xb0e0\x96\x1c\xa5\xa7\xe4J;n!8\xf8\x06\x08\x14I.\xfb\x07\xef\x9f&lt;-\xd3\xe4'</t>
  </si>
  <si>
    <t>b'/\x97\xf2r\x07\xb6)\x81\xba\xac\x90\xc2\xf4\xca\xc7\xa2\xe4W{-27\xca\xbbh\xe0U\xf3\x80\x81\x1c\xc6'</t>
  </si>
  <si>
    <t>b"\x1f\xd5\xd9\x1c\xf4\xa9\x0e\xf5UX\xfc\xab,\x9a{aO\xd3x\x0b\xd6@w1u\x8fk'BI#{"</t>
  </si>
  <si>
    <t>b'p"\x96\xb7\x8eN\xab\x8d\x19\t7\xcb\xa3\x86\x07\x16\x0cj\xc1\xa6\xf0\xda&amp;\x18j\xea\x04B``\xba\r'</t>
  </si>
  <si>
    <t>b'}\xda0,\xcd\x96A\xef\x89\x84\x9e\xc9\xfa\x97\x04\x88\x9at[\xb6\xdaf\x04\x91\xc0A"\x06\x98|\xb7\xe6'</t>
  </si>
  <si>
    <t>b'P\xee\xaf5\xcdn\x91q\x00{\xffj\xe6\x81\xaa\xe2\x12(\x97T\xf0\xc6)\xa3\xf8\xb0\xb2\xfc[\xf3\xd1Q'</t>
  </si>
  <si>
    <t>b'\xdc\x8e@\xa7\xec\xbb\xcc(7D7"\xbd\xc3`P\x1f\xb2\xd0n}\x0e\xf1\x97\xb4\x8e\xa6FU\xa5\xaaw'</t>
  </si>
  <si>
    <t>b'\xa8\x02,K\xc8\xc4K*\xb35\t\xd8\x83\xf0\x1e\xfa3N/\t\xdd-%\x8bZr\xe4\x8a\xc9\xf3mS'</t>
  </si>
  <si>
    <t>b'^S\x8c\xd2"\xbf\x9c\x16\x81\x0c\xad\xed\x9d\x9b\xa9s\x92W1Y&gt;V\x00\xc8t\xe33\x85!3\xa1+'</t>
  </si>
  <si>
    <t>b'\xc1\xb1d\xffY\xa3\xffV\xc0\xe2\xa56\x95\x99X_yw\x03\xf3^\x8c\x0c\r\x00\xb50\xf1/\x99\xc6!'</t>
  </si>
  <si>
    <t>b'\xcb\x8e\x0c\xb24\xa6\x0e\xda\xc57Pq\r-\xe2B\xf1&lt;\xc3qC\x13\x13\x80\xb0\x80\xd4\xe4R\xac\xcd\xa6'</t>
  </si>
  <si>
    <t>b'\xa0\x9c\x13\x9f\xc3\xb8Eg\xdf\xe4\xcf\xd7\xdd+\xdc\x15Sp?\x87\xf1\xc5\xd1M\x8e&gt;\xb7\xf5\xe4v|\xf2'</t>
  </si>
  <si>
    <t>b'\xc6"P\xce:\xfdf\x9b;])\xcc\xce{\x97\xbd6\xeb\xb6\xa2\x88\xc4\xb1\xafqH\xd1Hx!9\xd7'</t>
  </si>
  <si>
    <t>b'\x9a\xe5\xbe\xcc)\x82&gt;\xd1d\xe1\x92\xf1\xb1h\xfe\xa7\xf7.\xe6\xb4\x8d\x13\xf4\x87r\x17\x1e\xaf\xfc\xf1l\xb5'</t>
  </si>
  <si>
    <t>b'\xe54hW\xa52|YY\xc4\xa7\x8c\xf0\x93RX\x1e\xecS\xea\xf1\x82}\xdbB\x1c\x9c\xf8U\x95\xd8H'</t>
  </si>
  <si>
    <t>b'\xfbX\xc5{\x90\x1d\xe2\x903-[\xfd\xcd\x87\x07\xbb/6\xc2\xac\x0c\x11{\xf98D\xb7\x0e3\x02A\xbb'</t>
  </si>
  <si>
    <t>b'\x9a\x03\xff\x8c\x80\x1e\xbc\xf5&lt;\x15\xf8+\xe8&gt;\xcb\x9f\xa9\xc5\x9a\x90\x8eEAg\xb08\xef\xc9\x18E\x16^'</t>
  </si>
  <si>
    <t>b' \xd6\xf5\xe4\xe3D~@\x0c\xf9*\x87\x15q\xb7\x90\xde\x85e\xcbK\xfd&gt;\xbc\x12|\xc7F\xb6H\xd4\xd0'</t>
  </si>
  <si>
    <t>b'\x03eLZ\x86Y0,\xdam\x0cP\x0f\x1f\xa9\x00\xc0D8\xb99\x14\xf8\xf0\xc7O\x89\xb6~\x1e\x1bQ'</t>
  </si>
  <si>
    <t>b'\x06\x06/v\xe2)\xc5\xe3-^\xa7"\x12W\xd4\xf1\x13Y\xfdy\xb7Y9&amp;U\xbd\x19\xf1d\x80\x90c'</t>
  </si>
  <si>
    <t>b'\xd0\xc5\x86,:\xdb\x99\xbe\xef\xdf\xd1\xf6~\x16\xb2\x9d\xa7\\\x99\xaa\x19\x98\xc2\xe9@\xfc\xb2\x17\xebs\xcd\xd7'</t>
  </si>
  <si>
    <t>b'\xef\x84\x96\xcd\xba\xf3\xb4\x87llA\x1b=-W\xd1\xd7&amp;\xfe9X7FBU\x0c,\x132#h\xc2'</t>
  </si>
  <si>
    <t>b'&gt;\xfa\x1b\x93\xd1\xc9\x1d\xa9\x84e\x8b\xfc\xd7\xe6n\x15\x0fE\x16\xb6B\xf8\xaa\xe6\x7f\xfb[\xd7\xd0\x19\r\xb8'</t>
  </si>
  <si>
    <t>b'\x1d\xa9\xc4\x9a\xf4\xcb\xb9|\x15\x9d\x12\xce\xa5G\xc1D~\xf1\x1d\xd9\xbb\xcb\xc5w\xac\xf0D\x9a@\x84N\xca'</t>
  </si>
  <si>
    <t>b',\x9c\x0e\x98e\xd1U\xc8!],\xebHv\x17\x06\x970\x9d\xc1~\x05\xcb\xa4\x89\xd0W\xcau\xb7\xbc\xc9'</t>
  </si>
  <si>
    <t>b'\xa9\xb5\xde\xeb?\x01\xf4\xe1\xda\x9d\x80\x95\x11\x89[\xa4\xe28x\xe9Z\xd8\x91y\xdb\xea\x9b\xfcr\xb5\xca\xd6'</t>
  </si>
  <si>
    <t>b'\xb1AK}r(/\x08z\xf6|\t\xa9\xb2\x9ce\xc3n\xe3E\xcdzVF)\xc4%\xbdOLw\xdd'</t>
  </si>
  <si>
    <t>b'S\xe3\xd9\xfd\xa8\x1d`\x16\xe8n\xf7\xe3v\xaa\xb5bO\x9f\xc9f\xbc\xc9XHc\x08\xb6BN\x1d\x05\xab'</t>
  </si>
  <si>
    <t>b'\xf1\xb2u\x1c\xe9\xd7\x13&amp;\xb3\xe6\xf9=&gt; \x05\x01\x81\x03\x1f\x04\xd5\xba\xb3\x08]\xf0\xa2=#\xe8\x9a\xc3'</t>
  </si>
  <si>
    <t>b'\xb1}+\xdb.\x94W\x8cnJ\xad\x8cg\xa2\xe2\x95\xbc@Z\xda6{\xe40\xeaNM\xb0\xed\xa4\x10='</t>
  </si>
  <si>
    <t>b'.\xd5\xf45\xb7\xb8\x84\x01\x08\x05\xb1a9\xf9\xa0y\xd0T\xbb\x85\xdc\xfd\x9f\x84\x18\x9c\xc7\x94e\x8bW\xf0'</t>
  </si>
  <si>
    <t>b'\x81\x0cni\xa8\xcdC\x16o\xef\x92\x11I\xed\x0c$y_\xb7r\xf3\xa7_\xa2\xb3\x10\x90 \xafA\xec\xc5'</t>
  </si>
  <si>
    <t>b'\x95j\xa9\xd5r\xe5\xa7]\xa2\xc6\x8e^\x8fr\x81Q{\xff\xb4y9\xa6\xb7`\xa9\xc1\x84\xcaT\xdb\xc4\xc9'</t>
  </si>
  <si>
    <t>b'\xd6\x80\xe5-\rV\xef\x85\xe6{\xd8`\xf2\x8d\x1f`I\xfc~\x9d\xfd\x014\xe2\x85\xdco\xf8\x9f&lt;\x92~'</t>
  </si>
  <si>
    <t>b'M\xa3\xd3;dV\x83\xf3]\xdc\xc2:\xd7;m\x10\x8dcx\x12\x14~c\x0b\xb3\xa4\xb7\xc8nas\xe9'</t>
  </si>
  <si>
    <t>b':\x97,\x0f\xfa)\xf8Y\xef\x8a\xbd\xe9WV\x19\xf2\xe6\xb1[\xa7\x9aG\x04:\xad\xc0y\xaf\xf1~0\x83'</t>
  </si>
  <si>
    <t>b'\xf05\xa2\xde\xb8]\x0e\xfb\x19;\xe8\x8c\x02\xd9\x80\xaf\xf0\x90\xba\x86\xfa!D6\x19\xdeb\rC\x1e\x01\xef'</t>
  </si>
  <si>
    <t>b'\xcf\xfc},V\x8d5BL\xaa\xb2\x18\x81]B\xf2E\xaf\x11\xd4\x88\xb8\xc8\xc0G\x91\xd8\xc1\x0f\x99\xb8E'</t>
  </si>
  <si>
    <t>b' \x14\xfa"\x7f\xda\xc6\xd8\xe6\xc8\x13!{J/*\xe5\xf1\xb5AF\xda\xef\x91\xa7\x9b\xe7\xdaD\xa8\xaa\x8a'</t>
  </si>
  <si>
    <t>b'Y\x8e\xaa!\x19\x1f\x87\xee7\x9fC\xa0\xab\xa5\xda\xf4\xb8\x8f\xcfNI\xe7\x07\x8e\x0b$\x11\xb7\x1e\x91\xd7\xd1'</t>
  </si>
  <si>
    <t>b'\xef\xc9\xb3\x14\x1a\x04j\xf72t]o\xa6\xec\x87\x0f\xf4\x99\xf2\xcb^\x05\x8bFJ\xfb\x9b\xa8\xb0\xd1\xba\xcc'</t>
  </si>
  <si>
    <t>b'\xbfxo\xe0zW\xe4\xf5\xa8\x10\t9\xebBJL\xd6\x96\x10\xc6\x98\x00\xfb\xaa\xe0\xef\xe2\\\xa1cu\xe6'</t>
  </si>
  <si>
    <t>b'%,\xa2\xe7\xdf\xc5\xdf\x9c\x082?\x10\x91;X\x91\x9c/\x8af\xa2\xfc\x7f\xf2\xd0D\xbcc\x03\xac\xd1['</t>
  </si>
  <si>
    <t>b'\xe0\x11\xf5\xb0\xfcDJ\xa3n\xbd\x1ct\xce(\xe0\xecB\xe3\xcf]\xffk\xd7\xc1\x8f\xe7%n5*\\\t'</t>
  </si>
  <si>
    <t>b'\xad~\x15\x92f\xca\x96\t1\xd4;a\xa8\xf7\xe2\x94k\xeb\x0b\x03qb\x12\xd96\xa2&lt;\xf4\x03\xef\x00\x19'</t>
  </si>
  <si>
    <t>b'\x96\x10\r@qE/\xd7}/a\xe0\x9d\xaa\xe7\x9a\xf7H\xa9o\xd0C\x9d,\xc0\x14\x90\x1a\x7fe\xc6\xb4'</t>
  </si>
  <si>
    <t>b'\x02\x1c\x06\xcb\xf0i0\x8bw\x0f\xf1\n\xe1m\x86\xd3\xb9\x19\x01_\xd0|\xd2\xa6\xc5\x01.\xca^#y\xa5'</t>
  </si>
  <si>
    <t>b'*\x17`\x88\xd9\xd5\x900\xcf\xcc~\x1c\xf2\xcb\xb5\xb32\xfco\xba[\xc7&lt;\xce\xa1\xf7\x96\xf06\xb6]\xeb'</t>
  </si>
  <si>
    <t>b'\xef\xf1Q\x1b\x8e\x848\x03\x12\xa1p\xe86p\xe7OU\xe9?\xa5\xe97\xfaFz\xaaTHxh\xf0a'</t>
  </si>
  <si>
    <t>b'"\xa2*lFmJ\xa23:\xdc\x00\xf3\xa9\x99\xe8.~\xd40y\x8e*\x816\xc5\x80\xd8\x86h\xb0\x1b'</t>
  </si>
  <si>
    <t>b'b\\\x18"\x0f\x1a\xedB\x16\x89q\xd2\x1d+#\xa1\xfb\xcbF;S\xb4\xcb\xaf\x06\xe35\xa86\x85\x1a\x04'</t>
  </si>
  <si>
    <t>b'\xe43\x11F*\xa6p\xe8\x91\x16L\xcd\x9c\x8e\x18\xfd\xe1)\x80=\xe2\x0f\xfb\xf4\x12\x10\x9aen\x9a\xed\x07'</t>
  </si>
  <si>
    <t>b"4\x84\x1diA\xe7\xfc\x13\x8d'p*~]\xda\xea\xb2\xb2\xc1t\xc1&lt;J\x99h\x8e\xf8J\xb5\xebzW"</t>
  </si>
  <si>
    <t>b'&gt;\tj\x8d\x93d\x01\xc2e\xa8\xb0f\x8c\xd3.|\xa7rw\xb2\tl\x8e\xa6\xf6\x95IL\xcd\x1ecN'</t>
  </si>
  <si>
    <t>b'8\xca=\x13\xe0(\x16\x0f\x19\xad\x13\xd6\xe9\xd2\xc5\xe10:$0l\xf7\x93\x97\xb8PGS\x14\xf1\x89\x06'</t>
  </si>
  <si>
    <t>b'^\x1fK\xb8\xda\xd9#x\t&lt;Ai\xb7\xec\x89\xbdM\xa8\xbb\x91k\\cRQ\xde\x90/\xba1\xdc\x80'</t>
  </si>
  <si>
    <t>b'r\xc7\x06--&amp;\t\x18\xad\x0b\xf7\xfa\xd1\xe9\x1b\x8bV\xbe\xf5VJ\x8b\xd8s\xc8@\xa32i\\\xb1\x8b'</t>
  </si>
  <si>
    <t>b'5\xe6PI\xdfBY\xa7M\xe4\xf2\x00\x10\x8e\xcf\x18\x9e\xa0+\xe0\x9cI-\xa3\xfd\x05\xfd\xa6\xe9\xa4\xd0\x9d'</t>
  </si>
  <si>
    <t>b'i\x15\x1d\t&amp;\xf2\xd6\xa0\x8c\xd3B2=\x14z/h\x8a\xc2\x17\xf9\x17\xb5\xf3f\xc7h\xda\x02p\xc2}'</t>
  </si>
  <si>
    <t>b'\xdb\xfb\xd2\x98\xf3\xa4\xa9\xa4\xab\xd07\xe0\x7f\xd5\xf7\xec&lt;\xc3\x99*}YN$\xb3\x9d\xc2\x95\x87\xe0c\x16'</t>
  </si>
  <si>
    <t>b'=\xcd\xcd\x85\xc3\xc6\xfc\xbf&gt;\x11\xf1\xa7&gt;\xc0\xaa\xdd\x8bs\xe1&gt;\xf3\x8bRG0[`\xcd\x0cfNn'</t>
  </si>
  <si>
    <t>b')\x1b\xf8&gt;\x97s\xa7\xa1\xaa\xfa\xb9\x87\xb3I\x0b\x14j\xb4\xab6\x00\xf5$\x03\xa7H\xf60\xe4\x12\xd7\xaa'</t>
  </si>
  <si>
    <t>b'\xc8\xa6\x17\xd8\xf3\xe4\xef\xa8\xe4\x07@\x08\x10J\x89\xe3\x85&lt;\x84(\xa3\xc1[U\x84+\xdf\x91\xd3\x89\x13\xe1'</t>
  </si>
  <si>
    <t>b'\xa0\xb2[\xc4=\xe4\\\xcels\xbaxd\xe6\x1a\x04r\r\xb9\x9e\x1a\xdd\x1e\x00\x86\xa2|A\x85y\xed\xbd'</t>
  </si>
  <si>
    <t>b'\x80\xd1e\xae\xee\xc4\xc2P\\\xec\xdf\xe3\xfb\xe7\xf7\xc3\x84\xe5E\xf6\x17C)1\xe5\xd1i\xba\xecasJ'</t>
  </si>
  <si>
    <t>b'3\xe6Y\xfd\x95\xf3\x97\x16\x073N61NG5\x7ff\x9e\xc0}\x85\xe1\\u?\xa5n\xf9\n\x0c\xb2'</t>
  </si>
  <si>
    <t>b'I\xae9\xa7\x96\xac\x98&lt;&lt;\xcd\xdf\xa3p\xabJ\xfcK\xef\xd5d|]\x00O\xde\x0b\x96mN/R\xd6'</t>
  </si>
  <si>
    <t>b'\xc3i%\xee\xfc.\xfaZ\xbe\xba\xe3D\xf8\x89`\x96\xf6\x02\xb2\x8b\xf3\xa1A"\xb1\x8d\xac\x19\x15\x18Iq'</t>
  </si>
  <si>
    <t>b"\xae;{\xed\xf8K\x9a\xcb\xdd_\xb9\xb3\x19O\x03\xcba0\xd12Q\x8d\x9b\xe6u F'\xa4\x94$\xf7"</t>
  </si>
  <si>
    <t>b'7\xacI\xa1\xab\xd2\xcf8\xfdH\xed "\xfc\xd6\x0f\xcb\xff\'\xa8\x07\xc6\xab;d\xdd\xdf\xa9\xc61\xf6V'</t>
  </si>
  <si>
    <t>b'm\xa16\n\xf4\x8a\x82\xa6\xc9\x93&lt;\x96Q%S\x0b\xe8rP\x0c\xddF!+\x95\xc5B\x9a\xa2:\xf2o'</t>
  </si>
  <si>
    <t>b"\xd1'\x1a\xd1(Hr\x1a\xc2\x1f+\xaa\xc8\xd5\x8b\xb6\xe4\x180\xe8m\xe8\xbd\x8b8m\xd7\xb9Y\x90\x14\xa5"</t>
  </si>
  <si>
    <t>b'?M\xe4\x11\xfd\xdf\xda\xc4\x81m\xa4\x94\x12\x1f\xc4Z\xf2\xd9\x1bnt\x0eH\x8e_b\xc7N\x1f&gt;s}'</t>
  </si>
  <si>
    <t>b'\xf3\x12!x\xbb\xca\x92  \xae\xf4\xd0\xa8P\x0c\x8a|\xe3\xfbd)f\x85\x1a\x8d\x1e\xefq\x01G\xe2\x87'</t>
  </si>
  <si>
    <t>b'\xf4q\xf3T\xa7\xb5\xfd\xaf&gt;k\xfd\xdb2\xd3&amp;-;\xfeh\xf3"\x96\xb8\xb5\xbb\xd0\xa8\xa9C\xe4\xdd\xa0'</t>
  </si>
  <si>
    <t>b"\xaa8uG\xd1\xdd`\x00B\xc9L\x96\xb4\xe1\nTCA\x80\x8f\x16Q'\xbd\xef\x01*%\x14\xd5\x1d\xd1"</t>
  </si>
  <si>
    <t>b"\x7f}N\x03\xcfq\xd8\xe1\xb6X\xea\x9e$\x89\x13?\xb7h+D\xa4;\xcd\xd3'\xa4\x10\xc5\r\x8b\xee\x95"</t>
  </si>
  <si>
    <t>b'$\x10{T\xb18\x17\xccx\x17\xcf\x0e\x06?\xa66Z\x14\xde\xf48\xd6%\xd95\xa3\xe9\n@ud\xfd'</t>
  </si>
  <si>
    <t>b"\x9br\t'\xb4\xb8E@Q\xc9\xa6q\xb3\xc6`\x97\x9e\xe0\x99\xe6\xfbW!\xed%ef\xde\xa0\xeeu\xbe"</t>
  </si>
  <si>
    <t>b'\x89\xc6\xd3\x9c\x06\x00\xce\xf6\xef\xaaO\x9c\x85\x82F\x0cD \x14JMN\x83J\xa9\xb0\xe6^\xd8\xc4\x13\xb1'</t>
  </si>
  <si>
    <t>b'q\xe1s\x92v\xba\xf7q\xfe\xc5q3"\xe9T\xae\xe2\xccmr\x0b\xf2\x9frF!|\xb9U7s\xef'</t>
  </si>
  <si>
    <t>b'"\x89\xc5W62\xb6\xb7\xd2\xae\x9c\xcf\xf6\xd2\xb5&lt;\xae\xec\xda/\x85=\xa7.\x11\x8a\x87_\xf7\xdd\x8d\x87'</t>
  </si>
  <si>
    <t>b"\x13(\xbbM\xe9\xb6\xd8W\xdb\xa0}\x13\x9c\x94@\xd3o[\xdc2\x9c\xf0'L\xeb\x17\xee\xf3A:\x85\x82"</t>
  </si>
  <si>
    <t>b'\xc9w\x8b\x0e`B\x15qP\xadK\xbak\x9c\x16\x99\x10*\xa9\xf0\x0c\x9c\x94\xf0\xad\xdeQh\x03*\x93\x06'</t>
  </si>
  <si>
    <t>b'\xf8\xf2\xad\xde0xJ\xfb\xfa,\x1apVk\xe0\x97 \xd0\xa1\xde\xec\xb5\x8b\xe2\xd5\xa9\xa3.\x19z\xdeb'</t>
  </si>
  <si>
    <t>b'|\xc6\x91\x19\x188\xc7\xc0l\x17\x90x\xe4;\xa84\xe43\x90\xaa\x13\x19\xe7\xd6\x1a\xd23\xa1~\xc6\xbc\xc3'</t>
  </si>
  <si>
    <t>b'\x12\xa7\x82\t\x88\xc8&gt;I&lt;\xc0\x8er~nAj\x03\xe0\xf0\xa3\xc2-&gt;a_\xc2;h.oG\x08'</t>
  </si>
  <si>
    <t>b'\x81\xdb\xf2\xcd`\x04WY4\xdag\xa1(\x8b\x1f3\xa4\x8b`}\xdc\x9d\xf98\n\x0cbu\xf3\xec\xe8a'</t>
  </si>
  <si>
    <t>b'\xc8\xfd\xc8\x1f\xe6\xffL\x9c\xb4B\xf6\xb2\x8f{c&amp;\xe5&gt;vL\xa0\xc8\x14\xc3\xfe\xe96\x9c\xb0#\x06\xe3'</t>
  </si>
  <si>
    <t>b';\xaf\xc3\xf0:\xe7{\xe7\xc7\xf2\x86\xe1\x8f\x83(T\xebkz\xe7\xec\xf0\xfe\xea\xf49E\xb4a\xfa\x83\x98'</t>
  </si>
  <si>
    <t>b'\x86\xfd\xa4\xfa\xdf\x8f\xfdq\xc6\xfd\x12a\xed\x0c\x13\xd3e\xc1\x9fz\x14\xc6\xf64mhz\x1eYo\t\xdc'</t>
  </si>
  <si>
    <t>b'\xe75/\xaeFi\xe7\x99{ew\xed\xb9Y\xca0\x94k\t\xbc\x15iN+?n\x19\x05\xb1\x97q"'</t>
  </si>
  <si>
    <t>b'\xd2\xd8\xb0g\x82cM\xdc\xf1\x82\xe3\x98\x016\x1ce"\xe7\xec\xb6\x1f\x84\x83\x96\xd2)\\T\x07\x86\' '</t>
  </si>
  <si>
    <t>b'K *\x11\xe3&lt;\xc4O\xc8\xcb\x00\xe2\x0fY\xb8\xeb\xb7\xbc\x04\xe8q\x8c` \xddW\xfd\xf6\xfaI2\x80'</t>
  </si>
  <si>
    <t>b'\xbd2Wp\xb0\t\x8c\xfff5\xca\xf9{\x81\x02\x13$Oc\xfb7:\x99r\xf9\xcd=\xba\x8eF^d'</t>
  </si>
  <si>
    <t>b'\x07\xc1%\x0e8\xbf\x85\x9fE\r7W\ru\x11M\xff\x8al\xe8\x84G\xe2jI`\xa2\xc62k%\x04'</t>
  </si>
  <si>
    <t>b"\x95\xebL\xcdC\x1f1\x1e\xbd\x998\x8e\xbd?/\xd9\x0f\xcb&lt;\xe7\x98Z\x95'%\x11$k\x9fA_\x13"</t>
  </si>
  <si>
    <t>b',\x1f\x0e\xa8S\xe8f+\x1d\xadj$S\xf13&amp;iJ\x15\xd4\x19\xa2\xe9\xa3]\xf2\xd8\xfb\x93\xc1\xf41'</t>
  </si>
  <si>
    <t>b'\x83g0\xb3-J\x8c\xf9\x82\x0bJ\x7fP\x93\x02\xd4\xe8\xd9b\xbb8\x95j+\xe3\xa9\x81\xb9\x1d\x1a\xffu'</t>
  </si>
  <si>
    <t>b'\xa8IbG2\xc4\x10+\xc8\x90\xe0\xd3\xf6.\x19\xd0]\x92&lt;\xa9\xa7#\x11!_\xbe\xd5Q\x06$\xfb@'</t>
  </si>
  <si>
    <t>b'\xce/\x93$[x]\x87\xbe\xf7~\xed\xa4\xe6\x1e\x00-k;E\x81~\xb7\xdc\x85A/\xd0\xe1\xab8r'</t>
  </si>
  <si>
    <t>b'\xe0\x97}d\xce\xdf\xcf\xe3\x85\xf4pka\xa9\x85?K\xd8\x02H\xc7\x89\t`\x9fO\xb4\x94\xa3\xf5r\xd9'</t>
  </si>
  <si>
    <t>b'\xfb\xc3\x1a,\x84\xb8e\xbc(~\xc0\xc0\xab\xe6\x95\x86e\tj\xd4\x96\xcb\xf8\x90\xe5Z#\x9f\xc2\xc5\xb9\xdc'</t>
  </si>
  <si>
    <t>b'\xf3_\x1a\x88_\xf1\xactw\x1d\xa4\x1c{\xc3gDk\x01tbP\x89\xcf@{G(\xa4&gt;\xdc!\xa5'</t>
  </si>
  <si>
    <t>b'\x1e6\xfdu\xeb\x89\x89/"\xcc\xe3\x12\\Rt\xdf\xb6tL\xfc\x15\xf9\xd92^\x1a\xc7}\xde&amp;\xd6\x7f'</t>
  </si>
  <si>
    <t>b'\x03z\xdaN%\x13G&lt;Uy\x91\x1cP\x1d\xfaoa\xf6\xbb\xbf~\xe5I\x8cJ\x92\xc8`Uc\xda\xd4'</t>
  </si>
  <si>
    <t>b'\x8a-\x9e\x9cF\xc2\x9a\x04\x1e\x02\x94\x0c\xcf\xd0H\xe4E\xaf)\x1cB*\xde z\xa9\xa7@\x08\xd6\x8e\x14'</t>
  </si>
  <si>
    <t>b'\x9b\x96\x16\xf8\x9b_\x90\x1e\x0et\x8c\xb5"\xd0M\x18\xfa\xa6\xb4_\xd4\xb2\x1d\x98{&lt;Y\xbb E\xb5V'</t>
  </si>
  <si>
    <t>b'n\x1b\x18\xe7\xd0\xa6\xb7qL\xbbs\xd7&gt;\xbd\xb5\xdf\xc12{\x9c\x0c\x03\x7fu9\xa3\xf6M\xb9\x98\x16\xb7'</t>
  </si>
  <si>
    <t>b'GrgvD&amp;,\xe8\x15a\xe0\xf3\x08-\xd8"H\x7fA\xd8&gt;h{\x9cb\xca\x17\xd8\xa7)_3'</t>
  </si>
  <si>
    <t>b'%\xd0\xfb\xda\\#\x12\x9c\xb5\xd8i&gt;\x1f\xa5\x9f\xe0!\xaab\x8ad!\x08D\x0ce\xd2\\\xa5\xfa#]'</t>
  </si>
  <si>
    <t>b'\xbf\x1d\xcf\xf8u\xc0\xfa&gt;=\xb6\xa5\xbaFN\x17\xd0r\x15\xf8\x05\xa3\xb5\xee"\xc4DD\xd0\x85Z\xac('</t>
  </si>
  <si>
    <t>b'\xd9\\\x156\x07\xa4S\xcfx\xca\x8e\xc5\xbe\xae\xfa\xd7\x89\xb6a\xaa\x18\xefxdN\xb7U\x04\x18\xc8\xf4\xce'</t>
  </si>
  <si>
    <t>b'f\xd5M\xdbi\xd5\x89\x16&amp;y\xda\xab\xa3}H\xbb\xbf^\x1a\x1e9rB\xde\xc5h\x89\x08p&lt;\xce\x1f'</t>
  </si>
  <si>
    <t>b'\xc77P\x84\x8b\x99\xa2\xd8s\xa8S\t,\x11\xdeY\xda\xc8\xd6\xbcK\x06\xc2%\x89n\x9cKCj\x1a\xae'</t>
  </si>
  <si>
    <t>b'\x92\xda\xc6M`K\x07\x14\xda\x9c\xb9\x0bK\xe8\xd8sk.\xd7Q\xe5\xdd\x9a\x99^3L)\x1e\xe1\xde\x9b'</t>
  </si>
  <si>
    <t>b'\x994\xa0l\xf4\x01\x90\x08\x98\x83\xfeH7\x9c\xf7z\xf9\x9d\x07\xdd\xb6S%D\xdfnD\\\xc6\x9c\xab$'</t>
  </si>
  <si>
    <t>b'\xea\x05\x8e\x0c\x88\x8f[b\xd11\xa8\xfd\x17M\xff;\x00\xe0\xf5\xf5\x92\xb4\x17\xda\x19+\x82\x0e1s?Y'</t>
  </si>
  <si>
    <t>b'l\xf1\xe6cm\xacV\x9e\xbe\xb8^W\xce^\xbdz\xa7\xdc\x00\xd9\xdah\x0cH\xcb\xb9\x16]\x06V\x9f3'</t>
  </si>
  <si>
    <t>b'\x1a\r\xd1\xfb\x17\x02L\xc0:\x99\x9f\xf3\x93\xa7\xbb\xc3\xcdp\xbe\x93P{\x18s\xbd\x98Yr\xeb2\x0e\x9f'</t>
  </si>
  <si>
    <t>b'\xa0\xe6\xaf\xeez#\xa8\xaa\xeb\xc6\x1b\xac)\xf9\x1aUN\x0c\xf3\x11\x0b\xe5\xfcL\xeb\xe1\x03\x0e\x05j\x92.'</t>
  </si>
  <si>
    <t>b'\x9cS\xd9\xbe ]Jh\xf6!k\xd0\xf4\x9b\xd9\x1bjdB\xc9u%\xff\x81\xba\xeaqA\xbepx&gt;'</t>
  </si>
  <si>
    <t>b'DUcm\xd5W\x11\x1e_\x00S\n|\x90\xf1\x16\x1f\x98Y\x8f\xdbJO\xc7\x15@\xfb&lt;\xb9\xba\xcf\xa1'</t>
  </si>
  <si>
    <t>b'\x1f$\xee+\xac\xe9H\n\xdc&lt;R=\xe2\t\xacT\xeb\xbdE_I142\x96\xed\xa5\x12k\x1dlh'</t>
  </si>
  <si>
    <t>b'|\x87\xa0\x8a\x03\x17\xd2\xec8t\xff\x91m\x01 H\xcd8\x82\xd7$\xd6&amp;TX\xe3\x8fP\x8dp\x87E'</t>
  </si>
  <si>
    <t>b'\x1f\x82y\xa2\x11\x14n\x83\x00\xec\x0e\x98\xe1\x06l&gt;\xb6\xeaPg,\xff~\xf6\xbc\x84\xba-\x17\xbf\x18\x1e'</t>
  </si>
  <si>
    <t>b"*\x08\xcd#g\xcf\x81\xc3~\x9c\xfe\xbb\xae\xe3\xd4B\xbeu\x0b\xfa\xe0\x04_\xa8n\xe3\xa4'\xfd\x08H*"</t>
  </si>
  <si>
    <t>b'\x97\x08\xc6K\x9b\x06\x0c\xc4\xad\x02\x02\xe5\xa7j&amp;1\xe1X=\x84\xcd\xb9\xaf3f\xb2\xc4`\xe9\x0e\xb5\x16'</t>
  </si>
  <si>
    <t>b'\xa3\xe2L\xff\xfbO\xb5_\xbfb\x0c\xf0Y\t\xf8w\xd3P4,G\xfe\xb0\xd7d\xb6\x0e\t\xae\xa2\x04f'</t>
  </si>
  <si>
    <t>b'0\xfe\x99\xf5\xe1\xb4[\x8f\xf7\xe7\xc4]Q\x02m\x1d\xcd\xf1\x7f\xce\x04\xfe\xa1\xeeAX@)s&lt;\xa3]'</t>
  </si>
  <si>
    <t>b'&lt;&amp;&lt;\xcfB\xbb\xe6\xc7\xa3\xeeX\x02p\xdd\x9b\x94x|D\xf2z.\xc6!\x81\x0e\x9c\xaa\x11\x14\t\x18'</t>
  </si>
  <si>
    <t>b'\x16"h\x99\x1c(Eny\xe9M\xd6m:\xc9A\xba\xe4\x91r\xfa0\xbb\xd9Y\x1a;RZ\xc8\x04\x83'</t>
  </si>
  <si>
    <t>b'?\x15\xb4\xa5\x17g\xe9\xfd\xc5\xd0\x84\x02+\x8d\x7f\xadFa\xcc\xddd\x05\xedv\xdf\xf8\x9bT\xba\x8b9;'</t>
  </si>
  <si>
    <t>b'\xa8\n\x01\x1e\x1b\xab\x92\x15\xfe\xa6e\x83l\x05\x8f\xaa\x86I\xab6\xc2\xf68r\xf1J\xb3&gt;\xe7/_7'</t>
  </si>
  <si>
    <t>b'\xe1\xfb\x06\xb7c\xeb\xd4\x07\xe7\xae@k\x8d\x9f\xb8\x80t\xe8\xbe:\xa1\x1f\xab\xac\xc7\xa7\x9f\x0c\x98M\xc6I'</t>
  </si>
  <si>
    <t>b'\xc0\x9a\xeb\xf5\x9dC\xf9\x01C\xfe^\xdc\x9dUms\n\xf28Z\x88M\x01\xce\xecd\xcdL\xb7\xab\xa3f'</t>
  </si>
  <si>
    <t>b'\xd5`\xd85C7\xec\x0b\xdcQ\xd6K\x9d){\xb7\x88\xfe\xd9\xfc\xfcro\xd8\x10D\x1b\x869\xc0C\x9f'</t>
  </si>
  <si>
    <t>b'*\xd5\x8f\xf9\xce\xf3;\x9c\xdd\xc9\xd0V\xdfk\x03\x9faVS\x0e\x15\xcfFs\x05o\xbaM\xb30\xd8\xbb'</t>
  </si>
  <si>
    <t>b"Tp\xf5\xb1 -\xe2\xfc\xfcEm&amp;\xb0V'\xf8\xd4\x8b\x16\x1a\xda\x97\xb1f-\xe6\x91\xb6p\x1e\xc9%"</t>
  </si>
  <si>
    <t>b'\xb6\x8e0\xc1n\xa3o\x93\xe6;\x87\xbc\xf6\xbeLT&amp;QL\xa6\x16K\xd3+\xfehU\xfec\xc3*T'</t>
  </si>
  <si>
    <t>b'\x1cj\xcf\x93\x81\xd1co\x01\xacq\x8d\xaf\x83\x97S\xfb\x1e\x80\xf2\x88\x81b\xe1]\xa7\xbf\x0c\xb6\xde\xf9s'</t>
  </si>
  <si>
    <t>b'\x9dBQ\xd7\xfc\xdeb[\xf4\x8cL\xfc\xf2C\xcdx\xdc+l\xf5{v\x14F\x16\x12\xed`2L\xdeS'</t>
  </si>
  <si>
    <t>b's\x1a\x91\x05ND\xe7\x8bY\xb2\x8c\x97\xce\xbe\xda\xcby\xb0\x87\xf6U\xf9\xa1Nk\xacH\xe9\xd9\xb6Th'</t>
  </si>
  <si>
    <t>b'\xbb\xfb\xdeb\xcf\xd3\xbcqR\xe9\xc0\xf9]\xb5\xcfd\njb$K\xa1\xb8G7O\t\xcb\xc0\xc3O\xae'</t>
  </si>
  <si>
    <t>b'\x85"\xec\xc5T#\xf7OcZ\xa8\x86\xf3X\xa8EU\xd2]\xc0\xa6h\xef\x7f\xa5t[\xbe\xa0\xb2\xb0\xb4'</t>
  </si>
  <si>
    <t>b'Au\xcf\x9cfM\xceun\xd0\xc9\xdbB\xb2\x92-\x82F\xbc7&amp;b\x15$\xe4\xab\xb3&amp;\\\xc7K\xd1'</t>
  </si>
  <si>
    <t>b'\x1f\x89\xdd\xc9o\x82\xe3\x00"M\x0b\xda_\xc6&amp;D\x7f\x7f]i4\xd6\xd0\xc5P\xbb\xbc\xb0upf&gt;'</t>
  </si>
  <si>
    <t>b'\xc9X\x89\x9f)\xd6,\xab\x82\xd9oo\xd8s\x95Z\xc2\x99p\xda2a\xd9\xb5\x9aX\t\xc2]\x87\x82\x84'</t>
  </si>
  <si>
    <t>b'\xcc\x08\xaa\xe9y*~\xdd\xb1`]E\xd4\xa4\xa7Y\r]A4\x8c\xae w\xeb\xca\xff\xd4\xedp\xb8S'</t>
  </si>
  <si>
    <t>b'\xb0\x98Ld\x1c\xbe\x040\x8c\xc3\x9e\x92\x8c\xf7\x82\xb4\xed\x03\xc2\x15x&lt;\xc7Hp5\xd2\x85\xcd\x86\xd96'</t>
  </si>
  <si>
    <t>b'h\xfc\xfe\xf6\x03\x81\xd1\x18\x10\xdc\xe3*x\xb9\x00\xd7\xb6P\xa7\xec[z\x0f\xab\xb9\xda\x14\xff\xf6\xfa\xd1\xf4'</t>
  </si>
  <si>
    <t>b'\xc3\xd9\xfe\xd6|A\x81c\x86|\x01\xb8\x15\xd5\xec\x8f2\x94y?s&gt;\xa2\xa1f\x92\xaa\xdd\xfa\n\xdc\x96'</t>
  </si>
  <si>
    <t>b'\xd4&lt;k\xa2\xbe\xc8t\xca\x07\xa7\xfc\xe9O\ru\xd4ln\xaa\x9fw\x1e\xca|7\xbf.\xbd"\xb3\x1bp'</t>
  </si>
  <si>
    <t>b"Bf'*\x8as\xb1Z\nK\xbe\xb1\xfdi\xc1W\x85\x18\xd9D\xe1H;\xc6X\xea\x82\xd8K&amp;t\x87"</t>
  </si>
  <si>
    <t>b'\xf1\xf1\x99y\x08\xce\x89;\x0b\x1d\xaav\xcbx{e\x9d)\xa3hRE9\xce\x10\x94\x8c\xfc%\xeb$\xd2'</t>
  </si>
  <si>
    <t>b'\xfc\x15\xc8b1\xc3=\xe9\xbc\xc8\x95(*-j\x84\x19\xcb\xc8EV\x80\r\x04\x04\xc1\xd6\t- B\xb4'</t>
  </si>
  <si>
    <t>b'g\x8aCdhQ\xc4A\x87!Q\xa1\xc1H\xdd\x19K\xf1~\x0f\x03\x1a&gt;\x13\x91\xa1\xc3\x14\x9bF\xd9p'</t>
  </si>
  <si>
    <t>b"rB'\x86\x83M\xd6 W=\xb4\x9e\x1d\nG\x96#\xaf)9Q\x13\xd2p\xc8\xd4,&gt;\x93\xaf\xf4\r"</t>
  </si>
  <si>
    <t>b"\x9fg\xc0Ur'r,\x1b\r\xdc\\\x18\xcb\xa6\x06d4\xd2 \x95\t&gt;|\x12\xb400\x8d(\x0cq"</t>
  </si>
  <si>
    <t>b'&amp;\x12\x17ME\xdfH\x81,\x92\xb8|\xe6\x93\xe8\xa5aQ\x9c\xa5\xb2E\x8f\xef\xe99\x85\xf9\xd9\xf5\xa2U'</t>
  </si>
  <si>
    <t>b'h\x0c\xf7J\xc6\xb5\x97b\x90\xa7\xafe\x82\x1a\x182\xe6$\xad\xe6Z\x85\xe00(\xfb\xf2\x12\x01\xf2\xc0\xa6'</t>
  </si>
  <si>
    <t>b'\xbcwm\tZ\x8b)\x99\xaa"\x96\x1c+\xfa\xc3.\x9f\xe4u\xce\x1a\xe0\x89)\xfb\xe4\xd8r\xf9\xfa\x8b\xa7'</t>
  </si>
  <si>
    <t>b'o\xe1\x07\xfa\x99\xf5\x1e[\xd9\x13\xcd\x95\xb0\r\xec\xf2K\tR\x17J^\xd7\x98\xdc7\x89\xc0(\x15\xf41'</t>
  </si>
  <si>
    <t>b'ie\x7fi.*gN]\xddW%\xa5\x9b*\xe6\x98\x89 \x03}\x81m\xce\x01\x1f\x92\xbd\x8a\xd0\xb4g'</t>
  </si>
  <si>
    <t>b'\xb9\x8a=\xf4\xbe~f\x07\xdaEX \x18a\xc4\xd1\xcb\xb7\xa5_X\x96=0\x0b\xc2\xc7\x13\xca9\xc2\x8e'</t>
  </si>
  <si>
    <t>b'\xc13\x82\xe1\x0cx\x0c\xd8\xc4\xca\xb3\xb3\xd7\x8fPG\xab1\xed\x0cp\x82\x0c\xebNd\x0e\xf4\x1d\xe7\x8dr'</t>
  </si>
  <si>
    <t>b'\xc7/\x14\x85\x12d[\xf9\x01\x17o\xc9@\r\x1b8\xfd\x15Ff&amp;\x80\xdd\xee&lt;\x1b2h\x19\xba1\x84'</t>
  </si>
  <si>
    <t>b'\xcc\xd0\xfa\tS\xc6A\xa3\xbb\x1e\xc9*"\xe2\x0b\x9b\xef\x97uf)\x90\xf1,&amp;\r\x12\xa1\xbbB{\xda'</t>
  </si>
  <si>
    <t>b'\xd6\xb8\x04\x87~\xa07x\xb5l\xa7#\x9d\x80\x8blZylKs\xa3\xebv\x15\xa77\x92\x8f\xcf&lt;\x81'</t>
  </si>
  <si>
    <t>b'!\xa6O}d\x07K\xc6\xc7\x11\x84@\x85\x1e\xccF\x07\x1e\xd5\xaa\xe4\xa2^\xfa\xe8v\x8b\xca{\x84\xdb@'</t>
  </si>
  <si>
    <t>b'\x81\x93\xe2:n\x8da\x1f"f\xb6d\x9bY\x98\x1a\xa7au\x85D\tdC\xa8\xcdbq\x1b\xab\xa3D'</t>
  </si>
  <si>
    <t>b"\xc3\xceQ\xa7\x81\xb0\xe2\xddO\x82\x8aSn\xc1\xc5\x00\xa59\xf1Xi\xa7\x8f\x02\xcb\xfd\x80N'6\xe0]"</t>
  </si>
  <si>
    <t>b'#\xb7h\xd7S\xc3\xe3\xc0\x1c\xe1\xb1o\x02\xc6e\x9f\xd5\x0f\x9b\x13\x18jT\x11\xbf\x83A\x12\x82\xe26\x0f'</t>
  </si>
  <si>
    <t>b'7\xbf\xf4\x99A\x82\xab\x1a\x8c\x8br\x17\x06\xf9\x9bD\x1dB\x9b\xd1g\x1d\xbf\xce\xc9\x8d\xe8\xc0\xe8\x89WC'</t>
  </si>
  <si>
    <t>b'\xe9\xb6d\xc5\x83B\xb5\xf3\xdcw\xdbJ\x86\xb3\xe8\x82=J\xeb\x17\xf22\x1dx\xdeP\x99[r/\xaeW'</t>
  </si>
  <si>
    <t>b'\xf4\t\x9bXp\x92K\x0bq#+\x85\xbe\x886\x17hu\xec\xac%\xf7|[k!q\x1a\xc8X=r'</t>
  </si>
  <si>
    <t>b'\x8b\xe5\xfd\x0f\x92\n\x8c\x10ZzZG\x11F\xbc\xc0\x96\x11\xdf[\xc9EPru\xa6;Q\xf5\xf0\xb1c'</t>
  </si>
  <si>
    <t>b"J2\x94\xb7[\xa8\x86m\x0e'9E\xab/U\x99\x17\xf8i\x0bq\xa6T^\x18L\xcd \xb3w\xf7e"</t>
  </si>
  <si>
    <t>b'\xfa\xc2`\xa2?\xe8l\xd6&amp;84\xa5\x05r4\x19\x8f\xb1\xa9G0jL\xc0^\xa9\x04}\xd7\xb2\x91\xa3'</t>
  </si>
  <si>
    <t>b'\x98\x91Ae/x\x1d?F\xde\x08q6cCB\xe2\t6\xb3\xf0\x03\x9b \x81q\xa0v\x1dm\xa6\x90'</t>
  </si>
  <si>
    <t>b'\xb1\xbf\xebX-\x16+\xef\xa6\xa9\x15\xf3\x9a\xc7\xd1\xa7\xb8\xc7\x14\x9do\x05\r\x95Y\x87\xb0as\x05\xab\xf9'</t>
  </si>
  <si>
    <t>b'\x08\x98\xd5\xef\x15\x11\xc7\xc8\x05\xce\xdc\xff^\x98\x00\x1d\xd3\xea\x1bM\x89e\xd7\xb3\xf4XR\xb7kk]\t'</t>
  </si>
  <si>
    <t>b'1\x01\x9b=\x0c\x84s\xae\x1b\xeeQ\xa0?\xb0\xb7\xdf\xb2c\x8aq\xddop\xf0\xf4\xad{\xb9d\n`S'</t>
  </si>
  <si>
    <t>b'G\x99K\x1enj\xce\x0cQ,\x00"\xa3\xe3$\xaflI\xd9L\xa7\x9e\x05bv\x8a\xcf&amp;\x97Wgz'</t>
  </si>
  <si>
    <t>b'\xc5\xc9\x8b\xa7]\xbd(a)\x01\xc99G\ro\xd1\xc06\xfc\x7f\xe7B;\x03\xfe_[\xcc\x94&lt;T\n'</t>
  </si>
  <si>
    <t>b' \xef\xb9\x01q\xc7l\x92&gt;\xc3v\x8a\x1br\xdf\xe4\xe0\xd9\x9a\x86x\xff\xc3\xa30\xc5\xbd\x83\xf6\x0crP'</t>
  </si>
  <si>
    <t>b'\x8e\x0c\x1aL\n\xa2j\xc1\xea\xdf8\xab\xbb\xcd\x89(|\x1f\xae\x07x\xf7\xe3\x01\x89)\x919\x14`\xc6\xf9'</t>
  </si>
  <si>
    <t>b'7\xb9\x98\x17\xc0\xf9\xb87Z\xcd\x83aj\x93j\x16\xa1\xc8\xc1n\xdf\x10xK\x8aLp7m&amp;P\xa0'</t>
  </si>
  <si>
    <t>b'\xe0u|c\x13\xb0\x11\x99\x85P\xfc\x11-\xa6\xd1\x9b\x969\x93\x01\x8a\x88\x13(\xd5QE\x93\xefO\xa7\xdc'</t>
  </si>
  <si>
    <t>b'\t\xe0\xd65WUo\xcd&amp;\xda\x12\x1boJ\xc9S~28&gt;\xf8\xc8\xc46\xe9C\xcaTK\xc1\xd6\xdd'</t>
  </si>
  <si>
    <t>b'\x89zww}\xf1$\x9cC\xc9\x94\x9a\x12\xdc\x11\x8ca^\xc3\x1e\xd2\xb5U\x11\xf6\tdv\xf6\xd0\x9b/'</t>
  </si>
  <si>
    <t>b"y'\xe6\xcc\xf8\x9e\xee\x1e\x85\xf2O\xbd4c\xc9P\xfe\x8e\x84/DL\xd5\xad/\xf9\xeeC\x04\xdf\x83*"</t>
  </si>
  <si>
    <t>b"]\xf0\xfe \x16\xca\xc8\xabT\xaa\xe5\xab7\xb5\xdb'\x91\xe7\x15_\xd5\xdb\xc1\xf6\xc8\xf0\xe1MXKCw"</t>
  </si>
  <si>
    <t>b'&lt;5\x94\xfa&lt;h\xfbM\x0f\xb1Z\x02\x87=\x7fY\xf6\xb1z\xaaK\x1c\xf7K%\\Q\x7f\x01(\xb3\xb9'</t>
  </si>
  <si>
    <t>b'3\xdc*\xa2\xf9\x19)\xc25\xae\x89\x12\x1e\x1f\x11\xc0\xa7\xe7$\xca\x8aTZM`\xf9\x03\x18zl3p'</t>
  </si>
  <si>
    <t>b"r\xc5'\x1b\xcd\xd7\xb2^\x0b+\xc9u\x17\x1a+_\xcc\x96\x18S\xdd\xb2r\x05m\xd2\xe2\xdd\xbc\xe7\xb8+"</t>
  </si>
  <si>
    <t>b'\x96\xcf\xd1)\x03\x10\xcd"\xfeF\xa2z\xd3R\xc3\xd4\x1c~\xd7\xacz\xd8w\xe8\x98\xeef\x1c.s\xdb\xca'</t>
  </si>
  <si>
    <t>b'\xb3\x87\xe4\x07OQ\x15\x15\x18\x1e\x99\xa7\x17\x18\x16mo1\xde\xd0\xa1\xb2xi\xd1\t\x8b\xb8\x97\x1er\x92'</t>
  </si>
  <si>
    <t>b'\xed\x05\xb0\xa2Gb\xc3\x16nc\xec^\x95v\x07\xa7\xd8;\xf3=\xcc\xaf\x92\x81\xf8\x86~\xb4\x8cq6\xba'</t>
  </si>
  <si>
    <t>b'|R)P!ib}\xb8\x9cG\xf2&gt;\xba\x83\x1e7\x90c\x9c\xc3\xfdn\xf0\xe4\xd5\xa1\x981\xd6\x17_'</t>
  </si>
  <si>
    <t>b'&lt;\xe6\xd3\x8f\x8d\xacB\xe7\xb7M\xc6\xf5r^\r\xd4\xad!\xb7\xe17\x8c\x99b\x1bv^\xf1f\xd7\xa0_'</t>
  </si>
  <si>
    <t>b'\x809_\x99\x0e2\xb0\xa4\xcf\xf1B\xb8\xa7\xe1c\xacV[\x86\xc0\x02@\xe0\xcc\xfd\xbe\xff\\\xee\xfd\xc2n'</t>
  </si>
  <si>
    <t>b'\xb7&gt;\xc0\xec\x7fB\x81I\xd2?\xe8{\xa8S]K\xa50k\xcd6\xb8\xf8\xd8/\xf1j\xed\x9c\xe4\xec\xd7'</t>
  </si>
  <si>
    <t>b'\x9d/|\xa3\xb8\xf0\xfc\xb2G1/gQ\xd0\x8f~_!K\x9frG\x04\xf3\x01q\x0b7\x83\x9b\xe8\x14'</t>
  </si>
  <si>
    <t>b'\x8d\xa6\xbc\x9cOY\xe0&amp;\xcc5\xe5\xbaT!\xe5\x1a\x97\x13A?\xddQe\xec\xb9\x07\x8f\xe8\xc3\x18 \x9a'</t>
  </si>
  <si>
    <t>b'C\x8b\xdclr5\xf2\xc3\x15a\x04\x96\x94\x99\xfc\x12\x9a\x94~_4\x91iy\x97\xc7\x87\x82z\x1e7\xba'</t>
  </si>
  <si>
    <t>b'\xc2\xea\xf1\xe3D\x95\xc1\xb3Mq\x1a\xf2}v\x80?\xc7\xbf\xb4\x02\xeb\xbe\xac\xd3\xb8\x83\xfc\x9a0\xbf\xfei'</t>
  </si>
  <si>
    <t>b"x\xa9X_\xaa\x8e0\x19\xdfq'\xfco\xc2Z\xc9\x05\xb3\x85\x10\x18#\xcd\x046\x11g])\x07b\x90"</t>
  </si>
  <si>
    <t>b'\xf6\x92y[\xc9S\x96uK-I\xd6\x7f\x12/\xbe\xbe\x8eh~5\x86\xb1E\\\xef?\xb4,:\xc9\x1e'</t>
  </si>
  <si>
    <t>b'\xa0\xd3\xeaL\x9e9\xa2\xd2m\xc99\x85\x03e\x8eig\xbd\x1ey=\x83\xda\xf9)\x83\xdb\xb2\xdd\x8cy\xd4'</t>
  </si>
  <si>
    <t>b'\xc7\x04A&gt;#j[\xbe\xdcx\xb6\x900U\x17\x03[\xdc\xe6"\x03\x97.}\xea\xeb5\x13\x7f\xd8\x17J'</t>
  </si>
  <si>
    <t>b';9\xfb\x80}\xc7@$\xd1\x11\x84\x1e\x92\x9c\xeb\xa0G\x04A\xddg59\x83\xf6x\xb9L\x8a\xdav\x8a'</t>
  </si>
  <si>
    <t>b'\xeb\xefJ\xfd\xaf\x81\xca\xb7\xc8\xf8\x12n\xa3/\xc0\xc6\xd1\xae\x14y\x187\x92B\x011_\xdc\xe1\x84Rx'</t>
  </si>
  <si>
    <t>b'\xa8"\xd6Q\xd3%\xe3\x06s tE\x10\xc0.cb\x0bA\x89\x10F:[\x10\xf99\x0eZg-\xd4'</t>
  </si>
  <si>
    <t>b'\x85\x08\x87mc\xbfHh\x14\x1e\xef\x8c\x8c)\x83z,\xf9\xcd\x18\x11\x18i\x1b\xdd\x11\t&lt; h\xa8S'</t>
  </si>
  <si>
    <t>b'\xf3Yd\x92\x17\xcb\xc6\x80=\x0e\xdb^9%\xac\xe8\x8bm\x05l\xbd\xd2\x85\x8b\x17\x13\xc2\xf9\r\xb3g='</t>
  </si>
  <si>
    <t>b'\xfd\xd4.\xb6\xfbNk3(\xa06\x16\xe7\x92\xa3\x12\x88\xbc\xb0C\xac\x7f\xa5\xfe\xef\xbd\xd7\xcc\x99\xa0x\xb9'</t>
  </si>
  <si>
    <t>b'\x08\x82\x1fy\xcf`T?\xc2\x91\xfc\x8b8\xcb\xf0$\xc6#\xcd\xc9G\xa34\x19\xe0\xa4\x18\xa6\xbf\x0c\x91\xbe'</t>
  </si>
  <si>
    <t>b'\x0c\x80\xd3\xbd\x83o\x94J\xa1\x8c\xb5d\xab\xbf\x0f\xf2\x95.0\xe5\x8e\xf3wA\x1e\x14\x82\xb4Z\xb1\x00!'</t>
  </si>
  <si>
    <t>b'\xc9\x12\xf3\x0f\xbb\xa6\xc3\x11P\xd6h\xbb\x8a\x0e\x0c\xba\xd1E!\xb7\x8a\xce\xc1w\x12\x9a\xbd\xeb&amp;\xe8\xc5\xa1'</t>
  </si>
  <si>
    <t>b" \xce\x8e\x11\x95\x8b\xe1\x04\xf9\x18\xd2%0B4\x04\xe7\x1b(\x87\xa4\x03K\xa8f\xf3\xc4'co\x1fk"</t>
  </si>
  <si>
    <t>b"\xa0\xc5\xdb'\xdf\x12\xf9\x94%\x90tu0\xe5\xe8\x99\xe9\x01 \x00\x8f[\xb2\xa0\x99\xc2a\x13\xaa\xce\xfa\t"</t>
  </si>
  <si>
    <t>b'\xfe( \xcb\x14\x9a\xd4\x89^\x84(\x17h\xd2\xa1N\t\xa1\x15\xdd\xa6)\x0f\xc7\xd7\xe6{\xcf=\xbd\xd7&lt;'</t>
  </si>
  <si>
    <t>b'\xda\x07V\xffzb\xcc\xf55\xd8\x1f;&amp;\xbfg\xfah\x98F_bW\x7f\xe3\x02\xab\xc3\xee\xd9\xf7!*'</t>
  </si>
  <si>
    <t>b'\x94\xd1\xcb\x03%d"\x9d\x96\x9d\xfep#\xef\x04\xfd\x9e\x8e\x9b\x0b\x0cB\xdb\xb9\xec9`l\xe5\xb53&amp;'</t>
  </si>
  <si>
    <t>b'7\x18\x0b,\x10\xad\xd2Y\x1f\xc5r\x8b\x95\xee\xbeG\x0f\x0b"\xd2k\xd7:?\xef\x87\x9f\n \x9d,\xa6'</t>
  </si>
  <si>
    <t>b'\x95\xba\xae\x94&lt;q\x94y\x1f\x96\xdb\xf7w\x12\xde:Zo\xbe! \x90x\x84\xd77\xd6\xe0P\x80#('</t>
  </si>
  <si>
    <t>b'\tsrme\xecg\xf1B\x87x\x92e\x13K\x8d:\x87\xaf}\n\x8c1\xb7O7\xae\x06v\x1f!g'</t>
  </si>
  <si>
    <t>b'Tm\xb0\x8f\xb6d\xab)^\x07\xa7\xc5c\x9a\xbf\x91A\\{,\x0b\xa9\x0b\r\xb9\xef-|\x14\x1c\xces'</t>
  </si>
  <si>
    <t>b'\xa8\x02\xc3\x82\xa8\xdf#1\xdf\xbdD\x19C\xf8\xb5\xac\xbe\xbc\x15fGC\x8d\xfe\xcdaP\x9e\xd8x\xf8\x1c'</t>
  </si>
  <si>
    <t>b'\x8d\xeb\xa2\x8a\xca\xd0\x13d\xa3&amp;F&lt;\xf3\xa4\xd5?\x05pf\x9c\xac\x98C\xf8\x804K\x07\xeb&gt;^\xcc'</t>
  </si>
  <si>
    <t>b'u\x9e\xba\xde\xb6\xbd\xc1\xc4\xff b\xbc\xc1,\xa4\x05\xf4CdB\xdce\x83\x01\xde\xadX\x07\xd5\xbda\x03'</t>
  </si>
  <si>
    <t>b"\x00\xdf\x98\xcdU\x92x\x83\x0c\x9cX\x91(\x9d\xcc\xa2\xfd/'\x1f\xf5\x15n\xc6t\xde\rv\x9f\x8a.\xd9"</t>
  </si>
  <si>
    <t>b'\xa3\xb9\x95T\xc9\x873Z\x0eX\xf1w\xa1\\O\xbe\x8a*(\xaf\x98\x7f#\x01ru^\x7f\x1d\x19\x06/'</t>
  </si>
  <si>
    <t>b'\x0c\xbaa\xd3/\xa5\xdd\x9a\nj\xf6\x99\x01\x1ev\x988l\xb7\xb2\t \xac\xad\x8c\x0e#\x9c\x8ev\x9b\x1a'</t>
  </si>
  <si>
    <t>b"\xa7a`~\x01\x98\x98\xc4^k\xa2O\x06\xe0!\x083\x86\xcehj\\*\xe9'\x9bn\xf4^\xf4\xe8P"</t>
  </si>
  <si>
    <t>b'BCt\xadwP\x90Fju:\x03\xf5\xf5A\xf8\x1a!\x95\xd3\xdeyx\r3\xf4\xd7i\xc3\xd7\xde\xc1'</t>
  </si>
  <si>
    <t>b'\x15&lt;\xfb\x0f\xeb\x16\xdd\xe7\xd7\xb0\xcc\xdd\xf8\x01jd\x8b\x88Y\x8eV\xe9\x89kY\x15\xde\xf2\xb3\xdf\x1by'</t>
  </si>
  <si>
    <t>b'\xeb\xfb\xd2\xda+\xa6R\x80\xf1W\xc4/EIwO\xb0l\xe8\x93-.\x810\xae\xb8I\xbd\xdf\x8d{\x91'</t>
  </si>
  <si>
    <t>b'\xdc\x85[\xf3"\r(\x05\x15?R\x0c!\x19e\xb3\xd6\xb8g\x87\xc2\x91o\xa2v\xc7\x81\xb6J\x96\xec\xfc'</t>
  </si>
  <si>
    <t>b'p\xf8n\x86\xf8\x9db\xf32\x9a\xa0\xbaa\xf0\xea\xf4\xc0\xa5GH\xfd\xe9\xed\xc4\x13gl\xbe\xcc\x8b\xb7\xe5'</t>
  </si>
  <si>
    <t>b'\x8d\xe6~\x8f\x13\xc4\xd4S\x90\x86O\xed\xb4\xac\xaf\x9b|b\xc6\xf8\xe8\x86k\xb6,\x02C[lU\xbf#'</t>
  </si>
  <si>
    <t>b'XF\xf0"\x97\xd2\xf5\xb7\x839\xc9%p\x1c\x11\xd4L*\x0b0n\x8d\xc83\xb4,l\xc0v\xe5\x1c\xb2'</t>
  </si>
  <si>
    <t>b'n\x06q\x925\xfcV\xf9O\x82gq\x9c\xc3%h\xa3m\xfce\xee\xd8\x80\xbe\x9e\xd2\xdf\x14g\x87\xc2\xe6'</t>
  </si>
  <si>
    <t>b"\x1b\xc3\xd9\xfc\xf1\xce\x18\xb0gV\x89\x1cce\x0e\x1a;\xc1\x0bR\xff\xa6\x1b\xab~\xf4\xb8'n\xba[\xac"</t>
  </si>
  <si>
    <t>b'\x98\xd1\x1aj\x93+\x0f\xbd\xa9A\xef\xa3\xc6g\x08\r\xec;\xf2\xa3\x99\xde\xa9\xe3\xf8\x87\x16\xc9X\xe91\xe1'</t>
  </si>
  <si>
    <t>b'\x18\x16\x88\ngu48\xa5v\xd2%\xf3\\\xf1\xaf\xa7bB\xa6S\xea\x8b\x9e\xa6b6\x82z\xd3P\x87'</t>
  </si>
  <si>
    <t>b'\xc0\x18U\xbeF&amp;\xf7\xcdi5\xbah\xf9\x042&amp;HO=\x17\x87Hs\xfd\xadf\xba\x9d\xa7\x8a\xf2\xf2'</t>
  </si>
  <si>
    <t>b'm\x862"\x94\x9c\x17\xf6\xafFh\x80\x01&lt;\n\x9ci\xb3f\x80\xc8iuAg\xf1C\xe6F#j\xb0'</t>
  </si>
  <si>
    <t>b'\x0f-L\xef\xe4\xe7X~8_L=\xc6\x0b\xf0*\xcdw#\x80*y\xac\xf6\x10\x96$\xa0q\xafeM'</t>
  </si>
  <si>
    <t>b"\xd9D\x06\xd9\x82'\xc7\x94|\x7f\xdfIv\xb1X\x18\xa8\n\xf9 \xbbz\x81ab|\x10\xb3\x0e|(_"</t>
  </si>
  <si>
    <t>b"(I\x99\x8c\xa4\x92\x87'\x1f0m\xc7\xc0Ti\x1b\xe3\x8a1\x00\xeaL\xc3$\t\xc0\t*\xd1\x16an"</t>
  </si>
  <si>
    <t>b'\xbd\x15\x82\xde\xe6-\xec\xac\xe9r\xba\xfedu$\xcfW\xf8Nf\xb4\x9flP\xbab\x9c\x93\xcf\x9b\x95\x91'</t>
  </si>
  <si>
    <t>b'\xcf\xf4\xfa\x99\xe3k\xb87\xb1lG\x91\xc3g\x8c\x86R\x8a\xc4=\xc6\xd29r=\x0e\xa8\xd7\xd2\xf6\xfd\xc1'</t>
  </si>
  <si>
    <t>b'\x1aI\ty3\xfb\xc17I\x8a\xce\xa1\xc6\xc5k\x98\xf0fL\xfc\xfc\x91i\xa5\xcf\x97&amp;x\xbb\xa5H\x15'</t>
  </si>
  <si>
    <t>b'S\xdb\xcf\xfa\x83:d\xaa\xdb\xd2\x1c\xa3\xfe\xd8\xa7i\xdb\x88\xe5\xfc~\xdd\x0e2\xb4\x867\x91\x868a}'</t>
  </si>
  <si>
    <t>b'\x1a\x1c\x0e\xbd\x04\xb24\x8f\\L\x82TT\x14f\xba\xe9\xe0h\x186\x95\xb4\xc4 \xa1\xe7\xee\x1a\xb9\xaaz'</t>
  </si>
  <si>
    <t>b'!f\xed\xb9\xdb:^\xec\xb4\x18\x1e\x86J\x0e\x07A\x83\x8a\x05\x98_\x89\x93\x81m]a\x94\xae\xa5h\xa2'</t>
  </si>
  <si>
    <t>b'5\x07\xa5\xc9]_\x1e\x1d\xeb\x14\xf3\xf3%&lt;=\x8c}\x0e\x8aq\x0b\xd75\x10v8\x16\xdf\xe5M\x08L'</t>
  </si>
  <si>
    <t>b'\xba\x1b\xc1\xee/\x0b91&lt;\xb4\xdc(s-\x1d\xeb\xa8\xa1\xbf\x82D\x8d}7On\xf1\x03\xc5\xf7\x8c-'</t>
  </si>
  <si>
    <t>b'\x81\xdci\xf2\xd9\rU\xfb\x06\x04h\xb7h]p/w\xa4^&lt;\x9d\xc8\x8d\\\xa2(\xf1\xc0\x16\x95\x90\x16'</t>
  </si>
  <si>
    <t>b'\xbf\xd3\xdc\x05\xff\xdfr8\xd4z%\xd5t&amp;l\x16\xb29{\xdd2\xa1v\x12\xec\x0fL9a\xf7\xfd\n'</t>
  </si>
  <si>
    <t>b'\xd0\xf8`o\xa4\xf0B$\xcaF\x01!4T\x80U\xff\xd7\x9e)\x1e\x1f\x98\xbb\xb3\xdd6%\x91\x0eGe'</t>
  </si>
  <si>
    <t>b")\x96\xcfL\xe8\xff\x03V\x13p\x949#\xc3\xf7t\xab\xa2'zu\n\x9c\x1d\xf8w\xd6z\xe3\x85)\xc5"</t>
  </si>
  <si>
    <t>b'\xb0\x15\xef\xb8\t\x06\xb4\xaa\xf9uS:\xe1\xd1\xa3!\x18&gt;d\x8b\x05\xa9\xac\xa05\xfd.\xf2;.\xbc\x04'</t>
  </si>
  <si>
    <t>b'O\xfci\xe0\x9a\x1f-\xb8\xb2i@\xda\x08Z_\x94{q\xd4&lt;\xff\xbb&lt;\xaf=4\x86h\x16C\xa6K'</t>
  </si>
  <si>
    <t>b'\xee\x02\xec\xb1\x81lS\x80$s\x88\x90\xdaY,\xfbYx\x9a\xff\xe8P\x90\x16\xec={\xd1KTpn'</t>
  </si>
  <si>
    <t>b'\xfe\xa6n\xee\x80\xac\xab\xbb+K2\x02\x9b\x1d&amp;\x9f\x01\x9bf\x92J\xbff\x8d\x7f\xcaT\xafL\x8a\xb5\x1e'</t>
  </si>
  <si>
    <t>b'\xbb\xfd\xc0\xf8|\xb5\xbf\x94\xa7\x9b\xc4\x8e\x82(y\x9dI\x14\xebJmIH\x03{\xaaZX?\x1ej\x86'</t>
  </si>
  <si>
    <t>b'\x9d\x86ls~\xe0\x9f\xa1\xc3U\x14\xc4\x08\x85(\xe6j\x85Go\xf3\x13\xd4zR\xcf]_\x89\xe3\x83\x12'</t>
  </si>
  <si>
    <t>b'\x85p\x06\xadg\xd1\xe8\xeb\x9e\xe1\xf6A\xe0\x0b\xd0Cb\x1e&gt;\xc3\xa5\xd3\x89m\xbb\xbbj\xa9.\xb9\x1f\x05'</t>
  </si>
  <si>
    <t>b'\x02\xfb3\xb9\xd76\x04\xbe\x9d\xc1\xb0\xf0\xe1\xb2\xb7\xe2l\x82\x05\xed\xfd\xeb\tREk\xe2\xc69\xf4\x80\x16'</t>
  </si>
  <si>
    <t>b'\xd9\xcc\xa7!\xf5o\x0c\xa4@RnZ\x9f\x7f@\xb7^\x8f\xef9 \x902W\xde\xfb\x861\x06\xd8\x88\xda'</t>
  </si>
  <si>
    <t>b'\xb3h\xed,\x83\xa2"\xca\xc6q\xd8\xb2JN^XY\x02[\xb5\x8a\xf2\xbe\xb9\xf0\x9d:\xa7V\xbd\xe6\xcd'</t>
  </si>
  <si>
    <t>b'\xf1\xa9,\xae\x7f\x1a\xb4\xe81\xcda#i\xc3B\xbb\xe6Hn\xe8\x8f\x07s4\x9c\xe8\x8cG\x81\x8a\xe2\x98'</t>
  </si>
  <si>
    <t>b"\x06'h\x12A\t0+\x1c\x05E\x12\xe1QE!\xe3iNh\xe3\x8brs*\x13\x9b\xfc\xd6)\xe0\xef"</t>
  </si>
  <si>
    <t>b"\xb8#tw}\xa6\xb5\xef\xb5-\xbb\xd9}\xcb'\x9aR\xa6\xb0\xfd\xbb\xf0\x90\x92\x9c\xb7\xf4w-\xf9[\xb5"</t>
  </si>
  <si>
    <t>b'\x87\x07E\xdf\xbb\xc8\x05\xb5\x1eY\'8/\n\xe5&gt;\x9b\xaaV\x94fC\x1c\xe4\x9a|"\x9d\x15\x87\x9eI'</t>
  </si>
  <si>
    <t>b'\xc7\xe32\xe5*F\x89\xa4n\xb9\x1e6B\xa1I\x7fk\xfeg\x92\xd8\xdb\x1f\x01G\xe5\xaeZ!\xd3\x18\\'</t>
  </si>
  <si>
    <t>b'\xaa\xff\xf5]s\x1b\xeb\xe0\x19.D\x1f\x13:bK\xa4\xfa~\xe4SE(\xda\x980\x87\x8abbNc'</t>
  </si>
  <si>
    <t>b'\xaf\x19("\xb0\x9c\xf1\xdde~\x90\x1f\x9eW\x91\x1f\xed\xe5\xfdD\x04\x0f+\xa1_\xe9\x9c\x88\x91\x9b\x93\x82'</t>
  </si>
  <si>
    <t>b'\xd3X\xf2\x87\xd3\x11\x05Lvj\x9bw$[\xde\xb8\x8aS\x1fs2u\x93:\x82\x8d]\x1e\xf4\x1e\x06\xd0'</t>
  </si>
  <si>
    <t>b'G9\xc2,\xce\xc4\x96"T\xdd\x1e\xb7o\xfd-\x03\xd6\x9a\x9b"b\x89r_~\xb7\xcf9\xc9&amp;\x90]'</t>
  </si>
  <si>
    <t>b'\xfb\x06\xf2\x99\xb30)o\xd0\x00D\n\x1f?!\xd4\x82?\x10\xff\x04\xb3\xa6A#u\x13\xc9\xcf-c\xc0'</t>
  </si>
  <si>
    <t>b'N\x80\xbd\x18\x03\x9f[\x8c\xa5\xb8\xca\xa2\x1f\xcf\xe3/\xa8\xdaf~Cj\x9c\xaf\x15\xa2\x93\xfe\xb7E\x13\xd0'</t>
  </si>
  <si>
    <t>b'\xc6n\xd2\xce\xcf\x1f\n\x0b\xa7\xe2\x08\xc1RL\x0b8\x11\x8b\xfb\xfe\xc4\xe0\x13-\xb3\x1e\xbf\xe2\x19n\x0f\xbe'</t>
  </si>
  <si>
    <t>b'\xea{\xb8Tl\xf1\xd0w\xee\xa7\xb2`\x93\xd0\xf8Js\xd6m\x1c]\xc3\xab\x1a\n\xbe\xc8[f\xa2\xc8\xcd'</t>
  </si>
  <si>
    <t>b'\r\x91\x90\xb5\x9f\xb5Z\x92`Qg\xe8l\xfa\x05i\x1d\xfb\x04FcB&gt;g\xa8\x0b\xb1\r\xf2i\xdd\xa5'</t>
  </si>
  <si>
    <t>b'I\xab\xc5\x8b\xd1\xe8_\xf8\x0fF\x9f\x81\xba*\xa8\x17\x97I\xf1\xac\x9c\xce\x14\x0c\xa0r\xc1\xe9g\xa2\xc2.'</t>
  </si>
  <si>
    <t>b'\x8c\x06HQ\x00\xec\xb2\xbd\xe1\xb7\xde\x96&amp;\x1c\x9e\x8bW\x99\xa3\x02B\x00\xcfr\xde\x19\xf0^\xb4\xf2Uc'</t>
  </si>
  <si>
    <t>b'&lt;\xeaV|\xab\x0e\xd9ov81xRdT\xedG\xb1\x1fR\xb0(\x80q\xcc:a\x8c!\xfd\xcaL'</t>
  </si>
  <si>
    <t>b'\x00\xa9\x04\xa6\xc0\x00\xaf5}\x85\x7f\xf2|Jr\xdf\\r\xb9,-1\x16k(\xfc\x82\xccgc\x06\xf6'</t>
  </si>
  <si>
    <t>b'T\xb1\xc6`rT2\x92\x8f\xbdz[(\x9fU\xf1\xea\xf5_\x17\xad\x8eK\x12\x88\xed6\xa8&gt;v\x87\xb0'</t>
  </si>
  <si>
    <t>b'|\xa5\xfb&amp;\xae\xc1\xc7\n\xec\x8b:^\xe5\xdd\xd1\xc1\x90\xc2\x1d.+#4\x88\x93j@\x85\xe1\x93\xeaF'</t>
  </si>
  <si>
    <t>b'\x16\xf9\xc6v\xf8\xd8\xad\x11X\x1c\xe3v\x0b\xb1\xb7o\x9c\n-\xe3\x11\xe4\xc2.\x91\x11\xcc\xda\xf2jd\xca'</t>
  </si>
  <si>
    <t>b'\x91D\xe6A\r.\x7f\xe0c\x85m\xcc\x10K\x00N)\xc9\xaf_l\xa4?y\xe7\xa7~\xce8D\xb5\xc4'</t>
  </si>
  <si>
    <t>b'\xfd\x88\x84UT\xaeD_\x867n\xd8\xde\x17\xd2\xc3,\xb8?Uf\xe3\x94\xf6\x12\xb6\xc7C\x08\xc9\xd5\n'</t>
  </si>
  <si>
    <t>b'\x90\x94v\xfea\xac\x82T\x82\x02x\tlm \xdf\xe3\x8c\xea\x0c;\x16E\xd7@\x15\xea}\xd0zXx'</t>
  </si>
  <si>
    <t>b'\xdd$\xa5,i`\xaa\x85!J\x96l\xbc_\xe3\x86\x8bZ\xb2\xe7\x86\xa9\xa5\xf1\x0c\xd3PY7\xf2\xc5s'</t>
  </si>
  <si>
    <t>b'T\xb8\x98\xbe\x85\x1a\xa8\x99A\xe0\xd2\xb6E\xf6\x19\xa6n\xa0\xda\xe6\x118\x91\x02\xafBm\n^I:\xc0'</t>
  </si>
  <si>
    <t>b'\x92\xfb\xa2e\x96\xaar\x92\x9cZp\xc8\x1cNIq\xa1I\x98\xa87\xdc\xb4\xac\x95|\x01\xbd(\xe6\xb8\xd4'</t>
  </si>
  <si>
    <t>b'\xe8\t\x01H\x01\xd0\x87\x0e\x8e\x9b\x01\x12x\x86c\xea\x85\x9dv Z\xea\xe5\xef=o\x040\x10\xe9\xf8\xe1'</t>
  </si>
  <si>
    <t>b'z\xc4C\xa3\xd1\x00\xa4"i\x15i\x85i]Cb\x8e)\xd8%\xdd\xd1p\x82\xf8E:q\xc8\xbe0\xfc'</t>
  </si>
  <si>
    <t>b'\x8ft&amp;\x0b\x97\x84bz\xd1\x17\xb6\xa7\xf4d\xda\xcb\x11=\xd2\xef\x13"S\xcb\x87\xcdD\x06\xc7\x16\xc7\x0b'</t>
  </si>
  <si>
    <t>b'0o\xf2\xa4\xc0Yns\x1b\x1b\xbeF\xa4hx\xac\x90J\xefZ\xae\x98\xf5\x84\x11\xd2\xd3\xfcF\x19\x9f\xe9'</t>
  </si>
  <si>
    <t>b't\xa5}-0@/2 I7\xe3\x15a.\x80\xe8+\x04Zg\xe2\xbeu(\xf1\xb9\xf7\xff\xdf\xd2\xdd'</t>
  </si>
  <si>
    <t>b'\x12\t\xde\x1d\xf4\x8e\xe5\x1fb&lt;&gt;\x01E\x8b\xb7\x02_\xd5r\x02\xea\xc7}(\xf3\xd4\xadN\x11\xb7I|'</t>
  </si>
  <si>
    <t>b'\xdb\x88L\xcf\x94\xd5\xa4^\x03\x95\x12\xea"\xc8,\xa0\x95v%\xef\xf7&lt;\x05\xbc\xfa\xac\x93\xe7\xcb%Hc'</t>
  </si>
  <si>
    <t>b'\x0c\x9c\x7f\xf3\x93\xa3\xcfv\n\x16\x9c\xe6\xc7\x8aF.\xee\xaeg\x86\x9aQn\xb9O\xc4\x11\x06\n\xca\x83\xfe'</t>
  </si>
  <si>
    <t>b'\xb6\x99gs\xbb\xb8\x9cz\x92\x8e\x85\xc9\x9d\xde\xaa\xfd}q\x84\xa5\xb5\xc4\xec\x15\x86;@i\xd7$\xde;'</t>
  </si>
  <si>
    <t>b'\xd9\xf4\xfb\xd9\tovH\x91\xe8\x96\x88a=\xf1y(\xe3\x8a,\x9e\x98\xe0\x90\xdd\xfc\xadp%%_\xf0'</t>
  </si>
  <si>
    <t>b"\x89\xf2\xa2v\xf4\xbe\xc4\xdb]\xd9\xddZ\x87\x13\xc2z\xa3\x94\xa917@\xf0\xa0'\xffy\xeb\x7f\x07\xaa\x8a"</t>
  </si>
  <si>
    <t>b'\x99\xcf\xb9\xde\xaa\xd8.\x02\x04%\x94*F\x18\xc0\xf0\xbd\x8bo\x87D\x9c\xca&lt;\xb8Z\xdc-\xcae\x1f\xdb'</t>
  </si>
  <si>
    <t>b'QU1\x93\x85\x1e\xc3\xa5\xe4\xfe%\x16Q\xd0\xe6\xa1\x14\x96G\xe3dA\x07\xa6\xa0a\xf9%\x15\xe1\xa9\xd1'</t>
  </si>
  <si>
    <t>b'Q&gt;\xe4\x00\x8e("\x0b\x08\xec\xa3\x16j\x9c\xbb\xe3\x94(C\xd8\xe8\xc8\xf5_&gt;N\xcb\xd5oacP'</t>
  </si>
  <si>
    <t>b'\xd7:c\xfeb\xcb\xe9\xe4^\xad\xc4m\xf9&amp;*,#h\xb6\x88\xf7`\xa2\x0bu\xc2\xffCO\x9e\x86i'</t>
  </si>
  <si>
    <t>b'\x8e:\xf4E\xba=\x10\xdfi\xa9\r\x99\x8b\xb60\x18\xf0\x99-\x83~\xd2)\x1d\x99R\x1f\x9cW\xf0\xd9\xb2'</t>
  </si>
  <si>
    <t>b'jsW\xb9P\x13\xed\xb2\x8c\xf9\xb8w\xfb\x19c\xc2\x8aLdF&lt;D\x1bM\xdb\x12X\xaf=P\xfb\x0f'</t>
  </si>
  <si>
    <t>b'\xd6\xe5\x06\x02\x14\xd1%\xb0_jq\x05\xday\x14/\xd5v\xb7\xfd\xb4\x9b\x8dQ7u;\x98\t\xd4v\xbf'</t>
  </si>
  <si>
    <t>b'LY\x94\xcd\xf5\xceM\xb3\x15\xd5C]@X\xb6\xbf\xea\xcbEU\xad9\xdc\x16\xfc1\x08\x92RERn'</t>
  </si>
  <si>
    <t>b'\xade\x0e\x84+\x9b\x908\xc5\xaag\x19\xc6\xa4&amp;\xcc\xfbt\xc3\x03F2"\xf1=*a\x02\xc6\xb3\xbe\r'</t>
  </si>
  <si>
    <t>b'*\xb4c(\xb8/\x05\x16\xb6\xc0J\x89V\xae\xd5e\xb5\xd7\x15\x0f!\xfc\xbdFc\xf0\x81\xf8\x83\xdb\x8b\xa1'</t>
  </si>
  <si>
    <t>b'\xe3\x14\x06\xfd\xe2\xb6(^`/\xe5\xfb\xc1\xbf\xb7DE\xb0\xce\xd0\r-\x86\xea\xf2\x90\xb4\x0f\x80\xd0\xf7\xf9'</t>
  </si>
  <si>
    <t>b'\x94H\x15\xcc\xf6\x9e\xb8\\\xa2\xf8M\xdb7\xd4{\xc4\x1a\xb3^\xb5\xf7\x992\xfe\xbe\x07\x16\x9a\x87\x1c\xbb\x95'</t>
  </si>
  <si>
    <t>b'\x03\x8e\x17\x0f\xe7\x9f\xbd\x99\xb82\xd4\x030\xce\x14t\xdfc\xf2\xee\xdb\xaa\xce\x03R6P\xdb\xa3=_\x08'</t>
  </si>
  <si>
    <t>b'\x8e\xd1\xe8\x07\xafC\xa1+\x16|\xb8X\x92\xf0\xc0\xad#\xa5\xcd\xa3?\r\xca\x1a\xcdN\xa9_\x82\xb6\x96R'</t>
  </si>
  <si>
    <t>b'\xd5\x91\xe4/8\x16\xbe\xe4\x90#\xc4g\xff\xf9\xafy^:\xd2&gt;cC\xa2\xf7\x8f\xe0\x8c/\xbf\xf0\xb6;'</t>
  </si>
  <si>
    <t>b'f\xa2F\xefH;\xc0\xba\xc3\x9b\xd0\x9f\xa4\xe1I\xe6{O\xd9\xdb\xc3\xb0\xb2\xb9\x8b\x9ba\xd3\x86\xee\x86f'</t>
  </si>
  <si>
    <t>b'\xfd\xb9\r3\xc0"\x08e@\x8b\x1a,\xb4\xea/{\xa9C\x9eCm61\xcc-3&lt;;R\x83\xa2\xe4'</t>
  </si>
  <si>
    <t>b'a\xef\xd4\x86L\xd6uB-Y\xaf\x02_\x0e\x92s\xf4\xf1\xb7\xe1;{sr%f\r\xe6\xa7\xe1\xday'</t>
  </si>
  <si>
    <t>b'\xde\xb2%\x80\x82RD/\x80\xa8j\x0e\xf1W\xd1\t\xf7e\xb6\xde\x8e\xad\xa6\x04\x83\xa3\x89\x05\x0b\x83\xe98'</t>
  </si>
  <si>
    <t>b'o\xba\xa94=\xe1\x19\xa9\xc6U\xce\xf5\xf2\xc5\x8a\xfb\xc4\xc0\xf73\xc9\xaf&amp;ba\x18\xce\xb9\xc3\xe6)H'</t>
  </si>
  <si>
    <t>b'M\xf5P\xec\xc6\x17}G\xdf8\xc6\x0c\x13H \xea\xfaW\xd1\xca7;\x89\xcd0\xe5\xdf}O\x05\xe5m'</t>
  </si>
  <si>
    <t>b'\x98;\xc7\xe0\x873W\xb1\x15B\x10\xa1~\xf9w\xeei\x04:\x91\x89\xfd\xf4\xe6\xf5|\x90\xd3\x97\xf4\x80\xba'</t>
  </si>
  <si>
    <t>b'nW\xbb\xdd{(\xf4\xed\xa5G9\x97Rq\xd4vg\xc7\x81\x05\x198{\xa2\xd7\x07\xa2L\xdf\x82\x18\xbd'</t>
  </si>
  <si>
    <t>b'\xe8\x8e\x91\xdd\x9cX\xe7\xab\xdd"`\x9b\x17G5&gt;\xeag\xb5\xec\x1d)e\xd3.\xfe\x04F\xe7!\x9f\x99'</t>
  </si>
  <si>
    <t>b'k\xd0\xa0\xa5\x01\xa62\xa4;gOB\xa1\x82t \x940\xd1\xfa9 \x08\x85\xffz\x83\x14\r\x19\xb3X'</t>
  </si>
  <si>
    <t>b'F\xbb\xc1\x19\xdf\x91Z4\xe6\x98\xa8\xcf\x1b\xc4\xd5\xc4\x93\x86:s\x97\xdd\x0b\xcc\x94\xea\x03j\r\xdd\\\xe9'</t>
  </si>
  <si>
    <t>b'\xe1\x96\xd4\x96M\x92\xf8V\xfc\xff!\x1cya\xa2\xc4,n\x12&lt;\xe2\xd4)\x9f\xdbX\x14C\x80%\xb1\x1e'</t>
  </si>
  <si>
    <t>b'\xbc\xe5%1y\xec\xc3\x13ZV\xd5x\x14\x87\xd8\x07q\xfab\xa3\x07A\x03=\xcf\xb1\x9b$N\xb9\xe3\xf7'</t>
  </si>
  <si>
    <t>b'LL\x80\xec\xdd\xb0c\xc6\xc3\xec?~\x9bYr\xd4\x8d8\xfe\x8d\x86\xb2\xf5A\xcb\xe1\xf1\xaf\xe7\x0c\xef\xdf'</t>
  </si>
  <si>
    <t>b'\x04\xce\x95\n\xa0b{\x0e\xe4\xa2\xe4\xf9Z5\x08&lt;\xbf\xceA\x8f\ri\xc8\x7f\xc2c\xcaJ\xfa\x96\xa8\xc2'</t>
  </si>
  <si>
    <t>b'\x85\x94\t\xef\xc7\xba\x08\xc4\n\x96\xddbO\xc2\xf8dR\x90\xc8\x8d\xd2mX\xd4\x9bO\xee\xed\x07\xa1c\x98'</t>
  </si>
  <si>
    <t>b'\t\xbb\x80\xb5\x8b;\r[M\xa0\xf8\ru9\x17XSV\xbc\xd6j&gt;\x92x\xf5\x81\xbce1\xfef\x91'</t>
  </si>
  <si>
    <t>b'b\xcd\xe1\x94\x8fL\x00\x96\xd4\xe9\xa7\x15\xff\x91\x19\xca\r\xcau&amp;\xb4y\x17\xf3\xf9\xe4\xa6|\xdd\xed\xdfu'</t>
  </si>
  <si>
    <t>b'\x98\x16\x03\xf9\xe5,\xfd\xd8\xd1\xf6\xd2\x89\xde\xa1\xa8k\x13\xca\xd6\x0b\xd8\x16L\x012q\x9b\x90\x9fMw\xfb'</t>
  </si>
  <si>
    <t>b'\xf8"\xe9\xff\xba\x1d\x8d\x8fk=\x16Pb\xb7\x12@A\x04\x1fO\xf3\x1b8\xff(\x0c\x1d\x88\xa2\xdf\xb6z'</t>
  </si>
  <si>
    <t>b'\xe8N\xe0\xb6\x16\xe8J\xf4\xe8\x1b:\xf8HJR\x04\xd8\xfe\x94\xba\xf4\xc6!\xaf\x89t\xdc\xbb9S;\x19'</t>
  </si>
  <si>
    <t>b'\xee\xae q6\x02\xdb&lt;\x9a\xbc8\xd5b\xde\x83\xf2\xad-\xb4\xbf\xfd\xeb\xe6\x7f\xd4\xd4-\xfb\x9aw\x0c\xc4'</t>
  </si>
  <si>
    <t>b'\x15\xd7\xa6\x84\r\xe3\xe5N\xa4\xd4g\xf2\x02\x9d\xce0\xf3\xe2\x83r\xd9\x0f\x80\x91\xf0\x99\xd8H\xd7\xbb2\xec'</t>
  </si>
  <si>
    <t>b'Y~)\xf7\xb7T\xba(+k\x8a&lt;P\x86`~jIH&amp;\xae\xa1\xfa\xd8Z\x8e\x89\x83\xdc\xe3\x97\xe9'</t>
  </si>
  <si>
    <t>b'!6\xfa\xdd\x99+\xf0\x03\xa7{\xedX\x03\xce\x1bMr\xee\xd1\x16-\xef,\xc2\xa4\xf5B*\x9fa%\x0c'</t>
  </si>
  <si>
    <t>b'`\x1a\x1cQ\xfaa\xd5\xd2&amp;D\x03\xdd\x9b\x016l\xc9\x06(t\xa4%Ccg5Q\xbc?B\xcb\xa1'</t>
  </si>
  <si>
    <t>b'\x9b%\xca\xb1(,[\x90g\xbf\xf5j\x81\xb4\x85\xf3\xda\n@\x91\x84\xa1\xb7u\xe3\xc9\xcb\x1b\xca\xd8\x98\xb7'</t>
  </si>
  <si>
    <t>b"\xf2\x85\t\xf5'\n\xcf\x94\xa9\x9c\xd50m\xdc\xa5k\xc2\x87\x04\xcd\x93\x80\xd1~\xe1l\xe5=\xc4\xd9\xe7\x16"</t>
  </si>
  <si>
    <t>b'\xd5\xd7\x14A\\\xe9\xe4\xbb\x10O\xfe6Ct W\xd1\xe3\x05\xec]\xfeZ%\x11\xab\xd8a\xe81\xc2\xfa'</t>
  </si>
  <si>
    <t>b'\xfe\xe1i\x19p[:\xa9\xa9\\5\xcd\x88/\xfe\x14\xa84\xe6\x98\xd5\n\x94m \x8a\xc9U\x173&lt;D'</t>
  </si>
  <si>
    <t>b's\x86\xdf&gt;K\xea\xe0\x9b)\x10\xe3\xfbt_\xa4&gt;\xc3M\xb9`$lz\x8f?+\xee\xb0\xee\x86\xf3V'</t>
  </si>
  <si>
    <t>b'\xe7\xbb\x02\x96f\x92jv\x11&gt;\x0f\xb5\xe4"\xb1\x02A+\xe5\x97\xcdy\xcaWp\x92\x0fOffh\xf4'</t>
  </si>
  <si>
    <t>b'6@\xcf\xee^\x1fJ\x7f`wT\xf0Q\xf7d\x04.\x14\xfbN\x81@\xfen\xa2\x8eF\xfe\xfef(\x8b'</t>
  </si>
  <si>
    <t>b'\xef%\xb2V(\xb7\x845\x89\xd8Z\x86\xafgU\xb8g\x9a\x0cnb\xc9f\xf6\xf1\x0c\t\xd1\xda\x92\x95\xc7'</t>
  </si>
  <si>
    <t>b'k\x16g\xc5\xb8\xfaf\xe1\x94*\x7f\xcf\x9c\xecL\xdf\x9f\xebs\xca\x9es\x94\xc1,\x8a}*\xe1\xcd\x16\xd4'</t>
  </si>
  <si>
    <t>b'}\xb9a\xf9\x92\xd5\x19C\x93\x84\xca\xe5\x1d\xc1G\xfaH!Q\xf9\x83"\xf9P&amp;W2\xfa\xc8 Nx'</t>
  </si>
  <si>
    <t>b'\xe7\x9aP\x1f\x80(b\x83\xcdFJ\x9c\xe4\x98N\x8eT\xb1M-`^\xb7z\x12\x03_\x8a\x86\x19r\xa1'</t>
  </si>
  <si>
    <t>b'L\x14\x8b\x95\xd0P\x82Y^(\xf4\x9ff\x01\xd4}\xcec\xa3\xa1\xeeZ\x17\xc0\xb4&amp;\x15\x1a\xd5\x11\x8c\xd5'</t>
  </si>
  <si>
    <t>b'\xaaU\x9fE_w\xf6\x11\xb9\x9anJd%\xd1\x0c\xf7\xd3\x17\x9b\x06\xa7/\xb8\x1ec\x93\xe6\x93d&lt;\xc4'</t>
  </si>
  <si>
    <t>b'\xbf\xe1\\\x12\x93\xcc^!;\xcf{-k\x90OA\xfb^\x19\xc7v\x18\xab\xb9\xfd\xd1\x8bS\xd1T\xb6J'</t>
  </si>
  <si>
    <t>b'\x1e\x01Q\x90\x19GK\x9cV}C\x9d\xeb\xd5D\xa1l\x06\xee&gt;jco\x04\xbe\xc9\xc1\x99\xed\xea:\xcf'</t>
  </si>
  <si>
    <t>b'b@hm\xa2\x85\x12x\x87!\xe5\xe0]\xc4\xd9E\xb5\xc4\xac4\x81\xd4\xe20\xea\x13r\x88\xaf\xab3\xef'</t>
  </si>
  <si>
    <t>b'\xaa\xdf9\xf3d\xcf\xc3g\xe0\x0f%\x95\xb1\x01,\\\x11\xdf\xd2G\x82\x85eg\xa4\xcc\x83\x12\xce\xd7\x1a,'</t>
  </si>
  <si>
    <t>b"\xf0\x04\x98?\xdd\xbbW\x7f\x0e\xa7\xe7'Q\x0c\xf3\xad\xb9\x89vMW\x9bEl\x07s*=\x88\x91\xef\x04"</t>
  </si>
  <si>
    <t>b"\x7f\x157o'5\xd46p\x8a\xd5\xdbcCu[\x92i2\xf4D\xe3HLh\xcd--\x15\x7f\xa0'"</t>
  </si>
  <si>
    <t>b',\x87\xac\xe3W\x1f\xf6\xc0z:\xcd\x94M\xfb\x1a,\xa8\n8T\xa3LB\n\xdb~\xae\xe8v\xe5\x81\xfc'</t>
  </si>
  <si>
    <t>b'\xd0\xb7$\x07w\x8c\xd0?\xd2\xfc\xfa\xe3\x11\x0bJ|\x92K\x84KRv\x90{\xe6\xd1\x7f\x8e\xe1\xcb\x14\x16'</t>
  </si>
  <si>
    <t>b'|7_\x89\xc6@4\x9d\x9f\xa4\x7f\xe4\xa3\x84\x9a\xad\xb1\xef1U\x8a3\x86\x1e\x01.\x08\xf4\xae\x80).'</t>
  </si>
  <si>
    <t>b'\xc6\xda\xd2\xb4\xebM\xa5\x90\x1f2*\xf1\x0b\xad\x13g\xb9F\xa7\xe4\x8c\xea\xeePg\x10\xe3\xd08p\xe7\xf3'</t>
  </si>
  <si>
    <t>b'T5\xea\x81TP\x8c\xa0e\xf7\x83\x01"\xe5\xb0\xba\x81iGp:\xa6\x85Y\xf7\xdcI@\x16\xce\xf7\xe5'</t>
  </si>
  <si>
    <t>b'Bjf\xd1\x89g3=X\x8fxM\xfbS\r\xdd@\xb9%-\n@\x9d\x8e\x95!&lt;\xe3Y\xcc\xf2\xf8'</t>
  </si>
  <si>
    <t>b'\xb3\x18\xf1f\xa57\x119+\xe4\xa4X\x03\xcd$\xa3\xc6\xf7\xe0\xf3\xd6-\xd1=\x87\xd7\x8ap\xf9\xfe\x16\xa4'</t>
  </si>
  <si>
    <t>b'\xec\x11\xea\x89\xf5u\xfa^\r\xbd\xd5\x93\xc7\n0vda\x03\xd0\xe0\xd27\x1cbq\x87\xd7:\xb3p6'</t>
  </si>
  <si>
    <t>b'\xac\xe0\xc5\x0e:X\xf3\x9d\x12\x88\xf7\xed4\x04\xc9\xbc\xae\xdc\xab/N\xb0\xf6\x05G\xbf\x13\xab`h\x93z'</t>
  </si>
  <si>
    <t>b'!\xa1\xd2\x85\x1cv\x82X\xd0Q\x9e\xaa30\r(\x1d\xae\xc8\xd9\xac&gt;\xae\x9d\xf1\r\xdbAl\xe1\x0en'</t>
  </si>
  <si>
    <t>b'wF&amp;\x06\xeb\x01,^\xd5q?\xef\xe0ye\x1cm\xa0\xf3\x97\x10\x8f\x91\x17.i\xb2\x17\xc6\xc1\xb8.'</t>
  </si>
  <si>
    <t>b'T\x18\xa3\xe6~\xb8g\xd6\x08\xfeSz\xac\xa2M\xc1\x07\xf4K\xeeV\xd4\x1f\x19\x0c\xe7\xbd\x8b K=\xf4'</t>
  </si>
  <si>
    <t>b'`\xff\xa1\x1f\xc5\xb1\xcd\xa2B9Y\xeeAxE!)[\x9f\xc3\xd6u\xaeZ\x15\xe6.y\xa4\x94\xa0\x91'</t>
  </si>
  <si>
    <t>b'B\x18\xc7\x18\xdc\x9d&lt;]V(\x159Z\xddw9\xda;=\xc1\xd7\xbd\xeb\xc1\x04\x1bx\x9e\x8c\xae\xae\xb7'</t>
  </si>
  <si>
    <t>b'\xe2\x18\xb1\xdf\xfe\xa9`\xef\x89\xad\xd0\xf9\xd8\xa0\r\x86\xd5\xf9\x96w\x91w\xd5\x11\xb9\x91\xf4\xc5\xd7c\x0b\xe7'</t>
  </si>
  <si>
    <t>b'+\xd7\xb3o\xea?\x96\n\x01*\x03@k\xe7\xab\xc6,\xbf\x7f\xcfQ\xe5:\x84\x81\xc2\xd4qOg\xb6\xba'</t>
  </si>
  <si>
    <t>b'\xc7\xe3K\xcb\x10\x10u\x19\x08;\x15\x9d!\xa2\xe0\x0e1g\x00\x08\x03&gt;\xe1I\xae\x87d~\xa4\\s\xd5'</t>
  </si>
  <si>
    <t>b'\xf6&gt;\x1c9Hg\xb5\x1e\xa9\xf4\xc1\xd2\xa2\xb7\x8d\x1f\xd9\xbc\x8f\x9e\xab\x987\xc5ts\x14&amp;9\x8a\x183'</t>
  </si>
  <si>
    <t>b"@\xba\x91\x11\xa7\xb7\xd9\x06\xbd\r{Z1\xc8+\x94\xe6\xd4=\xac\xcd)'J\x19s\xbdMi\xf86\xb8"</t>
  </si>
  <si>
    <t>b'g!\xb9L\xc5\xf9\xac\x8f\xbf~\xe7\xf13\xb3\x8b|D\x9f\xd6j^:z\x89\xa8m\xafIK\xd8\xbe\xbd'</t>
  </si>
  <si>
    <t>b'"\xc2I\x81T\xc8\xa9\x05\xd7\xf7\xd9\xe9\xaf\xa4\xa8\xb0\xcc\xbe\x8f)9~\x9dhVF}\x81\xd7d\x92\xe1'</t>
  </si>
  <si>
    <t>b'\xcc#\x06\xaf\xbd~\x11\x94\x01\xbc`\xabh\x8e\x04*\x1al1\x12\xdc\xf8\xc1\xf6\x81\x8dn\x98\x86\xd3\xeb3'</t>
  </si>
  <si>
    <t>b'\x8b`\xaa\x89\xbe\xec\xfa\x84\x86\xa5\xcc\x1eeM\xe1,{\xfc\xbf)\x80\x8c\xdbo\xdc\xcc\x1ck\xbbz|\xd7'</t>
  </si>
  <si>
    <t>b'\xde\xb2oQ\x86\x15O\xb0\x19O&amp;\x85\x17\xad\xdc*\x90! \xd2.\xb2\xac\xa2\xff\x95\xb5\x0bW\x08\xfe\xf4'</t>
  </si>
  <si>
    <t>b'\xcf\n\xac\x89t\xfeo\xb3\xa4\xc5\x8eR\xd3~\xac:N\xbd%\xbfz\x8e\x1f\\\xe3\x86\x96\x06\xa9\xa2\xdf\x0f'</t>
  </si>
  <si>
    <t>b'\x914|?\xb7&amp;\xef\x89+0\xc6\xde\xb0\xc7\xec\xbaH\x97\x1b\x12\x8a-7`oKVV&amp;&amp;\xa6q'</t>
  </si>
  <si>
    <t>b'!\xae\xbai\xdc\xe7\xbev\xb0v\xd4\x83\xc3\xd3\xaa\xa91\xb2K\xfe IB\xd0\x19v\x14\x155n\xf6\xa4'</t>
  </si>
  <si>
    <t>b'(\xdduW,\xe0\xef\xac\x15\x84r\x13\xc1\x93~\xcc\x18\xc3%@9l\xe6\xf5\x9eJ*\x14\xae\x12\x9c\x8a'</t>
  </si>
  <si>
    <t>582xx</t>
  </si>
  <si>
    <t>b'\tUZT r\\\xc6\xfd\xc1%_B\x14\x04\xa9!\xd7-\xaaa\xda;D\x1f\xea?I\xbe\x01\x10\x1d'</t>
  </si>
  <si>
    <t>b'v\x1a\xdb\xd2N\x18\xc3C\xdc\x0f&gt;NV4\xebsx\xb8I\x01\x9eb\xeeM&lt;&amp;\xcb\xdb\n\x92\xc0\xe1'</t>
  </si>
  <si>
    <t>b't\x99@\xf2\xa5%\x9f\xac\x0fX\x0b\xfb:\xa2\x1e\xd5\x13\xf7\xd9\x0fBjZ\xd1\xfd\x968\xb7/~\xf9\xfd'</t>
  </si>
  <si>
    <t>b'"\xc1\xf3\xdc=`\xd4\xc0\x9f\x01`\x15\x0c\xd4=\xaf\xdd\xe9;\x94\x05.[L}7\x88\xab\x89\x8eRW'</t>
  </si>
  <si>
    <t>b'\x83\xa0\xd0\xc6\x16~\xc0J\xa6D#v\xff\xa0M\xe6\x8e\x12#K\xb0\xc8\xb2\xb5t\xc2\x13\x0b\x9dL\xae\xd4'</t>
  </si>
  <si>
    <t>b'\xba\x18\x8d\xdc#\xe1\xe2\xfe*d\x8d\xdaN\xfb\xd7\xf0\xd0(\x96I\xd3\xe27@\xbeY\xba\xcb*\xf8M.'</t>
  </si>
  <si>
    <t>b'\x83\xcd\x14\xc6\x864\xd5\x96q\xf1efcY\x15\xa1\xe8\xdf`\xe5{\xcc\x8e{\xf3\xeb\xc9\xba&amp;\xf7\xfd}'</t>
  </si>
  <si>
    <t>b'O+\x1d\x9cc\xe8\xc2uOB*P\xfe\xdf\xd9O\xd4\xb0\x93(2\x8f\xaa\xa4g*\x7f\x12\xe4w\x1bQ'</t>
  </si>
  <si>
    <t>b"\xe4+\x1fZ'\xde;!\x07\xc1\xdblJ\x8b\xb1*\xf5\xe4r\x86\xc8\xe9\x9f+{\xc0\xaa\x07\xa8\xffX\xa7"</t>
  </si>
  <si>
    <t>b'\xbb\xd4\x942\xf4\xbaht\xd5~\x0b\x1a-\x88\xf5 \xf1\xfa\xcaC\x92\xf3\xdeB*\xf0\x82)U\xc7^b'</t>
  </si>
  <si>
    <t>b'}\x19\xe4\xd3W\xfbZ\x17\xa7\xa5S\xcf\xbb\xecMA\xb3\xe0\xc6\xac\x0f*\xdf]\xe2V\xf0\xc9\x89\xf5=]'</t>
  </si>
  <si>
    <t>b'\xa2\x1f\x1a\xd3"\xce&gt;\xa4\xe6\xf8\xb1\x95"\xd3\x7f\xb4I\x9f\x84\x82\xe8&lt;\xbdW\x8b|\x96\xea\xd2\xbbU\xb2'</t>
  </si>
  <si>
    <t>b'\xf3!\xec\x13\xbb\xe4\x0c\x9f\xb0Q&gt;m\x11\x1e\x8a\xd8$\xe7\x0fV\xcd\xab\x16\xe4\x92\xd9\n\xd0\xb5\xec\x92a'</t>
  </si>
  <si>
    <t>b'\xb8{|\xa3X\xb9f[\xcf\xbc\x15\xabE\x0fg\x97\x8f\xedL\x0em+\xab"%#\xd2s\xef\x89\x84h'</t>
  </si>
  <si>
    <t>b'\x17\xb6#wsTS\x00\xf6S\x10J\xa5D\xa1\xd0\x10=\x88\xa0\x8ce\x8b\x1b\x00L-(\x9b\xae\x93J'</t>
  </si>
  <si>
    <t>b'\x15W\xa7\xd6\xfb\xc7\xeam\xa6`&gt;\x08\xbf\x1e\n\xb8}H\xbf\x16&lt;0\xd1\xd4w$\xd6\xe6\xb6ak\t'</t>
  </si>
  <si>
    <t>b'\x18\xafV\x14=\xff\xc0\xb8\xb9\r\xc5{=!\xd2\xea`\x07\xfd\xf0 \xdaD]&gt;\xbde;\xb1.\x15z'</t>
  </si>
  <si>
    <t>b'y\xa5W+R\x04\xad\xfb\xca\x1c%\x89=\x8c\xd1\xd4\xbf\xb36\x9a\xfee\xdeT7\xf9h\xe6\xd8#\x94\x10'</t>
  </si>
  <si>
    <t>b'\xfeP\x9f\xf7\x00\xfc\xa1\x0b\x1c\xa9*w\xbaV\tl\x12e\xadmZ\xac\xe6\x0fl\xb8\xa2\xb8\x9bu\xac\x93'</t>
  </si>
  <si>
    <t>b'hY\xb9=\xed\xa1\x86J_\xdbY2Q\x1f\xbbrC\x1b\xf8*\x0cMr\x89!\xeb\xfcx\xf8\xec\x9e\x7f'</t>
  </si>
  <si>
    <t>b'\x9cj;\xf6\xf1g\xb1\xc5\xb9\xee2s\x11\xd1Qw\x06\xb7\xc7\xd1\xd4\xb8O)\xcb\xa4(\xd5\x19\nA\xa0'</t>
  </si>
  <si>
    <t>b'/WD\xfaA]\xf4\xfe\xaf\x7f\xb6wt\xf7\xaf:\x9e\x9dr\xdc\x1e\xc1\x8a/\x9cO*l\xb0\xb2]\x9f'</t>
  </si>
  <si>
    <t>b"\xb5\xd1\xd1B\x9f\xc8A\xa8\x95ok\xee\xf1\x999\xb42;q'\xa7i\xb1\xe8\x1c\xd4\xed\x8d\xdfr7\xd2"</t>
  </si>
  <si>
    <t>b"\xfa\xf6\xd97\xb5'\x8c!\x8a\xe7\xb94\x88'g\x14j\x99\xcc$\xad\xc9\x96H\x13d\x1dX\x03_\xa9f"</t>
  </si>
  <si>
    <t>b"Mb\xb9C\x17E\xb5\xde\x94?\xf2\xd3\xf8h\xc7\xb8\x8f\xbe7\xc8\xb31\xe8\x8d\x1cm\xdb\x86\xb4W\xb0'"</t>
  </si>
  <si>
    <t>b'\xff\xbb\xe5\xe9a\x08\x84\xc4A\x14\x03tQ$\x1f\x82p\xe1\xcd#q\xc9f\xa7\x19\x7f6V\xfb\xd7\x93\xbf'</t>
  </si>
  <si>
    <t>b'\x16\xdf\x98\xc6\x9fh\x01\r\xf2\x05\x9d\x04\xe73\x8e\x0b\xd9\x86nY\xce\x08K\xfd\x81\xb3\xc2\x83\xd3v\x14\xd4'</t>
  </si>
  <si>
    <t>b'\x00b\xd0^\xbar\xe3\xeb\x9d\xa6\x12d[\xaa\xb7\xe8p\xd3\xff\xb9]da\xaf\x1f\xbb\x16\xbfL\xa9&amp;:'</t>
  </si>
  <si>
    <t>b'"7\xeb\xb8a\xc7\x9c\x17 \xabwB\xb0#\x81#\xef3\x16n\x85\x08m\x9dOa\xa1\xa69\xaa4\xb5'</t>
  </si>
  <si>
    <t>b'o\xcfH\xdc\x0bvE4\xa8o\xf6\xae\xf9\xef\xee\x8bt1\xff\xcb\x85u\xecC\xe8\xe6\xca\x1b\xff\x16\xd2\x0b'</t>
  </si>
  <si>
    <t>b'c\xf6\xeb$\xbd\x13\xb8\x95\xc2W\x04(\xb0\xf2K8\xf07\x93\xb3\x9ay\xc5\xc3\x15\xfd\xf3\x95\x8f\xd9\xfa\xa6'</t>
  </si>
  <si>
    <t>b'\xb9k\xa1\x18\n\xf3\x03\xaa\xd2\x99\x07!\x90\xf5\xdf\x11\xcap\xc6F\x0c\x96\x9d\xa7\x02\xe2e\x95\xc5\x840['</t>
  </si>
  <si>
    <t>b'(\xfb(P\xc5\x9fc p\xe2P\xfe\xb2\xe2\xb8~V\xc5\xc3G\xa7\xc9d\xeco\x9f\x92\xc9\xc3\x06\xc1\xab'</t>
  </si>
  <si>
    <t>b'r?F\x0b\xe6\x8a\xd2\x1b\x0b\x89)F\xe5t\xb1\x8a\xd8\xc4\xdfle\xf1"\xcc\xcf\x0c\xa3\x19\xde"5\xfe'</t>
  </si>
  <si>
    <t>b'yK\x90\xb9\xd2\xfc\x93J\x03\\\xa9\x8d\xcb\xdb\xc7 \xdek\x89\xe7j\xd0)\xf8E\xb73\x05\xb54\x85D'</t>
  </si>
  <si>
    <t>b'-\x1c&gt;u\x0fH|u\xbci\xcdb\xf5\xd9&gt;\x08}]Q9T!3\xc7\x86\x13n\xfa\x97\x04\x8d='</t>
  </si>
  <si>
    <t>b'\xf7Z&amp;\xc3i\xd8\x98^\n\xa3O\x8c]\xcc\x90t\x83\xd4\xc8\x97\xc3\x01\xd7\x1a\xd4V)?[Hl-'</t>
  </si>
  <si>
    <t>b'\x1bjl;\xb5\xff&lt;\x81\xb7^j\xe8.\xeb\x16Sv\x95V&lt;\xce\xfb\x10\xfd\xb6\x96\x87,\xc4?\xec\x7f'</t>
  </si>
  <si>
    <t>b'Ek(\xe0\xe5\xc3\xc6\xa3O\xd8*\xd4\xa1\x81\x8bC|\xd2\xd68\xce\xf9\x8e\xa8\xad.\x8d$h\xb9\xe0\xd1'</t>
  </si>
  <si>
    <t>b'\xf03\x87*\xdd+F\x82LM\x1b\x08\x94c\x93\x98\xbc\xafcG\xc8\xdc\x84\xc7h\xb9\xc2#\xd0\xc62\xe6'</t>
  </si>
  <si>
    <t>b"4\xeaJ\x08\x1a\xb2\xcd\xc0\x87\x1fC4'\x19RA\x89w\x1c8\xbd\xef]~nyU\x89\x89\x0e\xc4\xdb"</t>
  </si>
  <si>
    <t>b'\x02\t\x12\xa6G \xd0\x00\xaf4)\xf6\xaa#\x94\xa8\x04\x825p[l\xde\xc0\xac\xdb\x11\x91H\xa2\x83\xc7'</t>
  </si>
  <si>
    <t>b'\x07I\x9f\x825\x91\xe3x\xd6\xed\x94\xe5\xce\xca\x8f\xfd)[\xc2\xff"\xf2n\xa7_8\x9c\x9b\xf0M\xfe\xab'</t>
  </si>
  <si>
    <t>b'\x07\x99\x91\xb8\xf7\x99\x01`\xf7\x8eYN1\xa2y(\xc30\xbec\xef%\x95%n\xb6kS\xeaL\xfb\xf6'</t>
  </si>
  <si>
    <t>b"(E\xddA\x03\xb3K|\xe7\x018^F\xc7\xb5=,\xf19w\xcc^$\xa8\xc4'\xd9G\xf0A13"</t>
  </si>
  <si>
    <t>b'\x04\x87\xb3^\x95\xc5&lt;\x0e\xc4\xcee\xed\xeaX\x1d8\x0e\x1e\x9a6\x03*^\x0cQk9\x03th{\x88'</t>
  </si>
  <si>
    <t>b'\xa9\xd0\x1c\xc7\x06n@\xcd+\x0b\xed\x04\x10\xc1\x17\xc1\xdc\x0e&gt;+\x05\xd1z\xf3\xbcf\xf0%:(\x08\xa3'</t>
  </si>
  <si>
    <t>b'\xb7\x13\xdb\x83\xa8\xcc&amp;\x1d\x08\xd9\xa9k\xaa\xce\xc06\x91\xeb\xc9\x18\xf6\xd2Q\xa9\xdd\x0fR\x973\x00n\xed'</t>
  </si>
  <si>
    <t>b'\xd8^j\xd0\xc4\xed\xa1z\xe6\xb3\xad\xc8\x11\xf5\x0f\x11.2\x88f\xa1\xffpq\xde\x9c\xd1^\xd6\x05\x9at'</t>
  </si>
  <si>
    <t>b'\x8d\xa5\x16\x90\xf4\x03\xf9WW\xa86\xb7\x9a\xb2\xb3\x11\xa6\x08\xcd\x84\xe7\xcdh\xbf\xe3nA\x1d5^\x98\xef'</t>
  </si>
  <si>
    <t>b'\x0b\x90\xff}\xc5\x16\x9a\x7fx\xc8Q\xad&amp;\xd0_\xf1k\xde\xb4\xadF\\H\xf5\xf5\xe4hy\xa9\x02H\xfc'</t>
  </si>
  <si>
    <t>b')\x92\xfc\x90\xc9\xf4\xb3\xccj}x\x89\\\x9a@\x15$\xb6\xa3\xcd\x8d\xd4\x9f\x87\xa2\x96\x90\xfc9=\x17\x1a'</t>
  </si>
  <si>
    <t>b'\x03\xba\xef:\x1c\x94\x1c\xa2\xf1\xf8=f\x8c\x8d\x1bT\xfe\xb4V\xca\xe8B\xd2\xe2\xbc\xbd\xa9\xc7\xc8\x8f\x86='</t>
  </si>
  <si>
    <t>b'\xbd\rl\x0b\xee,&amp;\x8d\xcf\xd5\xe5\x18W=_\x99\x88\x9b\xbdT\x18\xbe=\x92\x8a\xea\xdc\xdc\x97\xaa*/'</t>
  </si>
  <si>
    <t>b'.\xa3#\xb4\x05\xfc\xa3\xf8\xeau\x90,\xbb\xa9\x96\x8aI\x16Nqj\x9c\x1e\xb5\x96&gt;S5\x83\xe8Ti'</t>
  </si>
  <si>
    <t>b'\x1c\xd7g\xc3S\xcec\xae\xb0N0\x0eM\x87\x86\xf2\xbe\xef\x0e\x07x2\xb8\x97kZ\x8daA\x10\xa6\x9e'</t>
  </si>
  <si>
    <t>b"\xf4\xe0'\x13\xfbC\xfb-\x8b\xfd\x08k\xd8\x9e\n[\x80.\x03\x89\x83\xda$\xa5N\xc8\x9ff\x0c&lt;`\xee"</t>
  </si>
  <si>
    <t>b';(JnxGX\xc6l5cHxd\xbe\xc0d\xf4\xa1\xacL\x9a\xdb\xfe:~\xad\x92\xf7\x04\x0e\x8c'</t>
  </si>
  <si>
    <t>b'\xedA\xd0c\xde\xdb\xbb\xbb\x96\xf0n\xecb\xefV\xe1\x97\x89F\xc2\xfb\x93\x9f\x0c_\xd7P\x8b\x87\x06\xd2\xf1'</t>
  </si>
  <si>
    <t>b'\x10!\xb9\x18[U?\xf5\x91\x9f\x1dN%\x1f\xf0F\xb3f\xa2\x04#\x14\x93m\x1ca\x19\xaf\xfe\x97\x89\\'</t>
  </si>
  <si>
    <t>b'\xf4\xff\x12\x00F\xc9\x9db"\x07\xf9\xbb\t\x92\xe8\x04\xfcX\xeb\xd6\x99\x7f\xf7-y\x18\x87X\x07L\xb5h'</t>
  </si>
  <si>
    <t>b'YOB\xa4\x17^\xfb\xae\x13\xf2\xd4\xe4\xdf\xbb\xbe\xf3\x85\xbbP\xeak\xd2)\x9eF\x86\x03\xa9l\xb0\xc7\x19'</t>
  </si>
  <si>
    <t>b'?40\x89V\xafP\x1d\x90\x17\xe5\xef\x08G\xb4\xfa\x96Y\x8b\xde\xd74Y\x81\x8cr\xe3\xddQ(\xad\x8b'</t>
  </si>
  <si>
    <t>b'q@\xc2W\xee-\xb3(=zk\xba\xb8\x04\xc1\x9d\xcc\xd19\xb9x\x81\xb7d\x05\x95[\xe1\xa5\x8a\xb9\x06'</t>
  </si>
  <si>
    <t>b"H\xd8s[\x85\xf0\xce\xc2\x01l`\x06\xc6q\r\xee\xb1p\xf39\x8fzA\xf2;\xc0'\x8e\x06S\x85A"</t>
  </si>
  <si>
    <t>b'"|\xe8\xe2\xdc\x1b\xc7^-\xdb\x1f\x9d~\x9ag\xbb\x13B#\xaf{\xc0\n\xed\xc2f\xf2\xe6\x8a}\xaf\xf3'</t>
  </si>
  <si>
    <t>b'\xfe\xf1*k\xc8\xdd~T*\xe1\xd0\x84\x13k\xb4x\x84\xdd\x16\xb0\x871T\x8c\xa4T\xb1\xbc\xbc_\xa9\xb7'</t>
  </si>
  <si>
    <t>b'S\x1b\x15\xd4\xd4\x9a\xef\xf7\xb4\xcb\xf1U\xed\xe9\x15\xa9\x8a\xb8&gt;\x97\xd9\x15\x91A\xca\x0bLg\xe1|\xb1t'</t>
  </si>
  <si>
    <t>b'\x08\x0b#\xb14\xdb\xadIw\x08MO9\xbe\rO\x84n\x16\x01\xb4\xef\x06\xd2^\xfb\xf6\x87\xe7N\xac0'</t>
  </si>
  <si>
    <t>b'\ne\xefw\xb5\xd6 \x17`:\x87\xf0\x17\x8d\xc4\x14\xd9g\x86\x80\xa7D,c\xed\xf1\xf3\x14\xb8X\t\x83'</t>
  </si>
  <si>
    <t>b'+\xd8\\C{F\xa5\x19(\x07O\x91n\xd7\x85d4\x92r,q\x85A\xe3K\xd5\x16\xa41\x052}'</t>
  </si>
  <si>
    <t>b'\t`U\xdbB\x7f\xc3(\xe1\xe4Y\xdfQY#u\xe4\xf3\x8a\xe0\xe2\xba\xf8Ch\x872@A\xda\x81\x03'</t>
  </si>
  <si>
    <t>b'\xee\xcc\xcb\xe3x\xa8_\xb3h\xfat\x91u\xc2\x8e\x8d\x1b\xae\x1fx\xff\x05\xe4\x8f\x9ex\xf2\xa0a\xa2\x98+'</t>
  </si>
  <si>
    <t>b'\x11\xb3\x19\xfb+\x00L\xd26t\x826\xcc\x80F\x0f\xfe\x87\x964{\xf40\xec\xb2\x01r\xa6\x94ja#'</t>
  </si>
  <si>
    <t>b'\x93\xeez\xaf\x01\xdf\xc4\xb1=\x15J\\\xb3\x13\x90\x10\xb0\x06\xca\xaa\x8a\xb4\x9f\x10\xde\x07b\xc9\xc6\x15\x89\xf7'</t>
  </si>
  <si>
    <t>b"\x95Ix\x8c\xac\xe6Z\xe0:\x92\xcb\xf1{D\xbd\x92[\x90\x89\xc5\xfb\xc9|\xd9.-Q&gt;\x80'\xf1\xb8"</t>
  </si>
  <si>
    <t>b'\x9d\xda}(\x12R\xc6s\x02\xdd\xdf}\xbaE\x0bq\xeed\x13@\xad_\x08is\x0cc\xae\x02r\x8e\xb9'</t>
  </si>
  <si>
    <t>b'Ks\x8f\xdf\xf8B3\xc7\x9b\xbc-\x9d\xbd\x94 \xf2/\x01\xf80&lt;\nM\x1em\xf0\xeb\xefn\xfdIh'</t>
  </si>
  <si>
    <t>b"\xe9\xc0i\xc7\xd8\x18g\xf3t\x9c'\x01\xf8\x8f\x9at\x9f\x08\xfb\x06\xf4\xf55\xc3e\x86~@\x0e6e\xb4"</t>
  </si>
  <si>
    <t>b" \xdf\xb8\xd9w\x18?\xd0\x10h\xc7o5':\x1a\x7f\xfc\xe6\xf6\xb3\xfbhD\x07\xc6\x7fx\xe7\xfb\x85\xd6"</t>
  </si>
  <si>
    <t>b'y\x10\x82\xc9;\x14R\xe7\x9a\x8b\xae\xf8\xb9Y\x0f\x13\x89@$\xbf#I\x8d0}\xd7}\x10a\xf0}\x00'</t>
  </si>
  <si>
    <t>b'oG\xbb\xdf\x0f{&lt;(zY\xda\x02\x9c(\x02\x10\x9dj\xd7\x89,\xa3\xcd\xb6\x99\xe3\xeb\xc3\x01\x9c\xaa\xfc'</t>
  </si>
  <si>
    <t>b"n$\x9a\x11,\xc7$;\x82\xfb\x19\x98\xb6\xdb\xdbT\xc8\xb9\xd3\r1Ov'&amp;\x9b2'5W&amp;&amp;"</t>
  </si>
  <si>
    <t>b'\xce/\x15^\xb9\x9b6\x0c\xd0\xf8\x991\xb2\xac\x13\xc3\xe0\xe5\xa9\x9f\xe89\xc1r\nj\xb0\xc0\xb3\x8e\xa2z'</t>
  </si>
  <si>
    <t>b'.\xff\xf3\xcd\xc3\x89.\x01\n\xc9\r\xa1\x1d\xf5\x97ilb\x16`\x9c.Z\xc8\t\xea\xac\xe4\x96TB\xfc'</t>
  </si>
  <si>
    <t>b'\x132\xe3\x146\xfe\xba`\xf9&amp;\xff}\x92[M\xf5c\xcbB\xaa\x80{I\x8c\x81m\xae\xfd\xcf\xe0I\x93'</t>
  </si>
  <si>
    <t>b'\xa9a\x8bA\xbf\xceW|]\xed\x18x\x8c\xfe\xd5m\xa7Og\x81\x973\x16\xd0\x1b\\~\xf8\x1cr\x079'</t>
  </si>
  <si>
    <t>b'P \x89aV\xc7\xa7\xa5\xe7\xcavF\x06T\x0bI\xa7[\x8e\xd9F\x8d\x86Z\xfe\xdb\xb9W\xd0\xcb"('</t>
  </si>
  <si>
    <t>b'h\x12\t#\xfb\xe2}\xe86{\xe7\xc5Md\xbc\xd5\x96&gt;\xfe\xa0\xe2XHN\t\xdf\x96\xeaA\xd1s\x15'</t>
  </si>
  <si>
    <t>b'\x88[2r \xc9\x1a\x83\xbd\x93\x97\xd3\xae\xe5\xd6W\x97\xd11\x0b\x9b{\x13\xcbU\xb7\x07\x15\x9b&amp;l\x8d'</t>
  </si>
  <si>
    <t>b'\xde\x9a\xd8\x0b\xdb\xa9\xda\x87$\x8d\xbe\x0f\xbb\xe0D\xe5\xa3\x8fK[\xe6\xfb\xc7\x88\xd0\xa1\x8d1\xb3\x8d\xd7\xe2'</t>
  </si>
  <si>
    <t>b'\x86?\x92o\xc0\xfc|\xa8\xfdi*\xc0\x9d,\x03\x12\xcb\x81\x8e\x174\xb7\xf7\xe0\xccK\xf7\xdclMU&gt;'</t>
  </si>
  <si>
    <t>b'\xcd;\xbd\xef\xf1\x9d\x82\xcf\xab\x03s\x94N\xd6`\xcc\x97\xe4\xb7\x05\xd5:yD\x03\x99\xca\xfa8|.\xe5'</t>
  </si>
  <si>
    <t>b'?`\xe4)\xbe\xc5Ix\xafP\xe9\xfa\xee\x01\x9fO\xcbN\x01q1t\x93\xa7x\x8bx\x16\xaa\x99\xcd\x0e'</t>
  </si>
  <si>
    <t>b'\xd3\x03]G\xcd\xf5\x7f29\xd8\x9b\x13[\xdf\xc2\x8a\xb1x@\x80\x04cb\xff\xb6\x83\x14\xe9T\x140\x87'</t>
  </si>
  <si>
    <t>b'\xcb\xbe\\\x08\x08\x0f\x17\xeaB\xbf\x0c\xb5\x99v\x93s\xc6\xa9\x93\xa3\xe9\xb9u\x9fa\xa6N\x91\x08\xdf 0'</t>
  </si>
  <si>
    <t>b'\xe1+a\t\x87hM\xd1\x15\xf7]$\xaf[\xe9Q\x10\rC\xd2_k9\xc3\xf2\xeae\x99\x14\xd2!\x0e'</t>
  </si>
  <si>
    <t>b'\r\x06\xf5\x04\xcd\xde\xe5\x1c\xd6yjCS-|\xfb\x96\xa5\x1b\xc8D\xff\x043A\xa5\x9e\xf5\xfa\xc5\xa7&amp;'</t>
  </si>
  <si>
    <t>b'\n\xf62T~\xff\x04e\x91^\xad&gt;\xe2\xc8o\xeb!\\\x17M\x95\x89|\x1a\xb6Oy(\x0f^\xaa\x9e'</t>
  </si>
  <si>
    <t>b'\xcd\xb8\xb5\xbbg\xab\xcd\xf0\xd61c\x15,W\xe8xx\xeaL\xd9\xaa("\xc2F\x11\xab\x94%\xae,\xd4'</t>
  </si>
  <si>
    <t>b'\xc2_\xf3:\xab\xfa\xe8\x8a\xc9a\xc70\xa7\x08\x12@\xaa\xe1\xe5\xe7#k\xf2\xbaF\x05\xeej\x9dr\\\x0f'</t>
  </si>
  <si>
    <t>b'1\xc2(G\xc5\xb0\xcd\xe8\x0cO\x13\x13\\\xab\xf4\x1e\xc9\x9c.\xa8iH,\xf2ar\xb1\x10\x15\xf9\xf4\x12'</t>
  </si>
  <si>
    <t>b'\xc6\xaehy\xbb\x9b\x8e/\xd9\x06\xc2\xef-\xa6]&lt;\xf0\xbf\x9d\x14\xd3\x92`\xbfI_y\x93\x88\x81i\xd6'</t>
  </si>
  <si>
    <t>b'\x00Pdjm\xf4\x920\x8c\xcc%\x0f\x13\x01\r\xd3\xd73\xb41\xb1\xe9\xec\xb17\xb5Jf\x83:\xaa\xe7'</t>
  </si>
  <si>
    <t>b':^\xab\x1cs\x12B\x84#W6\xaa@\x04\xabE\x1a\xb1\x14\x95\x83\xb8y:\x1d\x9c\xda\x91\r\xa2\xe9\x9f'</t>
  </si>
  <si>
    <t>b'\x93\x96\x0c\x1a\x13\x06\xdd\xca\xc5AgL,[\xb8\xfa\xfb.\xf4d\x81\xbb9\xfe\xa0\xc5l&lt;\x89\x81 5'</t>
  </si>
  <si>
    <t>b'u\xfe\xa8\xa1/"\x06s\xdf\xc8\x9ep\x9a."\x80\xc6\xb13\x0ffu\x91F\x83\xa4\xa6\xbb\xca\xf1:\xe9'</t>
  </si>
  <si>
    <t>b'\x85\xad\xfdV\xb4x\xcb\xcb\xae\xa2\x03C&lt;\x191\x15:\x88\x00\x94\xc7\xc7\xe4\xb3r\xfd\x83\rSm\xd6\xfe'</t>
  </si>
  <si>
    <t>b'\xad =\xba\x03]\xea\x0cr\xce\xe2\x05\x8a\r\xc53Z5\xf8\xb9\x1f\xe2\x03r$\x80\x1b\x02VW\xff\xd8'</t>
  </si>
  <si>
    <t>b'er&lt;&gt;P\x1a\x1a\xf8n\xd2o\x07\xb8\xa4\x05\xee\x92\xd9\xed\x13\xa8\x18\x1e\x91if\x0e2\x810\x12\r'</t>
  </si>
  <si>
    <t>b';\xc0\x83 f\x9b\xe5\x1f\xea\x94\x17\x8d$\xd0&lt;`\xe8\x9c\x9b\x98\\\xd1\xa2\xabjxH\xdfs\x93R\x7f'</t>
  </si>
  <si>
    <t>b'\x0c\x1c 3\x9e\xee\x8c\xaaR$1\xed\xbf\x10\xb9\n\xa4s\x1e\x08\xeft\xe6p\xff\x84\x15\x83\x96\xc8f\x98'</t>
  </si>
  <si>
    <t>b'\x9a\\x\x9f\x8f1?\xe9\x137|F\xac~\xcb*W \r\xbe\xbbu\xd9\x03\x8a\xbb\xa6x\xd8\xd2dw'</t>
  </si>
  <si>
    <t>b'k\xd8t\xc6\xb5N\xad\x99\xe8\xf7\xb9\xc149\xd61\xb1\x10c\x0c\xdc\r\x07\xe5P&amp;S\x87\xb3wh\xdb'</t>
  </si>
  <si>
    <t>b'\x99\xee\xc02\xdb\x99\xfcy\xc9p\xfc\xfcr\xb0\xcfh\xa1`4\x0c\x18o\rm\x90\xa4\xeeP\xa7\x9d\xa7-'</t>
  </si>
  <si>
    <t>b'\xc7\xfe\xc2\xea~\xa9\xaa\x90{\x08\x93\x8f\xc6\xe6^\xd0\xaf\x83\x13\x1e\xa8Y\x01\xb6\x9b\xc5\xca"\xb2!\x88]'</t>
  </si>
  <si>
    <t>b'\x12\xb3\xfa"\xf1\x01\x08}\xc6M\xc8V:\x98\x9e\x99!\xc2\xca\xc07\xe5\xcd/\xb5iX\x1c\xa3\xc4\xabm'</t>
  </si>
  <si>
    <t>b'\xff\xe6\xb0\x116}\xe0(\xd4S\xd4\xb8+/E\n\xbf\xf8\x86\x00Q\xb0\xfc\x85_\xfc\xf2\xc4K\\q\xfa'</t>
  </si>
  <si>
    <t>b"\x94\xcf\xad\xb2\x7f8\xd3ZG\x81\\\xc9\xae*J&gt;T'[z\xe2\xa4\x92\x8d;@\x9b\x7f\xa0\x1e]\x8d"</t>
  </si>
  <si>
    <t>b'+\x05\xbbE\xe2\x0f^;\xa2\xa4u-\x8c\x81\xf8\xff\xd5\x85\x01\xf3U\x90\xecA\xff\x82a\xbb\x1d\x82r\xbc'</t>
  </si>
  <si>
    <t>b'\x13\xed\x08\xe9\xbd\x01\xe3\x97KO\x15\xc4\xe3|\xc8R`~\x87U\xb6aH\xa4\x01\x1c\x9b\x00\x9c%]\xce'</t>
  </si>
  <si>
    <t>b'\x002\x90\x88pOl\xbfh\x98t\xf4v\xc8\x94sv\xcf\x9d\xfe\x1f6\x8b;\x85\xde\xd9\xa5\xb8\xe2\x01\xe5'</t>
  </si>
  <si>
    <t>b'p\xea\x01,\xc0\xf6?\xdc\x04Z\xd7g\xb9\x8e\xb4p\x9ft\x04\x1e\x90\r\xef/\xa3\xde\x96)%\x9f\x997'</t>
  </si>
  <si>
    <t>b'\xbc\x16\n\xb4\x80\xab\x07\x0f?HV\x97 \xab$\xc6\xd3\xb9\xd6\xc3\x9e\x97\xde&amp;\xadLA]\x90\xeaSJ'</t>
  </si>
  <si>
    <t>b"\x11\nv\x10O\xec\x88\xc0\x0cZM\x86_\xb1\xb7hW\xf2a\x07N'El\x86\xd1\xaav:\xf1\x000"</t>
  </si>
  <si>
    <t>b'zi_\xf5\x19FOw\xb0\x93}\x18\x1btG\xf4\x9c%\xb2f\xeb\xc1\xf6\xc0\xefA\xa1)\xa0\xd0\x10R'</t>
  </si>
  <si>
    <t>b'\xaaA_=\xb7\xd6"v\'a\xbc\xb0Y\xad\x10\x87\t\xb0\x9dr\xfe\x02EU_|@5\xf8mek'</t>
  </si>
  <si>
    <t>b'\xfdW+9T\xc0]\x8d/\xc2H\x81\x80\x96\xdeLP\xee[\x80\xfe\x17\x0b\t\xbb\xe3Z\xb2\xc16\xe0\xf2'</t>
  </si>
  <si>
    <t>b'\xff\n@\x0b5\xf5\xcdu\xb2\x83fI5\xbf\\*r\xbc\xfe\xe2\x115\xa09\x8c\xf0O\x81\xff\x0c\xb7r'</t>
  </si>
  <si>
    <t>b'&lt;\xec\xf9\xb3\x82Y\xe7\x8f\xa0\r\x16\xc5\x8aCs\xe6\xc5i\r\x1d#\x05\x8c\xe3\xbe9J\x92\xecz\xae\xcb'</t>
  </si>
  <si>
    <t>b"\xc2XN\xd48y\x17\x95\x19\xaa;\xbdQ\xb2\x82\x8bF'\xdd$\xdfa\xf7W\xaewB\x19\x1c\xa3@\xb7"</t>
  </si>
  <si>
    <t>b'\xe6\xd69\xdb\xfaL\xa6\xb1U`\xe0s\x8f\x166\x88q\x1d\x1e\x1d\xf9\x04\x8a\xea\x1a\xbfo\x1d\x13\xfeB\x12'</t>
  </si>
  <si>
    <t>b'\xf9\x92\xe0B8\x99?\xfe8\xbb\xeb\x8f`\x06\xb4v\xe4\xac\x1c\x0b\xc3\x15\xcc\xda\xaa\x81`Z\x1f\x81\xdbJ'</t>
  </si>
  <si>
    <t>b'pP\xa5\xbd\xae\x81\x8c\x00*\x8f\x1f\xb0\x9f\xd1\x80\xea\xa1\xb8\x136L\x19#X\xbd\x8d,\xc5\xea\x04\xf7\xce'</t>
  </si>
  <si>
    <t>b'SY\xc5\xfeld\x8e\xe9\xfdu\xa7W0\xd02\x95\xb6C\xc5~\xa67\x1c\x84\xc1\x89eW\x8d\xc2\x89\xf4'</t>
  </si>
  <si>
    <t>b'p\xbbMuX\xcf\x11\xe3\x16d2\xbf\xd8\xe2\x00\xd5\x18\xfe#;e\xfd\xd9!\xcc\x15w&amp;\x05\xf3\xe0\xcd'</t>
  </si>
  <si>
    <t>b'\xb7h\x17K\xbe\xd7\xcd+\x8a\xe4yX\xfcdNZ)E\xa7\x14\xe2Z\xd3\x92\xec\xa1\xea\x13\x10\xef\x8e\xf6'</t>
  </si>
  <si>
    <t>b'\xc8\x85\x7f\x1a\xac\x13w\x14\x1fO\xc1\xb9\xd0B\x13uqD\x0f\xa0\xd5\xef\xdbw\xaeiB\x0c\xbb\xbe\x9e\xab'</t>
  </si>
  <si>
    <t>b'\xf6\x91\xfb\xc1(?\x83\xc8`)t*A\xcf\xd7\x93)\xda\x1a\x00\x93"\x92D\x01Z\xdf\xa2\xf4\x93\x81\x97'</t>
  </si>
  <si>
    <t>b'\xe4\xa8\xc9;MC\xb6\xd3\x12\x01T\x8d\xdb\x872\xbfy\xe7\x7f!\x84{{[\xaf\x9f\xce{)\xf2\xf6\x1d'</t>
  </si>
  <si>
    <t>b'\xf3\xa6\x1f0\xed\xbd\xf6E\xbd \xec\xa5&gt;\xd5k\x15\xb47\xb5\xca"\xe1\x99\xcc\xe8v\x97\xa5D\x83c\x1c'</t>
  </si>
  <si>
    <t>b'\x04"\xbazw\xde@u\xcb\x83C\x99\xb5~\x8fQ\x13\xe6\xd9@ \xa8\x04\xe6W*\x99~\xad!\xe7\xdc'</t>
  </si>
  <si>
    <t>b'\xb5\xb8\x1c\xe0/XM\xf2\xb8:\xaf\x93\x8f\xca[\x0fc\x90\xcb\xda\xbfo&gt;\xac+\xc1lQ.\xceB\xe8'</t>
  </si>
  <si>
    <t>b'i\xf1@&lt;\x9b\xbf\x1e \xe3\xb9+a\x86\xe5A\xc3\x90v\xf6\x1e\xf0\xf7\x9c\xba\x9b\x9bW*+\x9c96'</t>
  </si>
  <si>
    <t>b'\x08\x9d\xa6\xfe@1p\x83\x9f1\x9f\x97YU\x1e\xe0\x9a?\xc7\x0e\xfc\x94\xe9\xfc\xae;\\\xd6_D\xfbS'</t>
  </si>
  <si>
    <t>b'I\xca\xac\xc4\xb8\xdc\x1c 5\xca\x01\x81\xc2k\x8b%\x92v\x8b\xf2\xab2K\xcf\xafG6H\xe466\xdc'</t>
  </si>
  <si>
    <t>b"'3\xe9@\xb0.#9B1f\xff\xab\xdeN\x08\x88p]*c\xbf\x1f=\x1d6\xaf\xb3\x16\x9fbg"</t>
  </si>
  <si>
    <t>b'\x1eD\xeez\xf8\xcc\xce\xf2\x97\xe6\x84y#\x8bw.o\x94\x0b\xa3pa]\xf6:L\xeb\xe1\x13\xbc\xc5\xa5'</t>
  </si>
  <si>
    <t>b'LX\xfd\x83\x8f\x009(k=*\x85\xb8\xf9&lt;\xa7&amp;\xe7\x19\x07\xf9\x1b\xa1\x967\xac\xad9y_\x16\xea'</t>
  </si>
  <si>
    <t>b'\x9b\xa8\xc4C\x81p\xe9\x9c\x8c(\xa4\xe7Q\xee\xcd\xc2n\x1a\x0c\t\xc9:\xe3\xed\x91\xe8\xf2g|\xda\x98\xdc'</t>
  </si>
  <si>
    <t>b'(]ft\xd3\x92\xc5\xf7T \x0b\xc2?\xbd\x97\x1a\x91\x90\xbe\x96Fu\x0e\xb6\x8f\xc9\x8b\xf7\xab\x9c\x04\xa6'</t>
  </si>
  <si>
    <t>b'\x82\xfa$\xbd\xa9\xfa\xa1v\xed\x80\n\x19\xe2L\x8dl\x93o\x1b\xfc\xe4\xb7-\xba-D\xbc\x07\x90i\x8f\xef'</t>
  </si>
  <si>
    <t>b'\xf8\xad\xf8\xbej\x03\xcb&amp;U\x90\xd7M\xd5\xc5]\xdf\xe1\x15Je\x8b\xd6\x1d\x1a\x8e\x13\x84J\xd0\xa6\xc9\xa2'</t>
  </si>
  <si>
    <t>b'\xad\xd8\xc93\xe3hO\xa3\xe0\xdb\t\xba\x1c\xcd\x12\xa8\xa7Ny\x0f\x1b5\x9c;\x83\x9d1l$\xd32\xa4'</t>
  </si>
  <si>
    <t>b'\xc4\xbd\xc3\x8c?\xe0\xeah.\x97X\xba\xcf/z\x93\xcf\x80H\x90\xa5\xa9pE\xed+\xee\x08[\xa3\xc0X'</t>
  </si>
  <si>
    <t>b'\xfd"\xda\x87.\xc4@\x17\x1d\'\xd8:2\x06w\x1c\xbd\xb7\x12\xd2\xeb\xdd\xee0\xb2\xcc\xb6\x1b^SJ\x1e'</t>
  </si>
  <si>
    <t>b'\xd2\xe8+R\xf6w\xc9\x08__d\x04\xbd\xe7\xecUBmL\xbe\x03\xc6\x92H\x13\x11\x15\x06\xab\xd1\xa2\xcb'</t>
  </si>
  <si>
    <t>b'\xef*\x8c\xc2\xe8\n\xcd\xa4\xe6R\xba7\x93\xa0\x03t3c,w\xbb\xfd\x04\xba*cj\xfd+\xe2v\xdb'</t>
  </si>
  <si>
    <t>b'~\xc5\xc3\xc6\x98\xf2\xf0\xc7]A\xa3\xa2\x07\xc1\x87#q\xd0\xab\xba\x81\x10\xe4\x88a\xee\xb9\x8d\xb2\x9c\xd9\x1f'</t>
  </si>
  <si>
    <t>b'=U\x8b\x15?,\x0c\x037-So~\x17\n\x10?-\x7fS\x0b\x14Ev\xbe6k\xa7\x06\x8e\x9f\xf4'</t>
  </si>
  <si>
    <t>b'\x03\xb9z\x84\xb5q:\xf2\xf1\x97\x10\xd8\x89\xf0\xe4\xc9u\x1e\xce\xbf\x90\xfbT&amp;fXl\xc3Eu\xb3x'</t>
  </si>
  <si>
    <t>b'\x0b\x18\xa9\xef\xf6\xee1\xed\xb3.\xaa$\xfd\xee\xc5\n\x15L\xb7\x08L\x0cd\x03\\\x9e\x8e@\x9aG-i'</t>
  </si>
  <si>
    <t>b'\x10\x0c\x82(\xa0\xa6z\x9f\xbaLN\xc8!s\xae@PB\x86\x82\x9e\n\xb0\x90\xfeO\xcf\x9a\xfcya\xcc'</t>
  </si>
  <si>
    <t>b'!\xcc*\x01\xd5U\x11#\x91\xe8a\xc2\xdb\xb7K\xa8\xfe\xf9\xef\xe19\xea\x7f\xf8yqa\x11\xc5\x96K\x00'</t>
  </si>
  <si>
    <t>b'\xbc\x83i\x05y\xb4\xa5\x1dNSWw\xad\xc7\xfa\xf6\xec\xd0\x7f\x9a\xd5V\xe3\x95\xd1\x9c\x99.\xa4\xbabA'</t>
  </si>
  <si>
    <t>b'\x9e\xf2\x90\x9a^O\xb5f\xb0\x1a\xf9\xf6\xafU1\xa7\x8ap\xef\xc7\xdc=\xf1a&gt;p\xa8JJV^3'</t>
  </si>
  <si>
    <t>b'\x98h\xfbn\xd2 y\x04\xd9\xd2:\xc3&gt;]\xc6$\xcbF\x17c\x02\xb8\x11\x81\xf5j\x9c\x99X\xc2F\x84'</t>
  </si>
  <si>
    <t>b"*8207\xcc;\x11P\xed\x84(\x91\x9c\xe4\x07:\x13VX\x98'\xda\xa0^`\x1f\xbf$\x19\xa1\x10"</t>
  </si>
  <si>
    <t>b"\xaf&lt;\xf37P\x02\x95/\x1c'\xcc\xf00\x08\x0cb\x06=\xc8\x8dv%\x90\x81\x14!D\xccL\xa1\xf8b"</t>
  </si>
  <si>
    <t>b'i^\x8b\x9b9(\xab\xbd\xb4\xa1[\xc8X\x96\x99.1\xee\xde\x14\x12\xc6=\x0e\xe8i.!Dlg\x8a'</t>
  </si>
  <si>
    <t>b'\xf59\x1e\x0c\xbc\xb5\x05B\xce\xfc\xf0\xbbtF\xe9q\xaa\x06\x83\xe8\xab\x99\x03\xfd\x95\xa1\x19t\x87\xee\xd3\x0f'</t>
  </si>
  <si>
    <t>b"fVz\xf8\xed\xf7\x81\x82'\x96\r\xb7uq'\x85\xcb\x19\xc4HY\x10w\xdd\x8b_\xd6j\xf2\xbd\x9a\xd7"</t>
  </si>
  <si>
    <t>b'\xe8a&gt;\x8aah\x12FoTE%\xfc\x0fI\xa6 \x92\tY!\xd8\xce\xb6Z\xd8\n\xe3{\xe9\x19E'</t>
  </si>
  <si>
    <t>b'\xc5W\x9b@\xe2A\x84\xb3\t\xd6\x91u5\xfdXQ\xdeS\x7f6.\xd2\xfb \xeb\x14\xf0\x86\xe4\x04\xd3\x14'</t>
  </si>
  <si>
    <t>b'\x82\x02\xb4\xe2U\xbf\x05^8\x89b\xc8\xa4\x99d\xd7\x853\xbd\x98&gt;\x0e\xaey\nr\xb4\xcd\xb2\xc2\xf1\xfd'</t>
  </si>
  <si>
    <t>b'\x0c\xc6|\xe4\xf9\xb8N\x94\xe5\xb6\xf1\x13\x9d2\xbcl\xa3;r\xe1.)\xcd4\\\xbd\x89\x8f"\xc0\xf5\xe6'</t>
  </si>
  <si>
    <t>b'\xbe\x13\xec\xf1`\xcd\xb5d4\xe6G\xee\xbbw\x9df\xd8B\xd4w\xb3\xe3\xf2\xec\xfd\x8a\x99+)Mqx'</t>
  </si>
  <si>
    <t>b'$\x1e+\xe9\xcb\xa4\x81\xf0\r\x00\x02\xc9&gt;\x1e\x11o\x97*\x90\xdal\x98\x1a\xa8\x92\xa0:\xbfu\x83\x1cN'</t>
  </si>
  <si>
    <t>b'q\xee\t\xc5\xeb^\x1a\xb7\x96;\x01\x8f6\x9e\xc8\xea\x96\r\x8a\x7f0\x93,\xf3\x9dY\xce\xc3QPO\xaa'</t>
  </si>
  <si>
    <t>b'\xbf\x97\x07\xeb\xab5n\x83\x9f\xeb1VA\x1aZ,W"\x8d\r\xe9\xe6+DXN\xf5\x92&gt;\xb6\x9c\x9b'</t>
  </si>
  <si>
    <t>b'5\x07C\xa9\x11C\xc2\xfe\x89p5U\x11\x85\xd2l\xe1\x7fc\xe2c\xb8\xbb\xc7\xa6\x8b\xddSOH\r\xdf'</t>
  </si>
  <si>
    <t>b'\x13\x0b?\x1bR\xf0\x03fe\x91\xe0\xe5y\xe6h\xbea\xb08\xddm\x95\\\xdd\x0b\xf9\xe7\xa5\x86\xdd\x1d\xdd'</t>
  </si>
  <si>
    <t>b'\xf3\xb3\xadw}6\xce\x89#\xccS\x0f*A\xe9\xc1}#\xfc/X\x9c\xb6\xe8\xf1\xcf\x80\xd8\x10}\xb1\xe0'</t>
  </si>
  <si>
    <t>b'wt\xea\x06~!\x14"\xc2\xd8\xa5\xd4\x80\th=\xd8\xfa{\xdc\x0b\x8b\xa8\x8b\xa2p\xe6\x84_\xce\xd9?'</t>
  </si>
  <si>
    <t>b'\x03\x0b\xdd\x1e\x82\xea\x90#;\x88\xb4\x12L\xb1[X\xb7\xe2d!\xa0x\xb3\xb6\xc6\xcb\x18Qb\xe8\xc7\x94'</t>
  </si>
  <si>
    <t>b'\xc3\xca\x8a/\x1b\xc11\xf3.J\xcf\x9e\xfbI\xec\x0f\xe6g"\xe8\xbbL\xb3R\x8c\xf3\x02h\x8a\x14\'\xc6'</t>
  </si>
  <si>
    <t>b'\xcakM\x9c\xb9\x88\xa7\xe1\x0c\xba\n\xe3\x8c/2\xef\xa1\x1bemd\xff\xb9\xf9S\x93\xb0\xb81c\x95\xeb'</t>
  </si>
  <si>
    <t>b'\xb0e\xe3\x98\xc1&gt;x\xd92(U-m_\x97\x12\x07\xa6\x05\x84\x17$\x12\xffv\xc79\xf1\\(\xaaw'</t>
  </si>
  <si>
    <t>b'\xf2\x06\xc3\xa0\x8f\xcf\x1fdd:\x10\x01\x02i\xb7r\xf2\xc5\xf4\x17\xee\x92\xd3\x98\x99C\x98k\x1dge '</t>
  </si>
  <si>
    <t>b'!\x81\x92\xc9\xb2d\xff\x0bU\xe0+\xce`\xf1wF\xdfr\xd0\x90\x02\xc8\x8db\xa8\xc3\xa7\x891zW\xbf'</t>
  </si>
  <si>
    <t>b'\x84\x04b\x85\t9\x9b\xcc\xa8O\xa4t\x80\x8b\x85\x99\xb0`\xe2\xbc[|\xab.6\xed\xbe\xdc\xab\x91\x9dx'</t>
  </si>
  <si>
    <t>b'\x04)\xf1\xa9\x07\xa0\xa5\x18\xe39U\x06wDu\xb8\xdb\xd6\xce\x18\xd5\xce$o\xd9\x12h\x84\xf2I\x02\xe8'</t>
  </si>
  <si>
    <t>b"\xd6\x9f\xb0:\xc9\x005\xb9\xabF\xf8\x8eJUqMp\r'\xb8\x04\x94\xddbW\xb4\xbc\xa2\x10\x12\xa1\xc3"</t>
  </si>
  <si>
    <t>b'\xa1\xa1\x87[\x9fcs"\xd3V}\xe6\xab\xaa$\x8f\xaa\xcb\x05:\xa9^+\x00\x1dj\xa3RSf\xb4F'</t>
  </si>
  <si>
    <t>b'\xe5\xe4\x06  \t4 N\x9aQ\x99r\xa8pep$/\x94X+\x04q\xd2`\xf3\xc5\xbe\x150Z'</t>
  </si>
  <si>
    <t>b'\x82\xef\xde}/0Y3\xc3P#\x9f\xc6\xf9\xa0\xc9\xc0d\xa7g\xf6\x85\x07A\xe3\xba_\xcd3\x02\xbf\x17'</t>
  </si>
  <si>
    <t>b'\xc0\x19\n\xa7H\\\x15\x01\x7f:\xe3)63&gt;\xcd\xf3P\xec\xed\\\xd61\t:\xe0\xf1O\xf2\xfc\xa0\xdf'</t>
  </si>
  <si>
    <t>b'y#D2x\x861\xe2\xc35\x91\x10JRD\x90\x93\xc0\xc1\xe0/\x0f\x8c\x9b\xe0\xdd\xff\xed\x04\xa9\x01\xe3'</t>
  </si>
  <si>
    <t>b'\xcbJ\xfb\x96\xfa\xc2\xb7d\xc5\x94\xb9Z\xd7\x90oIt~\xc0&lt;6\x89\x13\xa4\x07\xf0@\xceTO&lt;\xa4'</t>
  </si>
  <si>
    <t>b'\x94,\xb6rj\xe2\xa0Y\xf0\xf4&gt;iO}F\'\xb7\xcdsS\x0c\x8f#\xb6yu"\x92\x80"\x15\xbb'</t>
  </si>
  <si>
    <t>b'&lt;\x94Q\t\xe4w\xf5\x01F-\xfb\xa1B\xe7\x05.n)\x8f\xf2\x9d\xe5U\xc3\xa1ow\t#\xab\xb4\r'</t>
  </si>
  <si>
    <t>b'\x10\xea`V\x87\xf16\x8aG\x9f\x89\xf5\xae\xf3\xcaZke\xb86\xf3+\x90\xa6%\x90L\x1c\xae\xae\x88\xda'</t>
  </si>
  <si>
    <t>b"\x12\xc0\xe8\xf8}E|\xbb\xfd\x81\xaa\x04\xed\xae\xd3\x0bA?'\xff*\xefo\xf3\xfc/~\xa5\xfbr#\xb1"</t>
  </si>
  <si>
    <t>b'\xd5\x03\x9c\x81\x9f\xc7\xfb\xb0\x82\xdd\x10\x8b\x0e\xb5\xa7\xc6P\x92\xc5WR\xfbE\x14\xb1I\x9eP\x98\xe7\xbf\xed'</t>
  </si>
  <si>
    <t>b"7L\x9d\xd0\xf47\xf6\x7fSM\x1e\x14\xa9\xa1\xd8\xaf1tF\x9e\xd9$3j\xda'c\x92\xaa\x04G\xe6"</t>
  </si>
  <si>
    <t>b'\x8a+S\x9a\xe9\xa0\x8d[\xad\xb9\xc2\xf6\xb2X,\x81K&amp;\xe9Fn\x97\xff_\x0fxe\xd2\xa8g\xc1\xdd'</t>
  </si>
  <si>
    <t>b'L|{\x0e\x98tS\x90{\xf7\xa8\xd7\xe3\xd4\x84\x0f\x16/\xae\x9e\x05f\x0f\xefH\x99\xb5\xf7\xab\x8d\x15\x8a'</t>
  </si>
  <si>
    <t>b'\xff\xfc4\xddJu\x8f\xd9\x12\xc0Q)9\xac\xc8\xc3\x07&gt;z[\x90J\xb8N\xf4\xb6H\xb8\xa5\x05\x08|'</t>
  </si>
  <si>
    <t>b'C\x91F\xaaX\xefa\xe9&amp;\xa1\x9b\x99|Wcx\x8638\xc6cz\x88L\x7f\xfc2\xdc.v\x0eF'</t>
  </si>
  <si>
    <t>b')7n(/\x96\xe3}\xed\xa8\xca\xad&amp;\xbd0\x99@\xa8\xd9\x85g\xdeS\x1c\r\x19\xef\xb9"\x98\x85G'</t>
  </si>
  <si>
    <t>b"c\x01\x10\x10Qq\xe3m\x19;[J\x19\x82\x9d$t\xd0\x88\xb6\x9a\xf9\xc0t\xafk'\xf7^\n\x87\xd4"</t>
  </si>
  <si>
    <t>b'\x1c\x8f\xc8\xb8\xaa\x0c\x19\x99\xe8\xb9\xad\x0b\x81\x11\xe7\xd8d9\xef\x85\xd9\x8e\x0c\xfe\xe9nP\xf5&amp;\xf6\x97\xf4'</t>
  </si>
  <si>
    <t>b'A\x80\xb5\x17\xa4\x01\xba\x15\xed\x9c4\xb1Fx\x1a\xdc\xdf\xc4\x0b\xa3m\x12 \xe5&gt;_\xc2~\x85+\xa1\xdc'</t>
  </si>
  <si>
    <t>b'&gt;N\xcd\xb0\xe5N\x1dg\xa3\xef!\xe1\xddF\xbfX\x0f\xa2\xb6\x1f\x8b#\xec\xcf\xd0o,#\xac)W"'</t>
  </si>
  <si>
    <t>b'\x12\xd9\x13\xfb\xbd\xc58ZG\x18\x83{\xde\xef\x15\x8e\xf9\xf0\xed\xc1\xfa\xc7Vn\xd7\xfa3A\xbf\x06\xca\xc6'</t>
  </si>
  <si>
    <t>b'\xb7\xc1*\xf5\xcbX\xc0\xa7 \x0b1\x9a\x0c\x05\x91\xc3jXi{\xcd\xcf\xfb5\xcf\xfe&gt;VQ_\x90\x16'</t>
  </si>
  <si>
    <t>b'\xea\x1c\xb8\x87Z\x03:\xf4\xc48\x7f\x0f#\xccJ\xaa\x14a\xe0\xc6\x81[z\x1f\xcb\xcc\xe9B\x01\x0e\xd56'</t>
  </si>
  <si>
    <t>b'\xe8ZW\x07\x8f\n]\x8d\xa6oNfqi\xc2\xa4^\xdb#\xa1"z\x8b\x12\xbf\x8d\x19\xf6v\x1b\xbc\xd1'</t>
  </si>
  <si>
    <t>b'\'\x18W\xaf\x8em\xf9\xbe\xe0p\xba\x9e\xe7\x95X.\xaa\xb2\x1d\xd6\x01"D\x86\xe4m,&gt;\xf6~6\xe1'</t>
  </si>
  <si>
    <t>b'\xce[\xf2"3\x87F\x0f\x9fG\x1a\xbb\xcag\xdf\x93p\xf5\x97c\x0e(\xb9\x98H\x06k\xd8\t\x90\x06\xbc'</t>
  </si>
  <si>
    <t>b'6RRv/bP\xe8\x01\x06aq\xec\xfc\xee\xb6\xfb.\x1d|\xed\xb4\xd2\xd3\xb2\xd3\x0e6\xded$`'</t>
  </si>
  <si>
    <t>b')\xcb\xaf\xab:}RIV\xf5\xe3p\xdd\xe3l\x02\xec\xc4A\xb1\xa0\x97}t9\x98;0*\x986`'</t>
  </si>
  <si>
    <t>b'^\xaa)\xb7\x17.\xe4\xb7\xb4\x9c,\x8b\x9c\x01\x90kU\xee\xf2v%\x91\xd1V\xcaa\x0c\x89Q\xf9\xa4\x8d'</t>
  </si>
  <si>
    <t>b'\xaaV\x8c&gt;\xba\xdbO\xaa\x06\n\xcc\xa1\xb8\xc6a\x02D\x93W\x80\x86\xa5H\xb6\x97\xda\x0b\xa0F\x1dZ\xdd'</t>
  </si>
  <si>
    <t>b'\xe8;\x995\xaf\x96\xc9\x9e\n?_\xb0 \xcd\x17\xbc\xcd\x94\xe1\xd1\xd6U\x04\x1cX\x85\x1a\xf3h\xf9\x05\xc0'</t>
  </si>
  <si>
    <t>b'z\xac\x0bD\xa7p\xbb\xf6mi\xb9\x85\r+W\xfb\x9fSe\xf2\xceRQ\xef0v\xa1V#\xbd\x9e!'</t>
  </si>
  <si>
    <t>b'*T\x8b^X\xa5t\xc3\xde\xff-S\x045L\xc5\x82\x0b{\xee\xbe\xc3RVDn\xdf\x8d\x86\x1f1\x9b'</t>
  </si>
  <si>
    <t>b'm\xbe\x1c=\x1a\x17}hQL\xe0u\xd0B}\xe0+\xbf\x85\xf8\x91\x029\xba\xf3\x98\xd2\xe4Q\x942\x99'</t>
  </si>
  <si>
    <t>b'\xbd\xd5\xde\xbb\xa4a&lt;;\x17\xce\x0e\xf7\x975B\x82\xd9\xc1\x98Q\xca\x96\x89\xbd=\xed\xe7]\xa0\x95\xc0\x83'</t>
  </si>
  <si>
    <t>b'\xf3\nf:\x19Y*\xcb&lt;\xa2\x99\xb6d\x96h4I\x06\xc7\xbc\xb6\x8d%\xb3&gt;c\xd5\xe8d\xf66\xe8'</t>
  </si>
  <si>
    <t>b'n,A\x97\x0f\x1c\x08+\x92-\xe7/\xaeK1\x9d\xfa\x89]\xe7\xf5YU`\x14&lt;\xb1\xb0}\xb2\x8f\x0c'</t>
  </si>
  <si>
    <t>b'\xcf\xfc\x87\xaaR\xb2\xd2z\xf3&lt;\x17h\xeb\x8e\xc1n\xf9\xcf\xa8\xa7^\xc6\xa9\x04W\xbdOz.\x03\xbf\x87'</t>
  </si>
  <si>
    <t>b'*zp]T\x95\xa1\x9f\xca\xe6\xfb\xe9\xd0z\xc6E\xb3\xec\x03\xa0\xff\x01-w9\x0e\xc9kr\xd9\xaa\xf7'</t>
  </si>
  <si>
    <t>b'\xca\xf2\x10\x08\xb4{\x9fC\xce\xdb\x99\x89 \xbc\x96\x19\x81\xff\xba\xa7\x1d\x14d\x9d\xa4\xa4!\xad~\xc4\x87\xea'</t>
  </si>
  <si>
    <t>b'\xae\xe4\xc4\x1e\xa9Y|!\xf6\x90|R\xe7-\xe0\x1e\xdf\x80\xd1\xb3\xeb\x81[S\xac\x91a\x1d\xa1\x19\x0c\x80'</t>
  </si>
  <si>
    <t>b'fc\xc4\xba\xa3,\xc7\n\xd5\x18\xa5G\xf0\x92X\x15\xb2\xc3\xc1\xe8?@\xbb\x829\xe3\x86E\x97\x80\xc0\x11'</t>
  </si>
  <si>
    <t>b"@\xfb\xf2\x16\x89\xf5\x8d^\x91\xbf'\xf3G\x84\x17b\\\xacUBM\x93Ln\x9c/X\xbd\x93\xcb\xed\xc9"</t>
  </si>
  <si>
    <t>b'\xe2J=\x01\xf1\xfd\xf7\xe2@\xf8\\\xca\x8f\xfa\xca\xe1\x8c\xcfm\xbe\x127\x81\x9c\t\x9c\xc0/v\xb5T\x8c'</t>
  </si>
  <si>
    <t>b'\x82\\;Mr7ZpO\xe1\xda1lk\xa0b\xf0\xd0\xad_F-\xc78n=Dd\x146[)'</t>
  </si>
  <si>
    <t>b'B\x9fP\xc16L4\xa7\x16&lt;t\xfdb\xf2H{\xf8\xcelJ\xda\x83_\xe5v\xc5\x89\xb98\xc8\x87\xc5'</t>
  </si>
  <si>
    <t>b'\xcc!\x18~\x14\x9f#Q\xae\xa9\x88\xed\xe8\x9c\x9c\xa5\x0c{\x9f\xb4\xb3\x04\xd4\\\xa3\x9e\xfc\x8f\x92\x8a\xffC'</t>
  </si>
  <si>
    <t>b'\x19L\x7fj\xdfE\xd9\xe3\xb3\xb4w\x02\xb3\xa3\x90u\x82\xc0;\xca0\xdeN\xfb\xcd\x8fR`\xb64\xe0\x9f'</t>
  </si>
  <si>
    <t>b'D4@\xab7\xec\r]\x8b+5\xa1\xcf\x8e\xf3\xa27\xd2TF\xb1"\x9b\x88\x1d\x82\xd6mF\xcc\x81\xb9'</t>
  </si>
  <si>
    <t>b'\xd5t\x9b\xfa\xed\xf3\xf9\n8\xfe\x89\x17\xb0\x1a\xb8\x85\xa3\n\x856z\xa7Pem}\x8e5\xeb\x02\x05\x02'</t>
  </si>
  <si>
    <t>b'\xdd\xfd\x08Ye\x89My&amp;%\xf9\x03\xb8\xc5\xea-x\\\x06\xd5\xc7\xd7_E\x04\xe2\xcd\n\xb5\xd1@\xb3'</t>
  </si>
  <si>
    <t>b'^-?\xb1z\x91!)\x08\xec\xd7\xa2\x9c\xd7\x1b`$\xc9\xe9*\xab\x81vxd\xe9v\xc0\xd7\xe91\xe9'</t>
  </si>
  <si>
    <t>b'\xdb\x8e#\x0f#\xdf\xe0\xa2m\x1a@\xeemN\x10Vsl=\xfc\xfb\x9b\x86\xab\xba,\x1a\x8c]F\x88h'</t>
  </si>
  <si>
    <t>b"u\xb6~\xc3\x86'f\x18w|\x0c\xd1\xc8\xc5\xe1\x12\xb7z\xed\x1a\xcbV\x93\xe9\x05Yh\x0b\xd2@ \x00"</t>
  </si>
  <si>
    <t>b'\x98\xc6\x99\xb8#"\x16\x86\xf7\xcf\xb5\xf2?\x08\x99\x7fk\xe0Q\x01\xca\xf7c+Q\xb7\xf5\x8cnes['</t>
  </si>
  <si>
    <t>b'\xd5\x1a\xda\xc7\xca\t\x10Q\xbc\x1a\xd1R#8\xb4\x81cR\xd7\xe67\x1f\x03\xa9\x07\xd9\x16?pQ\xaf\x8c'</t>
  </si>
  <si>
    <t>b'w\x88&lt;\xfc\x0f\xa4\x17\xf2\x17\x03w\x19QH\x00\x93\xb1\xab\xb1U\x12\xb0\xb1\x856v\xa3\x14\xf2\xf8\xb0\xed'</t>
  </si>
  <si>
    <t>b'Pa\x9bF\xa2\x91I\x95\x1b"\xefR\xd9\x9e\x04\xdb\xe7\x9cL\x07\xeb\xc4\xff\x1e$\xe4\x9dE\xab\xcfO\xbb'</t>
  </si>
  <si>
    <t>b'\\G\x16\xc4&lt;\x19\xf6h&amp;\x80`*\xe0\xfd\x9b\x93Hn\x7f\x1b\xd2\xa8$F\x11Z\x06V\xbc\xcax\xd9'</t>
  </si>
  <si>
    <t>b'\x93\xc48\xfe\x04\xe6\x93(\xf9\xaa\xfdB\x04\x12\xefnlP\xdaNt\xa4X\xabp`\xa9\x01\x16$\x85\xcb'</t>
  </si>
  <si>
    <t>b'h-;}\x10%\x9f\xdd\xd1\xc9\xc7\x0f+\x17\xa7\xe3P\x83s\xb6\x82Io\xb6\xf2\x08\xbc\x1d)\xcfmb'</t>
  </si>
  <si>
    <t>b'k\xa4\x1e\xb5x\xee\xeaU\x1f\xe3\x9c\x95Zm\x87O\xf9\xbaE\x99\xdf\x85\xe9\xce\xca\xa7\xc6jg\xac\xb7\x88'</t>
  </si>
  <si>
    <t>b'$\x03\x90\xf0\x8fI\x01\x8c\xcf9\xe1C\x1c\xc1\x04\x12\xecv\xc9\x9e\x9b6!e\x7f3{\xe4\x915\xe7\xa0'</t>
  </si>
  <si>
    <t>b'\xd7\xeci\x0fn\xb9fxi\xfca0m-\xf8nz\xcb\xbb\xee\xa5lt.M\x8c\xf4x\xa1H\xd3\x82'</t>
  </si>
  <si>
    <t>b'\xbeS&amp;3\xb4\x9f\x08cL+\x1e\x99&amp;\xf6\xab2\xfa\xf00m0\xbd\x1d7\x00\x05\xec\xec\xd5\x85&gt;\xa4'</t>
  </si>
  <si>
    <t>b'\x1f\xa2y\xcb\x9b\x9a\x95|r\xf6R6\xc1\xdf\xb6\x980\xad\xe9\xc4?\xaa]\xc4\xb9\x16zw\x9eM\xab9'</t>
  </si>
  <si>
    <t>b'\x82\xa5\x9a\xfb&gt;*g1 5\xaeo\x7f\x92\x81\x1f+\xf3\xb0\x04s\x06\xa7\xed\x98)\xd0cV\x03\x11\x12'</t>
  </si>
  <si>
    <t>b'\xd2h\xac$/)\x07a*\x9bk#\x04S\x1f#\xf4\x12\xef\x7f\x02\x06\xa2;Z\xba\xfa-\x96\xf6\\\xab'</t>
  </si>
  <si>
    <t>b'\xa3\x13d&lt;\x1a\x8f\xe1x\x08\x96\xaa\x07f\x17\xe0\xfc\n\xe9\xf9\xb1\x17\xc9\x90\xfa\xd9y\xd0\x8e\xa6\xf3\xba\x8e'</t>
  </si>
  <si>
    <t>b'\xa2\x04\xb5\xe8 \x88\xf3\xfe\x8e\xd3\x8d\xaa\x14\xec\xfaTi\xe1\xbe_\x99\xb8R9y\xf3\x1bI\x88,[\x90'</t>
  </si>
  <si>
    <t>b'\x9a \xe0[\xee\xd1\xe8\x90\x0f# fA\x95\x8bo\xdeq\xb9S1\xe5\xdf\xcbA\x86)\x1chH\xe5\xb9'</t>
  </si>
  <si>
    <t>b'=\xa5t\x1amc&gt;n\x94\xac\x98\xa5\x8a\xd5\xdf\x8c\xe2\xae\x90\xbcy\xf8\xd76\xbb5.\xa7@\x9a\xb3\xef'</t>
  </si>
  <si>
    <t>b')C\xe3M\x9c\xbb\xe5g\xfe\x99*\xea\xcd\xf4-\xd4vKMj\x059\x939\x0b\xcbj\x08\x93\x94\xde\x10'</t>
  </si>
  <si>
    <t>b'\xa9d\xd3\x86\xfe\x8d\xa1\x89q\xfa\xeb!\x8a-&amp;W\x9f\xbc\x96\xb2Qgh\x8d\x91\xfc\x93W7\xe5J9'</t>
  </si>
  <si>
    <t>b'\x0b8^B\xfb\x949\x86+\x9f\x9c\xfb\xc6\xbc\x80\xe32\x06\xd8\x8cY\xba\xd1\xe337\xc78\x91\xbf\xcfe'</t>
  </si>
  <si>
    <t>b'^Jh&gt;\x97\xe47\x19\xdd\x0b\xa3\x17\x03m\xc1\xb01\x98\xb3g3?@\xe2\xfe\xeb\xe3.\xael\ra'</t>
  </si>
  <si>
    <t>b'\x81\xd4\x81UO\xc7\x815c\xf5ci\xc6\xd7\xbd\xb2-\xf1\x97z_mZ\xeey\x07\x19[\xba\x985W'</t>
  </si>
  <si>
    <t>b'\xcc=\x92h/.\xb8*\xa7\xe4\xe0\xd7\xf8\xf1A@s\xd2\xe5\xf4\xb9\x9fM\x0b\x18\xbd\x08\xf3\xeaQ^\x0c'</t>
  </si>
  <si>
    <t>b'\x0e2\xa3\xfd\x94VwY\xcd)\xb0qI\x11\x1f\xc5\xeeo\xc7\x1e\xe7\x1f\xc1\x97\x108\x80\x98i\x8f\x8c5'</t>
  </si>
  <si>
    <t>b'\xb5vb\xc3\x93\x7f\rR\x0c\xff\xb4\x93[X\xc9\xb16D\x0em2\x93\t\x84\xf7z\r\x8dQ\xc6\xc7\x8f'</t>
  </si>
  <si>
    <t>b'Q\xe1\xf4\x81bg\x88\xe5\xb2\xd4&amp;}i\x99\x96\xe2\x17\xd0\x8b\xc1[\xd8\x90N\x99|)d*\x12\xef\x13'</t>
  </si>
  <si>
    <t>b'\x0c\xae\xe6\xa8\xf8\xbd=!B?\x19D6\x0e\xb6\xce\x95\xae\xcfV\x86&amp;\x8d}G\x1b\x13\xe4\xe1\xb8Oo'</t>
  </si>
  <si>
    <t>b'XuX\xc8\x18\r\xb9\xc1\xf6.yD\x9aT\xde\xc8|\xa6\x8e\xce\x0f&amp;\xe7D\xe0$\x97\x0b\xea\xfc\x11\x97'</t>
  </si>
  <si>
    <t>b'\xb9\x04\x02U7\xd7\xde\x1dM\xa7\xf6B\xbc\xfac\x8fV\x94J\xefF\xce}}\xa8\xb2B@h\x1b\xe7B'</t>
  </si>
  <si>
    <t>b'\x8d\x15\x87\xfb\xae\x9d\xe7\xab\xcb\x87\xdc\x1e\x96+1\xf8i\x06qJ4\x05\xbb\x19\xbff\xf4W\x91\x1bi}'</t>
  </si>
  <si>
    <t>b"\xf8\x997\xde&lt;\x93pp\xef\xce9\x7f\xc5\x82Y\xd7\xceV\xf9\xba'\xf4\xf7\xdd\xdb\xe0\xd1+v?\xe2Q"</t>
  </si>
  <si>
    <t>b'\xbe\x84(\xb3]hc\x7f\xb6\x0e\xf0-\x0e95\xf9N!\xc8\n\x8fY\xa4\x08h\x06\x80\x81\x86\xc58\x9e'</t>
  </si>
  <si>
    <t>b'\xbf[\xa5`\x84^\xe7\x86\x9c\x8b`+Xl\xb0SF\x1d\xf3\xb6\x97I\x86\x05\xfd\xff\x06?\xc8\x80\xcd\xc9'</t>
  </si>
  <si>
    <t>b'\x01\xe9\x98n\xe1\x16\x05S\x00\xc5\xe6S^I\xee\xc9\x12\xf1r\x92AX\xc4\xcbM\xcd;\xdfy\xad\xb9t'</t>
  </si>
  <si>
    <t>b'\xc9\xef;\xea\x8c2\xe9\x1e\xf0z?~\xce\x17\x1a\xfb)\xb8&lt;$ \xb1\xa9\xd29\x8c\xd9\xf8\x96\xdf\x9f"'</t>
  </si>
  <si>
    <t>b'a\x1a\xde\xcd\xf6$t\xf1"\xdcM\xc5\x82\x9d\xd8\x82\r\x94c\xc7\xa4\xdeA\xe3\xc1\xb8\x8d\x8e\xac\xfbs\x8e'</t>
  </si>
  <si>
    <t>b'\xbah\x19\x07\xb8QMk]-O?\x8f\x0e\xf8X\xe6M\x81d6\x97\xee\x0f:\x82\xae\xa1Jw\xa0['</t>
  </si>
  <si>
    <t>b'\xe4\xcf\x16\xd9e\x18+\xa3\x9e\xa8\xb8_7\x95YFv\xdd;\x11\x8df\x1b\x89e\xff\xaazOG\xfeS'</t>
  </si>
  <si>
    <t>b'\xb2\xf3)]\xb6t\x0fA\xe0\xaf4bh\x07\xdeR\n\xd2Q\xb7\x1e\xb4\xb3\xe1\x8f\xd5S\xe1E\xbf\x94Q'</t>
  </si>
  <si>
    <t>b'\xbet\xf8xz-9\xdb\xf5\x0fG\xbd\\\x12e\x7ff\x18X\x8b\xbe\xce,"\x18\xabBA\xa7~\xef\x91'</t>
  </si>
  <si>
    <t>b'\xa6L\n("Z\xd3\x83\xb0\xefy,\xb8\x9al!\xe4y\xfd\xac\x95u\x9c\x9eB\x80\xcc\xd1]\xdb\x07\x90'</t>
  </si>
  <si>
    <t>b'\x18\xe6\xc9\xdcL+v\x89\x1a\x9cP\xf7\xa0.\xe6\xad\xcf\xb0\xc7\x8c\xabKc\xb1\xa7\xf1\x06\xed#\x879y'</t>
  </si>
  <si>
    <t>b')G\x1d\x1f\xff*\x01o^\xf0\xfd\xd6\xf6h\x13\xe2A\xd0\xafD~\x8f\xc3\x16e\x18\xcb\xa8\x9c\xa3\xd2/'</t>
  </si>
  <si>
    <t>b'\x95\x03\x8cb\xa2\xe0\x05^]N\xb3],\x94\xeb\xfe\x850 z\x9c\xcc\x81\xb8\x8e\xdbl#~\xc1f\xe4'</t>
  </si>
  <si>
    <t>b'&lt;\xf7\x86\xb7\xab\xcc\xb8\xcb\xe1e\xb8&lt;\xf6c\x96\xa9\xc2*\x0f\x8e\xfa0\x1e\xc5;\r]8O\xdb\xeb\x86'</t>
  </si>
  <si>
    <t>b"R\xe1\xcaO\xf3\xe9`\xcaD'\x9b\x11v\x94\xc3.#\x03\x7f\xb31X\x85\x00\xc3\x13\xba\xc2\r\xe5\x14\xb5"</t>
  </si>
  <si>
    <t>b"D\x95\xe8\x87';\xab\xbb\x7fJ\xe3\xb1\xf1\xe1`\xea\x86\xf4\t\xde`@\xca\x85\xe3\x0f\xfaV;R\x02c"</t>
  </si>
  <si>
    <t>b"~p\x98\xc9\xf7Q\xf3G\x89g\xa1\n\x01K\xba\xf4\xba\xf5\xa0\x971,\xb9\xedb\xe36'\x90\xe4E\xbf"</t>
  </si>
  <si>
    <t>b'\x85\x1b?_\x90\xa0\xfe\xae-\xd4[\xd1a\x84x\xd3dp\x0c\x8e\xc4cj\x82\xc0\x92\xdd\x8b\xde.U\x15'</t>
  </si>
  <si>
    <t>b'\x0e\xb8\x03Ln\x12\xaa,\x8b\xb5D\x93=\xa1\x95\xdf\xc3\xa5_\xfd\xc0\xfd(Bx\x9b\xffn\xeb\xf7\\\xe1'</t>
  </si>
  <si>
    <t>b'\r_)\x0e\xa0K\xb0\xcfu\x9e\xef(J\x18\xbc~\xf7\xe5\x95LjY\xd2\x89\xa0\xafYR\x90jG\xb0'</t>
  </si>
  <si>
    <t>b'\xcf\xf4\xaeJ\xa49\x04\x8a!\x8eo3\xa9V\xc2\x07E\xc3\x17\x90~_\x8b\x87[\n\xb9u\x0cH\x9b@'</t>
  </si>
  <si>
    <t>b'\x9c\xdf2&amp;e\xe3\xda\xd9\xf7\x8f\x8d\xa4.\xc0\x18,\xf1 Xdw\xce\x82w@&lt;\x9f\xe3\x8b\xfd\xa7\xe8'</t>
  </si>
  <si>
    <t>b'\x7f\x93\x14E\x12\x07\xbct@\xd7\xdf\xaa0\xa8)\x99M\x04\x00K\xfb\xa0=\xea\x86\x93J\x96\xce\xc2T\xf4'</t>
  </si>
  <si>
    <t>b'\x91\x16\x03yi\xf9*\x80\xe1\xebCa,@\xdaM\xee\x1c\xb5K~ a\xa1\xbe\x8eONZ\xc5!3'</t>
  </si>
  <si>
    <t>b'\x94{(\xf6\xbbW6\x85\xdb..\xe0\x89\xf8\xb1+\xe1\xa8=\xc5]nu\x07_\x8e\xf8\xbahU\x14\xf1'</t>
  </si>
  <si>
    <t>b'\x1e`\xed\xdd\xf7\x96$\xdd\xe1\xf2u\xab\x11\xe6X}\xb4\xc0\xec7\xd1\xe3g\x84\xcf\x92\xad\xac\x16\x00u|'</t>
  </si>
  <si>
    <t>b'\xe4\x05\x1a\xbc\xe6\x00\xf2\xd6\xb7\xba\x91\xba\xfe\x95\xb8\xdba\xc6\xe3:\x9a\x88\xb2\xfceaLd\xf0\xfe\x97,'</t>
  </si>
  <si>
    <t>b'^Ul\xea\x83\xd5~Q?\xf9HM\xaf\xbeY\x14\x9aF\xaeu\t@\x9fZM\xed\x0c\xec\xcd\xd7\xe3\n'</t>
  </si>
  <si>
    <t>b"nj\x8f\x8c:\x18\xd1\xbe\xfb\x9b\xa7B\x91'\n\x99j\x11\x1cU\x9e\x10\xf7\xc3\xa8\x1dZ&amp;7\x1fQ\xa7"</t>
  </si>
  <si>
    <t>b'\x8aR\xb9\x8d\xf0\xc2\xf8W\x88K\x1eU\xaf\xbb\xba\xe5\x97\x98\xfal\x86KR&amp;\xb5\x00\x9c\xf8t\xe2Ja'</t>
  </si>
  <si>
    <t>b'\xa9@\xd3\n.%\xe3\x91y\xf2\x9d\xf4D`\xb2J\xda\xc0By&gt;\xdf\x14fq\x92#i3Os4'</t>
  </si>
  <si>
    <t>b'9Zih\xa9\x99\x975\x04\x183"\xd9\x12:q\xd3\x8c4\x8f\x99:O\xbb\xf3_4!\x1cXg\xf7'</t>
  </si>
  <si>
    <t>b'\x92\xff\xd0|Vo\xd8\xb3\x1c\t2F"\xb1NT\x13\xfbt`\x9aJ\x99\xcc\x05\xbb\xb2\xd6EAt\xbf'</t>
  </si>
  <si>
    <t>b'\xeb\x80\xf3$\x1b\x1c\xfe\xb2[\xbd\xe1Uk\xd1\x05\xa8\xd0\xef\x9f\xc0\xe74V\xd7\xa4\xaa\x81\n\x00\x93\xbc\xf4'</t>
  </si>
  <si>
    <t>b'\x8a\xd2\\\x8e\xcc\x0228|\x81\x8fb\x8b\x1b\x9d\x81\x0fT\xa1=\xd1\x1c\xd9\xaf\xbdHR\x85\x17]$\xfe'</t>
  </si>
  <si>
    <t>b'\x8d\xd5\x05\xa5\x92\xf8\\\x03)\xb7a\x1c\xa3[\xb7\xedXe\tB\x9d\xe5\x1d\xde\xbc\x91ri)U!\xc0'</t>
  </si>
  <si>
    <t>b'\x8eA\xe8u\xd88\xee\xac{\xe4P\xad\x8e\x0fl\xb7\xda\xdc\x03\xcd\xbe i\xaa\xd1\xfeU\x0b\x95G8\xe0'</t>
  </si>
  <si>
    <t>b'\x0f\xfe.|\x96\xcf\xa2Xq\xb5:\x11\xb5\xfd\x9d-p4J\x06\xec\xf5\xa3\xa4\xc9\x14\x8d\xf8Be\x9d\x17'</t>
  </si>
  <si>
    <t>b'\xfa\xde0Kph^\xb2\xa0\xd4\x88\xfb\xfa\r\xfe%\x1e\xbe\xc1r\xb5.\xb2)\x1b\x06\xf7w\x0c\xfep\x1a'</t>
  </si>
  <si>
    <t>b's\\\x87J\xb9T\xbe\x9d-\xd8\x05J:J\xb27\xfd\x0e\xd4YUi\xca\xb0\x80G\xa8\xfca\xfb\xea\x0b'</t>
  </si>
  <si>
    <t>b'upQ\xc6\x7f\xaeod;q0\x10\xe2\x1dd\x1f\xf8+\xa7\xdd3\xb85\x10\xf6N\xfa\x97\xcd\x11&amp;\xe8'</t>
  </si>
  <si>
    <t>b'/\xd1MJY\x81C\tA\xe17\xd8\xe7\xc92\xfb\x7f\xe5\xaa\xfe\x92_4\x83\x81G\xa3\xab\x9cN\x1c\xe9'</t>
  </si>
  <si>
    <t>b's\xc4)\x97C)].\x96&amp;W0\xfet!\xa2\xa1+\xab\xecL\xe8]\xcd\x14,1\xceHL\xee\xc2'</t>
  </si>
  <si>
    <t>b'\xdc\xf45Xi\x10~\xe8Nh\xfa\xdc\xd3W-\x91\xda\x9fw\xc4N\xf8U\x12\xa1\xed\x92\x9cT\x0b\xc8a'</t>
  </si>
  <si>
    <t>b's!U\x173\xf6\xb7\xa4u\x15*\xd8\xebK\xf6\xc8G{\xd3\x10m\x86\xdc\xf0\x06\xe4A\x03\xee\xc6$\xc1'</t>
  </si>
  <si>
    <t>b'%}\n\xfbs\x90\x0e\xc4\x1b\xe2\xb8X\x895\x16i"\xbf\xee\xc0&amp;\xa8h\t\x84\x8d\xa4\xb5\xc6\x9d\xd0\x04'</t>
  </si>
  <si>
    <t>b'\x1b\xbe\xf6|\x11\xbc\x07m\xe9/e\x9b\x0b\xbe`\xa0\xbf\xd1\xc4B\xb8\x99(W\xb4\xbf\xbb\xf2\xd1\x11\xd7\xda'</t>
  </si>
  <si>
    <t>b'K\xe6i\t\xab!\x04Duaw\x9eo\x9et\x14C\xefE\xed\x9c]\x7fyp\xa6\x9f\xf1\xf4\x08\x00H'</t>
  </si>
  <si>
    <t>b'fE\x94\xfap\xc6px\xe3q%\xbb\x92\x92\x84\x16V\x8f\xd5H\xe7\x82\xf9%\xfd\xbd=J\xea\xb4\x7f\x14'</t>
  </si>
  <si>
    <t>b'\xb5(\xea\xb0\xea"\xfe\x02L\x87\xc6s,\xcf\xe5\x9a5\xc1[,Bp\xcf?\xcc\xe2/qb\x8a\x01-'</t>
  </si>
  <si>
    <t>b'\xc9m\xd7\xd1\x8a\xa0\xfbI8\x8d\xc8V\xd0\xc6\xf6G\xd5!\xbbk\xa2]|\x1b\x94\xe5\xdf\xc3\xc6\xab\xd7\xe5'</t>
  </si>
  <si>
    <t>b"\x03P*\xfc\xba\x88}\xb3'a\x9b\xa0\x1e\x1am\xb3p\xf7a\xed\x1eO\xb2B\xa6\x12\xa8E,\x9es\x05"</t>
  </si>
  <si>
    <t>b'8&gt;C\x86^@b\xf2R\xc8\xeb\x03+|\xc7\x0f\x11\x86IVZtQN\xb9V\xe5~\x86\xa8\x1c\x86'</t>
  </si>
  <si>
    <t>b'\x9d\x15\xf2\xe1\n!\x14\x88\xa0\xaa\xb2\xeceE\x86c=s\xc9\xfaf\xf9S\xa0\xc6\xa4\xfb\xd2\xfd\xc9\xd8\x97'</t>
  </si>
  <si>
    <t>b'\x92v\xfa\xb6\x01z\xfdm\xe6\xa2\xa1%\xcd\xa5\x84\xbc\xe0r\x15u\x9a\x18c\xa6\\\x94\xe5\xa5x\xcb\xdae'</t>
  </si>
  <si>
    <t>b'\xa0\xee\x1c\xbdI\x94\xc1\xcb\xd8\x8d\xde[\xba\x7f\x99\x89.\xedL\x9d$vH\x14\x140n\x07\t=\x83\xea'</t>
  </si>
  <si>
    <t>b'\xd0\x8a\xff\xbf5+\x8c+G\xb81\x05\xde\x9bE\x9d/\xc8\xae\xf7\xcdh\x92\xa8;\x83\x9cz\xef\x97\xce\x17'</t>
  </si>
  <si>
    <t>b'r\x16\xa4!aw\xfc\x8aOD\xc4/*\xaf\xc4\xc3l\xdd2\xd4\xe0#\x92\xad\xaerZ\xaa\x01N\x01\xe1'</t>
  </si>
  <si>
    <t>b'\xcf\x19\x0e\x89~\xbf\xf5\xeb\xae\xb5\x8e\xfc\xf1\xdfB\x804k6~}_!\x01\xe7\xc2s\xd3\xde\x82\xa9}'</t>
  </si>
  <si>
    <t>b'\xd1\x81\xa6c\xf0\x1be\xeb\xd5\xb1~g\x95\xcc\x8a%\xcb$\x1f\t\xf7\xdct\xc8C=\xe7\xa1\xe6\x13\x07\xbf'</t>
  </si>
  <si>
    <t>b'o\x0f\xfe\x8a\x93M"9\xe9\xa6v \xbe\xda\x01z\xb9\x80\x88\xaf\xde\xcf\xb4\x92U\x11\xc2\x8b\x8b\x12\x07\xe1'</t>
  </si>
  <si>
    <t>b'p\xe3\x04k\xfe\x80\xa2u\xc1\xc8%\xc4PL\x9f\xb7b\xc0\xcb\xf3|:\x89~1 \xc7\xba^h\x13\xc3'</t>
  </si>
  <si>
    <t>b'\x12LjH\xe4\x0c&amp;|F\xc6\x9cQ\xf2\xbe\x12\xd22.L\xf1\xa9\x02De\xee)G;\x86\xd7\xcd\xd0'</t>
  </si>
  <si>
    <t>b'B\xf89\x03;\xec2 ! \xad\xb2\x93yI\x19\x13\xfb.!\x80Z\xf2\xd6\x07\x17R\x9f\x88\x93\xb2\xfc'</t>
  </si>
  <si>
    <t>b'\xdc\x0e\xd3\x80\xc2\x92\x07\x91R9cA\xf5\xdd~`h\x8f\xba\xf3~\xe7\xfdp\x11\xa7\x0c\x131\x17\xe8C'</t>
  </si>
  <si>
    <t>b'\xb5q\x16%V\xb4\xa9\x1cO\xe9\x06\xb3^\xe2t\xa6\xa4)\xf0\xa48UM\xebbH;$\xbb`t\xcf'</t>
  </si>
  <si>
    <t>b'\xaac\x87\xa2\xf2\x98\xca\\U+r\x7fH|\xe7\xb1\n\xd4\x9e\xcf\xd9\xd6o\xfd\xb1\xf5O\xcf\x7f)#\xa1'</t>
  </si>
  <si>
    <t>b"\x92\xb9\xbe\xe4\xcb\xb8\xbc\x00\xba\xaeA\x82\x13h\xd2\xd3\xe0\x10\xea\x9e'\\\xf9\xe18\xd6\x0f\xa7\x9c\xe1\xd7H"</t>
  </si>
  <si>
    <t>b'\x86e$\xcfE\xfe\xbfCi\x9f}0;\xbd\xa65\xd9\x0c\xaaz\xe7B\xbc\xbf\x18\xcf3\xab\xd4\x0e\xcd\xd8'</t>
  </si>
  <si>
    <t>b"\xf2\xe4\xf7\xa0\xd7\xd6N\xda\x00p\xe2\x05\xb5\x9b\xbfA]I\xd3fN\xbf\xc7\xc3'm^G\xdd\xc2qe"</t>
  </si>
  <si>
    <t>b'\x1b\x8d\r\xee\x81\r\x82I\\\xa7\xaayN\x13\x13j8\x81\xf1\xecx\xc2\xcc\xd9o1\xbe\xc3-\x1f\xcb*'</t>
  </si>
  <si>
    <t>b'I\xf5dC\xed8J\x10\x0bA#-\r\x1a\xcad\xcb\x8d\x1b\x86\x92\xeep\xa7\xaf\xbb\xf1q`\x14\xe0`'</t>
  </si>
  <si>
    <t>b'\xeblRsC\x03\xb1\xe4\xda\xbd\x84\xa0\xec3\xf1E\xb1\x1c\xb2A\n7\xec\xc24\xbd\rT\xd4\xc2\xd1\xb6'</t>
  </si>
  <si>
    <t>b'80\xe2\x81\x08\x08g\xf5\xdf\xb0g\x84+\x18\xf6*\xac\xfc\xd4\x8c\xe1d\xd0g\xe6\x9cg#\xf4mI\xfa'</t>
  </si>
  <si>
    <t>b'}\xd6\xb7\x7fs\\/Y\x1d\x8c\x07\r\xa8\x99\xe9\xb7\x03\x8b\x89\xd8\xcc\x1d\x0f\xfc,\xbf\x96$Q\xc2G\xd3'</t>
  </si>
  <si>
    <t>b'\x9d\x83.\xac\xff\x02\xe4L\xdbb\xa9\xf1\x90\x1c\xed\x1f\x8d\x86{\xd3\xb5_J\x9a)\xfd\xf6\x01\x15\x16\xfd\xe0'</t>
  </si>
  <si>
    <t>b'\xf0\xf4\xd2"\x1b\x99!R\xb0\xaa\xb2\x1f\xc5\xffX\x8f\xd4\xf1\xedoE\xae}\xb7\x9dr\xf7\xb9j\x96\xa3\x06'</t>
  </si>
  <si>
    <t>b'\xc2@\xae\xf6pWg\x91\x83\xb2YTc\xa7\x84\xd4\xd1\x13\x97\xaa\x98,@\x17\x19N\x0c\x89\x1d\xd50\x0c'</t>
  </si>
  <si>
    <t>b'\x1b%\x1c\x00G7\xd0\x93\x8dtx5\xe4\xa3\x95\x16\x19\xe6M\xa8\x1c\xd7.\xf2R\x9a\xd3\xeb\xb5D\t\xc4'</t>
  </si>
  <si>
    <t>b'e\x84\xe2\x92\x84\xa72\xf3\xb4`\x1eo\xbe\xf7!\xd5\xfb\x8c8\xfb\xa5\x8c\xff+$\x11\xd6\x9f)):\xb9'</t>
  </si>
  <si>
    <t>b'\x1bN\x18\x8e\xf9\x05\xe2\xce\xd3,\xa41\xef\x9d6\x9d\x8f-H\\"\xbb"\xcd-\xadtn\\\xa5\x81\x16'</t>
  </si>
  <si>
    <t>b'\xdc\x92\xa9\x92vr&gt;\x88is`[6yl\xa4\xcf\xe8\x1e\x18\xe4\xc4\n\xd1\xc06\xfb\xf4\x17/\x8eM'</t>
  </si>
  <si>
    <t>b"\xdaM'\x0e8\x1b\xe6\xb3\xf4\xba\xec\xb4\xdc\xd5Q=\x0c\xe6z\xe0&gt;|\x0fG\xdf\x11\xd4\x84c\x80\xec\x06"</t>
  </si>
  <si>
    <t>b'\x82\xa4\xfa\x9e \x94\xf3)\xb5\x12\xe5\xec\xac\x81\xc2%\xec\xdc\x99\x87%\x14\xdd\x07\x1a\xe2\xfaj\xb9\xcb\xcb&amp;'</t>
  </si>
  <si>
    <t>b's\x9fvU\x8d\xe1\xbb\xa2\x95*\xad\xd8a;t\xb1-\x13\xaem\xa7\x18W\xcf\xc2\xc1&gt;Sc\x93o\xfe'</t>
  </si>
  <si>
    <t>b"\xc4\xa4\xaa\xdf~}\xcc\xccL\xb3\xad'\xc3\x9a\x97\x8b\x8e?\xda\xbe~d\xb4K\xe3\x18\xe4~\x0f\x07\xb0_"</t>
  </si>
  <si>
    <t>b'\xfd\xbd\x9e\x8b\x03\xe6\xb5UP\xc3\xb7\xce:\xb4\xa8\x88\xd6~\xcfN[\xaf\xc1b\x8cF\xc6s\x91\xc9o^'</t>
  </si>
  <si>
    <t>b"\xc4\xeeq\xc7\xca%\xb6D;\xf6\x8c]&amp;Q\xee_\xecA}\xcey\xb5\xd8\x8a\x9adx\xd7\xf0+'\xfe"</t>
  </si>
  <si>
    <t>b"\xde\x1d\xb3\xc3\xe9M2\x10f\xfcL\x80-B\xf1\xf3\x8aY\x1b'\x89\n3A\xb7\xec\x8b\x0fA~\x16\xea"</t>
  </si>
  <si>
    <t>b'\t\xb8x\xb9n\xc8.\xa1\xf5AM\x9d\xb7\xb6\x8bNQ!\xba\xe4F\x95@\xb6\xc8\xafV2\x90\x11\x01\xab'</t>
  </si>
  <si>
    <t>b'\x8d^\x93\xf0@\x81\x9a \xf1\x10\xa4\xf28\n\x0ek\xc9k\xca\xeb\x05i0B\xd3!\xddWB"F@'</t>
  </si>
  <si>
    <t>b'dY\xd0$\xd3\xa2\xdc\xbf\xfc\x93\x13\xf1\xb7\x04\x1b\xdf\xf1\x08\xd4\xfeEBj\xe0\xb1\xbc\x9a\xc0u\xf2\xb9U'</t>
  </si>
  <si>
    <t>b' \x95B\xee \xba/y\\/\x8d\t\x14\n?\x02\xc4\xca\x9e\xa6\x8c\xeb\x959-l\xec-\\|\xc7\x03'</t>
  </si>
  <si>
    <t>b"\xcf\xa2\xf7@x\xdc\x11d\x1cH~{\x03\x16[\x1b\x86\x07@\xce)\xd3\x9a'\xc6;\xdbS?\x18\xd3\x06"</t>
  </si>
  <si>
    <t>b'm\xf4W\xc5\xde\xa1\xec\x8b?Sevn\x01\x1b\xca\x03~\x86\x80\xee\xf7\x16k\x7fN\x80\xdc\xb0\xc9G\xbf'</t>
  </si>
  <si>
    <t>b'yWV\x01l\xf8\xcf\xd05\xc2\xed\xcd\xeaOJ\xbb9\x19\xbc\xf6\x8b&gt;M\x91\x85\xce\x11\xfb\xfe\x7f\x07\x82'</t>
  </si>
  <si>
    <t>b'\x1e\x07}|&amp;\xb0/\x92\x1f\x02\xd8^\xcd\xadm\x1b\x8b\xccf\x1f\x92Jih&gt;I\x89\xb9\xca=\xd9Q'</t>
  </si>
  <si>
    <t>b'\x86k\xc7a\t\xb0\xd6\xd9\x1dT\xcf\xf8M#j\xabN_\xcev\xe2%Y":\x88\x0cW3\xbd\xe4\x08'</t>
  </si>
  <si>
    <t>b'\xec\rF8\xf8\xb0\xbbPMGM\xaf\x97\xa4N\xf0\xdf=\xf9]y\xf5\xeb1\xb6\x0f/W\xe4\xfe\x85\xb9'</t>
  </si>
  <si>
    <t>b'[c@0\xd6\xb0\x0b\xa2dMr\xbb\x87\x84\xe1C\x05\xe2 \x82igm \xa0\x9c`\xc6Oj]\xe4'</t>
  </si>
  <si>
    <t>b'WG\x10n\xabH\xd1\xa9\xcb\xb6m\xca*\xe4\xfa\x17\xa4\xe9y\xfa\xbf\xd4\x91ia\x15m\xc0\xaeM\x83q'</t>
  </si>
  <si>
    <t>b'\xd7K2\x9e\xf4\x8f\xb8\x8au\xf6\xa2\x7f\xba\xfa\xb2%\x07Jp\x98\x1f\x87\x85x\xe22\xde\x10c\xe9\x17&lt;'</t>
  </si>
  <si>
    <t>b'U\xf4\xb46\x0b"\xec\xbe#\xe4\xe1T\x18g\x1d7\x0e[\xec\x0e\xe8\xa3\x1f\x98T\xd9\xef\xcdl\xdb\xf3\xe7'</t>
  </si>
  <si>
    <t>b'\xdb\xc0]\xa5t\xb2\xba7\xfb 3!\x99\xba\xaf\xc7\xb1\x83\xae\xdct\xcdU\xf6\x8f]\xfa/rb\x93\x8f'</t>
  </si>
  <si>
    <t>b'\xecw\xe78\x9f\':\xf7\xf4U\xa8\xee;\xe6\xf7b("\xa4B\xa1;\x8fc\x0f\x14\x98Y\xd1\x98\x11\xa6'</t>
  </si>
  <si>
    <t>b'T\xd5\x14\x16Y\x03\x170\xa6cn\x04\x995\xcd\x1b\xc1\x8e\xc9\xb9W$\xf4\xa4t0\xf7 \xec)\xa0\xfb'</t>
  </si>
  <si>
    <t>b'\x80\xbb\xa5P\r\x8ef^d-P\xcbq&lt;An]\xb8\xf7\xaeVm\x1a\x94\xf4\x82\xe8Y`@\xa2g'</t>
  </si>
  <si>
    <t>b'\xd7\x93s\xc9\xffq[\x85\xdbBq\xb6\x13\x1a\xd9W\xb8\xfe#=\xaa\xab\xa9\x91X^\x19s\x1f\xacAO'</t>
  </si>
  <si>
    <t>b'\xb4\x99\xb7d6X\x98\xb6\x9aR.e^\xa1Y\x88#]\xe5$\xe3\xba\xf4\x16 :\x12TD\xfb-\xd5'</t>
  </si>
  <si>
    <t>b'f\x9a\xb9\x0e\x83\xf9\x81r\xd0\xbf\x98&amp;I\xad\xf0[\xd48\xbe\xb8\x95\xe63\xa2UK\x1cK\x18|\x03\xc9'</t>
  </si>
  <si>
    <t>b"\x16\xb9T\xbc\xc3\xdb'ex\xb8\xf7_A\xcf=\x90\xd4\n\x80R\x17]\x81\x05\x9c\x17\x07\xf0\xabz{\x17"</t>
  </si>
  <si>
    <t>b'\taw\xe4\xf6\xb8\x9c&amp;\xbdk\xf8\x1c\xea\x84k\xe0\x1c\x02\x88\r\xd5\xac.\xc7\xfd~\xd7XT\xa2\xf1\xde'</t>
  </si>
  <si>
    <t>b'\xad)&lt;\xea\x93\xff&gt;\xd0\x9f2\x05\x0f\x04\xd1\x9blk\x18\x0eB\xcdA\xe7-\xc5\x02\xef2zy\x84"'</t>
  </si>
  <si>
    <t>b'\x04b\x98\x18l\xe0\xe6&lt;\x12\x82\xfa\x98\xe7\r\xe6\xf2\x13\xcc\xdd\xeaXc\xb7\xea\xff\xc5jt\x90\x9cd\xd7'</t>
  </si>
  <si>
    <t>b'&lt;\xb1E\xedw\xbf\xf0Z&lt;j\xd3ot\xcdr\xef\x83\xe6H_\x8a\x10\x9d\xf8\x98%Cd\xee\x88\x12E'</t>
  </si>
  <si>
    <t>b"\xf8\xdboL94\xb6\xdd\xb9?\xbb\xfa\n\n&lt;.i''\xf2!Ld\xaf/\x17\xbf&amp;\xd6\x80\xbdr"</t>
  </si>
  <si>
    <t>b'\xb0\x89q\x8ef\x8an\xe4h\xb3E\x91/^g)\xe05\xeb\x1fi7h\xf8\x90\xb6g1\xf0b\xacB'</t>
  </si>
  <si>
    <t>b'~;\xfak]W\xdby\xadI\xce\xbfW3\x06"\x07\xf7\x01\t\x85$be-\xb1q\xd4\x822&lt;['</t>
  </si>
  <si>
    <t>b'\xe0\x8d|\x88{\xf8\xfbv\x9b\xf4]\x18\xa2\x97\xcc\x13\\\xfe\xa4D\x82\xdf\xeaG\x8a\xcf\x1a\xed\x16\xfa\xd6\xdf'</t>
  </si>
  <si>
    <t>b'\x0e/y/\xbd\xa6\xa6\xd2 P\xb2\xdf\xb4\x95\x9cBg\xe0e\xf7(\xf9\x82~G\xe0\xaf\x80\x87\x03\xb7B'</t>
  </si>
  <si>
    <t>b'i9\x1f|\xe88n\n\x87\xda\x08_\t\xcd\xb1\xb4\x1e =\x127\xa7E\x03\xde$fcT?,\x1e'</t>
  </si>
  <si>
    <t>b'\xc7\x13\xe5&amp;J-\xab\xd6d\xebwL5=\xd3\r\x12]\xd1\xb6[k3?\x15\x87s\xc12\x99E\xcd'</t>
  </si>
  <si>
    <t>b'\x93\xc2\xac\xd1|\x14\xc2|\x97"\x93\x8d%\xd8n\x97\xcd\x8e\x9br]\xcf\xc1\xef\xce\x90\xf7\xc8f\x19\x94L'</t>
  </si>
  <si>
    <t>b'\xe0\xd0\xb6zC7:\xd4\xd1\x13mqgp\xb5\xcc\xbc-\xa7)@\xe02\xd5\xa4\x06Add&amp;\xcdi'</t>
  </si>
  <si>
    <t>b'\xaeP\x0ed\xfd\x18\xfe!\x84A$!\x10\xa9n\xfb/\x95\xf5\xbb\x81\x8d\xa7\xbe\xde\xdf\xb8tN?4B'</t>
  </si>
  <si>
    <t>b'O\xf8a\xe8\x86\x94\x95\x93\x15\x93\x9d\x82\xb8\xe3i\xc8l\xd9\xdc\x8e\xc5\xef\xbb\x18\x95\xc1\xc2\xab\xd8h\xa1\xa1'</t>
  </si>
  <si>
    <t>b'\r\xeav&gt;3\x08\x80\x170\xbd\xa0`\xb9\xbcd\x148\xc0\xb0\x13\x1a\xc5:\xa26&amp;dB\xa1\xff\xae\x1a'</t>
  </si>
  <si>
    <t>b'\x1cc9\xf16%\xa2(\x8b\xa5\xa8\xb8|8\xd2\x07U\xd2r\xb0zs\x8e\x93\x01\xde(\xc6\xbb\xfc\xa9\x96'</t>
  </si>
  <si>
    <t>b'\xe0\x1b\t\xbc@\xea\xfd\xaam\x19\xefU\x05DB\xa5\x018\xda,^\xfa\x9e\x89\xa8\xda\xe1\xec:n\xcfd'</t>
  </si>
  <si>
    <t>b'!\x88\xddr\xf0\xaf\xdd\xa9,:\xe0\xda\xb9%\xdb\xceg\xec{O6]1\xf1&gt;\x03\xfbd\xe3P\xa7I'</t>
  </si>
  <si>
    <t>b'\xa94Jy\xf3\x1e`\x8bx\xf3\xa8+\xbd\x9dqX\xe4\xec"\xac%\'\xa07g\xbai\xd52\x96+z'</t>
  </si>
  <si>
    <t>b'WajW/\xcc\xccr\xc5e\xb8\x1c\xa5\x03v\xc8\xd1/\xb8#\x16o\x99y\xed\xda\x9f\x03\x9e\x81\xbc\xbb'</t>
  </si>
  <si>
    <t>b"o\xcaUA\x13}\x88\xf0\x0eV\xbby\x8b\x06\xc6\x85\xc3\xc0\xa7\x08oo\xac\x1f\xa4\xb1\xa4pB\xa3\xd7'"</t>
  </si>
  <si>
    <t>b'!#\xdfI\x03\xd6Q\xb5\xdbzsy\xad\x94\xc9\\\xff\x7f\xbaW\x81\xa9\nG+\xba\xe6Y\x95\xb4\xfeA'</t>
  </si>
  <si>
    <t>b'\xc6BH\x97\x9f\xfa8qZ\x00\x94\xa5SG`\xae\xce\xc0\x08\xfcd\xbf\x8f\xbe\x81\xa9\x83\xdd\xd9+\xd5+'</t>
  </si>
  <si>
    <t>b'\xbc\x83\xb0\xb4\x8b{J\xfd\x99\xda\x07J0\xdd\xed\x8b\xa4\xb5V$GHMY\xbfeE0G\x8b\xbaC'</t>
  </si>
  <si>
    <t>b'\x9e\xf9\n\xa0\xb5H\xc2\xfe\xec\xbf\x04\x02\xa6\xa4\x9b\xee\xe3\xdbQ\xde\xed\xaf\xe33\xf7\x99\xb8\xf1\x06EU\x9e'</t>
  </si>
  <si>
    <t>b'9\x90\xef\xd2$+\xbc2"\x1f3\x0e\xad\x9c\x18K\xcf\xb4\xbc\x07U\x00C\xdaJH\x16\xa0p\x85?_'</t>
  </si>
  <si>
    <t>b'&gt;\x9al\'\x9c\x05m;u\x1d%\xc2T\xa4:\xd1"\xdf&amp;}\x8b\x13\xd2\x82u\xda\xa2&gt;\xc1\x9c\xfc\xe6'</t>
  </si>
  <si>
    <t>b'=o]\x13YV\xc3\xcd\xca\xca\t\x8a!T\x0e\\5\xc3\xfb\xf6\xeb\x96L\xa1]\xa1\x18\n\x84MN\xa4'</t>
  </si>
  <si>
    <t>b'=\xeb\x890\x96\xac\xa5p!{\xe2\\:\xd0\x02Q\x17\xea]\x9f{\xf0\x97e\x17\xe1un\xe8\xea\xb7\x01'</t>
  </si>
  <si>
    <t>b'\x97\x1b"\xa5\x9b\x84\xd7\x9f`\x03\x8a:\x85\xdaJ\'0v.\xca\xd6\x04\x94\r +\x88C%\x93w\xee'</t>
  </si>
  <si>
    <t>b'aaC\x83\x10\xa9s\x9awb\xdd\xa95Fp\x02b\x8e\xf1\xdagTv\xc6cZ[&lt;\xbf\xa7\x93\xc6'</t>
  </si>
  <si>
    <t>b']\xe7F^=\x060\xe0\xfa*\xab;\xf1\x07\x80(M\xce\xe9\xee\x99\xd5\x7fp\x15;\xc0\xdd)\xf2\xfd\xa4'</t>
  </si>
  <si>
    <t>b'\x8eF\xa3*2jS\x96~\xd3\xc7\xa8\xab\x86\t\xf1YK-uy\xd6\xa6k\x95=t\xd1\x83\xf5\xa8o'</t>
  </si>
  <si>
    <t>b' Z\xed\xf0\xf7\x95\xc2\xb4\xcc\xbb\xdb=\xd8\xac\xba\x1d\x01W\xa4\xa7i\x04\x0f\x84\xdf\xc1\xc4\x1f\x81y\x96&gt;'</t>
  </si>
  <si>
    <t>b'\x8de4\xfa\xd86\xd8F\xee\xc5\xc1\xac&lt;\x81\xd9\r\xb5\xa9\xc8\xbc\x1d&amp;\x97\x16o\xfc\n\xb24@M\x94'</t>
  </si>
  <si>
    <t>b"!\xae\xb2\xaaNl\xaf\xf8\xdc\xdd\xd1\xf3\xf1\xde\x9a\xd6,117\xec\x8b\xc1K\xa8&lt;\xca\x87)'\xcb\xcd"</t>
  </si>
  <si>
    <t>b'\x02\xac(\xe99\xe5\xdaB\x95\x187\xab\xe6\xc6`\x8a\xcb"k\xc5\xf8\x05\xe4il\x1d\xea\xf7\xe0\x06\x07\xa2'</t>
  </si>
  <si>
    <t>b'&lt;\x8c\xa2Z\xa0\xe2UxJ\xf9)l\x0e.\xe3\xcf\x1b\xc6\xc6\x9d\x88\xf5\x84Mj;\xd4B%%HL'</t>
  </si>
  <si>
    <t>b'\xd8\x02d\xe6\xe5\x98,\xd1B2\xcf\x17|4\x1b\x82Src[[6$\xf7Q\x8b\xf2\x8cR\x0fk\xc2'</t>
  </si>
  <si>
    <t>b'\x04\x0e\xb2\xbbPJc\xf0K&gt;Fk\x81x\x8ey\x0b\x9a\xee\xed\xed\xc4b\xff\xc9v\xe5\xb8\xf0t\xbf\xce'</t>
  </si>
  <si>
    <t>b'\rs\x0c\xd9\xc6\xa1\xa1\xb3\x82\t\x1f\x19NVN\x06.\x0b\xcdw\xdc\x05\xfa\x95z\x10\xf6@\x8a\x1fj\x8b'</t>
  </si>
  <si>
    <t>b'7|0R\x91{=\x0fb\x1c\xd6\x1b\x8e\\!_\x9797"\n\xec\xcc=\x0bd\xe8\x88\x02\x97@\x19'</t>
  </si>
  <si>
    <t>b'f@\x87\x0e\nY\xe9R\x17F\x93\xb6\x08^i\xeb`\x94\xabZ+\x01\xf3,q\xdb\xa6\xfc\x9c\xc6\x08\x98'</t>
  </si>
  <si>
    <t>b'\x15o\x8b"\x84\xab\x07\xa0l"f\x7f9\x0e\xca[\x8a\x8f`&gt;\x0b\x93C\xc0W\x1a\x1d\xe0\xc3E\xdbD'</t>
  </si>
  <si>
    <t>b'\xba\xe24\xff\x0b\xa6\xbf\x13\xf2\x02"\x7f\xac\xddw\x9d\x04\xc2*\xad\xed)\x83\xcf\xab\x019.\x99\xfea\xd4'</t>
  </si>
  <si>
    <t>b'(\x13\x847\x81\xa4\xe3\xa5\xf4\x07i\x00\x03\xe316T.\xc0\x7fj\xdc\xd9\xf5\xdf+\xb9Y\xb5@\x82\x03'</t>
  </si>
  <si>
    <t>b'\xd9\xbf\xd2P\xd8i!\x911m\x1e\xd8\x92\x8e\xb0\xf0M\xc6p`\xa9\x04\xa9T\xd1\x9d&lt;\xfc\xda\r\xbe\x8e'</t>
  </si>
  <si>
    <t>b"\xe3BI\xb9J]w\x89\xeb-\xbd\x96RT3\xb14\x1d\xa790\xd6\xd9\x1fX'\x7f\xea\xdc\xba\xd4,"</t>
  </si>
  <si>
    <t>b'&gt;Gs\xd2\xfdj\xdf\xfc\x9d\xe5\xadz\xf0$\xe2S\r\xb0(PR\x9eZ!.)\xa9\xe9\xdf\x14\xf9x'</t>
  </si>
  <si>
    <t>b'w\xcb.1\x1b;{\xaez\xc3 \n\x00\xb6F5.J\x92\x904_\n\xb5k\xf1\x03j6\xaa\xd5\x84'</t>
  </si>
  <si>
    <t>b'~R\xff\x99\xcc\x1cV\x83/3\xf9|o\tTI\xdb\x0c\t\x17h\x96\x13\xdc\xd5\xb9\xf1\xb9\x18\x98L`'</t>
  </si>
  <si>
    <t>b'\xf5\xd2\xa4pB\x0e4\xc9\xb5\x9eu\xe3\xcdY\xea\xc3\xbbS\xb5\x8f\xe4\xb5)\xfen\x8ed\x8c\xbeF\x02\xa1'</t>
  </si>
  <si>
    <t>b'\x87\xd8\x91\xe9\xb3\x89e\x8fC\x90\xd5\xdc\xbf\xe2\x8e\x7fK\xd4:\xcb\xe2\xfe\xf8\x99\xc8\xcc_,^1\x92s'</t>
  </si>
  <si>
    <t>b'\xa49\r\xa3\xa4\x10]/W\xb8*\x8e\x9e\x0b\x12Wh!\xa4\xb3l\x7f\xb5#\xaa\xf9\xca\xf7G\xda\xf6\xe9'</t>
  </si>
  <si>
    <t>b"\xce\n\x93\x90=\xd0\xa9\xd3\x83\x00\xa7m;\xbf\xf0\xed\xa2\xa5\x03\x0bg\xae\x9e'1\x1e\xf9U\x1f\xc9m\xdb"</t>
  </si>
  <si>
    <t>b'\xa8\xde5r\xd6\xa8\xfff&amp;\xf1\xc7B\x85\x91\xb9Qi\x97\xc1\xcbxR\xbf=\xee\xa65\xb7\x1aWR\xf9'</t>
  </si>
  <si>
    <t>b'((\xcciT4\xd1\xb9\x8a\xf1\xd1\xc7\xa6\x1aJ\xc0\x90f\x7f\xbd\x1f\xe0\xae\n\x05\xaa"\xd9\xf5\xb63M'</t>
  </si>
  <si>
    <t>b'\x8b\xd5W;\xcb\xa6\x07\xde*\xce\x8fS\xce\xe2\xa4\xf8\x14c#\xe7$\x04\xeb8Op,\xe1O/\x04\x94'</t>
  </si>
  <si>
    <t>b'c\x0bR\xfc\x7f#/\x86\xd0.E\x82\xef7mB\xc2z\x8b0\xf3o\xe4\xb2=S\xcaZ\xda&amp;\x921'</t>
  </si>
  <si>
    <t>b'\x8d\xd5\xa5\xado\r\xdc\xa2\xa6\t\xd5\xe5\xf0\r\xb9\\!g6\xd8\x82#\x92\xa22^\xd2\\\xd9)\x8e\xf1'</t>
  </si>
  <si>
    <t>b'\x84m\xd8\xa5\x10\xd6b\x85R;Y:g\xa3\xc7\xc5\xe19\xd9\xa3\x1f\x11\x14\xcf\xa5\xbf\xe4]\xcb\x17\xcb\xb2'</t>
  </si>
  <si>
    <t>b'\x8e\x9c\x9d\xdd\x94\xa1tj\xe8\xb1\xbb~O\x0e\xdc\xe1\xb3\xb2\x02\xbe\xa8\xe4\xa6\x15D\xf6\xdc\x97I\xbf^\xe5'</t>
  </si>
  <si>
    <t>b'am\xc6\x08\r\xb2S7\ru\xbc\x06E2\x99lV\x1f\x11\xd8\x9e\x8bn~j\x16\x0b\xf7tx\x88\xe6'</t>
  </si>
  <si>
    <t>b'\xd2\x17*r\x11\x87\xe9\xb8\xb2%\x97\x04\xc20\xb4]\xce\xb57\x9dQ\x12+:\x90\x11|\xa8v\x10\xf9\xcd'</t>
  </si>
  <si>
    <t>b"\xdef\xcf\x1auRom\x0b8'Q\x19\xc6\x1c/\x05B\x14\x87\xa85A\xd0\xe8\xed\xd7'&gt;J\x8c\x1b"</t>
  </si>
  <si>
    <t>b'\xbf\xb2\xf1`\x03Es\xb6\xaeC8zu\xec/+\xb2T\xffr\xaa\xbfg\x8c\x1e\xd5\xcbi\x06^\x1d\x16'</t>
  </si>
  <si>
    <t>b'd_3 W#\xc1\x04\x80\xf3\x1e-\x84s\xee0\x1eW\xdfX\xa8\xf6r\xdc\xa5\xd8\xfb\xa7\xd6\xfaJ\x0c'</t>
  </si>
  <si>
    <t>b'\x9f\x98\x83b\xeax\xc7\x9fJiH8\x8e&lt;Mu\x12wt\xc1\xd8\\*,\x9dBh\x83\x7f\xfdE\x1e'</t>
  </si>
  <si>
    <t>b'\x8eGF\x9f~\xcc\xf9Y\xef\x16|\x0f)\xc6\xdc\x84,\xc2\x8d\xd0\xd7\xe84\xb0\xf8\x06\x93_&amp;\xb3\x87\x1d'</t>
  </si>
  <si>
    <t>b'\xc3\xf3\xa5J\x83\xe5%JG\xcfj\xf1\x18\xdbr\xda\x94\xa4\x08V\x92\xde\xb6\t\xabbp}u\x1f\x163'</t>
  </si>
  <si>
    <t>b'\xfe\xde\xd9\xe5\xaf\xbf\t-\xc6\xf6\xf6\xc3\xa8\x9d\\&gt;\xb0\x1e\xbc\x89\xac6\xe4d\xcdL3\xb3\x9d\xd4\x0fa'</t>
  </si>
  <si>
    <t>b';3v\xb9A\xfe\xe6\xc0D;\xb5\xc6\xb7p\xf6K\x9c&gt;\xf0\xaa\xa4(\xd0a7\xb6\x04\xf7\xff\x98\xa0\xd6'</t>
  </si>
  <si>
    <t>b'\x93\x04\xa2\x82E\xa4\xd8\xf5\x8f\xe7\xb8\x9e\xb6\r\xef\x8cD\xccx\x0c\x06}\x88\xc4\xb3U\x85z\xb8\xd4\xd6\xf0'</t>
  </si>
  <si>
    <t>b'Q\xca~F\x84\xe1r\x0fJ\x8d3\xec\xf6\x08\x7f:\xbb\xce\x08\xc2`\xa1\xf9L\t\xf4\xb5\xb9\x91\x94\xcez'</t>
  </si>
  <si>
    <t>b'\xee\x1c2\x0fj\xe7x\x14\xf0\x12\xa1\x9f\x8d&amp;\x13\xe1\xb1\xc0vf\x9fT\x82h\x92\xf3\xf8\xbfp\x1f7*'</t>
  </si>
  <si>
    <t>b'\x16\x99\xa1\xea\xa2\xc6\x02&amp;&lt;t\xffd!/+\xea\x99\x9f\xf28\x82\x9b\xb8\xf4\x94\xa1\x90\x8cme\xb8\xdf'</t>
  </si>
  <si>
    <t>b'\xeb\x9c\xeeP\xd1\x96\x03,x$+O\x7f\xcf\x87?f}\x8e\x84\xe6\xed\xc4\xc3\xce\xa5\x18\x9a\xbc)z\xe0'</t>
  </si>
  <si>
    <t>b'\x1e[\x82&amp;\x0b2\x08\xf6\xc1\xc0zo\xd3\x05\xa52\x996\x80\xff\xc4\xc1l\xc2@\x89\xfd\xfav5\x03\xeb'</t>
  </si>
  <si>
    <t>b'\x9f\xdb\xb8\xbb\x05\x8e2\xba8f\x98\xc8\xd2\x1d\xdc\x0e\x06\xb2} \x1b\x0cB\x82*\xc8\x90\x13nt6\xa0'</t>
  </si>
  <si>
    <t>b'\xf5p\tX\x00\xccpcMD|8\xebTr\x8e\x9cuj\x99\x050\x05\x9a0\xd5ec\xe1{6\x08'</t>
  </si>
  <si>
    <t>b'l{\x8a\x8eYz\x14L\xe9 \x8a L\xa2\x9eX\x18C4R=\x8eP\xce\x91\x9ej\xa5X\xd4\x90\x14'</t>
  </si>
  <si>
    <t>b'\xf7\x94\x8b\xc9y\xa8\xa2\xf1\xf4\xe8\xb6U\x1a\x83\xa9\xff\xb9\xeaj\x15\xb6P&amp;\xd3\xd8\xf4\xcfA\xaf\xa0\xcbW'</t>
  </si>
  <si>
    <t>b'\xe0\xff\x10\x80\xa0S\xc5tu7Ed\xe9/\xe1T&lt;\xe7Y\xf4\x9b\xb1\xddh\x07\x06z\xf2\xa5\x05\xeb\x05'</t>
  </si>
  <si>
    <t>b'\xf6\xebf\xe6#%kQ\xde[\xa0\n&lt;&amp;\xfe\x02_\x86\xf61r\xdb\xcd\xc4\xe4,\xcf\xd1\x1f\xe9\x8d\xd9'</t>
  </si>
  <si>
    <t>b'\xd6\x85\xa6W31\xda`N\xff9\x13"\x0c_a\x19&gt;\x88\x80\xbb?B)\x12\x00=\xcc\xe4\x0b&amp;\xa1'</t>
  </si>
  <si>
    <t>b"\xc3\xfa;@\xfc\x167\xa4\x1c'\x91a/\xea\x0012~\x86\xec\xbf\ti\xa4\xe5\x8c\n\xb2\x04\xe1\x16\x8e"</t>
  </si>
  <si>
    <t>b'\t\x12\x9fj\xe5A\xdf\xfa\xe8\xce20\xd1\xe9\xa3\x13)\x07&amp;d5FN\x88\xa8\xf7\xbeV}\x92\x91\xf9'</t>
  </si>
  <si>
    <t>b'C\x1a\xdb\xb7\xefEWix;y\xb6\xc2D"WB{\xcfq\x07W\xd97\x81\xd3\x9d\xdfS\xe3\xd6\xb8'</t>
  </si>
  <si>
    <t>b'\x19u\x8c?ft-\xb4\x97\x82\x03\x0f=% \xec\xd3\x8b0\xdb:\xaa_\x11\xf8\x85\xe9f\xa7\xb8\xb9\x81'</t>
  </si>
  <si>
    <t>b'\x03\xb9\xd3\xda\xa8\x80\xdb2\xf9\xbbw:6\xe6\xa4\xc8\xd8_\xe6\xf1$\x05\xf6\xe9\x84\xcd\x99Y\x0e\xc5kl'</t>
  </si>
  <si>
    <t>b"\xd7`\xa6\xe0X\xd4'P\x17\x98\x9e\x8d\xf8\x8d\xc9\x9bhL{\xec\x01\x80\xe3\xf6\xb7%\x1a\xdd\xd8\xb1\x0et"</t>
  </si>
  <si>
    <t>b'\x9cB{\x0b\x18\x877\x0b:\xc3\xe4\nH8\xab5\x92a\x93\xe1\x85\xf5\xc3e\x10\xb5U\x17\x18\x90$\x02'</t>
  </si>
  <si>
    <t>b'O0\xdd!(\xaf^tr\xb4\xff\x0c\xae\x1c\x99\xb0\xcd\t\xb0i\xdaO[f(Y\xad\xd2\xfeOH\xd7'</t>
  </si>
  <si>
    <t>b'\x82C!4\xbf\x9c\xea\x05\x89\x95\x03\x9c\xf6\x84\x95&amp;\xeb\x83_-\xbbQ\xab\xd2H8Y\xe9\x00\x16^\xb2'</t>
  </si>
  <si>
    <t>b'4&amp;\x1e\x95n$\x9dm\xba2\xbfZ\xb5\x18\x00\n\x8f\xe9W\x90:\xcfp\xa2\x9e\xa3&lt;\xcb\xda\x13_\x84'</t>
  </si>
  <si>
    <t>b'{G\x95\xbd\xc4=W&amp;En\xd0\x18\x0eO~\x95\xc73\x83H:\xca\x1f\x7f\xb9\x00\x16\x8b\xa3\xec\xf2o'</t>
  </si>
  <si>
    <t>b'\r\xbdJ\xf3|\xf6\xc7\x0eE[\xb2dv\xb9\xd7\xeeA\xb2\xe2_\xe1\x0b60&amp;x\x88kx\x0ey]'</t>
  </si>
  <si>
    <t>b"s\x1f8#\xfa\x81i\xe2\x1a\xb8\xdb\x9d=\xb81p\xeb't)&gt;\xb7\x1d\xb0=]\x03G\x11\xb4\xe2\x8b"</t>
  </si>
  <si>
    <t>b'L\xfbc\x03\xcbS\xa5?@3\xd8\xb9\xbd&gt;\x95\x9a\xcb\x18\xc8\x97\xb7\xa1P\x14\x84\xb1I\x06\xf6\x06\x93.'</t>
  </si>
  <si>
    <t>b'\xab\xf7\xbc&amp;`\xf11);\x842\xc5[*\x80:\xbd\xb9\x1e\xac\x8f\xf1\x1e\xd4\xb7\x99"\xe5C=u\xd7'</t>
  </si>
  <si>
    <t>b'O\xe9\xe7\x1ahn\x15\xe7\x91Yn\xabM\xe4\xe0\xf2\xe9\xd2\xb0\xb0F\xc0\xa0B\x96-m\xa0\xb2B\xc7\x95'</t>
  </si>
  <si>
    <t>b'T\x81\x01\x96\xa8H{h\xa7\xa7\x1c\xb69U\xac\xb4\x1e\xac(\xccD\x05\x11\x92\x99zD\xae\xc4\x0e\xb2\xc0'</t>
  </si>
  <si>
    <t>b'EqD\x93\xb0\xbe\xd4\xbe\x9a^\x983;fH\x17RpV\x89\x17\xb2\xeb\xb9\xd1\xd7\xcd\x8cw\xca\x84E'</t>
  </si>
  <si>
    <t>b'\xa4t6\xeca4\x1f\xf4s2\x95\x0fe\xaa\xb7\xcb\xe4\x96\xec\xdd5\x07\x0cN\x17\x90\xd9\x1c\x13\xed\xce\xae'</t>
  </si>
  <si>
    <t>b'\x1eC&gt;\x85\xfe\x84\x8a\x92%]\x1f\xcc\xaf\xee-\xc9\xd7)p\xa6\x98\x853\x85\xc7\xc6\x87\xea\x98\x8e;\xc9'</t>
  </si>
  <si>
    <t>b'U\xe1\t(g\xcc\xbf\xb3e\nc\x0b~\xd7U\x11\xc2z\x11\xd1&lt;\xc2\xca\x9a\xdd\xb7\x08\xee\n\xaf\xfc\xbb'</t>
  </si>
  <si>
    <t>b'n\xc0\x0f\x17f\x07\xa4"%\xd9\ty\x9f\x93V4\xf4\x9dt\xc7~\xc6\x04\x04]\xf5(\x81NE\xfc3'</t>
  </si>
  <si>
    <t>b'\xae\xb8G4fP\xe4;\xd6;k\xe8\xd8\x0b\xbc\xb2\x88-vXn\x14\xa2\x92I_\xf3\x1b\x9f\xee\r\xd2'</t>
  </si>
  <si>
    <t>b'\xea\x85\xdb\xdd\xe2\xe7\x1bP\x98k\xa6s\xd4KBz\xd7\xd3H\x8b\xb5\xc1\xf0\xd3\xa3En\xc3\x9f\xe9!('</t>
  </si>
  <si>
    <t>b'\x7f\xaa\xc6\x90\xc3S\x06\xf9\xe7$C\xf3\x0f\xcf\xe8\xd5]\x960/\x99\xcd\x0en\x1d2h\x08=n#q'</t>
  </si>
  <si>
    <t>b'\xc0\x1e\x0f \xda|\xa1\xb8t\xe8i\xbdw\xb2\x13{\x1f\xc6\xcb\xcb\x90\t\x0c\xdf\xee\x00\x08F\xda8\x89\xc7'</t>
  </si>
  <si>
    <t>b'\x0bP\x03\x80?\xc0*fH?Q\xc4E\xe9c\xb32\x11\x1c\xdc\x00\xb0\xaa\xca\xe6\xb0\xedPr\xf6t\xd5'</t>
  </si>
  <si>
    <t>b'\x9ed\xf0\xcf\x91\x1d\xe2\x07D\xc9\xa0\xa9\xf5Ud\x95\xc4\xaf\x17*\x91\x8cB\xd7\x07\x85\x9f\xed\xe5\xfb\x00a'</t>
  </si>
  <si>
    <t>b'\x00\xb8^\x9f\xb0\\\xa4}\x02\xd08 E\x805Y5#\xaf\x0c\xf7\x8f\x87\xfa\xeao\xc9\x95u\xb4jS'</t>
  </si>
  <si>
    <t>b"9\x18\xea)t\x010\x16l\xa5h~\xdb\xfa\xaff\\\x87\x18G\xbb;\xb8:'I#aXJ\xf3\x8f"</t>
  </si>
  <si>
    <t>b'\xc9j\xc5~F\xc2\xa8\xfa\x87\x14\xa9hL|\t,O\xf2\x12\xc8\xe5\x17\xa4\x94\xe5xe\xcb\t4\x9e\x1d'</t>
  </si>
  <si>
    <t>b'\x91J\xf45\x1cF\xdd|"5\x1b\xa8@\xe2\x14T\xf5\x00x3\x89\x12\x1f\x03\x0f\xe9r\xf5\xffh\xb0\xbe'</t>
  </si>
  <si>
    <t>b'\xb4=m\xd2Z\x1c\xf8J\xcf\xb9\x0bG\xbd\x18E\xebj&gt;\x0f\x8e\xa9\x80b\xa2\x85\xc5\xda\xa4\xa5\xa1y\x92'</t>
  </si>
  <si>
    <t>b'^\x07P@\x16\xce\xc0g\x9a\x01\x0bvss{tE\xa4\x18\x99\x94)~\xf1\x8c\xc6J\xa0y\x94\x16\xb1'</t>
  </si>
  <si>
    <t>b"\xc6.\xd4\x9b\xee\x05\xdd.\x0b\xb9e\xc3f\x0f\xd5\x81:\xd1\x88D\xa8\xf6\xd9'%\x9b\x01\xab\x89|C["</t>
  </si>
  <si>
    <t>b'i3$\xd5|\n\x13\xdf\xdd\xe7MS0\xb3\xc5\x1eL\xfc\x02`\x05\xfa0\xfbt\xa7\r\x1d\x83\xb1LM'</t>
  </si>
  <si>
    <t>b'\x0e\xc9\x06w\xf4\xa5V\xcc@\x99M"\xe8\xbe\xb7G\xf1\x0fn\x9a\n[\x88\xcf\x97E\x07^\x10s%%'</t>
  </si>
  <si>
    <t>b"\xf35\x00\x7f\xd5\xdd\xb8\xf3\xb7\x13b'1\x9d|\xc0\\e\x9c/_\r\xa4\xfa\xf7\xf4c\xe9\xb8P\x8a]"</t>
  </si>
  <si>
    <t>b'\x8bz\xcb"\x9f\xba\x8a\x89\xe9P\xb0\xf3\xc9\xf2\x16\x1f\x89\xe6\xa1:\xf5\xafG\x02\x87\xce\xde2\xce\xb1\x96\x83'</t>
  </si>
  <si>
    <t>b'\x83\xc2N\xe4\xc1\x10\xbd\xf4\xee\x08\x14V?\xbd\xe7\xb9\xaa\x16\xd4T#\x9a\x9e\x84\xb5\xb1\xe3V\xa5R\n\xfb'</t>
  </si>
  <si>
    <t>b',\x1f\xd2\xa6@\x16 \x13j\x95\x84w\xf7\xa7o\xddR\xa1\xcf\xea\x07\x03\xc0c\x98;\xbc\x9a\x9f\xbc(+'</t>
  </si>
  <si>
    <t>b'\xe5I\xb7g\xea\xd4v\xf2+d\xf5\xb6\x0e\xd6\xd2\xa0\x1b\x1b\xed1\x84\xe1\x9cC\xc1&lt;r\x1d\xe5\xe0\xea\x98'</t>
  </si>
  <si>
    <t>b'\x1eS\xef\x9e#c\xc3\x98\xac\xa7\xf5|1\xbc\xce\xdb\xe7\x15\xeb?\xea\xb6&amp;\xc6\x1f\x8fW\xfac&lt;\xca7'</t>
  </si>
  <si>
    <t>b'\x9a\xb1G\xab\xc6\xe3x\x83\x89\x9fB\xa0=\xe6\x13\xa34\xf3\xa2)DvAm\xdae.\xf5!\x89\xe7\x0b'</t>
  </si>
  <si>
    <t>b'\xaa73-3\x93\xa0X\xba\x94\x04K\x80\xc9U/6H\nb\x18\xa6o9\xde&amp;\xbe\xf4\xa3\xad\xf1\x80'</t>
  </si>
  <si>
    <t>b"\xcd%\x02\xe6\x8c+p\xa3\xb4\xc4\x9d\x17P\xc3\xc2\xde\xc4d\x19w'\x8d\xeb\x84F\x13{ru\xee2\x9f"</t>
  </si>
  <si>
    <t>b'6-\x07\xab`\x06\xf3l~\x14q\x14\xd3\x17\xbb\xb6\xb8\x86H%\xba:-H\xb9c\xef\xb9vq\xa25'</t>
  </si>
  <si>
    <t>b'?1\xff\x89\x8dM\xfe(\xed\xaf{\x93\x1e\xb3\x05\xdd\xcdX\xde=\xa7\xedDU9\x0b\xef\xff\xf7\xfb\xf8\xdd'</t>
  </si>
  <si>
    <t>b'\x89\x82\x84\xb9\x8d\x92\xea\xe6\xb9\n\xbbzv\xd3\xaey\x7f\x8fHT\x03\xd2\xaf\x01+\x7f\x8b.\x9e\x19e\x9a'</t>
  </si>
  <si>
    <t>b']\n\x1a\x19\x8f"\xf5\x9e\x01\xa6\xe4\xa2\x87\xa6@\x16Y\xf8O\xb0\x16\xcdV\xdc\n\x89/\x10\x89\x00\x96\x07'</t>
  </si>
  <si>
    <t>b'\xdd\xd8\x8f{\xba@\x9dp6\xef\\Y!z\xdf\xee\xde\xc5\x11\xbf\x97W\xc1N\xb0\r\xde(\xbb \xd4p'</t>
  </si>
  <si>
    <t>b'LmD\xd1\x88\xc9\xfc2G\xbd\xcd\xcb[Vfg\xd1F\x1e\xb7\xa8\x94[\x92\xc2\xb1&gt;:FB\xf6\x17'</t>
  </si>
  <si>
    <t>b'\xd9\xa5\x85\xbcIu\xbf\x8c\x87h\xd9:\xc5D:\xb9l\xc3\x1fz\xc9nt\x90\\+M\x16#O\xaf,'</t>
  </si>
  <si>
    <t>b'g#\xdd\xd8 \x8ad\x1c\xc4\xd1\x11\xe2\x82\x84{c\x0c\x0b\xd2\xf6\xeb\x98\xc6(\xc2Mz\x00\x17\xa0l;'</t>
  </si>
  <si>
    <t>b'9\xb11*o\xfahJ^\xd0\xb8\xbc\xa4\xbc\xebo\xfd\x8e1:\xfc\xeb!\x7f\x16\x99\xe4\xe8\x8a\xaa%\x00'</t>
  </si>
  <si>
    <t>b'\x0bY\xb8Y\xaff\xe14\x91\x8ex0-\x0b\xcd\xb6\x16uGI\x07\xaa\xf8Q#\x93\x8b\xa2\xad\xcb:\xe6'</t>
  </si>
  <si>
    <t>b'\x19\xaf\x12p\xe2\xe5\x81.\x10\x99\x88Q\x04\xf22\x01Q\x90\x85\xb3e@\xd80\x0c9!\xbfv\xf8w9'</t>
  </si>
  <si>
    <t>b'/\xed\xe4/\xfa\xac\x9e\xdb\xb9h\x18\xa5\x83 8o\xe2&amp;\xbd\xc50\xb5\xba\xde\xab\x00K\x92\xc4st\xf2'</t>
  </si>
  <si>
    <t>b'\xf5W\xbf\xac\x05kX\xa7F\xe5\xc8\x19\xab\x04\xcb\xedBU\xc7\x02,\x03\x8ae\x8d\xb6\x19\xf6~\xd1\x17\xa3'</t>
  </si>
  <si>
    <t>b"\x96T1\xce\xcd\x0f\x8f@\xc7\xc6\xe8J\xf7'\x11,\xdc\xdc\x13\x08ot_\xe2\xb8\xc0[0Ew\xafS"</t>
  </si>
  <si>
    <t>b'\xb3 \xba\xeb\x1ap\x0e\x90\x90\xe8\x0f\xc3\xe7\xd7\x8d)\x8a;\x16\xd4\xe8\xc8g\x87\xd1\x18^\xe8g6k\xea'</t>
  </si>
  <si>
    <t>b'\xcb&amp;\xaf\xbf9\xb5\xedO\x9e\xdd\xf6\x92r\xaa\xf71\xae\xd0\xa8_\x7f\x8e\xd1S\xe29\xc1U\xda\x1d\xea\xe0'</t>
  </si>
  <si>
    <t>b'\x0e\x96\x13\xc3(!u\xafY\x1bIC\x8d8d?\xde_\xde\x9f\x18\xe6`/\xca\xef2\xb1\x0e\xe8C\x08'</t>
  </si>
  <si>
    <t>b'*\x87\x0e\xa0\x1d?\x08\xc0\x91Y!V\x15eK\xf3\xb2&lt;\x01\xcaz\x12Wf \xe6U^}E\x88\xbd'</t>
  </si>
  <si>
    <t>b',\xb3=\x99\xfd\x86\xd1\xfc]\xe2\xbe\xac\xe1\xcb\x11\xb7&gt;\x14\x93i\xb8+\x84* \x00x\x03\xe7\nr\xf6'</t>
  </si>
  <si>
    <t>b'\x98\xe0r\x08\x0c\xe9M\xa1\xef\xd2\xa9"\xbcv\x0c\xda\xc0\x1b\x85\x8b\xca\xa7\xcc\x1a\x82\xc9\x05\x17\xf6\xb4%r'</t>
  </si>
  <si>
    <t>b'o\x91\xc1I\x97%\xbcK\tP\x96\xf7\xf2\xde\x1e5\x87^\x9dK\x1d\xa3$M\xf9r\xd5\x96-\xc9\xc8B'</t>
  </si>
  <si>
    <t>b"\xe9\xab\xd4\xea\x08\x8fN7'\xaa/\x15\x18\x98w\x87\xeb\xad\xa6\xb3\xdaW\xf3'\x1e\x1bR6\xbc\x17&amp;,"</t>
  </si>
  <si>
    <t>b'"\x12\\\x12\xee\xfc60C\xe4\r\x80Q\x17\x8b\xd8\xd8\x95v\xfca#m\x88\xe0\xcf\x80s+\n\x80\xfb'</t>
  </si>
  <si>
    <t>b'\xf3\r\xf2-y\xf3o-\x96\xddN\x02\xfa;\xc0\xd6\xfd\xd9\xe7,\x97\x0f\x9b\\\x9c(y\xd8\x106X\x84'</t>
  </si>
  <si>
    <t>b'\x08]\xb5\xcb\xb1b@\xda&amp;E\x99w\x07\x1b\xdf\xcf^\xb2\x06\xe5\xb8 \xa3.+\xff2\xa1\xfc\xe1\xd4K'</t>
  </si>
  <si>
    <t>b'\xa6\xbd\x1a\x94\xea-\xdd"X\x8a\xac\x93\x0cn\xab\xbf\xf8\xeb\xd1\xe6\xd7\xa99\xeeM\x14\xe3h\xf4\x8e\x9a&amp;'</t>
  </si>
  <si>
    <t>b'\xe7\x0e\xd2gW\xc2S\x7ff\t\xb5{!\xcc\x89h"\xeb&lt;\x14\x0b;\x02M\xb3\xc6:\xd2+\x8d1\x0b'</t>
  </si>
  <si>
    <t>b'\x99\xb4JpK\xad\xb6\xd8\xfa\xf1\xa4\xd6*ww\xe2}k\xc4\x87vXu\xa83M-\xc6e#\xb7m'</t>
  </si>
  <si>
    <t>b'\x0c\x00H\x19\xe6\x08(F\x9b\x18\xe0+F\xcc\x16,}\x902\x9a7\xca\xf21\x97\xbc{s3.\xa6\xe6'</t>
  </si>
  <si>
    <t>b'\x9cVZ\xb5\x06m1\x8f\xe0&gt;\xd4RJCb;}\x86\x8d\xe4\xae\x93\xb8\xe5\xf3&gt;\x83\xca"\x92\xb3B'</t>
  </si>
  <si>
    <t>b'\x9d\xb9\xa5\xe6!m1Q\xc7\xf9H\xac)\xde\x8f\x0fRzo\xe4\xb1-\x1eJ\xfbA\x99\x1c\x85\x1c6~'</t>
  </si>
  <si>
    <t>b'1\x14\xd6\xb0\xccS\xdc=g\xf9\x86\x90\xb6\xc1\x02\n\n\xd8\xd5\xd6\xc7\xf88\xd9Q,\xc9\x0eX$\xd3\xd2'</t>
  </si>
  <si>
    <t>b'3\x9a\xaa\xc4\xe1\x9e0d\xe3\x15I\xef1\xf6\x8b\xea\x8a\xd5c\xb5\xa6T\x02\xd6\x8a\xc8@\xba\x1a\x97\x071'</t>
  </si>
  <si>
    <t>b'\xa8\xa7\n\xaeO\xb1$\xdf\x19\xc3\x86X{\xc4\n\xb9!\xc3C\xd40]MV3\x91\x00\xad\x91e]\xa7'</t>
  </si>
  <si>
    <t>b'rK\x04\xcf\xd1\xa5&gt;\xfe\x07\x94\xa0\xcay&gt;\xd4\xfa4\x02\xe4\xf7\x19\xf5&gt;\xc1\x95\xa0\xfe~p\xdb\x15\xce'</t>
  </si>
  <si>
    <t>b'\x00\x9b\xacP\x08j\xcd\xfc\x84\x1a#d\xd1\xa5N%H\xd1\x85aL\x91\xe4jK\xf3\xeb\x1f\x04\xa2\xbb\x81'</t>
  </si>
  <si>
    <t>b'\xe7\xba\x1d\xe0\x8d\x0be\xb3\xc2\x88\x84O\xeb\xcc\xb7\x13\x95\x13@\xdd)\x07\x15?\x86\xd0\x138@\xa6\xe7\x89'</t>
  </si>
  <si>
    <t>b"\xff\x1a\xb1\r?\xfc\xf6Z\xa0\xed!5\xf1'S\xb3)\xa6\x1d\xbd\xd8{\xe0jI\xea\x8c\xae$\x8e\xfa\x91"</t>
  </si>
  <si>
    <t>b'\'\x14\xf4\xc8\x1f\xd9\xe6.\x1b\xff\xa8\x0e\xe7\xa41\x9dB\xb2i\xe1\xc6k\xe5\xbc@\x98\xab"\xb7\x04J-'</t>
  </si>
  <si>
    <t>b'\xb0\xf1A\x82{\xff:o\x1d\xf3-V]\xd6+Ig&gt;\x9a\xff\x83\x8b`\xf6\xb2\x9e\xe6\xfbI&lt;M\xa5'</t>
  </si>
  <si>
    <t>b'd\xb7\x9c\x17\xe6\xcf\x10H_\xdb\xcf,}\r\xaa\x08\xc2&gt;\xcf\xc7\xce&gt;\xc5\x84o\xe8\x96\x0c\x93(B7'</t>
  </si>
  <si>
    <t>b'Q\x86B\xf6\xb30IIo\xcaAA\xfe1T\xf7}3PgLem\xe0L~\xf7\n,w\x92y'</t>
  </si>
  <si>
    <t>b'LS\xa7\xd1M?~\xdb\xedI\xae\x8e\x94\x99\x14\r\xce!\xbbH\xff\xf9\xcf\xafT\xf0\x12\xa8\x06\x01S\xe3'</t>
  </si>
  <si>
    <t>b'\xd5\xd9\x05\x95\x9aVR"\x92xy\xe2\xa1l\x1f\xafkI\x8f!\xaaH\x9e16%\x8f\x96&lt;2!\x88'</t>
  </si>
  <si>
    <t>b'\x93}f\xccb\xfa\xb4&lt;\x02\x1a\xee\xeaw\x1asu\x1c\xc8\x8f=M\x0fD\xd6\xe3\xcd\x15\xa1\xa7\x80\x10k'</t>
  </si>
  <si>
    <t>b'6\xa5\x99\xb9R\xeb\xab\xca\xbe\xe0@&lt;\x18\x83s3\x9a\xfe*\xe6\x89:\xb6E\xf2\xfc\xb1\x91W7\xe8J'</t>
  </si>
  <si>
    <t>b'IcR\xff\xcf\x18\x19\xedg\xa1\xb2\x91\xd8]\x81\xa7\x15\\\x90,X_\xfe\xa9g\x8ft\rT\xbb\x8fP'</t>
  </si>
  <si>
    <t>b"\xbf\xb0Q\xfc\xbe+\xd9\x00cW\x9f\xa8\x84'&lt;+\xa9\x1f\x0e\xbc\xc8\xe6{\x87\x9e\xaf\xc5\n\xb2oA\xd9"</t>
  </si>
  <si>
    <t>b'?P\xec\x99R\x9eQl\xea\t\x8a\xee\xd7\xde\x12\xb8\x99vcR/\xdd\xae\xca)}6\xf9\n\xefP\xb6'</t>
  </si>
  <si>
    <t>b'\x91z\xcc\xad\xc9\x0e\x1b\x94J\xfd4\xdd\x15\x1e\xae\x83Y\xd6NC\x8ac\xe2\xa13\xa95\x7f\x1d\x96xc'</t>
  </si>
  <si>
    <t>b'j\xcbs\x8e?\xc9\xdd\xc3\xb1!\xa0\x03\x99\x9a\xd3\x01~O\xfb3&amp;\x161\xcf\x9d\xa3\x0f?\xed\xd4el'</t>
  </si>
  <si>
    <t>b'\x99T\x02/\xae\x0f\xaa\x19\xcb\x83\xe1^\x82\x7f\xad\x04\xef\x8e\x8f\xb14\xbeP\xa3\xd9\xc0o\xbeIm\x94y'</t>
  </si>
  <si>
    <t>b'\xadO.=\xd2\xa7Ox\xe5\x04~p\xe4G\xf4\x0b\xf0\xe8\xd4b\x85\x91i\x9f\x96\xfe\x8d?\\\xd0\x8a\xc2'</t>
  </si>
  <si>
    <t>b'\xfa\x94, \xc4\xa2\x9a\x99J\xfd\xa7FV0/)6|i\x0b\\E\x17\xc6=\xb9\x04e\xe5\xb9\xa1\x90'</t>
  </si>
  <si>
    <t>b'\xc3&gt;\xb0\x96\x88/\xa4\x9cj\x88_\xb8\\\x04\x15\x91eN\xf7\xadkU\x1b_\xc7\x1b\x9a\x13\xd5\xf9m^'</t>
  </si>
  <si>
    <t>b'\xc80I2\xcb$\xf6g\x82\xec_\xe6\x81\xa47\xae\xbc\x8e\x9ds\x02\xd7\xbc\xcd\xa2Da\xda\x10{\xb2\x05'</t>
  </si>
  <si>
    <t>b'\xe3\xcd7\x10/\x02\xde\xb1\xe9\xb8\xdc\xeb3r\x13\xe7\xc7|\xcepX(\xce\xbd\x86\xfd\xf1x\x06\xec\xefw'</t>
  </si>
  <si>
    <t>b'\xcc\x82o\xbd\xc6\x82\xe6\x9bY\xdc\xac\xa4(\x81\xbf\xcd\te\xe3\x15j\xf2.R\x8b\x96\x15\xfa\xfas\xac\x1a'</t>
  </si>
  <si>
    <t>b'\x82&amp;\xa5o\xc8/6\x02\xe3\xe8\xb8\xe9HE\x98X\xb0\x9f\xad?\x9cG\xef\x07\x90r\x83\xfa\xfe\x19\x84\xdb'</t>
  </si>
  <si>
    <t>b'\r\x11\xc76\xda\xc3\xd7\x1b\x01{\xe6\xb2\xf3)\xb4\x90W\x99p\nP\xe6o\nK~\xb4\xe7\xdc\xa2/h'</t>
  </si>
  <si>
    <t>b'\x1a\x89\xa0\x02\xacXN\xfa\xd2\xe9\x18\xae\x93\x81%\xe2\xf0\xff\x1c"*7\xe5\xa0\x85\x82\xbfk\xa4\xbc\xaa\xd1'</t>
  </si>
  <si>
    <t>b's\xbe\xc7\x8c#\xbc\xfeC}\x18K\xbd\x95\xb7\xed\xfa\x15\xb2\xccU\xc9\xf0\x15\xce\x84KBV;!{\xab'</t>
  </si>
  <si>
    <t>b'\t\x97u\xe4\x0c\xdeHn\xc2Q?\xe8\xd0c\xc8\xc5\xf7D&amp;\xce\xa3\xa3s-\xad\x99\x0f\x8b\x04H\xd4J'</t>
  </si>
  <si>
    <t>b'\x99\xc2\xfe\xcd}\xda\x0e\xb6=\xd0\x97k\xcb\xd0\xc0\x12\xb0\xdb\x9d\xf9\x10\xe1\xdc\xcc?\xd1a$\xa0\xffR\xc7'</t>
  </si>
  <si>
    <t>b'\xfe\x1ba\xf6 \x85\xe5\x9f\xc2S\x8dXi\xb9\xc8E\xdfX2\n\xa0\xf7\xb8&amp;\xc8\x18\xd8S"\xe8\x0eG'</t>
  </si>
  <si>
    <t>b'\xb4t\x99\xef\x1dS\xcfl\x0c\xe72\xda\xe8\xea\xed|\xf0\xff3\xdc\x82fo=\r$8\x06\x12Z&gt;\xe9'</t>
  </si>
  <si>
    <t>b'\xcd\xfc=l\xb0%x\x19\x1b\xecS\x9a\xd6\xb3`Tp\xa0\r\xdb\x0f\xbac\xef\xa9P\rub\x19\x8a\xd7'</t>
  </si>
  <si>
    <t>b'\x92PrV\xe5\x93\x87&gt;\xff]QQ%\xf3\xe4\xccz\xe7MW\x9e\xa3Wd\x0b\x0cx\xcap+\x837'</t>
  </si>
  <si>
    <t>b'&amp;\xcd7\r@uQ\xb3\xc33(`\xd2\xaa#\x97Y\x9e\xd8\xb3b6\x89\x16^\xf5\xdc\x86&lt;FO\xcb'</t>
  </si>
  <si>
    <t>b"'\x9d\xa6\xb7\x82\xeee\x8c\xbde\xcc\xa4\x8b\xce\x1aB5S\xa2+\xca\x1du\xb6O\xd5\x08\xf6\x8a&amp;\xd89"</t>
  </si>
  <si>
    <t>b'a\xb8\x97\xb6\x91\x90RSz\x06\xd7\x01zt_#O\xce\xd0\xc0\xfc\xcd_b\x07\xa5\x80\x19\xfa/\xfc`'</t>
  </si>
  <si>
    <t>b'\x83\xa7\xef\x01\x99x\xc4\x9f\x12|\xe6\x0b\xcc*\xac#H\x97\xd7\x0e\x15\xd1\x8f\x87\x88+\x90\x93\xb2\xffM\x9a'</t>
  </si>
  <si>
    <t>b'f\xd7\xaf\xea\xf4\x9d\x04\x86\xf3\xb3\xcf`\x96\x17\x05\xe90\x97\xaa\x01\x85\xbe\xcf\x9a\xd7O\x1fWy\x8c\xa9\x9d'</t>
  </si>
  <si>
    <t>b'\xde?\xee\x98\xfe\x0b\x86\xb1\xac\xfc\xa89\xbe\x1b\xf6\x8fk\xd8\xf0lc\x1b\xb1\xab7\x1co\xa4)\xb0&gt;\x13'</t>
  </si>
  <si>
    <t>b'l"\xb5q\xa4\xae\x16\xe4Zup\xdf{9r\xfe\x03\x9aRa\xc3\xfdU\xa1\x8bT\x14\xf1C6e\x1e'</t>
  </si>
  <si>
    <t>b'\xa4\tX\x16\x93\r\xabe\xea\xd0U\x9b\xdfP\xf9i\xed\xc7)\xeeU\xff\xf7Q;\x7fe5\x95\xfa\x1c\xc3'</t>
  </si>
  <si>
    <t>b'\xa3^\x1a\x8ai"\xd1\x84(\xdd#\xea\xf8\xe8\xb1\x81\xa6\xee\xc6MzQ\x9c\xc8#\x1b\x0e\xbct\x19\xdd\x0e'</t>
  </si>
  <si>
    <t>b'\xf3u\x99\xae\xb5\x1aQc\xca\x00\x12\x03!1]\xd6\x19=\xd45\xd1\xb3\x11\xca\xbbT\xce\x11nr\x9b\xb1'</t>
  </si>
  <si>
    <t>b'\xa1:}#\x12\x83/\xad\x0b\xeaMCz\xb8\xaf\xc1\x96:#_\xb6.\xec\xa5\x93\xd1\x19\xbc\xd9K\x12{'</t>
  </si>
  <si>
    <t>b'j\n\x99\xf5j\x80\xec\xc4\xb3\xf96\x1f\xbf~\xd2\x96z\xb0\xf1A\xcc!VK\x9cI\xec\x0f\xd7\x89D\xec'</t>
  </si>
  <si>
    <t>b'T\t\xc2\x96\xe0\x1b\x05\xd0Bk\xf7\x8b\xc8:}\x01\x82\x99`w2\x8f\x80\xb3\xce?\xdd\xb8\xe9Y\xf3\xce'</t>
  </si>
  <si>
    <t>b',B\x1f\x1a\x92\x86A\x9a7\x86\x97N\xca\xbd\xd0\xae\xb9q\x0f\x10K\xe7c(y\xb6\xd2?c\x7f\x94m'</t>
  </si>
  <si>
    <t>b'\x86\xfe2\xf6j\xde\x8b\xcc\x0e;\x94w\x1e:v\xe0$\x110X-\x90b\x84\xfb\xfb\xad\x0c?\x18\x0eY'</t>
  </si>
  <si>
    <t>b'\xeb\xc1Bv1\t\xd1/4\xf9\xaa\x1e(k\xf7h\xbe\xc6?c\xfe\x91X_\x0c\x023\x99S~^\xec'</t>
  </si>
  <si>
    <t>b'wR\xcc)qU\x12vc~\xf4#=`\x19d\xd5\xb5\x82\x8aLF\tu\xe2Ml\x1f\xc25\x160'</t>
  </si>
  <si>
    <t>b'\xf6\t\xe3\x1fePnMh\x93\xf8D\xf7IJ\x80\xed\x85m\x0f\x96J\xe7+VQ^J\xe2\x8b\xa5\xc6'</t>
  </si>
  <si>
    <t>b'\xc0c4Ex\xc12T/h\xc0\xf1\xd6\xe68m\xf4\x88\xbe\xb2\xa4\x9e8&amp;\x1f\xec)b\x16\xf7Md'</t>
  </si>
  <si>
    <t>b'\xb9\x9e\xf2`H\xd2\xbdC\x01\xdcY\xc8\x86\xdc\x93\x03j\x0e\xa6G\x9e\xc5\xc1\xed\xc6\xcc\xd9\x02~B\x07\xb8'</t>
  </si>
  <si>
    <t>b'\x1a\xfe\x02A\x0b\xfeS\x1e\x90\xeaR\xe4\xc527\xec\x9bAo\x14t8\xe9\xcfc\x8d\x90,\x9e\xa8\x05\xc6'</t>
  </si>
  <si>
    <t>b'\x80\\N\xb2\x14A\xf1\xd2\xce\xb1\xb1FkE\x9fQ1\xbbR%mG\xce\x10\xa2\xce\x83\xb2\x87\x89\xc1\x92'</t>
  </si>
  <si>
    <t>b"\x17\xca\x951fyi(Y\x13\x0c\xac\x9c'\xa0\xd4\xc0\xe96\xc7[\x02&lt;\xc0ip\xc4L\xe4n\x18\xf3"</t>
  </si>
  <si>
    <t>b'\xacN\x03|&lt;\xbee\xb1\xde\x18\xb6\xcfKr(,;\xa6za\xb0Y\xb5|\xdd\x94\xf0\xb1\x88@\xe9w'</t>
  </si>
  <si>
    <t>b'\xd7\x1a\xd2eZ\xe3y\xa4\x10\x1e\x8bs\x8d\x8b\xc5\x85GQ\x91\xe2\xb7\x9aK\x0cX7j\x03sM\x88\xa6'</t>
  </si>
  <si>
    <t>b'\xcc\x08\x12\xf3r\x9am|\xe7O6\xf2h\x07\xea\x03S\x85\xfb\xf7\x05\x9e\xa134\xa1P\xc6D\xf9\x9e\x1d'</t>
  </si>
  <si>
    <t>b'z\xcf\x92;W\xb8\xab\x08\xd0RC\xb2\xf3\xfd\x8ca\x13-0\n\x03\xf5\xed*&lt;\xd6U\xef\x85\x15\xa7\x17'</t>
  </si>
  <si>
    <t>b'2\x0e\x94_\xedO\x02yo\xfb\x19\x12\x96[\\\xffV\xbd6\xf4\xad\xb4$\xb4y\xbb\xe5\x00\xa4\xda\xbf\xa4'</t>
  </si>
  <si>
    <t>b"\xf0\xcf\x9b\x9e\xaf\xa1\xb6@\x11\xe8\\\x8a.\x90!*\xd0\x1e\x07\xd3'\xbb\x1d}0\xd3\xa1$\xaf\x12\x84\xbc"</t>
  </si>
  <si>
    <t>b'\x15\xdf\xc0\x80\x85\xba\xba\xb7\x1aR\x84h\xbf\xe0\xb6\xa9\xd3\xcfT\xc7\x82\xc7~lt}8"\x84\x96U\xe1'</t>
  </si>
  <si>
    <t>b"B-9\xbc\xccb\x1b3F\xd4'\xfa\xc5\xd0\xa6&lt;\xf0\x16\x854G[\xb11\x7f\x81C\xb1I\tw\xab"</t>
  </si>
  <si>
    <t>b'\x01\xeb\x85\xc9\x81\x06\x9e\xe2\x89u\xf5\x1b\xf1M&lt;\xcbASR\x07\x0f\xafU\xf4\xc9A\x91Ho\x8c\xcd\xb7'</t>
  </si>
  <si>
    <t>b'\x8f!\xa8\xc3zm\xa8.PQ\x1a\xef\n/\xcf\x08bb\x8e\xd6\x8bdT\xe6\x98\x94~\xaa\xde\xf7%\xc9'</t>
  </si>
  <si>
    <t>b'\xc1P\x85\x10\xddb#RO\x1a\r\xc1\x04U\xdd\xda\x1b\xfb\x02,)c\xb5\x83{\xb5\x14K\xea\x1b\xc4\x15'</t>
  </si>
  <si>
    <t>b'\xfcwk\xc1\xd9\x8d\x0cE\x00\x1d\x98R\xd8v]go\xee\x0e\x16tG\x06%}\xafS\xeah\x88\xf4\xff'</t>
  </si>
  <si>
    <t>b'\xb9./\x16XE\xec\x12T\x9e\x05\xe0\xca\xfc\xcao\x9a\x9cy\x00\xb1\xf7\xa0j3\x84\x90\xde?\xa7\xa4\xe2'</t>
  </si>
  <si>
    <t>b'M\x19\x07\xa5\x94RCeZZ\xaeZ\xad\xd7\xf1*K\x02\xb0\xe7D\xfe\x0boh\xba\xcb\xb7\xe1\xbf\xea\x96'</t>
  </si>
  <si>
    <t>b'\xe88\x89\x92\xe6S\xec\x11\x85\xe5Z\xd0l\x9f\xe1M\xf9FGBa\xcb\n!@\xd3\xa9I\xaf\xa2\x19\xa0'</t>
  </si>
  <si>
    <t>b'\x82\xffx\xe6q\xf24\xf0\xfa\r\x83\x9bibmI3p\xdai\xcd-\xa9Z\xd1\x00\r\xce\x17"\xf6\x87'</t>
  </si>
  <si>
    <t>b'\x9a\xb3\xa9v\x18\xa8\xc5!\xad\r\x16\xbd\xc7\xc4\r26\xcc\x89|dh?\xd5\x8a\x88\xe2Y\xd9\x01\x0c\xc8'</t>
  </si>
  <si>
    <t>b"\xd0Q\xebU\xdbf\xf9q\xf1'\x044\x87\x0b\x04o\x8a4\x9fm\x13\xdfF\x93\xb5\x86k\xb5\xa9N\x93W"</t>
  </si>
  <si>
    <t>b'\xb6\x9a\x0e\x12\x80\xd8\xc6\xcd-\xe2\xc4\xb6\xa6\x1bO\xd5^kw\xed7\xbazTb\x10e\xd7\xaeZ\xa7\xbe'</t>
  </si>
  <si>
    <t>b'&amp;\xdd\x19\x80OYF\x95\xd7\x91\x98\xb3\xb0\xff\x98\x14.\xb8k=\xcc\xc5\x18t\xe0I\xbc}\xd0\xdc\x07]'</t>
  </si>
  <si>
    <t>b'\r\xb3J\xbcY\x954\xa9\x14\x11\xf8\x82^\\8\xb9\xea\xd9\x93\xda\xbc\x8dH\x9ae6\xaa2\xa2\xa0z\x0f'</t>
  </si>
  <si>
    <t>b'\x89\xaa\xa7\xf1\xf3\xcc\xf0\x82xC~\x16\xc5%V\\\x7f\xce+\xcdd\xfc\xaf\xdba\x083@\xb3BH\\'</t>
  </si>
  <si>
    <t>b'\x025\xaf#J\xb1\xbbE\x0c\x16\x9fM\x90\x06\xe4!-\xbc\xb2\xc3\x0f!\xbc\x17\xd3&amp;X\xa8\x90#\xb8"'</t>
  </si>
  <si>
    <t>b'\xda\xbd\xda\x7f\xf5\xf3Z\r\xce\xd04\x902}\xa8?\x8aF\x80\x0cai\xb8[\xf5\x9cm\x9c\x94Zdw'</t>
  </si>
  <si>
    <t>b'n\xd1\xff\xf8m\x90\x12\xa8\x8fRG\xae\xcd\xce\x18rB\x08\x90\x00ge\x81V\xaa\xa7\x97\xa9n\xa4\xf7\x85'</t>
  </si>
  <si>
    <t>b'\x97`\x03\xc7\xea\x7f\x17t\x83{\xd1\xc3\xab\xf8\x08\xc9POK\xda\x01\xf8-\xef\x94kX|\xb7\x01\xbd\xf5'</t>
  </si>
  <si>
    <t>b'\xdd\x19\x19\xa0\x11\xb5L\xd9?\xaf\x84OS\xd2\xa3\xc5\x15/\xcf\xab\xe96\xc7\xbe\x8f\xdcVm\xc9\xa8\x1cx'</t>
  </si>
  <si>
    <t>b'\xa4Qr\xa8\x97\xae)\xf9\xffa\xa9\rjb\xe0]\x04qv\x8d:\x9d2\x1b\x14O\x05\xbc\x9a\xbff4'</t>
  </si>
  <si>
    <t>b'\xc1\xe99\xf7e\xc62a\x8d\xd6\xa0\x99\xd8\xe17\xa6\xa5\xc8\xba.&amp;"\x8d\xd7\xadN\x12\x04\xc8\x85\xb1\xde'</t>
  </si>
  <si>
    <t>b"\xd1\xb1\x81\x81\x06\xa7\xe2!\x04\xd7\x00[\xc8\x88\x10\xb1\xfd\x06\xac\xe9\xbe*\xd3\xefP\x92\x86\xd3\xf5'\xe7\xb1"</t>
  </si>
  <si>
    <t>b'\x99]\x8a\xb9\xce\xe1\xbe\xdb?\xa6-0\xd01\xe1\x00\xdd\xa0CXs\x00\xbf9c \x8a\xd2\x8e&gt; \xf3'</t>
  </si>
  <si>
    <t>b'\x18]\xcbN\xe3\x9dOLg\xd8\xbd/\x8f.v1\x95\xbd\x82\x0e\xda\xfa\x86"]\x94W\nh\xc9o\x89'</t>
  </si>
  <si>
    <t>b'\xa0?\xa4+\xce\xd0\x9f\xe6\x1fJ\xcfr\x87\xeeT\x8e\xbe\xbf\xa2\x01\x13\x83H\x97\x06\x87\xa3\xc8\x91mv\xc5'</t>
  </si>
  <si>
    <t>b'\xc8`\x05\x93\x81\x1f"\xaa,\x92p\xac@\xcb\xa5.x\xfbJ!\xdau\xe1\xa7_\xd9\xc0\x90\x8f\xf0e8'</t>
  </si>
  <si>
    <t>b'S\x8dd\xa07\xd8\x8b\xb2\x85\x9fT32\x1f\x93\x8e4i.\x81J\xcc\x99o\xeb\xa1%$ieV\xb9'</t>
  </si>
  <si>
    <t>b'\x07@\xa7f\x94c\xa6S%\xb21\x807\xe3\xf3\xaeMM\x9d\xfelG5~:\x9d4\xf3\x03}\x84\xd4'</t>
  </si>
  <si>
    <t>b'9\x8bG1\xceD\xdc4\x81\xb9\xdf_\x86\x83\x9a8\x93\xd8\x1f\xaa\xff\xf2:\xc6\x82\xdd\x97\x17\xb6(\xa4\x1c'</t>
  </si>
  <si>
    <t>b'\xe1\xd5\xf7k\xe9p\x02r\xd5\xb1\xe9\x16x\xfdf\xe8\xbd\xcaD\x9eM\x93\xb4\xc8r\xe9\x1c5&amp;\x05\xa6\x9d'</t>
  </si>
  <si>
    <t>b'\x94i\x9f\x1e)\x0cr\xed\xe6\x86s\x06O\x17Vya\x99\xea\xec2\x178\xd9\xf0z\x9bcS\x02\xf9w'</t>
  </si>
  <si>
    <t>b'\xc5re#\xd3)\xa2Y\x88\xbb\xa0Y\x9c\x1bh\x7f\xab[\xe0\xaaF\xc7~\x8b3K\xc3j9\xb7\xd9\x97'</t>
  </si>
  <si>
    <t>b'\xe6[p\xa9s\x03\xd7u4\xc4\xfb\xc9\xf0\xd6\xd6?\xbcU\xc0r\xde\x0c]\xff\x17\xf8\x9c!\xc8\xa2&lt;\x15'</t>
  </si>
  <si>
    <t>b'F\x9dv\xb1`\xc7\xa7O\x97\xf8\x9f\x88\x8fI\xa8z\x7f{)#|-\xb4\xd9\xb4\xffP\xed\x8f\xcf\xba\xd7'</t>
  </si>
  <si>
    <t>b'\x94-#)$\x16I\x13\xcd\xfeF\xa2\x16\xa4\x8e\x8dx!W\x08V\x11\x05\xe66\xf5C?\xfa\n\x17b'</t>
  </si>
  <si>
    <t>b'\xa5\xe0RU\x8e\xed\x94%w\xb2\x99\x00\x1b\x15N\x90\x83\x08j\x0cn!\xef\r\xfe\x9en\xcf\x85"!`'</t>
  </si>
  <si>
    <t>b'\x98\xd5N\x10\x99\xf4\xb5*\xd7D\x12~\xaaKpc\xc5\x96\xa00\xfa\xd9\x1e\xdfC\xe4R \x96\x82z\xa0'</t>
  </si>
  <si>
    <t>b'&amp;\xa4\xd0\xfeB\x81\xb7\xd8\xcfE\xca\x07\x99\xc5\xcb\x8cGm\xf0j\xd3\xb0\xd5\x05\x13\xcdr\x1b\xd5\xb9\\_'</t>
  </si>
  <si>
    <t>b'\x12{y\xe2#y\xd6t\xbf_\xc2"Mfr \xce\x7fe\xff\xf1\x8b\xa1:\xff\xeb\x9d\xd4\xc1\x13\xb4\x11'</t>
  </si>
  <si>
    <t>b"\xbbG\x0b\xddQ\\\x7fJ^m\xe7\xa6|y\x11&amp;'\x07r\x84\xb1U\xd8\xc0\x8c[\xe8\x16\xb6=E\xc7"</t>
  </si>
  <si>
    <t>b'\xf9\xbd&amp;\x94\xfc\xa53\x96\x9d\x16\xb6.\xcd\xfbd":K{\x16v\xd5\xe9\x05]\xa0\xa4\xcf\x06\x86\x16\xdc'</t>
  </si>
  <si>
    <t>b'0\xd8\xb93\xd5\xa6\x15\x93w\xa7AO\rr\xae+&gt;T\n\xb8ql=-Ks\x10U=\xfc\xa9n'</t>
  </si>
  <si>
    <t>b'\xba\x91\xf0\x14\xee\xc4\xca\xed\xd7n\xf9\x0cv\x87k*\xd9Oq\xac\xc6\xb4\xdd\xc1\xfc\x02\xb7\xc1\x8bM\x10B'</t>
  </si>
  <si>
    <t>b'\x8e\xee\xa0\xde\x80\xbd\xfe/\x7f+\x1c\xed$\x02\x94\x87Y)Z1\x13X[\xd9\xbf\xc9\x18bf\x08\x8a\xd2'</t>
  </si>
  <si>
    <t>b'4:u\xaeS\x1e\x02\xad\xff\xcd\x7f\xe1\xb5H\x10\xcd\x1a$j\xb5\x18\xb0\r\xd7m\x85\xa5\xca\xd4\x85\xf4\xfb'</t>
  </si>
  <si>
    <t>b'\xa8\xb2L}i~%B\x84\xea`\xee\xe2\x1f\xb4S\xc30\xaa\xe5\x8d\xbe\x16\xa4V\xafv\x95/\xfbe\x8f'</t>
  </si>
  <si>
    <t>b'\xf4\xc9M\xdd\x8dV\x8eP\xb4\x1a\xe5Y\xd3\xe5Z\x86\x8bO;M\x19\xa4(\xfd\xd4\xf8\xac1\xa3$`P'</t>
  </si>
  <si>
    <t>b'\xd4\x81\xe3U\xa1\xe1\x1a&lt;\xe6a\x92\xc7\x9a~&gt;mU\xe7\xa0S\xc9_\xe8%\xacF6\x9b!\xe3\x1fS'</t>
  </si>
  <si>
    <t>b'\xdc\xfe\xe2\xd67\x10 \xe1^\xee\xaf\xb1\x18\xe1~x\xdeI(\xc3AX\xe2~\xea\x07\xce]\x9e\xab\x8eb'</t>
  </si>
  <si>
    <t>b'\xd5\x1d8\xdb"\t\xe9\xd0\xb8\xf8a\xd2\xc7\x90\x9exc\x08\xe9\xf5\xadG0W\x86\xda#k!g\xbb?'</t>
  </si>
  <si>
    <t>b'\xf3\xe5%\xd8E\x96I\x84\xb5\x0bQ\x94r\xc7\x89\x05\x92&lt;\xf4bz\xe7\xc3\x89Z\x9cb\xc3\x89\x86\x1b\xb0'</t>
  </si>
  <si>
    <t>b"l\xd2\xb7\x01\x97\xb0y'\xcb\xd3\xc8j^\xc8\xe0[\x8c3}`\x88\xf8\xb9+\xad\xbd\x92vE\xa3\rA"</t>
  </si>
  <si>
    <t>b"d\xaf \xd9J\x92!\xc0\x12\xfbV'E\x10C\xb2=G\xaef\xdc\xf1\xb6\x84/xi\xda\xdf\xe8\xebg"</t>
  </si>
  <si>
    <t>b'\x8e\x82\xfa\xf4\xed\xac\x85nP\xfb\x1f\xfd\x12\x1a;\xe7\xb9\xaf\x8d\x89\xcfrv\xf9\x92+*\xa2\x12Q\x13;'</t>
  </si>
  <si>
    <t>b'\xf9\x1cr\xb8\xb2V\x11\xc0\x07\xd2w\xd2\xe0l\xee\x94\xc2\xc4?\xad\xe6O\x81.\xc6\xdf(\xe9\xe5L\xde\xbf'</t>
  </si>
  <si>
    <t>b'{?\xe6\x1f\xc8\x02\xaf\x96\xd3\x05\xfc\x9bn\xd7i\xc0c!\x9f\xc6d\xb8\xa9\xab%S\xfe\xf2\x04O=P'</t>
  </si>
  <si>
    <t>b'Sb\x07\x95\x83\x06x\xd9N#\xfa\x92\xa5I\xb4HNi\x18\xb0\x955\xdfX\xa4\xa8\xa0%OZ-Y'</t>
  </si>
  <si>
    <t>b'b\xb2j\xd4KqA\x9e\xd0\xf8\xce3q\x84\x886\xa1\x94[tB\x19\xb3\x1ek\xf6\xe3j^\x96\x88\xde'</t>
  </si>
  <si>
    <t>b'{\x85\xef!:E.\x95\xb7\xf7\xb5\xa4\xa7"/q\xd3\xd8\x0e\xd1{\xb0l#:\xb2\xd6\xf5~O^\xd5'</t>
  </si>
  <si>
    <t>b's\x9e\xb2\x084\xe8\xfb\xe1cN*|\xa9\x9a\x9f\x8c\x9b.\x16i\xbe\n\xba\xff8\x18s(s_\x11^'</t>
  </si>
  <si>
    <t>b'Z\xa1\x8dcb\xc9\xb5\xec1\xe3\x8c\xe5\x85*\x80\xa5\x94\x9bSy\xf38\r#\xfd\x88\x82\xc3\x84\x0f\xa5k'</t>
  </si>
  <si>
    <t>b'\x9e\xb7\ry\xc1.\x06\xee\xcd\x08\xb2\x9c_rU\xb2kG\x17\x04\x19\xea-_\xf8\xde\xf1\x94^\xcc&lt;t'</t>
  </si>
  <si>
    <t>b'Y\xaee=\x06\x16\x97Z\xe2\x84\xb2z\x04\xe32\xdd/\xc4\xebo\x9c\xb8\xa4[U\xdc\xdd\xc69mi~'</t>
  </si>
  <si>
    <t>b'\xc2]\xa2\x9e1\xc7\xf8\xeal \x82\xe0v\x1b\x12a\x82e0"+\xb2m\x9a\xdd\xc2%b=s\x13\x95'</t>
  </si>
  <si>
    <t>b'\x0bt\x1c\xb2x\xe5\xfe\xec\xeb\xaa\xbciA\x0c\x82\x91b\x9a\x1d\x03\xc3\xeeW\nl\xa3`N\xa30\xcc\xb6'</t>
  </si>
  <si>
    <t>b'I\x1c&lt;\xa5\x1d\x1b|\x08\rk{U\xf8\xe2\x99\xf6v\xd9\x9a\xae\xd3\x8c\xad\x11\x81\xe1\x19\x84\x89;\x13#'</t>
  </si>
  <si>
    <t>b'\xd2\x89k\xfd\x85Mc\xdf\xb5\xde\x9eXI\x892\n2\xc3\x9a\xacK\x9b\xb5\xefV\xdcd(`\x07`\xb5'</t>
  </si>
  <si>
    <t>b'\x12\x15\x0c\xf7\x17\x82\x1b\x0c1\xa0\x8f\x05\xdf^Bj~\xe8\xa7\xc0\x1b\xb2\xa4vL\xef\xe5\x06\xe7\xda\xec\xf1'</t>
  </si>
  <si>
    <t>b'j\xb2\xd6Z\xb7D\x15\xe3P\xf2\xaf\x1c\xc0\xf5\r\x1e\xcd\x1f43\x8e\xb7%\x94\x8e\x04\xfe\x11d\xcec\t'</t>
  </si>
  <si>
    <t>b't\xc6\xf4\xbc\xf4\xf6\x07\x9a\xa7\xee\xc0?\x05\x1b\x1ca\xd4\xf2\x99\x1b\xec\xd3\xbe\xa3\xc7n\xb5d\x98}\xa3\x81'</t>
  </si>
  <si>
    <t>b';3\xb3\x97f\x85\x1a\xb3\xd4\xe6\xe9Ms\xa7\xa7\xc6\x1b+\x01\x82\x80\xe0n\xd2\x87\x90U\xdf\xdf\xb2\x94\x8d'</t>
  </si>
  <si>
    <t>b'\xe10\x02\xd5\xad/z\xf9?\xa1\xa1\x10(\xc0\xe03\x1f=\xb2\xab\xd1t/\x8e\x87\x1f\x95k\x8d\xf4\xc9\xcf'</t>
  </si>
  <si>
    <t>b'\xa0\xfe\xecF\x94 \x18\n\xd1\x08\xcd\x01\x89|u9\x8d\x16\x11\x7f\xf7\x1dZ\x18\xde\xac8\x97\xbeB\x00N'</t>
  </si>
  <si>
    <t>b'\xa4\x15\xc5?|\x89&amp;\x97\x8by\xd5JD7&amp;H\xc2h\xa6\xaa\x88#\xc0\x17;#k\xf5&amp;W`\r'</t>
  </si>
  <si>
    <t>b'\xcfo\xdfJ\xdaE\xeb\xbc\xda\xb0L3(\xe1\xe7^A\xb9\xc4\x90\xfd(&lt;T\xd6\xd0W\x9c{7/\xac'</t>
  </si>
  <si>
    <t>b'\x1f"\xc9\x81\xcf-\x86c\xe0rq\xadx\xa9YS\x9cAsE]\xe2\x86\x8afL\x9fN\xc5\xbd\x858'</t>
  </si>
  <si>
    <t>b';f\xbe\xcb\xf4\xe2,\xf5\xd1o\xc6\xa9\xd8["#\xe0\x97\x82\xbb\xf3\xbf\x9d3\xd1\x7f\x00\xc1\x0f\xad\xee\xc7'</t>
  </si>
  <si>
    <t>b"\x0c\xc2\xf7}\xcc\xb7\xf4}\x8a\xb3\x85\xfd1'\xd0KUT\x14Q?}g\xc0s\xed:\x91\x9e,\x1d\xf9"</t>
  </si>
  <si>
    <t>b'v\x1c\x96\xd9\xa1o\x8cfv\xe67V\x8511)\x00{\xa3\x18\xab\x10\x8c\x95\xd9\xb9\x81\x8d\xe6\xabf='</t>
  </si>
  <si>
    <t>b'\xee\xff\xfc\xd4\xb5\xf0\x80\x9f#\xf5\x92\x1ej\xc8)]+\x95T\xcd\xdd\x13=\xd5\x0b&amp;&lt;5\xef\x1d\x97\xb1'</t>
  </si>
  <si>
    <t>b'I\x95O\x99E\xc9\xd7P`\xccW\xed\x92\x04\xec1#\xe2\xbd\x948\xab\xd8\xf0\xc0E\x1a),x\x9e\xd7'</t>
  </si>
  <si>
    <t>b'\x9ab$=\xf1t\x1c8\x18\xb4\x07k\x16X\xc4\xe1\xe7V=\x9b_1\x01\xff,d\xb6\xc9\xbb\n\xafj'</t>
  </si>
  <si>
    <t>b'\xda\xec\x90\xcb?\x1c\xe166\x8d_&lt;uA\xc8\x88\xa2\x1b_ol\xb4^\xeaZ\xa7P\x1f\xee\xd0\x197'</t>
  </si>
  <si>
    <t>b'\xf8\xd2(\xed\x08\xc3\xb4\xa1~O\x8e\x89\xe5$c\x98\xc6\xb55\xb1^[\xa9l\xb4\xe1\x1ch\xb0\xe8g\x95'</t>
  </si>
  <si>
    <t>b',3\xc9\xa1\xb9S\x9b\xcb&lt;\xae\x9f\xa2\xceK&amp;,\xb7h"\x81\xc0\xfc\xdd\x9b&amp;\x88!w\xb6| w'</t>
  </si>
  <si>
    <t>b'\xbc\x1e\xa6\xed\x02G\xdb\x15s6\xaaX\x82y\x18\x18y#\xf3\x12\xac=\xb9\xd1C6\xee\xfa\n\xef\x01\x99'</t>
  </si>
  <si>
    <t>b'c\x9e\xb7\xa8M\xb2\x03kJ\xdd2\tA\x9d\xefxX\xf1)\xb8Z\x02]\xab\x9e\n\x14R)\xda\xa2\xf5'</t>
  </si>
  <si>
    <t>b'\xb6\xd6\xe9\xd7e\x9d\x81\xd5\x89\x07\x1e\x9f\xda\x02\xf7\xcf\xb3\xa8$\xa0Z\xd1&amp;o\x1a&gt;_\xb7r2\xf4\xf1'</t>
  </si>
  <si>
    <t>b"WA'\x9c&gt;s_\x1a\xc82D\xb1\xcd\x92+r\x07]i\xa9^\xea\x9d\x85\xd3A;S\xd1\x14\xd7\xab"</t>
  </si>
  <si>
    <t>b'\x9e\x98,_0\x94"\xba3J|\x8b\xccP\xf7\x0f\xcb;\x0c\'P\xe6\x89\xee\xe4\xe2X\x15\x06v\x05:'</t>
  </si>
  <si>
    <t>b'\x0f\x86\x85\xc2\\\x98\xe1i\x10\x80\x89\x8d0\xf8\xcd%\x85\xb0\x7f&lt;\xda:\x837q\x96\xcb\xc1\xa9\x03b\xa5'</t>
  </si>
  <si>
    <t>b"\xa1'I\xcbT\x17\x8b\xd6#\xdb@\x92\xfb\x85\x08\xa2\x12`\xa5\xcf\xbby\x85\xe8(\xde\x9e\x97\xc6\xa5\x00!"</t>
  </si>
  <si>
    <t>b'\xad\x9e~P$.\xcc\xad\x1fn3&gt;+|\xef\xb2\x96\x08\x98\xdaP\x12\xf8\xb1[\xa5\x9bM4\x1c\xb9\xee'</t>
  </si>
  <si>
    <t>b'\x10\xd5\x15K)\xeb\xf3\xf3\x15 \xd4\xd2zuo1\x13\x80\xcf{\xbf\xeb\xa4\x84\xc6 \xe1\x8cL\x18\xacL'</t>
  </si>
  <si>
    <t>b'\x90P\xb6\xaf`\xbf\x97\xfdeR\x18\xe6v\xde1\xd3b\x82\xdfp\xdb\xb1\x86/$zX=*\xc3a%'</t>
  </si>
  <si>
    <t>b'\x8b\x96\xc7a\xeb\xb2\x91\xe2\xf26\xdd\x84?\xbe\xb7e8\xab.\xcb\xa9\xa3R\xad\x7f\x85-1E\xc7\x81\x04'</t>
  </si>
  <si>
    <t>b'\x1c\xde\x1f\x90\xdd\x8d\xa1\x0e\xd0\x94\xfb\xc5\x10&lt;\xb5+\xda\xd6\xa5\xc3n\x8b\xce\x8d%\x82\xceB\x9e]\x8cz'</t>
  </si>
  <si>
    <t>b'Do\x83\x01]\xa1\xd8\xa3w\x00\xe9N\\\xb49\xb0L\xd4\xf3\xc5\xd4\x18\xbe\xce\xc9\xcc\xd5\x05\x91[\xab5'</t>
  </si>
  <si>
    <t>b'\x8f\xee\x86D)\x83\x14\xf6H\x06e\xd9\x1d\x1b\x02\xb7z\x95\xbc\x18ZY\x9e\x83w\x89i\xe5\xca\xf7re'</t>
  </si>
  <si>
    <t>b'\x1bg\xaf\x9d\xabs\x7f\xb5Z\xfa\x8c\x14\xce\xa3&gt;\xf8\xe6c\xe91\x89\x0b\xb8\x964F^\x8co\x01k|'</t>
  </si>
  <si>
    <t>b'p\x82\xcdB\x8f\xa95y\xb3\x93,\x9f\xfft\xad\x0cM\xb3\xf2,\xf2\xef?\x85x\x85\xac\x93\x91\x1b\x91\xfd'</t>
  </si>
  <si>
    <t>b"\xd7\xe4\xd4\t*\xfd'\xa6\xd3\xcd\xfd\x1f\xf5$\xa4\xa4\xfb\xbf\x89}P'n\x13\x85\n\xffoC\x92\x9e\x97"</t>
  </si>
  <si>
    <t>b'X\xd9\xbdZ$\xa3?\x02\x8ay\xae\xcb)\x8f\xdf\xc21\x16\xd4\x11\x91\xf3`3o\xb7\x0b\x7f\x86\n&gt;J'</t>
  </si>
  <si>
    <t>b'}\x93\xbc\xc4\xdc\xc2\xed\xe5\xfc\xa21An\xbeN\x9c\xa6\x87\xe4\x96x\xb4\x824\xf1\xad4\xc3\xd3\x95\xfc\x9e'</t>
  </si>
  <si>
    <t>b'\xc3,\xae#~\xb9\xb8UTO&gt;\xd55;\x1d\xfcv\xaf-\xa8\xf6Q;\xbc\xef\xc9\x81\x81\xa3MY\xef'</t>
  </si>
  <si>
    <t>b't\xeb\xa8\x01\x08\xcfR \x94Xlc\xeb\xc9\xa1%\xfbI\x11\xaa\xbf\x118\x0f?\xc5\x0c\xf0\n\xb5\x9dL'</t>
  </si>
  <si>
    <t>b'\x91+\xd8\x07\xa8\x02h\x0e\x10\xad[\x12FnG\x1a\x15_\xd8\xb5\xd0\x15\xb2w\x8d\x9b\xcd2\xd6\x9a\xbe\xdc'</t>
  </si>
  <si>
    <t>b'\x19t;\x1a] 2"\xcd\xe0;\xb4\xa8&gt;"\xf7&amp;3ebi\xa4G\xcfx\n\x14z\xaefP6'</t>
  </si>
  <si>
    <t>b'\xcb\x8c\x84\x0b\xb8G\x94\xb1\xd76+qc]W\x19\xc8\xeaB)^\x8f\x88u\xab\x88=\xffF\x85\xba\x87'</t>
  </si>
  <si>
    <t>b'w\r\xb5\x94}\xd5\xfdWi\x00\xae2\xdc\xe6?\xb4F\xacg\xce\xdd\xc2\x07~\xc2\x1c\\{\xf5\xca\x1a\xa3'</t>
  </si>
  <si>
    <t>b'\x9en\xe3\x9e\x06\xbe\x13\x8a\xfd\x9d\xe2\xb9m\xd1\xfe\xa9\xbe8\xac\xd9\xfe|\x10\xfdJ\xe4\x80\xd8\xb1\xfeK\xe6'</t>
  </si>
  <si>
    <t>b'\x92\xeaej\xbaDLH\x81\x1d\x81\xc8\xaa\xde\xc5\x84RZ\x02\xde\xda;\xa7\x04\x1aM"\x01\xb6i\xfd&lt;'</t>
  </si>
  <si>
    <t>b'\xd9\xde\x0f&gt;\x19s\xcb\xea\x90\xad\xa8\xbe\xf0\xd5\xd8\xa0O: \xa7OS"\x1e\x9d\xa3\xb5\xf6\xeaJ\x05\x9f'</t>
  </si>
  <si>
    <t>b'\xa3)g`\xcf\xc5\xa9\xaf50\xcb\x89\xfd\xc6W\xff\tu\x132?Q\x8e\x08w\x02I\xa1d\xfbX\xdc'</t>
  </si>
  <si>
    <t>b'\xdd\xd0&amp;B7U\xeb\x8fn(\x8b\xe0\xda44\\#K\xb9\xa6\xc8\x10\xc3\xc61(\xa6\xeb\xe5\x90\x8fJ'</t>
  </si>
  <si>
    <t>b'y\xa5V\\\xce\xdbV\xca\xa6\xbf\xb7\x07\xb1D\x10@\xf7A\xd6\xffY\x069Y\xf0\xa4z\xe9Gy\xe4\xc1'</t>
  </si>
  <si>
    <t>b'&lt;;\xf3\xceh\x9f*\x95uw\xed\xc8\xed8\xd5x\x0b\x06\xa2\xf0k$\x8f0\xce\xe2X\xb6\xf0\xc5\xc0-'</t>
  </si>
  <si>
    <t>b'\x99\xedCR\x1d@\xcb\xe5\x97M\xbeFf\xc4A\x9d&amp;uj\xeah_\x00\xbakm\xe7&gt;\xdb\x0e\xd2\x8f'</t>
  </si>
  <si>
    <t>b'2\x92\xdc\x18)x,4&amp;\xa3h\xb8\xfb\x17\x8c\xf5\x04\x1bS:\xca\x84\xac\x7f\x9f\x17\xd3\xf1\xe4\x9736'</t>
  </si>
  <si>
    <t>b'\xfa\xad&gt;\xee\xb2\xb3\xae\x82\xdf\x9aPy\x9d5E\\ML\x1d\xb9\n\xa7\xab\x17D\x00Z\x18\\\x87\xe1('</t>
  </si>
  <si>
    <t>b'\x04.\xef\xf8\x083\x01;he\x95\xdf\xd09\xf3w!\xe3\\6\xe1\x8c\xee\xa1\x98\xeb`:\xa8\x13\xe9~'</t>
  </si>
  <si>
    <t>b'\x80\xfby\xbb\x1c\x81[g X\xe9\x1ew\xb1D\xe1\xfd;I\xc3\xe7\x13\x1bn\x11\x86\xec\x18sqp\xe8'</t>
  </si>
  <si>
    <t>b'\x1c\xbez5@5g\xac\x10\x13\xca\x04l\xed\xa9\xc4o\x80\xeb\xf8s\xdbPG\xa4\x08-\xa3P\x0e\x91\xb9'</t>
  </si>
  <si>
    <t>b'4\xceo\xbfg\xb0\x10k&lt;\xbc\xa6;\xb9\x10\xb6i-3\xec\x02W\xcf\xeb\x96\xde\x1e\x03\xa0\x80\x84\x03.'</t>
  </si>
  <si>
    <t>b'\xef\xf1!\xf9&amp;n\x1c\x93\xf1\x83\xcdm\x98\xa6\xf7K\x17\x1b\xe1\xcbW\x00\x05\x98\xd0\xde5\xb7*\xe4\x8e\xca'</t>
  </si>
  <si>
    <t>b'&lt;1\xb2\xe3Ix\xc5\xe1al\xe3y\xbf}\x86\xef\x97\xac{\xdez\x10vI\xcd\x98\xcf\xfbA{\xe0m'</t>
  </si>
  <si>
    <t>b'@\xcd7\x97\x05\x83,[\xbb\xbf\xe7Z\xbf|9\x8cyS_\xd1\xc0q\x92|\x86\x0b\xf1\xc4\xc2\xe0Z&lt;'</t>
  </si>
  <si>
    <t>b'T\xa2\x1d\xa9gR\xc0\xb7\xbdT\x1d\x1b\x18\xf4|\x98\x87c\x1a\x14J W\x94\x91\xe4\xfb$\x99\x13j\x1f'</t>
  </si>
  <si>
    <t>b'\xfd0Cw%\x8fXO\x90\xfd\xccd/\xb4\xf0\x8c\xbb\x8c\xe1\x00\xcf_\xfe\x88\x9b\xc5;Z\xcb\xf9\xb9\xd9'</t>
  </si>
  <si>
    <t>b'g@\x16\xe72R]8gy\xd9|\xa4\x17\xe2\xbb\xefQ%\xdf\x8bV\x08\xe8\xa5\xee*\x7f\xdd\xda"\x8f'</t>
  </si>
  <si>
    <t>b"\xfd!r-\x89\xd8@w\x90\xf9\xf9\x13\xf7\x12\xc3\xb0\x99'\x0e\xdf\xe9^\xf1\x8f\xa13W\xfa\xd9\xf9\xae\xf8"</t>
  </si>
  <si>
    <t>b'G\xcch\xe8\xce/\xa2\xa1\xb6*\xd5\xb6\xf7719\x08\xe8L\x80\xebm+b\x92s\x1b\xe5\xb6\xca\xce\xfa'</t>
  </si>
  <si>
    <t>b")_I\xf5'\xe8\x0f\xe1\x18 \x9f2`\x9b]ip%\x96\x11\x80\r\xcfKGA\x18\xb4\tWw\xee"</t>
  </si>
  <si>
    <t>b'6t\xa9+Nn\xca\x9c\x17\xcb\x06\xf6)\xbf\xa4\xe8\x81\xb9s\xa2\xb5\xe7\x1a\xa2\x8c&amp;\x05\xfd\x11\x01\x1f\x88'</t>
  </si>
  <si>
    <t>b"\xe2\xc8{D\x91\xb2\xbe\x0b:\xb9\xf84\x0bP1\xe9S\xfe\x03\xd8\x90\x83\xcc\xf1\xcb\xfa'\xc6\x118\x8d\xcc"</t>
  </si>
  <si>
    <t>b'\xad\xde\xd2\x8e\xfd\xdb\xf3\xa5-aI\x99\xea\xd9Zoi\xc9\x9f\xed\xdc\x8f\x8d\xe1M\xbb\x10q-\xae\xd6\xef'</t>
  </si>
  <si>
    <t>b'\xb5&amp;\xcb\xd6&gt;i\x07BQ\xa0\xb4\x9a\xc7z\xde\xee\x0b\xc6\x12\xfc\x88\x11\x95@}\xef\x04.8f\xae\x8b'</t>
  </si>
  <si>
    <t>b'\xb4}6U`!\xdd\xab\xc5\xa74\x0b||\xbb2w7\xba\x10C$B:\xefq\x8a\xc8XX\x03G'</t>
  </si>
  <si>
    <t>b'v\x81~B\x1at$t\x91\xad\xa2 \xd3\xff\x96EP\xf7\x15\xad\x10l\x03\xc7\xb7,\xea\xe2\xfb##T'</t>
  </si>
  <si>
    <t>b'9\xea\xfd\xb0\xd2\xb3\xf3\xde\xa6\x83\xcf\x1a\xd8\xb2\x02\xdfB!\x1ar\x18\x1b\x1c\x03\x98\xc0\xe4\xc1\xf1\xd8\xbb\x0c'</t>
  </si>
  <si>
    <t>b'\xf8=M\xe9\x93Yj\xc8\xb2\\[\xdb\xccY\x9c\xb0\xfe\xdf\x89\xf6:\x803\xb1\xc9\xe6\t\x83\xf7\xaa\xd2.'</t>
  </si>
  <si>
    <t>b'\xe1\x8e\xe0L\xf2\x13T\x8a\x0c&gt;\xb0V\xea\x05?K\x98\xcfT\x0c\xea\xc4\xa8\xf2n\x0c\x01\x92kRoU'</t>
  </si>
  <si>
    <t>b"`\x10}'\x98\xd1\xe2\xd0\xcf\xe4\xcf\xf5\xc4\xd3\xa6\x88\xe5s\xc7A\xff\xaa\x00\x0e*\xb9\xc9A\x00\x1a\xee\x11"</t>
  </si>
  <si>
    <t>b'h\x1d$\xbaI\x17\xeb^F\xb1"\xace\x8b/\xd7\xcb \xf4Q\xf2\xf6Ez\x7f\xc4\x8cZ\x997\xc3a'</t>
  </si>
  <si>
    <t>b"\xd3\x91\x9e\xbf\x90O\xf4PU\t^\xda\xa9\xee\xbe\xaa\xdfy\x03=\x1e\xf8\x87\xec'\x01\xd1d\xbb\xbd\xc9\xd5"</t>
  </si>
  <si>
    <t>b'\xb4\xcaG6\xd1\x12&amp;\x7f\xc1\xb4\x04\x13\xbb\xd7\x86\xb9\xcd@\xa2c}s\xe8\xf3\xb9\xa3\xb0\x88\xb1@\x90;'</t>
  </si>
  <si>
    <t>b'\x1b\x92EJ\xbc \x95\xf1\xa1\xc1\xf2\xa5c\x8d\xac\x86`6}\xea\xac\r\xce\x08\x12C&amp;\xf7zgK\xec'</t>
  </si>
  <si>
    <t>b'\xa3ej\x1c\x14\xd73\x84\xd5\xb2\xe6\xcf\xf1d\xd5R\x0ft\x80\x88r\xea\xb0\x92\x98\xe8\xfe\x15\x0f1[p'</t>
  </si>
  <si>
    <t>b'\xde/\x83\xce\xef\xed*(\xa4Jyg\x0b\xa4\x81\xe8\xe6\x8aj\xae\xd2\xa7\xa1\xb4\xc3\x0e6\xd7\xc5\x05\xeaR'</t>
  </si>
  <si>
    <t>b'\x82\x0b\xb6[\xa3\\N\x7f\xdd\x82\x8bH\t\xf3l\x9edK\xd7qM\x17|\x9d#&amp;H\x8f\x93E\xe2"'</t>
  </si>
  <si>
    <t>b'\x08h\x1e\xda\xfa\xcb1\xdf\x7f\xb2S8&amp;\xd7\xfd*A\xcbb\xf8\xd3\xb5H\x86\xe2\xeaX\x82\xc9_\x00\x05'</t>
  </si>
  <si>
    <t>b'X7y\xde\x0ed8~\xb9\xd9\xe4[\x9ft\xad\xca\x086\xb6~L\x0e\xe7Fd@\x9ej\xa8V\rz'</t>
  </si>
  <si>
    <t>b'\xd6\x91\xbf."\x86@\x0e\x8e\x81\xf5\\\xf77N\x17\x0f\xad\xecn\xe2s\x8e\x85\xd6\x8bf\xa5\x83\xfc+\xd9'</t>
  </si>
  <si>
    <t>b"\xeb~\x83\xb2\xb5\xdbX'\xda9\x9bi\n\x96+\xdb\xa8\x1e\x8bU\xae,\xde\xf3\xaa\xbd[qZqM\xc1"</t>
  </si>
  <si>
    <t>b'Q\xc8\x0cW\x94\x98\x1a^\x95\x0c\x13\xd5\xc0\xfae&lt;\xa3d\xbf\x8e\x89:5\xf1\xc4\xcc!\x98\xdfd\xe9\x1e'</t>
  </si>
  <si>
    <t>b'\x15\xab_\xff\x9a(\xa7\x15\xa6\xce\xf0bE\xf8-\r\x85\xeeW.yj\xfd\xcf\xdf\xac%\x07N\xa0\x93R'</t>
  </si>
  <si>
    <t>b'\x98q\x0f\xe8\x84\xf5qB\xe0\xc1v\x166\xdc\xe9\xd6\xd8]O%\rM\xa2\xc1\x92ji\x13\x92\xf0\x84\xd2'</t>
  </si>
  <si>
    <t>b'\x9e\x98&amp;\xc3\x03\xb2\x12\x11\xb5&amp;Ax\xfc\xa2\xfc\ne\x96ql\x00{B\xa7\x80\x8e\x81\xfdt\xc9\t\xba'</t>
  </si>
  <si>
    <t>b'\xacl\xbe\xe1\xa6%\n\xae\x8aR\xd0X\xd0Pn\xa1\x80s\x81"\xf6BS\xec \x95\x01\x14\x02v=\x91'</t>
  </si>
  <si>
    <t>b'\xb0q\x91\r\x87\x1b\x1d:\x12YWk\xf1\xd0/=\xfa/\x8c\xca%3?\x03\xd6\xa08\xe4Te\xa8\x91'</t>
  </si>
  <si>
    <t>b'\x0890H\x867CH\xc2J\xefP\xa3\xc9x\xe0\xf6\x156\x8a+&gt;\xeb9X)\xe3\x1eAUq\xdd'</t>
  </si>
  <si>
    <t>b'/\x0ei\xf3\xef\xd7\xa2&gt;t\xb4Q\xe0\xf0\xd6RXOS6u\\\xc4I\xd4(K\xc4!\x16\x11-\x94'</t>
  </si>
  <si>
    <t>b'\xc6\xb2vP\xf3Wb\x1c\n:\xb0\xb0\x1e\xad\xde\xcc\xce\xc6vK\xc2\xcd\xcc\xb6:h\xd3\x92\xb7FF!'</t>
  </si>
  <si>
    <t>b'\x14C\xf3s\xd4\xb1\x93Nv^6\xb0)\xf7\xb7\xd8\x99\x03\x0b\xceoo\xd4Po\xd7\xed0!\xd8\xa9='</t>
  </si>
  <si>
    <t>b'\xc3\r? \xe9\xedvWq\x85~X\xf2\xef\x1c\xfertW\xc4Oc\xea\xdb\x95r\xa8I:7\x9c\x05'</t>
  </si>
  <si>
    <t>b'\xf6V@U\xf6{\xfa6\xe9\xd91\x93_\xe2\xb5I\x0e\xca\x94\xad\xc4\x0c\xc7\xa54\xbb \xdbO_\x8f&gt;'</t>
  </si>
  <si>
    <t>b'\x19\xedhX\xb4\x04\xe7\xb8\xdb\xa0~\xdb~\x98\xfe\x90G\xf0:o5\xf1\xe4\x7f\xe6[\xf5\xdd\x95\xdd\xdd6'</t>
  </si>
  <si>
    <t>b'\xbb\xde5\xd0\x91\xe1\x0c\xf5 c\xc6\x183\xdd\x86\t\x98\x80%\xf6\xe6\x89\xb8q\xef\x84v\x18&gt; \xe5C'</t>
  </si>
  <si>
    <t>b'\xee\xe4\xbf\xc4#Q\xab\x17\xf1{&amp;\x13\xc0\x99\xe2\xb2&amp;.\xa8\x07=\xf0\x03\xcc\x89 \x17\x06GH\xb9z'</t>
  </si>
  <si>
    <t>b'\xf1\x1aD\xaaG(\x8c"wa\xb7\x89l\xd6[[\xb5\xe0\x8c%\x99\x9c\xda\xb3\xafpp\xd6\xfc\xacLB'</t>
  </si>
  <si>
    <t>b"^\xf2\x1c\x8c\xb2\x86 \x8b\xa0\x9c.\xf3\xf3\x9e\xd0\xc8_m\x9a}!\xac\xf7'\xff\x18\x81\xc3\xe5RH\xa0"</t>
  </si>
  <si>
    <t>b'_\xed]!%\xf2\xfan@F\xdfC[q\x88\x1fk\x1aM\xf5\xa9\x94{\xc0\x11\x18]\x9b`\xfa\x1d\x8f'</t>
  </si>
  <si>
    <t>b'\xfe\nA\xde\x03d\xdf\n\xf0$\\F\xd1\xec\x08\x90\x13\tu\xdd\x02\x855_O\x01\x1d\xd1~\x1f\xb5\x00'</t>
  </si>
  <si>
    <t>b'\xdc\xce\x1a\xe3\x05&lt;#~\x87w\xe2\xff\xafh\xe3;S\xd3\x99\xc8\xb0\x83\x07 \xd2\xb7\xc7\xe8\xb8\xb9%\xdd'</t>
  </si>
  <si>
    <t>b'\xab\x9f\x02\xed\xaf*\xcd\x06$\x8c$x\x8f\xb2\xd1;\xa2Pq\xff\x7f\xe7m\xd4\xc9\xbd\x12\x87\xc2\xa2?s'</t>
  </si>
  <si>
    <t>b'\xc1C\xe62\x9a\xa1\x11\xdf=\x85\xf1B1\xb8\xd4\x82\xe0\x7f\xd4\x8d\xf0*q\xa7\xd2\x93TrC\x98\xe1\xf1'</t>
  </si>
  <si>
    <t>b'\xf1]sj\x9d\x9ab2{\xbb\xec\x991\xbc\xe0\x00\xe4\xe7\xc7\xd6\xfd\xf0\x8c\xc3\xac\x18z\x1c\x00.+\xc7'</t>
  </si>
  <si>
    <t>b'\x9c\xa5\xc8\xf9\xc6\xab\x87l\x9e\xe6Ru\x07\xeb\xc0\xd8\xed\x9b\xae\x1d\xdb\x90MDU\x91;d\xf7\xda\xb7K'</t>
  </si>
  <si>
    <t>b"n\xbd\xa7\x8eA\xc9\x15f\x15\xe4\x80\xde\xdd*\x0f@}\x9e\rs\xe4\xbd\xae\x14'\xee\xc7\xd8\x18\x99\xd6\xac"</t>
  </si>
  <si>
    <t>b'J\x92k\xb6V\xd4\xc2~\\J\x88/P\x05cu\xf6MVc\xcc\xab\x8c+Z\x91\x14\x9d`\x82u\x98'</t>
  </si>
  <si>
    <t>b'\xcd\xba\x90\x93\xe5\xfb[\x15_\xdf\x90|\xfa\x85Q&amp;\xa2\x00q\xa25\xce7\x1e\xa4\xbc\x03B\xf2\x956}'</t>
  </si>
  <si>
    <t>b"Cm\x1d]\x7fY\x17\xb6gM^)\xc5\xaa\xde1\xc0\x8b\x05u\xc3\xe6l\x18\x15\n'\x9c\xb3\xd3\xf5v"</t>
  </si>
  <si>
    <t>b'\xf6\xa1\xcbA\xa1\xf2)\xd1\x01\x85\xbbY9L\x11cr\xc6\xec(\x94\xbdr\xb9/\x17\tAJ\x87=\x99'</t>
  </si>
  <si>
    <t>b'\x8e^\xc5\x02\xff\xbc\xc1\xe3\xfb\x9ch\x11\xde}\xd2d\xb9\x1c\x8con\xcd;b\xf5\x08SP\xcb\x95=\x95'</t>
  </si>
  <si>
    <t>b'5\x9a%?Dk\x10\xcd\x0eq\xd2\xa4"\xd4&amp;\xfd{7\xd1\xd6c\xe2\xabW\xed\xb2k\xdc\xbbb\x06M'</t>
  </si>
  <si>
    <t>b"\x97\xcf\x9e\x1e8\x97\x06bV\xbc\x93\xc2\xd9\xd7Zk\x16D\n\xa9\x18q\x14\x19\x1dL\xb5\x02\x03\x80'["</t>
  </si>
  <si>
    <t>b'\x1f\xc5,f\xc2&gt;\x88\xea\x86\x8aFV\xac\xcb\xe5\x9e\xc2\xe0a\xc6R\xa3\xd3mr\xb4En\xe8`\x14\xd4'</t>
  </si>
  <si>
    <t>b'4\x13\xad\x8d\x1b\xfc\\\x02M\xc8\xd6PRh\x88\xe9\xc83n\xd8g\xdf\x8c\xd5\xc9Z\xef\xf5\\\xa7\xe8\x98'</t>
  </si>
  <si>
    <t>b'\x1bP\x0fM\xea\xfal\xfe\xce\xc1\x1c\xc3[\xee\x96!q2MOK\xd1n\xca\xfe\xef/\xc9\x07y\x14\xe0'</t>
  </si>
  <si>
    <t>b'1i\xc1-{t\x16\x87\x85\xf3\xb8W_\x88\x9b&lt;\x18\xe8[\xd8!\x14\xa8\x0b=\xe3/\xb9q\xba\x07\xcb'</t>
  </si>
  <si>
    <t>b'4\x16 s(q1\xd3?\x12\xcbrkJ\xed\xa7\xcf6\x15!3\x95\x83\xfe+s\x882\x04Xj\x1c'</t>
  </si>
  <si>
    <t>b'\x81\x92\xf4w.e\x85\x05&amp;\x10f%\x14*%]\xef9\xca\xa6\x88\xe6\x97\xe9\xa00=\x02\xd7Kc '</t>
  </si>
  <si>
    <t>b'\xbf&gt;\xbc\x93\xa7n\xbb\xd1\xc6\xd1\xaaIs\xb9\xf3\xc8\x05n&amp;\xbaZ14\xbc\x97\xe7\x1a\xc7\xccK\xac\xf8'</t>
  </si>
  <si>
    <t>b'&amp;\xe0\xfbp\xeenP\xdf\x07Q\xffV\x1b\x8b\xdcG\x90\xac\xdb\x82i\t\n\x8d\xa8\xb8\x18\xbe\x05\x99\xff\xfc'</t>
  </si>
  <si>
    <t>b'y\xe2\xbaq\x04\xe5\x17W[C\xc9;&amp;K\xd7\xd0"\x8c\x81?\x14Qx\xafT|cG\xe9\xf2\x8db'</t>
  </si>
  <si>
    <t>b'\xec\xcd\xbez\xa0A9\xdc\x1b\xdf\x81\xd1\x07\xa6\xf4\xb5\xf0\xbd\xa9\xeb\xc6uz\x8f\x91\x9e(5\x96\xac\x15\xdf'</t>
  </si>
  <si>
    <t>b"\x82\x1d\x1d\xa3\xbd\xb0\x1d\x8a\xe7\xb8y\xfc\xc9\xac\xc9\xdf:]\xe9\xaf\xfa\x90j\xf8\xca\x0bY\x1cP\n'\xec"</t>
  </si>
  <si>
    <t>b'\x8b\xc3~\xe05\x93\x9c[\xb9\x17SJ\xe0\xc0T\x93r\xe5+\xaf\x07\xac\x06#\xe0\xec\xfe\xd3F\xe7P\x8b'</t>
  </si>
  <si>
    <t>b'\xd6^\n0\xbe\xfe%\xaf&amp;]O=\xf7\xd3\xbc(&lt;\xa7\x18`t`Q\xdb\xa2\xd6\n7\xa1\xb7\x8f\x0b'</t>
  </si>
  <si>
    <t>b'a0$\x12\x17\x16D\x93b\xe6\x06\xd3\xbchK\xf3\xe4\x01\xb5\r\x98_\xff\x1f\xd4=vM\x9eQ\x89\xcd'</t>
  </si>
  <si>
    <t>b'8\xbf\xdaN\xa9F\xfb\xcd\xa8e\xd9M\xf2&amp;S\xae\x8c\xe3u9&lt;\xad\x9b\x90\x83\x92U\x10D[\xb7a'</t>
  </si>
  <si>
    <t>b'}VX\xd5j\\I\xe4\x03\x83\xd3gb\x8dB\x80\xd4\x82\x13\xd8_&lt;:\xaaw\x84\x01=\xa0\xbf\xa8\x91'</t>
  </si>
  <si>
    <t>b"\xab\x9fc\xaa8\xeeO\x99B\xff\xe7\x86\xdaZ\xf4\xd7\x0cM-\t\xd6\x93i\xde\xab&amp;\x7f\xd5J\xe6'\xee"</t>
  </si>
  <si>
    <t>b'\xfe&lt;\x88\xfem\xb0\x0f\xdcW\xba]&gt;n\x8c}.\x90\xe2\xdc2\xc9x ^\xf3l\x93\tf\x0bl1'</t>
  </si>
  <si>
    <t>b'w\xdf-\x89\xc5o\xe6\xf9\xd0~^\x03\x91\x06\xe0\xa5&amp;dDq\xba\xdb\xe9\t.\xaa\xef\xc8\x133\xd8l'</t>
  </si>
  <si>
    <t>b'\x04-;\xbb\xd1\x16\x80\xb5JJ\xfa\xe0\x92\x9c\xe3\xa8\x91\xc2o\xdf\x112\x8a\xa0\xd1\x99^\xafD\x88X\x0b'</t>
  </si>
  <si>
    <t>b'J\x83\xfd\xf1\xd8~\x1a\x03\x98\xe3G\x8fJ&amp;\xd9\xfb\xe5h\x9eM\xf2\x9e\xebO\x16\xdc\x93\x11lN\xe1\x0c'</t>
  </si>
  <si>
    <t>b'\x8b\xd7j&lt;\xc3\xdc\xedj\x05\n7\xc2\x93\x9f\x1e\x07\xc7W\xa1\x99nX\xccB\xed\xf5\x94W\x1bu:\xb1'</t>
  </si>
  <si>
    <t>b'\xb6[td_\xc1$\xc5\xdc\xd5!\xd3g\x04\x00H\x06\xfd[8\x91\xdf\x11\xd4\xa7\xdd?\x9f\xab\xa0\xfd\xca'</t>
  </si>
  <si>
    <t>b'X\xb2\x0eT\xae\xb6\xd2\xd1B"\xd0K&gt;\x06j\xde\x12a\xcbr\x19\xd1\xe9\xdb\xd6\xbe\\\xbb\r\x9a\xd7Z'</t>
  </si>
  <si>
    <t>b'\x0e\x19\xde\xfaq]Sq~\xc0`\x00\x96|\xa7\x9b\x891\x8b\x91&lt;gf7\xf2K\xd9B\xb0\xac\x03C'</t>
  </si>
  <si>
    <t>b'\x97\xc9\xe3\xfajoQ\xb1e\x0f\xa4\xb9\n\x93\xff\x06+\xc7c\x98\x98\xf3\x1c\x11p\xc6SK\xbeu\xe4\x13'</t>
  </si>
  <si>
    <t>b'\xc3\xe3\x1cm\xb5\x0f5%]\xd6[\xe8np\xfe\x9b\xcf\xd3\xe1\xb9I\xaf*\xcd\x97\xa9\x82|\xf1\x01f\x04'</t>
  </si>
  <si>
    <t>b'\x8dC\xd3\xd5\x976\xa7#\xdb\x89\x9e,\n\x06\x18\xabV\x82\x81]\x8b3Y\x95\xb3l\x86\x01\x81s\tP'</t>
  </si>
  <si>
    <t>b'\t\x99\x9f\x9a\x7f&amp;AZ\xf5b\x02Z\xfb;Q\xe3U5ZtF\xea\x8c\x9cG232\xc9\x17\x0c+'</t>
  </si>
  <si>
    <t>b'\x17\rId\x87\x8d\xbc\x0e\xe1\x90eu}\xe5)\xec\xab\x80\x9a/\xe1\x9f:\xb6\xdft=\xb4\xf0\x94\x84e'</t>
  </si>
  <si>
    <t>b"6\xc3G\xfb\x02\x8a\xc5\xa5\x90\xc4c?\xb4\xbc\xc2\x9d44\xd6_\x9fB'\r\xa38\x10\xcc2\xa7\xa3\xc1"</t>
  </si>
  <si>
    <t>b"-V\xfek\\\xfc\xd7\x02\xde\xbe\xf2\x89\xc9\xecY\xfe\xcb\x7f'\x00a\xf8\x05\x1c\xb4lD\xf7\x8e\x1d\x18N"</t>
  </si>
  <si>
    <t>b'T\x98\x05j&lt;\xcef\xc6\xc5#\x18,\xc9&amp;\x1d\x9e\xd4\xcf\x14\xfb~\x16\xb6d\xd9\xa2a\x8f\x04\xf2gQ'</t>
  </si>
  <si>
    <t>b'\x9f\x87K\xf7p)\x98#\x8a\xe7o\x06\xb75Rh\xd9y\xe0\x00h#(C\xde\x97\xfa2\xd0\xdf\x9ay'</t>
  </si>
  <si>
    <t>b'\xb1A\xe5e\x96\xe3\x88\xc1m\x02\xe8|\xc4\xd7\xcac\xb8\xd3W\xa4\x8c\x86\x95\x80\x97\x92[\xc9\x8d\xc2^\x8e'</t>
  </si>
  <si>
    <t>b'\xb5\xae\xae\xebyD\xcc\xea\xfa\xb6l\x1e\xc2WUn\xf7x\x83\x1c}\xc4&gt;\x16\xee\xcf\xc2\x88\xfd\x02\xb8\xbb'</t>
  </si>
  <si>
    <t>b'!\xfd\xe7\xa2\x87w\x7f\xce!&gt;\xee\xd0g\xb0\xfe\xce\xd9\x87\xd1\xdd&amp;\xc2\x8f\r\x07\x897\xd9\xd6\x00=\xe2'</t>
  </si>
  <si>
    <t>b',\xd1\xb6Ql%\x88\xd0R\x13\xdc\xa6\x9a,\x06\xdf/\xf9\\\x9b\x81(\x11\x9b\x19_\x14\x13\xaax\xdb\x07'</t>
  </si>
  <si>
    <t>b'P\xd3\xf0\x9eH\xaa\xf0\xd5(\xe0\xa7\xf3|\xc6\xb7zQ\xd4/ug\x82\x0e\xa9t\xaf\xc17\xacy\xd0\x90'</t>
  </si>
  <si>
    <t>b'9\xf1\xe6\x15\x8bD\x0c\xc5\xe2\x1c[\x9bG\x052\xa4\x19!\xdd\xa5\xd0\xdb\xfd\x0f\x15\xf9j\xfd\x1a\xa5K\xe6'</t>
  </si>
  <si>
    <t>b'=w,Y0e\xb2\xb7\xb9\x93\x90_\xa3\xc6\x86k\x8b\xffR2C\xabJ\xa5\xfb\x80\x0c\xb4\xdf\xa21*'</t>
  </si>
  <si>
    <t>b'\xacv\x8cC3Qa)\x13\x19\x9d\xef\x1d\x19\xb6\\\xa1\xd9Fl&gt;\xe5D\xf0\x10\x95P=\xb8\xa9\r\xa2'</t>
  </si>
  <si>
    <t>b'\xfb\xaa\xe2\xac\x7f\xba\xb2\xa8F[7\xf5\x86\x0f\x07\xa4[\xbaR;D\xb7}q3[I0)-\x04S'</t>
  </si>
  <si>
    <t>b'\xbb\xf6V&amp;\xb6K-\x1a\xa1\xe6\xdcg\x92\xe6\xf3\xf9:\x9d\x94-\xff\x11Q\xb8\x99\xd6Q\xb9%\x84\x17\x86'</t>
  </si>
  <si>
    <t>b'V\xe6c\xae\xe9Dc\x1dk\x97\x93\x05M\xb6c\x83L\x8f\x98\x15\x8c\x95\xc1\xc8O0\xbb\xabT@-&lt;'</t>
  </si>
  <si>
    <t>b'k\x93\xd9\xa5\xcc\xa7~\x7f%\xa4\x99\'"\xc2\x0b\x05\xbb\x1c\xf7H\x88T\x86\xd0\xd9\xf3\xdcN\x0b\xab\xb2\xd7'</t>
  </si>
  <si>
    <t>b'D\xc7\x8b[#\x92\xf0\x8b\xa4\x141\x98d\xb8p\xcb\x93\xc9\xbe\xc9O\xb5\xe3\xe4\x84g\xea\xf8\xb6\xe3K\xcb'</t>
  </si>
  <si>
    <t>b'\x92&amp;;\xb51E\xffb\\\x94\xae\xd3}\x90\x96\xeb\xbb\xd3\x1a\xadV\xc2\xf6\xd4\xe6\xdf#\xf5\x05&gt;$\xe2'</t>
  </si>
  <si>
    <t>b'\x7f\xb8\xad7\xa0\xa49\xe8+\x8d\xd6\xa9e\xbc\x08\xf7J\x154N\x16\xe3\xf1!\xe6\x18\x87\x05-\xfa\xd6\xd6'</t>
  </si>
  <si>
    <t>b'\x10Z\x85\xbd\x1f\x19A\x04\xfb\x03\xfa#J\x972\xdb\xbc\x14\xb5\xa2&amp;\xd7\xces\\\x0f,\xdf\xb4b\xa2\xe2'</t>
  </si>
  <si>
    <t>b'\x82\xba\xfb\xc9t\xdc|\xdc\x90\x05=\xf4X\n\x89\xbb.\xf3\x94|*\x85\xf4\xfbp\xba\x00a\xc7\xd3\xbfo'</t>
  </si>
  <si>
    <t>b'\xdd\xf23\x7f\xe4\\B\x1f\x17;\xb9(\xf32#\xfa\xd1\xc7T\xb5\x83\xcd5)\x93ALqK#\xf8\x94'</t>
  </si>
  <si>
    <t>b'\xdb\xa4\xdc\xa6\x98\xe9:j\xfd\x1e\x0f\x86~X-\x918\xd4\xcd(E\xa2\x1c\x15&amp;\x03\xce\xc5\xefH\x87\x90'</t>
  </si>
  <si>
    <t>b'\x90`H\x08\xeb\xdd\x87^n\xcd\xc9\xa4\\\xcd\x19\x1f\x86\xf4&amp;i$\x90=%\x8f\xe7\xe4H\xaf\xe0g\x99'</t>
  </si>
  <si>
    <t>b'P\xa5\xe1\xab\x0b\xa8|IA\xbd\x08\x18\xa6\xf0\xf1\xdc\xc9\xa2&lt;\xd63\xdf6\xaas,/y?[g@'</t>
  </si>
  <si>
    <t>b"\xd2\xdc\xb4wr,9\x1f\x89\x93'\xac\x1a*\x0fh\x14\xca\xd4\x13\xe9\xccs\x01{\xc1D\xfb\xa1\xa8\xcf&amp;"</t>
  </si>
  <si>
    <t>b'\x99u0\xd6\xcf\x15\x00\x97\x06\xf1\xf6\x01G\x0b#%\xd7\x1b\xfdi1\xdd\x8d6s3\xf18u\xb1LF'</t>
  </si>
  <si>
    <t>b'\xa5S\xab\xff\xa3\x164\x89\xf1\xa9\xac\x86-\xe7\xb9U\xfa\xaa\x91@\xd7&lt;&lt;P*q$j\xa0:\x04\xd8'</t>
  </si>
  <si>
    <t>b'\xde_\x9f\x93\xe8\xe6\xa2\xd6 /\x0c\x1d6S|\xde\x171M\xa2\xc2\xd0T\xce\xd7\xde\xc9\x12\x9b#\x9a@'</t>
  </si>
  <si>
    <t>b"\xc4\x03\xbdT\xeb\xb9\xb3a\xfb\xe2c'\xfb\r\xc6V,x\xe7\xbfg\x00\xe9\x91:\xae\x11\x87\xe6\x9fO5"</t>
  </si>
  <si>
    <t>b'\xa5\x93,\x90\xcc\xaf(\x1b\x94\x91\xb7`\xd9\xb1]\xeb\xde\xb7i\x12\xf0\xab&amp;-\xc7\x9ev\x9c\x8a\xcbg%'</t>
  </si>
  <si>
    <t>b'\xfcN\\\xe6\xa7\xc7\xf1\xdb\xd6K7N\x8d\xdf\x06\xb7-\x8e\xd7\xa0`\x11\xba8\x8a\xb3\xe9\x8d\xb90F\x95'</t>
  </si>
  <si>
    <t>b'w\x96&amp;\xf8n\x8d\xfb\xce\xddIeD\x9c\xbb\xbf\x84&gt;0\xb01E\x18\xd9\xf6KN\xdb\x11jI\x82\xad'</t>
  </si>
  <si>
    <t>b'\xbc\xea\xc6\xbf1\x93\x9cV\x0b\x1d\xd6\x13\xccBM\x1b1\x01\xc2\xbc/\xa0\xdcx\xee\xf9\xc8#\xbd\xdc\xb0\x8f'</t>
  </si>
  <si>
    <t>b'\xb3\xe1\xfd\xe3\x8c!\x06\x8a\xd4\xc8\x8d\x89\x92Y\xb9\x83y\xa9\xe4\xda\x0f\xc3\xc6\xfe\xbb\x00\xf6\x00r\xdf\xd9\xda'</t>
  </si>
  <si>
    <t>b'\xc4\xbc\xf7\x7f\xbc\x10\xc2$\xc1.f;\xbd\x13\x15\xa0\x81;0\x12pA\xcb+w\xeb{\x12hI&amp;s'</t>
  </si>
  <si>
    <t>b'=p\xd5\x9a?1E\x07\xbecz_QJ+\xf9$|\xb9\x98\xde\x16\x19\xf7b\xf4L\x18\xfdj\xdd\x96'</t>
  </si>
  <si>
    <t>b"\x02\xd0\xde\xe8\x96\xda^\t\xf5\x04\xe2\xaf\xc3GU5\x85'\n\x86,\x90\xe3L\xd2\x0c\xb5J\x02D2f"</t>
  </si>
  <si>
    <t>b'\x99|\x8d\xc6\x1c\x7fm\x86K\xf3\xdew\xa4O\xb4\x9a\xd1\xedX\xb8r\xe8\x90\xa5\xd7p\x8b\xa01\xa3-\xd1'</t>
  </si>
  <si>
    <t>b'u\x05Q\xc5\x88\xe9\x07;\x9d\xe1/\xa9"7}^\xab}/\x17\x89\xd6N\xe3*\xe4\xe1l\xf2\xcc3\xf8'</t>
  </si>
  <si>
    <t>b'1\x1fX\xf1\xb2\xe8\xeb\xea\xe3dTe\x84|\xe2\xa7\xff\xe1k\x80\x14T\xe2\xc8b\xb8\xb5\x80\xad\xb3\x8d0'</t>
  </si>
  <si>
    <t>b'\xd7\xfb\xdd\x14]\xe9\xb2\xaa:n\xf9k\xb3c\xcf\xa0\xad\xf5\x98\xe4\xc7\x99u}\xb0\xdc\xf6hE\x18C\xe9'</t>
  </si>
  <si>
    <t>b'\x1e$f_J\xf8\xee\xb1\x86\xa5\xccVI\xbep\x16\x0f4\xf1\x1a7\x1dA\xe9\xcc\xf9\xb4KU\x14\x17\xa2'</t>
  </si>
  <si>
    <t>b'\x93!\x8fp\xa1\x86:s\x96\xca\xf9D\x87#K\x18#\xf6/:\xda\x83\x17\x8e\xa9K"\xf4}\xd4\xd82'</t>
  </si>
  <si>
    <t>b'Q\x8e\xda\x8f,%i)\xbd\x9c\x08\xc1~}\xae\xb8\x07\xe9\x84\xf1O\xe6\xd5\x02\xe7\x95h\\\xfe\xc87\xa9'</t>
  </si>
  <si>
    <t>b'\xf8@L\xbe\x8c;\x9b\xa0\xe3O\x8fx\x9a\x10\xf0f\x01V\xfa\x0b\x12\\\xfc\xd8Qg\x94\xc2\xe2\x9b\x14\xe8'</t>
  </si>
  <si>
    <t>b'\xbfAei\xd6\xc8MI\x9d\xe2\xd2M\xf8f\x8e\x84\x82\x9e"\x92\xb3\x1a\x11\xee\x8d\xfc%v\xafpi\xcd'</t>
  </si>
  <si>
    <t>b',c\xe8\xc3a\xd5\xbd\xe7\xe4\x87\x071HRt\xf6\x83qf\x88m\x81\x8f\x91n\xac*&lt;4\tI\xc6'</t>
  </si>
  <si>
    <t>b'\xd4Sz\xb1\xf5\xa8_\x982\xb2\x08\xba1\x93\x1a\xa9\x98f\xaa\xf9\x7f\xd5\xacT\xe8\\\x8f\x16\x0cG\x04Y'</t>
  </si>
  <si>
    <t>b'\\\xbf\x01\xe2\xccQ}\xbc\xf5\xae\xdd\x9d\xf2\x82\xb9\x81\x92\x8dz!eu\xd5\\\xc7\xdc\xef#\xea\xf1\x82/'</t>
  </si>
  <si>
    <t>b')Rv&amp;pN\xa8\xbd\xfe\xb3E\x1d\xbe\xed\x83\xc3_\x8d\xcf.r#\xdd\x08G+q\xe6QU%\x97'</t>
  </si>
  <si>
    <t>b'L\xd6\x01\x87\xc3\xbd\xccDjY\xf40\x16:\x11\x86\xfce\x82\xd8\xf8D\x05\xe5\xaf\xb5\xe2:Uz\xdc&gt;'</t>
  </si>
  <si>
    <t>b"\xf5-\xd5&amp;\x9f\xbf\x88C\xf5\xb9\x04\xf8x\r\x9csg\xd4\x03'\x110\x88\x9d\x1b\xb8\xb9S\ne\xbb8"</t>
  </si>
  <si>
    <t>b'h9\xe2dR\x07[\xcd\xebW\xf9\xd2\xb6\xba\xa6h\xd91\xb4\x98\xb1\xdb\xa0\x96N\x97\xc1%\xb5\xc3{\xd5'</t>
  </si>
  <si>
    <t>b'\xb1:\x87\x06\xa8\x16R\xd5\x1aV+6\x8c\xfc\xa9K\x84\xe3\x91\xff\xcf\xbde\x9a\xe1^:\x00\xf7\x9b\xa5\x9e'</t>
  </si>
  <si>
    <t>b'\x10Ta\xb6\xf3\xb9Zinu\xaex\xceW\x848@\x94u\xa0b\xe8\x813\x8c\x91tT\xc5FZ`'</t>
  </si>
  <si>
    <t>b' \x19\x85&gt;\xbc\xaa\x18%\x9c\xc2\x10J\x95S\x9d\xc5\x17\x10\xe5\xf21_\xb8\x86?\xa5\xb0o\x08h\xda:'</t>
  </si>
  <si>
    <t>b'\x1b\x01ZP\xa3\xa86\x0c\xa2Jz\x131\\\xc8\xc1\x16\x12\x8c\xeb\xd3&lt;\xa6\x00\xcc2\xb7\x04\xf8\xe0\xf7\xde'</t>
  </si>
  <si>
    <t>b'\x15\xfc\xd1\xae\xd3}W\x99\xe1r\xff&amp;\x83\xc3\xb6}\x07\xda\x1d\x18WM\xf7i\x17\x04!)\x185\xe07'</t>
  </si>
  <si>
    <t>b'u&amp;=\xa0\x91\x99zo\xf7 1:y\xa2\xee\xc8\xb5k|nA\xe8P\xf5\xb5\xcd\xf3\xb9[l\xc8\xf5'</t>
  </si>
  <si>
    <t>b'\x1e\x1b\xed\x9c\x81\xf7\xf1\r\x12:\x109\xf9\xd2\xb3C46Ip\xb7\xe7\x17\xac\xf3\xff\x1fi1V:\x98'</t>
  </si>
  <si>
    <t>b'\xdd\x8cXjW\xa8\xd7J{\x9c\x7f\xb2M\xceW\x9b\x80\xb7LN\xfc=\xa8\xd7\x8d\xa2\xc9\x9a\x17\x8b\xc6i'</t>
  </si>
  <si>
    <t>b'\x0b\xcd?\x94\xc4\xdb\x9fca\xe0tf}\xf4\x16t\x02!=K\x8fEr6\xc5\xe4}\x08{\xae\x83\xef'</t>
  </si>
  <si>
    <t>b'\xffs\x1f\xb4\x0f\xe4\x07P\x8d\xa9V\xf0\xff\x99&gt;\x04\x9b\x84#iW\x8bO\n\x1c\xa5\x88K\x9f\xae\x9b\xaa'</t>
  </si>
  <si>
    <t>b'Q\x10R+\t\xac\x16\x1e\x83\xd6\xb99r\x06\xe5P\x1d\xeehW\x96\xfd|V\xff\x8f\xf7\xf0\xd0\xb3\x95\x01'</t>
  </si>
  <si>
    <t>b'\xf7[\x07\xde1\xf3\x1am\x9a\x06\xa1c\x98K/\xcbM\xc8\xbf\xa8\x01E\xdb\xb3\xbb\x90v\xb9)\x07a\x8b'</t>
  </si>
  <si>
    <t>b'\xb8\xdfq\xc2\xf1\x06\xdb\xd8,\x82&gt;k+\x19\xda*\xc6\xd0\xd3\xbf\xa3O\x91\x90n\x96\x83\x19\x83\x96\xc94'</t>
  </si>
  <si>
    <t>b'\x88\xff\x1a\xb0M\x16&gt;/T3\xe0\xcdq\xff8\xa3\xc8\x0f\x97y\xc8-\x8e\xd6\xa7\xa9Z\x8d\x18\xe7KN'</t>
  </si>
  <si>
    <t>b'\xf4j\x03P\xc6\x1bX\xc0\xe0\xb5\x82&amp;\xf3\x1f\xfe\x12\xa0\x88\xfb\xb8V+&gt;&lt;\xe6\xd8-\x06\xa8\x0f\xfe\x8d'</t>
  </si>
  <si>
    <t>b'+B\x92E\xad\x08\xe3\xcb\xb9\xbf\x91-+\xb3UP\x83j\x18\xa8\xd4=:\x16\xb6lS\xc5D\xd0\x06\x9c'</t>
  </si>
  <si>
    <t>b'\xfcr;vM\x18k\x96Lp4\x8f|\xad\xde\xb6\x0b\x9fd\x01n\x05\xd5\x94\xcc\xe5\x90\xa1\xe5\\\x9ac'</t>
  </si>
  <si>
    <t>b'&amp;R\xd6\xc4\xdb+\xf7\xc49\xc4\x83-\x19\x1f\xf8\x95/Kz\xd3\x96K\xb7\xc2\x1bhf\xe2\tJ\xd0\xc9'</t>
  </si>
  <si>
    <t>b'\xd06\x97\x89\xef|\x17\x0cur\xbc\xba0\xbe\xd6Ftb\xa8g\xe7\x06"\n?\x87\xa5!\xea\x0e\xcd\xca'</t>
  </si>
  <si>
    <t>b'\x05\x03\xf505\xd9\xa6`J\x01Z\x9f\x0f\xe4"\x7fU&amp;\xb2S\x91\xec\x1ei.?v20o\xaa\xf7'</t>
  </si>
  <si>
    <t>b'\xd4\xc60\x03b\xbe\x87\xe6%\xec\xc8D\x8b"\\\xcajU&lt;\xd1\x1a(\xa0\xb6z\xa9-\x96q\x8b\xf2\xc4'</t>
  </si>
  <si>
    <t>b'\x042\x0c\xe3[x\xb4\xa4\x8e\x80\xdc.\xd1\x11\xd4\x8a\xcc\xd0*\x96kg\x1f\xc1\xf1Ai \xeb\xff\x17\xb1'</t>
  </si>
  <si>
    <t>b'\x02\xa0L\x8a\x80f\xc1d\xa8\x04\xac\x10\x9f\x85\x9a\x80\xb3v`nk\rS\x9c\xed\xee\xa9\x92-md\x99'</t>
  </si>
  <si>
    <t>b'W\xc5-R]\xffg#k$\xc1=\x98\xeb\xcef\xd8\x9b\xdfK\x1a,@\x9c\x1a\xb3\x107&gt;9\x82/'</t>
  </si>
  <si>
    <t>b'\xaey\xf4\xb5\xcb\xd0s%\xec\x88\xc9\x8bL\x93\x8a/\xd6"!H\x87h1g\xd2O\xd7\x11(1\xdc\xff'</t>
  </si>
  <si>
    <t>b'KVk\xa80\xf50\xc8\xef\xbb#};\x12\xb6:\xfb\xa3\x88\nh\xb4Y\x87\xf7\xf4]\xc6\xb5&gt;9\x98'</t>
  </si>
  <si>
    <t>b'\xf9\xb5@\x8c\x00O\x98v\x15\xd7\x98\x1b\x7f-aa\x8a\x90\xd7\xbd\x18\xfd\xb0\x8a\x08\xbf\x8d!\x17\r\x19\xbd'</t>
  </si>
  <si>
    <t>b'q\xa8\x07\x16P\xfe+\xe7n\xfd\xef)n\x8c\x9f\xca\xc0Qa\xab\xe9_\xb7\xd5\xb7\x98Y\xd2i\xb3W\xa1'</t>
  </si>
  <si>
    <t>b'\xda\xde\xb7\xf0\\\xc8\xa0\xb2s\xfb\xc6\x89IZ\x13\x07\xfb\xee\xd9\xb7\xbf\x01\xa0xt"U\xa0\x11\xecg\xb7'</t>
  </si>
  <si>
    <t>b'\xab\xb0:\xef\x85\xde\xbb\xb1\x19\x11"\xfd\x06\xc0\x0f\xe1lQ\xc5:Dk\xfe\x89U\xe0\xdf.\x15\xf7\xb9T'</t>
  </si>
  <si>
    <t>b'\x11\x0c\x84\x86E\xce\xfe\x00\x8b\xe4\xa0\xc3gB\xa2\x8f\x9c9\xc0\xc8%b\x04\xb6\xdf\x12\x02\x95C/9r'</t>
  </si>
  <si>
    <t>b'\x05\x14v\xd8J\xec\x80\x11\x904\x8ae.i\x82-\x19\xecy\x97\x05Q\x98m\x82\xa9\x99\x05yn\xf8h'</t>
  </si>
  <si>
    <t>b"D\x18\xa2'\x15\x9a\xa0\x80\x9c\xf7l\x10\xca\x1f\xe4\xcb\x93\xabBUn\xed\xb4\x1b]\x86=2\xba\x16\x164"</t>
  </si>
  <si>
    <t>b'gK\x06\x18\xf1\xc7G0\xe0?\xa0)iB,\xe0\x0b\\\x8f\x1c\xa6N\x03z\xf9\x81O%&lt;\xff\xc1\xde'</t>
  </si>
  <si>
    <t>b'\x1cY\xa3@\xddO:hO\xf0\xec\xf4\xfa\xf9(\x07\xc0\x8e\x02a\x1e,\x11\xa5\xb3w\xd7\xe9\x01\xa4\x1d/'</t>
  </si>
  <si>
    <t>b'/7!\r\xd4\xd1&lt;\xde=\xef\xcd\xc6ohy&gt;\x1c\xc1\xf0\x9e\xa6\x06\xf3}\x05\xe2n\xe5F8u\r'</t>
  </si>
  <si>
    <t>b'\x89/\x1cnm|\x80\xe0;\xaa\xbe}\x1bi\xe4d\xcf\t\xca&lt;\xfd)e\xd97\x9f,\rp\xa1\x98\xe5'</t>
  </si>
  <si>
    <t>b"\xce[\xf9\x04\xdd~|\x9b\xb5\xc9#zn'A\xf1\x15\x96W\xf5\xed\xe8L73r\xde\xb8)\x80[j"</t>
  </si>
  <si>
    <t>b'47\xfb\xf9\x8a!Q\x8e\xd54Al\x89\x08*EQ(\x9a\x1f\xaaf\x0f\xd5\xddy3\x1d\xd1bp\xd3'</t>
  </si>
  <si>
    <t>b'\xc8\x97\xa7\x1a\xab\xd5\x03\xe4\xe7Q\xde\xb8Q\xe3\x9f\xdc\x1eiD\x9e\xfe\xca\xf9a\x92#\x13\xa8\x9c\xc3D\x03'</t>
  </si>
  <si>
    <t>b'\xd4\x94\x82\x8dZll\xafMgWA"\xe7\x9e\xe5\xc9,L\x7f\xbc\xe9\xee\x8a\xf9\x15\xe8\x00\xbev\x12\xd3'</t>
  </si>
  <si>
    <t>b'\xfd\x8498\xe7\xe8\xe3\xc5b\x13\x82&gt;P\x8eCV-\xf4\xe8F\xeb\x01\xc8\xd7v\xdc\x8a)W\x93\xd5\xa2'</t>
  </si>
  <si>
    <t>b'\xed~\xba\x12I\xee\x11&gt;\xa6\n\xf6\xf2\x0b\x18c\xfc9\x17T\xf7\x1a\x92f\xdf\xe9ET\xff\x8c\x95\x9fP'</t>
  </si>
  <si>
    <t>b'\xcb.Zp,\xbc\n\x9b6x\x00\xf8p7\xb4\xef\xc1Qz\xeeQg\x1e\xf1rb\xbf\n\xaex\x84H'</t>
  </si>
  <si>
    <t>b'\xf1\x15z\x7fs\xdd3\\\xebl\xd2\xa1\x1d\xc1\xf4\x1a\xc7&amp;-\xa2Q\xd7\x1e\xb6\xa1\x9a^\xa4@\xe2z\x96'</t>
  </si>
  <si>
    <t>b'\x94\xb5\\\xa6\x05(%zZ2\x1b\xebpD\xf1\xe0\xea\x82\xb8\x15\xbd\xb1\x13{\x18\x88-\xc3\xaf3\xedu'</t>
  </si>
  <si>
    <t>b'bj^A\x14w\xfd$\xdd\xdbx\xa0\x04\xa2k\xa1[\x9dh\xb5\xc3\xce\xa6\xc0\xa3\xdd(F\xc1&lt;\xbc\xe1'</t>
  </si>
  <si>
    <t>b'\\\x04\xbe\\\n\xdb6\xd5\xe0\x89)\xf2\xa5g\xbd&lt;Mz\xc5n\x1b\xe4\xc3\xdcy\xc6\xc0\xcd)\x8a!\xd1'</t>
  </si>
  <si>
    <t>b"T\xdf\x07r'X\xee;RaT\xa4:\x98L\x18o\xce\x10\xd6cR\xc5\x01\xfe\xcd\x0b\xc9Q-\xfa!"</t>
  </si>
  <si>
    <t>b'\xad+O\x06\xba\xde\xc6\x97_h\xa57\x17pY\xff\xcf\xdb\xa5\xd7\\\xb5\xb4\x0f\x8d\xe6\x94\t\xaf\x08\x8d\xc1'</t>
  </si>
  <si>
    <t>b'\x86\xce\x82\xbe_\xf9\xeal\xf9\x05\xe6\x04\x97\x8e\xd6)\xf7\x7f`\xb8\xe5\xce\xb0\x9d\xe4\x16i&lt;\xc6\x9be\x80'</t>
  </si>
  <si>
    <t>b'\xbd$\xbc&gt;_\xd5\x1bcBn\xdb\x87\x19!E8|\x92\x8f|^;\x87n:\xdb\xd7\xbb\xd3^$\x95'</t>
  </si>
  <si>
    <t>b'\xc4R\x004\x88\xbe2p\x90\xf1j\xba&amp;uY\xd4\xac\xff\x85)n\x14\xa7\xb8\x0f~\x98r\xf7\x8c\x90v'</t>
  </si>
  <si>
    <t>b'~\x84\x0fw\xa7\xe1fO\xb5\xae\xf8\xb1)\xaf\x1eu\xcaQR\xea\xf4JS\x9f{\x8c\x89\xfd\xa4\x1c\xdf\xb9'</t>
  </si>
  <si>
    <t>b"\xb5p\r'\xa9\xb8_\x16\xf66\x18\xf4\xc4\x0e:;\x18\xf6\xf8\xdcT\x03\x10\xa5\xf0gJ\xe9\xde\x94\xf8\x90"</t>
  </si>
  <si>
    <t>b'\xa9\xef\x11\x19M\xe4\xcc\xe3\xaaxdFz\xe2\xa5\x85\xf2\x7f\x87\xd7\xfb\xf0\xdb\xfc\x8af?\xf5\xbc_\xdf1'</t>
  </si>
  <si>
    <t>b"\xf8\x98\xefc\xaf\xb4A[\xd9\xfd\x06\xfe^\x04y\xa5\xe6\xcc\xba\xce\xed7\xccYF'\x93QU@^\x18"</t>
  </si>
  <si>
    <t>b'\xa6\x02\x1d&amp;0\xe0+D&amp;\x1a\x98\x1d\x08l\xb2\x9c|~/?\xb6\\\xb6\x80\x9d\xc5\xb8\xfb\x1bi c'</t>
  </si>
  <si>
    <t>b'\xc5\xda\x1c\x85\xebn!\x00*\x8b4\x12F\xd8\xc0\xcd\x0b2\x91\xfb\xbe\xf3\x0b\x1e\x82\xdb\xb8\xbc\xcc\xf6\x891'</t>
  </si>
  <si>
    <t>b'o\xcb\xc6\xa0Lf\xd4\xfc\x875\x18\xb9mJ\xb4\x08\xc3R\xbc\xf7\x17zC\x12\xbf\x84\xfc_\xc1\xa7X\x83'</t>
  </si>
  <si>
    <t>b'VU\x80Z\xa4\x95\x11\x816l\x16Oa`\xbc\xa3\x0cP\x1c\x1e;\x1d",\xc9\x03-\xbb\xe1\x86I\x7f'</t>
  </si>
  <si>
    <t>b'7\xcf\xf7.8p\xb4\xf5\xcc\x12\x1dJ\xfe\x17\xa4\xc5V\x14W\xd5\xfe\x17~ \xfc%\xec~g\xba:.'</t>
  </si>
  <si>
    <t>b'\t;\xa2s\xa4\xf8\xe9\xdb\xed\xe9\xf7B\xa7MR\r\x90+o&amp;\x02\x0b\xc6\xabO\x86\xa2\xcc\x95)\x97\x88'</t>
  </si>
  <si>
    <t>b'\x19\xce\xec\xebj\xe0\xbaw6L9v{\xdd\x95Ev\xd2&amp;O\x16\xffX\x1d\xb2\xe7\x12\x16\x95&amp;|\x1a'</t>
  </si>
  <si>
    <t>b'Wo\xce1\xb2\xe2*\x91\x01\x1a\xdf\xc6YR\xd18&lt;\x00*\x14\xdc\xca?\xe7\xfb\x12/\xdc\xaahJ\x9d'</t>
  </si>
  <si>
    <t>b'{]\xb2\xe9{\xd5\xc5\xba(#\x87\xb5\xd8\x8fzmk\xa5\x07\xd5\x10\xa4\x99\x9cV\xa6\xac+\xa9\x0ef\xe5'</t>
  </si>
  <si>
    <t>b'paeE\x9c\x8f\xc0\xb1b0\xd6\xd8\xaaq\xf2L*\x9a#Ymh\xbd\xdf\xd5\x95\x95\x9c\x85q\x1b\xf8'</t>
  </si>
  <si>
    <t>b'\x8c\xd4Vc\x9e\x0e\xbaoM\x1f\xee\xc8\x01\xa5\xbfm\xe6\xca\x17\n\xa0\x05x\xe3+\x91\xd9M\xe6\x80D8'</t>
  </si>
  <si>
    <t>b'\xe2\x0bG\x8bM\xc98]\x91\xae\x94\xab\xa5\xe7\x8a\xc4\xec\xdb\xb0\xdc\xf8\xd0\x1b\xde\xbf\n\x82o\xf2\xcc\x99\xe2'</t>
  </si>
  <si>
    <t>b'\xba\x92\xccje2NIG\x9c\xc0ql\xc4\x9c\xd5h\x82+.\xbf\xc8\xe8\xf3\x8ffG^\xfa\xb4\x06\xb1'</t>
  </si>
  <si>
    <t>b'(\x00\xa2\xeec\xe46\x04\x14\x1b=\xe7A\x93k\x80\x95"\xc9\x93\x1aS\\G\x05\xda\xe5j\xbcj\x94\xde'</t>
  </si>
  <si>
    <t>b'K\xf0\x9c\xed\x81`4\x8d\x88\xd3\xdbG\x97\x1f\x14\x19{:\xd3\x02\x97o{\xe3Q\r\x03\xd7\x90\x0f\xb0\xba'</t>
  </si>
  <si>
    <t>b'~[\xd7\x9eBk\xe2\x8e\r\x9d\x022\xef\x11P\xfe\xf3Eu\x0e\xdc\xe3\xf7\x07&gt;\xaf\xf06\xd13\xdby'</t>
  </si>
  <si>
    <t>b'z\x16\x11\x1d\xd4\x94Dj/\x1fcN\xa6/\x07N&lt;M\xd9\xc7\x8f\x1f\xdf=\x92\xefh\x86+$\x97\xad'</t>
  </si>
  <si>
    <t>b'\x11&lt;\xdc\x91\x04\x928\xa3\xe3\x017\xd1\x1af"\x04\x81`\xf7i3\x8c\xf8|\xf1\x9b\x11\xe7\x8a|\xd8\r'</t>
  </si>
  <si>
    <t>b'i\xce\xecQ3=X$\x80I\xd9r\x82+\x1a\xbc^\x08Q\x11\x1a\xd00\x06\\?\xd3\xc7\xcf\x01\xdbk'</t>
  </si>
  <si>
    <t>b'\x9f\x9aO,\xbfe\xcbF\xd0\xae\xfb]c\x04\xc7\xc7\xb8\xdc\x1cZ-\xf6dE\xe4\xcb\x08!_\xa0\x9f\x9a'</t>
  </si>
  <si>
    <t>b'Y\x88\x1eD\xe6\x05!m\xdb}\xb3\x92\xda\x91\x9d@\xb8\xe0[\xdd\xe9\x92F\x85\xe7\xb3O\x948*e\x84'</t>
  </si>
  <si>
    <t>b"\x89\xafg\x1f\x1d[\x84\x8cdJ\x00\x8c7%\xa4\x9b\x07\xd8\x04z\x06\x88\x07'\xb1\x86\x1d\xab\xd5-\x15+"</t>
  </si>
  <si>
    <t>b"\x89\xd1\x02|\xb4\x15\xa2V\xa3\xb0\xf1\x90t\x9e9\x17'E\x00\x7f\xe8\x97\x0cL\xdfu\xe0\x8f\xce\xfa4\xd6"</t>
  </si>
  <si>
    <t>b'\xb5Do\x96r\x89\xd1\xf7\xbd\xadJw\xc3\xb2f\xcc\x98\xbb\x10\x05/[\x13\xb1\xf1F\\\x8bE\x82\xbdz'</t>
  </si>
  <si>
    <t>b'\xc9\x93\xe7\x9d3\xd8\xe9o:\xfc\x13\x8c_@\xd6\x89\xe88u\xc2]\xb5pq\x17\xa8\xea\xefbf\xcb$'</t>
  </si>
  <si>
    <t>b'8\xf6\xa5f\xc9\xa1\x1c\xbb\x80&amp;NU\x86\x8c\xb3\xbf\xf5L\x06\xe8\xff\xd2\xb6\xde\xd2\x9b\xb8\xf7oO\x9bP'</t>
  </si>
  <si>
    <t>b'\t\x1d\xb0t\xb0E1\xff\x86=c\xb7\xc0{\xb4[)\x15xv\x87\x9bTr\xff\xd1\x13\xd4G\xdc\xdd/'</t>
  </si>
  <si>
    <t>b'Y\x04iQ\x91\x8b\xfdm\x8au\xaa\x99\x80$}f\xa9\xe6\xacah\x9b`D\xee\x18\xc3\xd2\x9e\x1e\t\xc7'</t>
  </si>
  <si>
    <t>b'h\xe8\xb1@\xadO\x0f\x11\xf5\x1b\xc3\x928\xe0\xfdJ\xfa;\xc68!\xf7\xea?~\xef\x97L\xfd\xc45^'</t>
  </si>
  <si>
    <t>b'|\x16\xf1\xe5\xbcG@\x1b\x99\xa8ER\xe4AU\xd1ihNX\xafm\x9f%k\xa6{9?\x1cs\x03'</t>
  </si>
  <si>
    <t>b'\x03\xa5\xbb\xa6.\xe0P"\x8bK\x0b/&amp;97\x1eK\x0e\xa9\xdb\xb8\xa1uT\x04F\xad\x18\xff\xffJ\x03'</t>
  </si>
  <si>
    <t>b'\xda\xde\xd4{qj\xd7pn\x92\t\xdeq(\x071\xbdpi wUH\x9e\x97+\x08\xc2u#:6'</t>
  </si>
  <si>
    <t>b'\x13\xa0\xaa\xb8\xaa\xcd\x8d\x93\x80\x97\x0ct}\xed\xa5\x8f\x9dIt\xc0\xa7H\xb5+\x9d\x10\x8d\xadE\xb9\x03H'</t>
  </si>
  <si>
    <t>b'3i\xa6\xe0YV\x18\xf0\xe0\x18\xbe\x07\x0b\x02R8\x98i\x08\x05\xb9zwj\xec\xe3A\xa0[\x10\xfb$'</t>
  </si>
  <si>
    <t>b'\xb1\xedm\x16(\xdc$N\xb1}\x8c\xd2\x11\x19\xa2m\x84f\xd6\x03\x9eM$ds\x032n\x8c\x9d\xa9k'</t>
  </si>
  <si>
    <t>b'\xf2\xc7\xbf\xc6\xdd\x0bL|3N+\xff"\x077Sml\xce\xf0+70]\xe9E\xb7$,a\r:'</t>
  </si>
  <si>
    <t>b'\xd5\x9c&amp;\x00\xd9\xea\xc5\x9d\xac5^\xa8\xb5\xbf\xcej\xc8\xb9f"\xbcRU\xd2X!X\xdb8\x15\x83\xf1'</t>
  </si>
  <si>
    <t>b'\xe4\x13\xbf\x89\xd0\xa6B\x8a\xc8.\xd0`j\x88\xfc\xc9n\xa1\xe3\xbe}\x1cR\xd5\xd0l\xfe&gt;C\xe1z['</t>
  </si>
  <si>
    <t>b'\x0bh\x14\xf3\x1b\x8d/\xc7\x96\xb3c\x86\xc8\xd1\xd8\xfc4S\xc4\x15\x99\xa5\x87\xca\xb4\x99X\xe0X\x93\xeeN'</t>
  </si>
  <si>
    <t>b'\x0e`\xd1\x95C\x01\xf8\xd4\x9d3p\x19\x8cK\xca9W\x80\x96\xe0e\xaa?\t\xcc\xb1U\xa6\x15\xf7\xad\x11'</t>
  </si>
  <si>
    <t>b'\xeb\x9f\x7f\xdcA\x03V|OVI\xc9n5C\xa4i\t\xd6\x1b5V,\xc9\x80\xb5\xe4`2HN\x0c'</t>
  </si>
  <si>
    <t>b'\xb6 \x96\xa3\xe8Bd\xb5(\xb46\xed}\xa3\x18\x1a\xbfpZ\x9f\x13\xf76f\x10\n\xdc\x96\x17\x95\xb5\xc7'</t>
  </si>
  <si>
    <t>b'\xf1\xd9\x9dilV\xb3\xaa\xbb\xc0\xaa\x18B\x93w\x18L\x8e\xea\x8c\xa6j\xd03\xd7\xe32s\x98lw\xea'</t>
  </si>
  <si>
    <t>b'bk\x89\xfc\x80#Z\xb3\xf9S\xa0\xf9GT!?0\x07\xd7\x9aaB\xf2\x95\xb8\xe2[\xc7\x94\xcboL'</t>
  </si>
  <si>
    <t>b'\xf1\xd4a%\x97sF\x18\x98\x8d\x07\x11\xe3\x988\xe3k\xe7\xd6Y\xfa*\xb8\x05\xa5*\x85\xf6\xdc,s\x82'</t>
  </si>
  <si>
    <t>b'i7\xdb\xcfg\xdb\xdeWp\xe9\xc8\xcc\xbeWfZ\xed\x0e\x8d}:E\xef\xc8-Z3p\xc5\xd9\x02\x8c'</t>
  </si>
  <si>
    <t>b'K\xf62\xd3%\xf4\xc6\\\x04\xfa{&amp;;\xa1H\xaf\xedX5\x132}\xba\xb3\xe2\xa9\xf4+S\xf9&lt;\x94'</t>
  </si>
  <si>
    <t>b'g\x9e\xda\xf0\xec`\xcc\x02\xf2X\x9dF\x89\x8e5o\x9dM\xf8\xb6^\xf0\xae*\x0b\xd5\xd8\x9e\xdb\x87u\x03'</t>
  </si>
  <si>
    <t>b'\x974\xf8\xb7agX\x02\x8bd\xae\x8f[\xaewcVB:\xfb{E\t\x85$\x89\xedD\xfd\xb5k\xa4'</t>
  </si>
  <si>
    <t>b'N\xcc\x08\x18J\xe55-j&gt;\x9f\x13\x0e\xb0\x84\xd2\xe8\xa1\x17k\x02\xd9)\x89\xe8\xc3\xfc\x89\x14\xd4\x11\xdd'</t>
  </si>
  <si>
    <t>b'\xd9\xa5\xa8\xa7\xc9~\xba\x8e\xca\xf9\xe7\xa4\xed\xdd\\\xed\xb7\x9a\x8f\x15\x0b\x8c\x83\xf1~\x88H\xe3\x03\xb2\x813'</t>
  </si>
  <si>
    <t>b'%\xfbx\x12\xf9\xf8\x15\x13\x84Z\xa3$\xc5\x01.3\xb7\xf1\x7f\xd0\\\x96\xc00Dmxn=Z\xa1p'</t>
  </si>
  <si>
    <t>b'&gt;4\x1fW\x95RcF\xc8h\x87\xaf3\xa7\x97c\xa0x\xec\xc7]\x90xP\x9f\xde[d\x19*\xe0\xd7'</t>
  </si>
  <si>
    <t>b'\x89 P\x81\xe4\x94\x9c\xe6\x12\x1f\x9f\x15v_\xf9\x87&amp;\x81\xb3\xc0\xb2\x11\x802a\xb0\xd9\x02\x1f\x03\xeb7'</t>
  </si>
  <si>
    <t>b"\xa1\x05y\xdd\x11\xd0\xdf\xd6\xd9\xca\xddz&amp;\xd1\xcc5\xfb\xb9\xc1\x82]\x84\x8c\xba'\x90z\xc0\x0fm\x00a"</t>
  </si>
  <si>
    <t>b'\xc1N\xeap\x17\xae\xe3\xae\xe1dtU\x14\xc5\xa5g\xcb^ \xf7\xbd\x1e-/\x81vPis\xfdG\xd2'</t>
  </si>
  <si>
    <t>b'\xe7\xb8\xa5\xc2J[\xf4&amp;\xac\x96{\r(\x99\xb1\x10\xc4\x9dA\xd9\xc1\x15=b\xdbt\xc9v\xb4\xb8\x90\xcb'</t>
  </si>
  <si>
    <t>b'n\xa9\xe3i\x1c\xfcV\xda\xe5,\x02\xa4V\xb3\xce\xa68"\x8b\x8f\n\xa6fKI\xb8\x17\xea\x0fw\x07\xd5'</t>
  </si>
  <si>
    <t>b'\xb6\xcc\xcb\x88\x87\x15\x9d\xbf\x9d\xee\x12*\xa1\xd9\xf6\xa6h\x98\x06%;n\xcbcS`J\t\xd7\xe9\x8e\x86'</t>
  </si>
  <si>
    <t>b'tU\xfd\x08\x17\xfad&gt;\x18\x83\xbc\xf5}\xf8\x8a\x02\x1f\x02(\xab\xa8\x95\xed\x01\xaa\xa4,&gt;"\x07\xb3|'</t>
  </si>
  <si>
    <t>b'\xf7\xda\x10\xb13n\xf4\xc3\xd5\xfe\xc0\xd8r\xba\xdd\xe5\x82Q\xa4\x8e\x8c~\x12\x93[\xef\xa7\xbb\xc22\xe1X'</t>
  </si>
  <si>
    <t>b'\xf3\x18\x82\xa9OJ9!\xe8\xaa\xa4\x13\xd6\x8dI\x8ac\xec}D\x1b]\xce\x9c1\xe3\xa3\x86t\x84G\xaa'</t>
  </si>
  <si>
    <t>b"\x8d\xd9%\xbc\xc6\xdb\xde\xfaz\x17\xf1M\xdd\x17'\x99\x81\xc4\x18XHU\x1f\n\r\x82*QyY0\xed"</t>
  </si>
  <si>
    <t>b'`MLS\x9b]5\xb6\xa4\x94\xb0\xf5\xcf\xc5\x9f\xc6~eS\xa1\xd3\xca\xe8\xb6\xb5\xbb\xfb,\x13\xd8\x9bt'</t>
  </si>
  <si>
    <t>b'\xb7\xb8\xa4&amp;\xd6\x11\xa5{\xf2\xee\xe8\xca+C\x88m7\x1b\xe5mk\xd4\xb1]\x9dg\xeb)\xc8DF\x0e'</t>
  </si>
  <si>
    <t>b'_\x10\xe8\x1c\xde@\xf7\x08\x12zc\xe1s\x0c5\xbe\xfd\xef\xc0A\x11\xc1\x17\xa9\x15^\xb4\x1ep\x18\xc2\x94'</t>
  </si>
  <si>
    <t>b'\x940s\xc9\xaf\xe1k@[\xba\xff\xfe\x9f\x16\xc9c\xb3\xfe\x13|\xafxJ\xe5p\x07\x97n\x9b\x8aq&amp;'</t>
  </si>
  <si>
    <t>b'\x07kn2\x89\xcc\x85\xd7\xf3\x15_\x13u=\x0cz\x86[&gt;\xfc\xaaI\xd8C\xc7\xd9\x87\x0b\xc2\xde\xe0\xf0'</t>
  </si>
  <si>
    <t>b'\x13/ak]\x9e#\x19\xe0\x15"\xc1\xb4\xa0\xfd\xc3=T\x84!O\x9e\xd2\xd5X\xdf\xd0\xa2\x8cF\xe3\xad'</t>
  </si>
  <si>
    <t>b'\x87\xa9\xff\xcb\x93i\x12\x97\xe9)\x07\xae\xa5u\xda\xfe\x15L\x0ev\x98\xd0\xb5\xe3\xf3\x0c*f\xe1BU\x8e'</t>
  </si>
  <si>
    <t>b'\x1f\xee;2z\xd1\\\xec\xb2&amp;m\xc3jz\xa1G\xcd\xd2_\xd3\xe4\x8d.^\xaaK\xcf\x00&amp;\xc5#\x17'</t>
  </si>
  <si>
    <t>b'\xf3#\x0f\x1c\xb6\xd8&lt;\x0e\xb3!\xd0\x1dG&lt;\x00\t\xf8\xa0\x1dF\xfb\xd7|\x10\xd6\xeb\xdb[Kd\xca\x15'</t>
  </si>
  <si>
    <t>b'\xec\xca\xf8\x1b\x9a3B\xe5\xa1\x8d\xb9\x93\x96K\xd2\xee\x81`I\xaa\x9cx\xfb\xda\xfcD\x95DD\xa1\xf7\xbd'</t>
  </si>
  <si>
    <t>b'\xf9\xf7|y\x05\x9cU\xb3\x98\x0b\xcb\x14\x83\xe5\xd9\x84\xb7\xc9\xd5\rJ\xd1\x10\x03\x91\xfb3\xfe\xb3\xd3\xda\xfe'</t>
  </si>
  <si>
    <t>b'S\xd9u\x04\xfc\xb49\xada3\xf5ND(\x83\x8e\x00\x0fl\xd5\xd6a\x04\xdfULX\xb2\xc0B\xb0j'</t>
  </si>
  <si>
    <t>b'I\x08\x97G\xff\x1dW\xc3\xe7e\xa7\xea\x88%\x93\xb2\xab\x1e\xbe\xe1z\x84$\xd4\xcb\xf8\xf3\xc1@\x84\x1d\xe7'</t>
  </si>
  <si>
    <t>b'\xa0\x81\xc8S\xadm#_\x0f\xa3\xa9\xedo)\x1b\xb3\xbc\xcfR\xf3\xb6\x98\x1ca\x19W\x12w\x997\r\x1d'</t>
  </si>
  <si>
    <t>b'\x02c\xb7jK\xf6\x1c\xf1\r\x98\x9cw\x89Fi\xa9\xad\xd1\xfe\xd5\xdd\x95\xff\xe7lek~\xa8\x9e\xb8\xaa'</t>
  </si>
  <si>
    <t>b'\x0e\x8f~\xe3\x07\x17\x801\x7f\x85\x1a7%I(\xd3\xf4\xd3v\x1a7\x03\xcf\x97\x83\xc9p\xc3\x7f\xaf\x07\xbe'</t>
  </si>
  <si>
    <t>b'\x05\xa4\xff\x19J\xd0\xbf\x05B\xac\x83\x81\xce\xcaV\xc4\xd84\xf0\xf5b`\n\x9f\x886\xd4\x83R$j '</t>
  </si>
  <si>
    <t>b'8%\xf6/M\x17\x83\\\xe6\xce\x1e&gt;\x11Z\xc6\xb7w\xc4\x7f\x13Q\xf7\xbb\x967z~6\xc6\xe9{.'</t>
  </si>
  <si>
    <t>b'\x1f\xd9z]\x11J\x1f!\xb6\x1e\x94~M\xaf\xf1\xed\xad]\xfd\xbf\xbd\xde\x84\x1f\xbaSn\xf1\xf3\x9d\xc5\r'</t>
  </si>
  <si>
    <t>b'\xb1\xb0\xab\xc25v\xbd\xd3\x8c\x96\x93\x08zm\x17\x919\xcf!\x94\x02\xf1\xddR\xfb[eo\xb8\xfe\xfd\xed'</t>
  </si>
  <si>
    <t>b'\xd1\x9e\xf6\xf2qr\xecf\xe0,8\xe1Ha*6(\x9a%p\x9c\xe6]\xaf\x10\x84\xc0\xb8\xc11i\x88'</t>
  </si>
  <si>
    <t>b'p\xb0\xfbf\n\xac\x07T*.KEt\n\x05\xdcr\xf1\xf2\x03\xd2\xb3\xf0\xaeV\x94\xe7\xd3/,\x89\xb5'</t>
  </si>
  <si>
    <t>b"\xdf'\x9ce\xac\xa3\x83sF\xb8R.S\xb7\x9d\xa80\x16-x\xee\x01/M\x94\xca\x91*j\x1a\xe1."</t>
  </si>
  <si>
    <t>b'Lc\xb1Z\x92@\xd8A\xe2\xd2&amp;\xb4\xa6\xb9\\\x01~l)J\xea\xaa\x9f\xff\xce6#\xb2\xc8H\xb9\xeb'</t>
  </si>
  <si>
    <t>b'8\x8ae\xb4\xd9\xd5E=\xed\xefI\xdd\x16\x81\xd4\xf998J*0\x8aV\xfe\xb47\xa4h\x07\xe0o&amp;'</t>
  </si>
  <si>
    <t>b'\xae\xc8\xa2\xea\x9f\xf8\x1dOfvv\x14\x98\xba\xb2\xd8\xde\xcf\x14\x95\x82\xfaJ\xad\x14\xe2\x15\x91l\x19\xa6N'</t>
  </si>
  <si>
    <t>b'\x86w5\xa0s\x8e\xb1\xbdYs|\x87\xec\xf1Jk_\x93i\xb9\xb5\xa4\x97\xa6R\xc3\xc8q_\xbem('</t>
  </si>
  <si>
    <t>b'\x1a}\xcd\xd4*\xef\x168\xac\xa8\xe2.\xda \xc2\x96\xc9pd\xfd\xbe\xb3\n\x0ep\xeeS\xf1:\xe8\xe2\xc2'</t>
  </si>
  <si>
    <t>b'\xb7\xe2\x16Z+\x122\xed\x10E\x0e\xdd\xf7\x1b\x10o\xb5T\x95=\xfeN\x1c\x90\xb9p\xbe\x837=v/'</t>
  </si>
  <si>
    <t>b'\xffC\xca\x0f(\x10\x18\xf7\xa2\x1cv\xc7\xa1\xa3\x80\xb6\xbc\xb3\xf5\xcbn\x03\x069\xfeT5\xfd3\xfa\xa2\x7f'</t>
  </si>
  <si>
    <t>b'@mS\x1d\xf0\x15\x8ea\xa4\xd8\xe9\xd2\x16\xc1h9\n\xcd\x12\xf2\xe7\x81\xfe c\xde\x19\xd8\xe1\r\x1ai'</t>
  </si>
  <si>
    <t>b'\x9f\xc8I\xb6\x8fR\xc2F\xc1_7\xa3\xd1\xb5R\x93\x8cq\x9b\xf2t\xe6o\x0f\xcc\x08\x88\xf9\x0c\x8e\xb0\xdd'</t>
  </si>
  <si>
    <t>b'FI8\x06\xea\x1d\x87q\xf5@\x92&amp;\xdd\xf5Js\xddB\x0e\xe2\xf3 \x8d\xc1N\xbe\xfd\xdc\xc0\xea`\x1e'</t>
  </si>
  <si>
    <t>b"\x83\xb1x\xb3\xe6\xc2H\x05\xef\x83\x9f\xe0Z\xe1\x11\xc6g \x94j\x03\x99\x05J' \x8a\xf1\x92dd\xc7"</t>
  </si>
  <si>
    <t>b"\x86pK\x8a\x84O\xdf\x06\xf7\xce\x0e|\xb1\xed\x96\x17\xb0W\x180#C\xca'\x8a\xeb\xc6H\xc7\x0b\xa6\x15"</t>
  </si>
  <si>
    <t>b'\x005\x082\x9d\x9e@o\xc1d8\xe1r_\x92O)\x0f:x\xa6z\xfc\x02\xd2f\x17\xf0\xe2\x81}\xc3'</t>
  </si>
  <si>
    <t>b'R{\nf\x89\xca\xad\xb4\xb4\x1d\xcaC\xdc^\x95\xe3(\x92:\x0b\x1f\xbep\xd1q\xad\\l\xb5\xdd\x87{'</t>
  </si>
  <si>
    <t>b'\xefM\xb10\x8b\x99\x15\xf3\xb7F\xf0.\xe7\x83]\x94\xcfs~\xc4E\xe7\xd5\x08\x82wE\x7f:\xcb\xbcd'</t>
  </si>
  <si>
    <t>b'Y.\xd3$i.\xa6\x80-(I\xe9\x1c\x18e\xc1\x7f\xaa\x99\xbbq\xb0\xab\r9[Dk\xc5\xc2\x8a\x05'</t>
  </si>
  <si>
    <t>b'm\xa1\x04\x14:\x1b\xf8Fz"\x95\xa7\xbc\xb0i1\xfd\xd7\x97\xc1\xf3\xee\x89\xb7\x00\xef\x02\x835\x8c;K'</t>
  </si>
  <si>
    <t>b"\x91T\xddJ,\x80nf\xf9\xdd\xcd7Rt\xe1\x10\xc8\r\x90\xa6\x1e\\e'\x8a\xf8\x14\x84\xc9B\xd3\xb0"</t>
  </si>
  <si>
    <t>b'\xe2\xb6V\\$m]\xe8\x17Z\xcbk\xdf\x82\xc8B\x85\x87ao\xdb\xbae\xff!\xa8\xcc\xa3Q\xc9%\xb0'</t>
  </si>
  <si>
    <t>b'\xf03C\xb6Z\xd7\x974\x117\xbf\x8f*\x17c\xf06\xa2\xe8\x99 ,\x13\xbd\x03\xd4\xcd\xd0\xae\x12&amp;K'</t>
  </si>
  <si>
    <t>b'\x03\x01IHYhF\xd9w\xaf\xa0a\x9dh\xe8\xb8\xe3\xa9-0\xbe\xbf\xf8\xe0p\xda\x96!\xb5\xe8\xc8r'</t>
  </si>
  <si>
    <t>b'5\xa1a\xff\x82\xe5\x8a\x17\xaf\xe1|\xb5S\x87\x15\xb8\x9eh\xb0\x1a\xd0[LrA\xbf\x0e\x8f\x85\x19\xe4\x10'</t>
  </si>
  <si>
    <t>b'2FQ]V.A\x88{J\xdb\xb3\xd2*\\\xf0\x0c\x05,\xb2I\xf7\xbf\xbd\xe3&lt;\xc1\xda\xc5\xb5\xbf\x05'</t>
  </si>
  <si>
    <t>b'2\xcc8\x17%U\xb1\x8dV\xef\xcb?_\x93\x879K\x06F\x15\xb5\xc0\x017\x00\xd0\x17\xb8\xc7\x07\xd6r'</t>
  </si>
  <si>
    <t>b'~\x94\x058;\x95}\xcaXRYrk\xd5\x16\x8a\x9e?\xa8\xd2!h\xabw\xb7\xb3!K=\xd1S\xa2'</t>
  </si>
  <si>
    <t>b'&lt;\x93\x8e^\xdd\x84\x90\x1c\xff\xfd\xa6\xf1\xb4b\x86\x18\xd4\xaa\x94\xc6\xa5HXh\xfc\x07\xf0\xf6\x8f\xa2\xfd\x18'</t>
  </si>
  <si>
    <t>b'\xcb%\xea!\x82\xd1\x0fq\xa8~\xb0\xc8\xd44\x97R\x9d\x06\x16\xb5\xaa\x07\xff,{\x99\x0c\xd9\xe5\x91\x812'</t>
  </si>
  <si>
    <t>b'mi\xe26\xa2\x97\xa4\xee\xdd\x00e\xc1;\x7f\xbb\x04\x9d\xd4s=\xabA\xb4a\xd7\xaf\xae~\x7f\t\x03F'</t>
  </si>
  <si>
    <t>b'\xc5\xa2z\xbeK\x9c\xe0\xfc2\xf6\xe3\xf6\x81\x94,\xedZ-\xd5\xc4\xb3\xde\xdca\xbd\xb1\x1b\x9f\x07\xfe\xe6]'</t>
  </si>
  <si>
    <t>b"iR\xc2\x00\t\xfc\x82\xbc\xf0\xe9\x7f\x98g\x90\x04\xa0!\xb3\xf8\x06\xf5`'\xee\xbc\x8a\xf1}\xf3o\xc8r"</t>
  </si>
  <si>
    <t>b'TM.\xc9\x82oH\xd6\x11\xe5\xd7\xa5\x82/\x94z\xb3q\xaa\x02I\xba\xd6_\x92U\x92\xdc_a\xaeT'</t>
  </si>
  <si>
    <t>b'\x82)\xfc\xea\x83%\xfc#\xb0S$\xbe\x88\x07\xbb\xcdk-k\x18\x86w\xc5\x19\xca\x81\xf6{\x99%\xc0\xba'</t>
  </si>
  <si>
    <t>b'K\x16\x93\xf8\xe3\xd7\x7f\x0c\xf0\x98u&amp;\xd6\xc0)%4\xa6k\xaf\x1c\x10zI\xb1R\xf1\x83\x86\xc2\xfb+'</t>
  </si>
  <si>
    <t>b'\x9f6\xc7&amp;\xb5\x88\x04\xdch\xb9\x8cl\xfc\xe0m\xa9\x0f\x9b?\xac\xe5i4\x15\xceL\x0cA\xcf3^\xf0'</t>
  </si>
  <si>
    <t>b'\xab\x02wX0 \xba4\xbc\xe4\xf3\xdd\xc7\x00\xef\xf6\x99\xe7\x87\xe0i\x0f"\xa6\xf6v\xf4\xfe\x82\xad\x86\xae'</t>
  </si>
  <si>
    <t>b'x\x88\xc6|\xac\xf7\x18.\xa3\xe9S8\r\xc8\xba\xf2=z=Pl$4+\x94\x8cR3i\xd1I\x90'</t>
  </si>
  <si>
    <t>b'\x90\x17\x92\x89\x85\xf3\xb9\xe4\xa5\x83\x93l\xb5\xbf\xe8\t9\x9fw\x91\xc9y\x0e\xa0\xd0\xb81\x89\x00ctY'</t>
  </si>
  <si>
    <t>b'8\x81D\x82\x8e1l!,\x83\x93\x15\xd6I\xcc\xd8\xf0)\xd2R\x00\xa63\xe1\xea\x8f~o\xed.\xc4\x10'</t>
  </si>
  <si>
    <t>b'\xd6\x0f\xb7\xe8\xfah\x10\x84\x8e\t\x9b\x07"\xb2\x16\x97\x0f\xf0\t&lt;4*\x1f`\x9b\xbe\x06\'\xa3\xcbY~'</t>
  </si>
  <si>
    <t>b'k\x16\\\xd0\x1c\xfeQ\xb2Su\xe6\xc5\x10\xe1\x1a\xf5Ywl*AJ\xc7\x16_\xf4\xc3\xdb!:q\xc1'</t>
  </si>
  <si>
    <t>b'\xa0\x12\x9bJ\xbc\xcc\x8c\xf3R\x84\xad\xc0\x95\xabX\x10\x8c\xf6\x0f\xd4\x93\xc8\xfc\xe5\xb0N\x10\xc4u8#f'</t>
  </si>
  <si>
    <t>b'\xd0\xc8\xa5&amp;\x06\xeb\x05#\xc2\x1e\x15\xff\xd4\x89\x9cB\x8fn[\x1b*\xea\x0c[z\xd8\x9e1\x0eq5\xad'</t>
  </si>
  <si>
    <t>b'\xf4y9\xe5\xe0\xe3l\x974z\x85g\xbf\xbeu\x11=q0\xb9\xed\xe8\xc3\xd4c\x82\x03[\xb6\x15\xc7i'</t>
  </si>
  <si>
    <t>b'\xbeM\xbd,\x82\x91\xf2h5{\x1f\x8e\xc3\xc5\xb3\x8f\xf4\xec\xdd0\xd9\xaf@AO\xbe\xf67\xc7\x89\xcf-'</t>
  </si>
  <si>
    <t>b'\x10\xca\xa2\xb1\x08\xf4\xb1E\xf92\xcbz\xed\xd9\xa69\xa75H\xe30\x93\xaduw\xf7\xd4\x8bJ\xd6\xcd*'</t>
  </si>
  <si>
    <t>b'\x00\xbd\xf9A1\xb1bj1\x08\r\x9bl\x12h\x1fj\x86\xd7\xccR\x15\xb8\x11X\x88s\xd8[*\xf1\xa7'</t>
  </si>
  <si>
    <t>b'\xd1\x8e\xe2\x12`\xf7\xc7\x190\xfd\xe6\x80\x19\xca\xc4\x89\xa8,\xa8\x03\xcd\xbb\xf2\xd6\xfe\x12(\xad\xc8\x1d\xfa\xf8'</t>
  </si>
  <si>
    <t>b'\x18Tf\x10\x8dq\xd5(x\xeeY\x94X\xd9J\x01\x0b\x92U\x7f\xcbyF\x02Z\xa2\x936\xa6\x8dg\x1a'</t>
  </si>
  <si>
    <t>b"j2L\xf2VD\x1d\xfe\x8dW\xadE\rE\xccv\x9c\xe2'6\x9f\x96\x0e98\xfd\x17`\x01\xb5\xab\xc5"</t>
  </si>
  <si>
    <t>b'\xa8\x82p\x99@A\xc3\xdb\xa5\x8ak\x0b\x8db\xa9\xfb\xf1\xe7;\x0eu\xdfG\xa7l\xdf\x80\x9dj\x81\xab~'</t>
  </si>
  <si>
    <t>b"\xf7\xce\xc7\xf5=\xd6n\xba\xff\xac\x89X\xe8\xf7\x9f\xd7\x80\x05^\x17\xf6\x9d\xbbGj\xda/a\xd7'\xc8k"</t>
  </si>
  <si>
    <t>b'EP\xce\x96\xd5\xf0\x0c\xde8\xb2\xc7HH\xe5\tZ\x94_\x81\x014\x8b\xd3i\x83\x1b\xda\xcc\xbb\xbc08'</t>
  </si>
  <si>
    <t>b'(n\x841xVD2[f\xe7\xd0\xe1Uc^7\x00\xc0e\xdfg\x02\x92\xbam\xaf\xe8\xef\xcfW{'</t>
  </si>
  <si>
    <t>b"*1\x929'\xce\xe8\x84:\x8e&gt;\xb5(zfFr\xe2 )\x9c\x07\xbc\x96\xf0\xed\xee\x159n;\x8f"</t>
  </si>
  <si>
    <t>b'\xb9\n\xbd\x17D\x85\xfa\t\x03\xdd$\xb96\x18\xe3\x84\x19\x95\xb4?}\x98\xc2IuPzy\xcc\x94\x19#'</t>
  </si>
  <si>
    <t>b'\xc0\xf2\x85\xcaC\x18A&amp;@\xbc\xdf\xa3\x8c(K\xa9E+\xb4P\xf6z\x98+a\x8aRJ\xca\xcf\xe3\xc4'</t>
  </si>
  <si>
    <t>b'\x1a\xc6\x00i\xaab\xbc&amp;\xdd\xb2\x07\x15\xe8\xc0-5\xd4\x0b\x0b\xbd\xfd\xa7\x19?\xe5\xcaii\x1fy\x87W'</t>
  </si>
  <si>
    <t>b"\x0c6\xe1\x08\xa3\xe5\x9dG\x18\xc5N\xead\x11=\xb6\xea\xe9\x1b\xb8\xa9*\x16\xd8E\x0b'Z\x00\xd4\xd6\x88"</t>
  </si>
  <si>
    <t>b'\xeb\xb1\xdf\xcc1E\x8eh|\xb7\xd2\xb8\x8221N\xc3\xd0\xb9\xe8\xaf\t6]$hM\xb5\x00\xb8\xb2e'</t>
  </si>
  <si>
    <t>b')\x0fk\xad\xe3\xdb\xf2\x90\\yyH&gt;\xca\xa4\x97$\xe0d\x9c\x0c*\x0c\x06\xdc\xbdCc\xe7S\xa1*'</t>
  </si>
  <si>
    <t>b';\x98H\xb2\xbey\x0f~T\x02S\xb2\xf0\xd4)0g\x7f\xc8\x96&lt;\x97\xcd\xa0\x17og2\x02\x92\xa7\xd1'</t>
  </si>
  <si>
    <t>b'\x1c3\xc9\x9f^\x89\xa6@\x89\x89\xf6\xa8\xef\xabh\xf1\xe4\xe1\xc8\xc2\xf2\xf1\x03\x9b\xa1\xab\xf0)\xf4\xefU\xde'</t>
  </si>
  <si>
    <t>b'\xafgbU\xd9N\xbd\x1f^\xa0Yf$\x1c\xf4\xbd\x83\xef\x8e\x18\xb3+K#\xed\xc5M\x7f\x0f\xd7i|'</t>
  </si>
  <si>
    <t>b'\xbeJ&amp;\rh\xa9S\xc87\xf6\t\x9fl/\x0flQ*\x1an\xa7\x17\x82UmW\x18\xe3\xcf\x80\xfcF'</t>
  </si>
  <si>
    <t>b'\xd2\x194Lg\x02\xc6\x112o8\xbeF\xc1\xd9\xf5:\x9c\x8cbWm\x9dR\xa6^\xdaT\xbbR\xb5T'</t>
  </si>
  <si>
    <t>b'!6\xb0+Q\xac\n\xd2r.\\\x85\xc0\xd8\x9cR\xa9\xf2O\x8e\x11"\x06qsA\x89JG\xb6r"'</t>
  </si>
  <si>
    <t>b'rD\xb3\xc3\x84&gt;B\xaf\xcb\xe8\x11\x0bB\x1ai\x96&amp;t/\xf4\xb3=3\xea\xcb\xe9\x07f\xacD\x08\xfb'</t>
  </si>
  <si>
    <t>b'\xa7`\xdf\x8e\xee\xab\x84\xe2k\x8c&gt;\x93\x8f\x9c\x17J\x06Q"\xb8\x9f\xc7[\xe2IXp\xe4`\x1a\x82\xba'</t>
  </si>
  <si>
    <t>b'\xa8\xe4\x962\xee\xff\x80\xc9\x1b\xbd;\x86\xa0"\x89G9\xd1w\x1d&lt;q%\x97\x1dP\xf8Q\xe4\xedA\x93'</t>
  </si>
  <si>
    <t>b'?\x91P7\r\xc2\xf4\xac\x10Wp\tJ3\x10*\x18gUf;\x9d\x08B\x8a\xd7"\xa4_\x94\xf4\xd4'</t>
  </si>
  <si>
    <t>b'\x18\xf6\xd0=H\xb2\xc3\xe3,\xaa\x8e\x83\xb9\xa7X\xf3\xbd\x01\x1d\xae\xd3YsQS\x00\x84\xccH\x17*6'</t>
  </si>
  <si>
    <t>b'\xabfU:\xd6\xf3=\xac\x88#h\xd2uBd\xc7+\x99\x14+B\xc8T_p\x850\xf3\x14O\xee\xbc'</t>
  </si>
  <si>
    <t>b'1\x0cz7q\x12\x04\xc1\xed\xb8\x9e\x05\xad\xd96\x10\x8e\xf0\x1a"\xfb\xc4\xdb\x82\xc4y\x89\xad\x08\x1e\xad\xa5'</t>
  </si>
  <si>
    <t>b'\xd7\xa5\x92\xff\xf6\xc7_K&lt;$+Z t\xf0\x96\xe9N\\\xaeV\xa2\x83\n\x80\xe0\xb2p\x18\xf4\xdcI'</t>
  </si>
  <si>
    <t>b'\xe0\x81\xab\x1bg\xb37\x827j\x89\xc7\xe3\x85\xb4\xc7qY9\x98_p\x97\xa8\x0c\xf7d\x928\xb2\xe3/'</t>
  </si>
  <si>
    <t>b'}\x08\x0c\xe1\x9f\x1d\x9fw\x1cs\x98\xdbR\x9bAY\xca\xd9\xa4\x9e\x1c9R\xf2\xc2\xbeh\xa9\xc1\x11\xd0\x85'</t>
  </si>
  <si>
    <t>b'\xd8\x05\x1eJ])@\xb2\xbf-\x08\x14VW\x99\xa7\xb7mv4@\x91\xeb4\xa8\xb1\x93\x88\x7f9_\x85'</t>
  </si>
  <si>
    <t>b'a\xe2\xb7\xe8\xdf\xef7\xb6@}\xf8\r\xc4b0OwRf\xc6a\xff\xc5\xb4\x14\xc5\x910\xe0\x81\x05\xca'</t>
  </si>
  <si>
    <t>b'\x9eh\xcf\xc7\xbb\xabF\xadI\x84,i\xc1\x81;\xdf\xcd\xaa\xef"0\x95\xd5~z\xe2\x07@\xf1/\xbem'</t>
  </si>
  <si>
    <t>b'P\x89\xac\xd0K\xc28\xd5\x0b\xf3\x81\xbd\xaf\x06\x13\x16.&lt;%\xd7\xaca\xa7S\xa2\xf9\xc9\x96\xb6\xd2\xacV'</t>
  </si>
  <si>
    <t>b'm\xb1\xdfc\xd6\x7f\x1bbs\x80\xdc\x9d\x8c\x9dZ\xec\x9dq\xe8)\x84\r\x8b\x0bR\xe4\xad\xd40\xbdO\x9c'</t>
  </si>
  <si>
    <t>b'\x86P\xc2.\x96{Q\xaes\x93\x7fh\x92Ea &lt;\xa8X/{\x99b\x13^oY\xcf\x85\x96\xbc\\'</t>
  </si>
  <si>
    <t>b'\xdbZ\xd9\xfeM\xed%{\xa1\xa7\xd6\x15\xe8l\xfd\xb9\xf0{l\xab\xbc\x8fQ\x80\xc9\xfa\x82o\xb9\xff7\xdb'</t>
  </si>
  <si>
    <t>b'\x97{d\x02\xdb\xfb\x88v(\xe8\x9d\xe9\x8a\xc7&gt;\xae\x15\xe6\xeb\x17\xe6\x114\xb2x\x19\xc2h\xab\x96^\x03'</t>
  </si>
  <si>
    <t>b"\xbfv\x13\xc2+/\xb5\xaa]f3\x8ec\xfe\xa0\xa8\x13\r'\x8eI\x0e\xdeg.\x8b\xde\x9bm\xf2\xbc\xae"</t>
  </si>
  <si>
    <t>b'et\x8a\xaa\xb0\xe5\x7fkTU\xa7!\x12\xa7\x96\x90\x8ex\x03\xd6\xc9H\xf3H\x87J\xc3\xe6J;\xbd\xc6'</t>
  </si>
  <si>
    <t>b'~kz\xfe\x84Yd9\x98\xb6\xb1\x12\x94\x94\x19\xdd\x93\x87\x15K,U\xa8|8\xf9Fm41\xf9I'</t>
  </si>
  <si>
    <t>b'\xd30R0=Z^1T\xa9&gt;\xd2U\xac\xe7\xf6\x8d\xbb1\xb6,\xa4\x8e\xf6b\xa3i\x0b\xee\xe8\xab\xa6'</t>
  </si>
  <si>
    <t>b'A\xbdA\xaf\xa0\xad\xce\x0cc\x8a\xbd"\xb5S&lt;G\xfa5\xc8\x96\xc5u \xd1\xdc\x9e\x03)\xc1v\x93\x18'</t>
  </si>
  <si>
    <t>b'9\xd7\x1fx\xdd\x13X\xd3d\xef\xddK\x86)\xd6!Qt\x93|c\xdesC\x08ON\x18\xfe\xe9\xb0$'</t>
  </si>
  <si>
    <t>b'tR\xe7/\xcd\xa8\x16\xfdI\x08\xaf\xbd\xf2\xbfM\x81\xf2&lt;\xf5&gt;f\xe3o\\\xb0\xf8\xc5\xe5\x1b\xad\x93\x93'</t>
  </si>
  <si>
    <t>b'(\xefY\rt\x01\xc0\x7f8\xb27^\x89\xb2\x86\x02-\xc7D1\xc2w\x1e\xd3\x01"+\xea*6\x8c\xc0'</t>
  </si>
  <si>
    <t>b'nS\xa4\x16;\x99\xb2:\xc5qM\xf6.W\x89\xca\xd4\x98\xf4e\xe0v\xbd\xe1!\x1cq\x12\x82\xce\x9b\xa7'</t>
  </si>
  <si>
    <t>b"\xcb\xe6+\x04\xccT\xe9\x19\xa6\x8f\x10\xfe\xe3\x19\xbauI''\\}\x00W\xe8\xbcN\x8f$\xbf\x8c\xffp"</t>
  </si>
  <si>
    <t>b'\x1f\\\xa0/$\x8b\xa5\xcb\x84\x99\xd4qZ8\x11OL\xf3\xa1\xaf\xe56\xeb\x99,rT\x98\xb4\x17\xdd\x98'</t>
  </si>
  <si>
    <t>b'\x0c\x14\xcd=v\xf7\nZ\x12^\xe4+\x1f\xdciK\x9e\x80y[5\xfa\xf1\x02\xbc\xc7\xcc\x9c=G\xb4\x13'</t>
  </si>
  <si>
    <t>b'd\x80\xfc\xa4p\x94\x04\x83\xf7P^m\xb3H\xc0|\xd5\x87j\x05\xd0&gt;\xafOr\xfe\xea\xdf\xc3+\xe0\x9a'</t>
  </si>
  <si>
    <t>b'\xf6\xe8\xc5\x9d\xdc\xff\x04\t9X`w\xf6\x91~\xcd\xb9\x0b&gt;\x1e\xe7\x8a@9\xe3T\xe0\x9d@\x18w\xdc'</t>
  </si>
  <si>
    <t>b'\xdb5e\x02#\x1c\x7f\x1c\t\x8b\xa1;9\x13\xd4D\x869:\xdc\xdd!\xde\xd1!\x07F"6\x02\xe8\xc9'</t>
  </si>
  <si>
    <t>b'r/\xe1q\x99\x95|\xab78|\xea\xb8\x8bU\xb0\t,\xd0\xb6Z\xba\xa8^e%\x93\x1fE6\x9d\xef'</t>
  </si>
  <si>
    <t>b'f\x8b@\xca\x03M\x9c\xa0\xe6\xc9\xc5O\x86vb8\xc8L\xb8\xb4\xf9\xe1\xb7E\xe4\xdc6\x15,D\xdd\xc4'</t>
  </si>
  <si>
    <t>b'\xcc\xc1\x88\xa9\r\x88\xb6\x7f\xce\x1b\xab\xa7\x18\xe3\xc0&gt;_\x8c!\xa7\xf1\x02\xf1^b\n\x0c\xd9\xa26\xf1\xce'</t>
  </si>
  <si>
    <t>b'\xecc{\xf9\xe3\xe1h\xa7\x80x^\x12Gg\x0e!\x9f!\xe9\x08w\xb5\xe4\xbb\x00!v=m\x943\xc9'</t>
  </si>
  <si>
    <t>b'\x8dQ\xf1\xdc^\x08\xe3\xd5`\x18\x8c_X\xc6\xb9t*\xe6,\xfe\x10\xd35\x89L\x08J\xc2#\x1a+\xbf'</t>
  </si>
  <si>
    <t>b'\x91W\x91\x14]\x1a^\xf7\xd4\xb0z\\\xd5\xc3\xd39u\xad\x82\xfd !\xce\xe7\xb6\xc0\xab\xfa]\xb5\xb7e'</t>
  </si>
  <si>
    <t>b"\t\x8e\xec\xd1g\x85v\x04G\xf5\x10\xa1\x9a\x86C#\xefw\xa4[;'\x07Mn\xf1\xf9F\x8ec\x81\xeb"</t>
  </si>
  <si>
    <t>b'\x13B\x19\x1c\xdcTH0R&lt;\x19\x81I\\\xa8\r\xb6g\xde\xc6A\x99A\xec\xb2\x1f\xa7I\xa9"\xac\x03'</t>
  </si>
  <si>
    <t>b'xa\xbd\xee$b\x1b\xe6\xb7M@\x89w\x96\xa6\xea\n\xa6@F\xbc\xe1\x0e\xb9Cg\xd5M5\x9e=\x8a'</t>
  </si>
  <si>
    <t>b'+\x87#m\x8btK\xd9\x17\xc2|\xcf\xfc\xfes\x00\xc7\xdca\x89\x1dt\xc7\xfd\x98\xf4\x0e\x06\xe1\xe1\xc2\xfc'</t>
  </si>
  <si>
    <t>b'\x1d\xfb \x84@\x94\xb9\x11\x92\x9d\xe5{\x06\x90\xf7\xc0\xe4\x08,7\xc5\x04f.\xe8\xe5\x00y\x913oJ'</t>
  </si>
  <si>
    <t>b'\x1e\xa2\xffX\xb1?\x8c\xd1\xdb\x18\xa0\x08\x10\x8dH\xc8V\xe2\x7f\xc9Ww\xdb6\x12HB\xc1\xec\xdfi\x92'</t>
  </si>
  <si>
    <t>b'c\xcb\xaf\x0f\x80\xd9&gt;p\x05"F+\x0b\xbd\xdd4\xb4V\xf4\n\x90K\x9ciG\x92\x86\xe1\x1e\xe4\xa8q'</t>
  </si>
  <si>
    <t>b'\x0e\x01\x1c\xa1P\x1e\x18\x9a\xc8\xbdW\x96bU\xdeb\x07\xcei\x0e\xb4\x05\xa0\xda3\xb3\xa1\xfd\r\xa0\x0f\xb4'</t>
  </si>
  <si>
    <t>b'pE\xe6|\xcf\x19\x92\x9d\xc1\xdfo\x0e\xb0\xf7\x0eB\x82:%t\xf2nP2\xce\xcc\xcf\xbbIg\xa8\xbd'</t>
  </si>
  <si>
    <t>b'\xbd\xe0m\xce\xb6Lho\x12\x99N;U\xbf"\r\xad|\xb0\xca\xf6\x18\xac\x01\xe4\x1c\xca\x91\xa0x\xf8\xdf'</t>
  </si>
  <si>
    <t>b'\xf2\xa21\x98\xef6\xcc\xcc\xb8\x80\x9b\x8e\x85Tq t\xa3\xee\xa2\x00,\xf1\xd1\xfc \x9e\x1c=\xa4\xbc\x99'</t>
  </si>
  <si>
    <t>b'\x8d\x84\xc6;\x92\xb8?I\x99\xc7\x1b\x10\xfcm\x16\x0fS\xd0\xf3\xe3\xf7J\x95\xa0.\x02n\xeb&lt;\xe16O'</t>
  </si>
  <si>
    <t>b'1\xc6\xd2\xf7\xc6x\x84k\xff\xe8xk\xcf9\x1d\x80\xdaT\x8f\xed\xfa\xfb!-\xa2\xc8\xe3\x83\xd9$\xe2\x8b'</t>
  </si>
  <si>
    <t>b'69\xdaDk\xa5\xd1\x1f\x16/U\xcbf\xe7\x9bM\x82\xa7^\xf3\xfe\x9a{(\x11\x06f\xf2\x90\x7f\x9e\xc0'</t>
  </si>
  <si>
    <t>b'Hm?\xe4\xc3\xf26a/XF\x86\x11EG\xe7\xe6{`\xef\xf0\xe7!\x12\x08\xeb\xddfzRO\xde'</t>
  </si>
  <si>
    <t>b'\xf9\xf3\x8041\xa2\x9d(&gt;X\xbb\x84\x9c\xcey\xado\xaa+c\x13\x11V\xc8\xae\x7fH"\x12\xf5\x02\xe9'</t>
  </si>
  <si>
    <t>b'\x10BD\xcd\x8f\xe9\xfe\x08\xf5\xb5\x9b`\xdf\x92\xae`\xaa\n\x90cf\xa83cO\x81e$\xc4\xf4\xfe\xa7'</t>
  </si>
  <si>
    <t>b'\x0b\x82 Px\xed\x9bo\xcaT\xff\xee\x0cO\xe31]&amp;\x1eV\xccDD\x88\xc5\xa3J4@\x9cUz'</t>
  </si>
  <si>
    <t>b'\xd9\x89\xb4\x88\xe4\\V\xbe02\xff\xb8\xb9%\x91\x1c\x05Y\xfe\x9f\x99v\x1db\xad\xa6\xeaQ \xd6\xd4\x8b'</t>
  </si>
  <si>
    <t>b'\x1d5\xfc .\xac\xbb\xde\xb6\xbc\xf0e\xc7T\xf1u_\x0eX\xb9\x89B\xaf\x07\x13\xe4\xab\x88\x01I\xdf\xc2'</t>
  </si>
  <si>
    <t>b'\x18\x9d\xb8\xe2\x86\xbaa\xc9T\xca\x03\x82\xd6\x06\xe8\xde\x8b\x14\xc9\xae%]w\x95\xf5\xaaf\xe3\x8eKW\x93'</t>
  </si>
  <si>
    <t>b'R\xb0P\xa9\xc3h;S\xcb\xd2+4\x95s\x1f\x9d\xfd\x13\xa1\x9fA\xda\x81\xc2\x8d\xb3DF\x07%\xc5\x11'</t>
  </si>
  <si>
    <t>b'@\xecuQ\x01.\xa4\xe6\x9e\x8f\xbd\xa1\x8e\xa7\x1c\x8f.\xb3\x15\t\x0ee\n\x83a"\x17Od\x9f\x9b\x1f'</t>
  </si>
  <si>
    <t>b'X\xfe8e^\xb6\x80\xcf\xfbK\xb6\xb5^\xc0\xc8m\xb95HP\xc21Y*\x13^\x07\xb2\\u`\x87'</t>
  </si>
  <si>
    <t>b'\xaa\x80\x91\xff\xab\xdd\xcd\xa6X\x84\xab\x0c\xb1g\xb9 _Of\x87\x05\x8b*\xe4\xd4\x1c0\x94 N\x0b\xc6'</t>
  </si>
  <si>
    <t>b"'\xfa\x91a\x7f\x84\xe0\x02\xd6\xc8\xd6\x9f\x95\x93fF\xee\x7f}4\xfff\xa1\xe6\xaa\xfd\x07D_\xa4\xa5\xe7"</t>
  </si>
  <si>
    <t>b'\xf4[\xa3\xff;\x8a]\xa9n&amp;\n\xa1\xb8Yi`\xce\x86]\xa8\x18\xb1\x87\xb2\n3\xbd\x8flP\x8fc'</t>
  </si>
  <si>
    <t>b'S\xbf9\x831\x14\xd4sb\x86\xba{\xb7\xa2\xf0\xb6\xb2\xb7\x91\xb38\xf8A\xbbR\xe7\xfa\x94W,\xa3m'</t>
  </si>
  <si>
    <t>b'\xd1\xbf\xb3\xff\xbeQ\x9b\x15%\x98\xce\xa4j+\x8e\x11\xa0&amp;\xab\xdf\xe3,\x9d@(\xe1\xf4\xbf\xf1\x1f\x90,'</t>
  </si>
  <si>
    <t>b's\xa0\xd6+\x9f\x9eV FOi\x13\xcbz\xc6Ud\xb0\xcf\xf7\xae\x08Y\x9f\xa3\x82\xff\x0c\x14\x9dy\xee'</t>
  </si>
  <si>
    <t>b'\xf6V\x9cC\x7f\xb1\x7f\xe4Z\xe7\xff\xab\xdem\xd5_\x7f\xfb9u\xc4\xb6a\x9c\x0f\xd3\xc3\xf6x5\x96\xd1'</t>
  </si>
  <si>
    <t>b'\xb47\xdey\xdc2\xaa\xd1\xf9\x07\xb2\x04\x97-\x1f-\x07|\x82\x7f\xce\x1a\x0b!\x87\xa4B\xa2\xd38\x9a\x97'</t>
  </si>
  <si>
    <t>b'\x81\xbf\xa7(\x90\x85\xa7g\xd9\xab\xcf\xa1\xff!\xa1\xa2\xcf\\\x10\xd8q4\x9fYAn\xb28Cs0\x89'</t>
  </si>
  <si>
    <t>b"Yf&lt;\x18*t\xfe\x0bj\xe2\xc4\x12\xbb\xf1w'm\xdc\xf0\x1eU\xfc\nST\xfa\xae\x8c)\xb2\x15\x14"</t>
  </si>
  <si>
    <t>b'\xdc\xb6\x97w\x9e6\x13`\xe0\xd4\xffTtzfk\xda\xcdQ\xb7\xecY\xe3P\xfcV\xf8\tbl"\x89'</t>
  </si>
  <si>
    <t>b"\xac\x87\x00\x83\x9a\xa4b'\xb6\xc4\x15&gt;\xca\xf3\x85\xb8n\x80\x073\xf4%\xecq\x00\x08\xf5'W\x94b3"</t>
  </si>
  <si>
    <t>b'ndN\x18t\xe6\x05t\x1c2\x97e]\xc5e\x83\x02\x97+_s}\xe6\xeb\xb8*\xfe\xe7\xabr_\x12'</t>
  </si>
  <si>
    <t>b'\xf8@\xafx\x83\x91n\xcf\x17&amp;\xb1H\x0f\x1d\xb5)\xb9\xd5\x03\xf7\xc5x\x91\x94U\x85\x1b*v\x90\x9f&gt;'</t>
  </si>
  <si>
    <t>b'\x05`4K\x0f\xd0\xc1\x08\x99\xf2\xa0?9\xf2\x9d,p\x19\x9f\xa3\xda\xb2G\x96\xc5\xb7\xce\xfb\x8a\xf35t'</t>
  </si>
  <si>
    <t>b'\x8f\xc1\x87oR\xa5\xbd\xd0\x0fJ\xa4\xf2\xf0\xf2\xa2\xf5N\xb52\xea\xf6\x91[M\x0ex\xe7rV&gt;n)'</t>
  </si>
  <si>
    <t>b'y\xc7\x9c2e\xd3i\'Y\xae\xc1\xf7\xef\x1f9V\xcf"y\x0c\x86\xdd\xa6@S\xea^\x9cV\x14\xc0%'</t>
  </si>
  <si>
    <t>b'"\x10\xa2;\x0b\x04q&amp;a\xd6\xf1~i\xba-q\xf4\xadMo\xc02r\xfa\xf4LO\xf4\xce\xb4e\xae'</t>
  </si>
  <si>
    <t>b'\x98\x8a p\x0b\x17H\xc7C\x01\xa4\xd2\x80\xbc\xfaO\x8a\x98\x89\xd3\x13\x9e6W\x02\xdc\xc8\x1f\xbbt\xfe\x01'</t>
  </si>
  <si>
    <t>b'\x93s\xc7si\xb8;\r\xed\xb0\x8c\x1e\xc3\x0b\x89~\x0b\x02\xc3\xbanf~\x80\xa2w Ei\x15t\x81'</t>
  </si>
  <si>
    <t>b'n\xd7\x11v\xeee\xba\xb1\xf9U\x1b\xec\x86\xd7}\x89\xaco\x18\xd8\xabiZ\xcf\xdb\xb5\t\x84\xa5\x8f\xac\x87'</t>
  </si>
  <si>
    <t>b"\xe2cOCK\xd2\xd3\xc45O@\xcc\xc4\x98i\xf4\x9dKJ~'\xc0\x93\x99\x89\x11\xcbz\xa2t\xc8\x08"</t>
  </si>
  <si>
    <t>b'\xadF2\xb0\x146\xef\xbf\xd1aE\'Sw\x82\x95rl\x0b\r\xd0"\xa0M\xa9\r\xc1\xc0\xf9\rd\x9a'</t>
  </si>
  <si>
    <t>b')V]\x13\xd8P\xf9\x8e9\x17J\xbbY\x15\xd23\x05^\xd6\xd7\xa9\x08BV\xf8\x03\xccR\x1b\x13\xda\xeb'</t>
  </si>
  <si>
    <t>b'--g\x8e\xf0Y\x0e\xf7\x1d\xa2Rz\x07\x82Ve^\x0f\xb7\x8b\x12_\xd7#\x00"\x1e\xb9\xfd\xfc\xd5\x82'</t>
  </si>
  <si>
    <t>b'\x9a\x00\xd8\x1b&gt;\xad\t-\xc3\xd6\xb7Kt\xfd\xd6DD\x9f\xbai\xde\xe8\xfa&amp;\\y\xc8T/uje'</t>
  </si>
  <si>
    <t>b'\x90{\xc7\x04,\x12\x91\xc8P%\xbc\x81\x04:]\xa4\xdb\xfb.\xe9\x90\xdf\x97\xa2&amp;\xa8O#\xdfqz\xe5'</t>
  </si>
  <si>
    <t>b'\x04\xb2N\x9c\xa2\xd6\x9f\xfd\xc1\xc0K\x99\xf9P\xb6j\x1a+\x9d\xdb\xcbYPH6\xd0\x85\x03\x82W\xfb\x93'</t>
  </si>
  <si>
    <t>b'\xef\x1b\xa3\x1a\x19\xf0}\xd51\\\x1eZd\xb0\xd7\xea\x17\xeb\xc4\x03;\xd9\x0b\x11\xd8z\xf3\x0cg\xec(\x1d'</t>
  </si>
  <si>
    <t>b"\x8d\xf7n\xcd+}\xd7\xe5Z\x02\x04\xf3\xd9\xc5\x03\x95\x8e)\xc9\xec\x90\x10\xdd\xff\xd2\xfa\x18I'W\x1am"</t>
  </si>
  <si>
    <t>b'\x84k\xe9#\xd4\xd3&gt;T\xfd\xe8\x98\xde\xe4m\x90\xac\x98\xd7,\xf1vl\xc7\xae\x06\xb8;\xb4\xdbH)_'</t>
  </si>
  <si>
    <t>b'r_\x82\t\xc1c\xc3\xba\x08\xc2\xb6&gt;\x1dd\xd1\x85\xe0S\xa9\xc9Gl\xc4\x82\x98Z,\xb6\xc9\xb3\x0e\xda'</t>
  </si>
  <si>
    <t>b'\x94\x01S\xe1X%6P\xda\xe5\xf0\x13.\xd4D\xaf\x9a\x97\x006\xb8~\xc1\x84\xf7\xac\x13\xb9\xf6&lt;2-'</t>
  </si>
  <si>
    <t>b'\x19\xf8\xf9\x84\xd3\xb8\xf3c\xc1*J~\xcb\x80!\xd0\x0e\x16\x95\x11m\xbd\xf4\xde\xebX\x020\x02Ls\x83'</t>
  </si>
  <si>
    <t>b'\xe6\x12\t\xe6J\xba\x98\xc838.\xee\xdf\xfc-\x96\x9f\xd0\x9a\xce!M\x9d\xd3\x12\xd8\xd2\xb9\xd4Fd\xcc'</t>
  </si>
  <si>
    <t>b"1\xa1\xb0t\xef\x97\x11\xf2\xf0e\x1b\xb9K\x1aI\xa7j\x9a\xf6\x1enr\x9f\xf1y=\x86'%\x0f\xfe\x17"</t>
  </si>
  <si>
    <t>b's\xf8\x1e\xeaO\xbf\xb7\xf5\xc7Z\xbb\xd0\x1e\x97\xa7\xccNi\x92\xa3K\xf9L\x9f\x8c\x8a\r\x91[\x14\x1d"'</t>
  </si>
  <si>
    <t>b'\x80\x86O\xf3\x12\x87l\xf7\xaa\x17\x97G\xcboN\x8co\xd5TY\x99GQ9\xa5\xce\x80\x87;.i\xcd'</t>
  </si>
  <si>
    <t>b'\x1d\x19\xae\\\xcc\xb3lH\xf9\x98\xee:\xda\x1a\xa34P\xbc&amp;-\xf0\xa3M\xac%J\xbd\xb0\xe4z\xee\xb2'</t>
  </si>
  <si>
    <t>b'\x92(\xefF5\r\x1c\xd9\xc1\xefA8\xa1\x08*\xcaDw%\xfe^\xa3\xa8]\xd9g|:2\x12p\x99'</t>
  </si>
  <si>
    <t>b'AD\xef\xb4,\xc7F\xccl\xff\xc5vY)\x14\x9b\x06\x17r\xc4r\xd5N\x98\x91i\x8f\xbaz\x8b~\x8a'</t>
  </si>
  <si>
    <t>b'\xa5\x96\xb1\x9du\x06\xc7\xf8A\x9flP\xb5\x7f6\xc5\xed-\xad\xfa\\\x14w\xf7*\xd8-&amp;\xbe=\x8bz'</t>
  </si>
  <si>
    <t>b'\xce\x99\xfa\x98\xf6@\xfe\x1e\xb6\x13\x14\x99\xcf(\xbb\xd7ACr\x0e\xf3\x0c\xa8x)Dm\xdd7e\x14\xc3'</t>
  </si>
  <si>
    <t>b'\xef0\xc1O)$j&lt;y\x15\xf3}\xe0\xbe\xa5\x0f&lt;I\xdcz\xc0\xce\x1b\x94_&amp;"o\x9au&gt;\x7f'</t>
  </si>
  <si>
    <t>b'\xb9\xc6\x05\xebB\xc4\x8e\xffv\xa4\xaf\xe9\xfc!\xdeZ\xaa\xda\x98\x86\x89l\xf7\x8f\x01\xec\xf9(\xd0\xfc\xa8\xaf'</t>
  </si>
  <si>
    <t>b'\t\x87\x0e\xec\x89\xe6@\xf4\xc5\x02{\x17+\xf6\x13R\xf6\x9c\xf8[\x8f\xedj\x1cF\xbb\x15\x95\x1d3\xedU'</t>
  </si>
  <si>
    <t>b'W\n\x98\xa7]\xb5\xa5IP\xc6K,\x88&amp;.\xba\x8c\x80H:\xc5\xc4h\x94\xe7\x06\x87\x8f\x8fmkA'</t>
  </si>
  <si>
    <t>b'\x11\xebGm\xdd|+\xd65,\xeb\xf8\xa4\xb4\xed\x81\xa4\x94\x8bR\x10Q\xf7\x04\x93\xfb\xea\xee}\x91 c'</t>
  </si>
  <si>
    <t>b'\x83\xd8\x12\xf6\x96\x15\xee&lt;\x8ad\xd1f\xf5\xcb7\x96}\x9a\xa8\xe11&lt;\xd6\xf6J/\x8c\xb7\x80\xd18Q'</t>
  </si>
  <si>
    <t>b'AM\x948\x90c\x0e1/\x9a\xe7\xa2\xb9\xb6\xbe$[4\x11@\x8aFn\xe4\xe4\xc9\x14\xbfN\xf0\xab\xd8'</t>
  </si>
  <si>
    <t>b'\x7f(S)\x02=e\xaf\x93a\xe2\xc5 \x1fqeF\x84\xdc\xbf\x01\xec\xb3\xca\xa0#\xe3V5\xb9\xd9\x13'</t>
  </si>
  <si>
    <t>b"&amp;\xd2\xe7wJ\xbc\xb0\x1e\x8d\xd5\xc9Q\xdbh\x80'5\x8d\xbc\xe8\xde=\xde\xcd\xcc\xcc\xa0\xd2\xae\xe1\xe9\x0c"</t>
  </si>
  <si>
    <t>b'\xf4U\x8a6NU\xc7-\xfa1\xe9hI(\xb2\xd5\x02\x81\xdeR\xec\x1c\xa7v\xc4\xea\xa5\xcc\xdd\x96*m'</t>
  </si>
  <si>
    <t>b'\xa5\xfc\xd7\xd4e\xff\xe51L\x98\x85.\x9a\x00\xde\xaf\xae\xf4\x03\x07Z\xfa\xc2s\xb7\x8a\xea9\xc7\xa3\n\xca'</t>
  </si>
  <si>
    <t>b'\xbc\xfc\xe69\xff\x1bb2s\xc9\x0c\xe1\x9f\xd1V\xc8\xa41\x7f\xd9\x8a4@\x02p\x8bk\xe1=\xcaa\xb0'</t>
  </si>
  <si>
    <t>b'O/=\xe4\x0cY\xcb\xddl\xf3Oe\xd7\xb7\xfa[\xe20=}0/\xc8\xcc\x1f\x18D9\xaf\x14=l'</t>
  </si>
  <si>
    <t>b']\xa8\xf0-\x81\x80o\xc0Q$`\xe4\xb0,;P\xa0.\xad\xe7\xfe\xce\xaa\x8c\x96\x19\x89&gt;m\xf9\xd2\xf2'</t>
  </si>
  <si>
    <t>b",J^\x83\x80T\x1c\\\xd7\xb6]'\x94\x10\xd0\xf3\xd8\xcf\x0e\xbb\xff@\x95R\xdb\x19\x99h\xae\x11\xe1w"</t>
  </si>
  <si>
    <t>b'\x1cJ\xe3V4(\xc9\xe2\x93.T&amp;\xdd\xcc4\x7f\xc3\x1fn\x95\xb7\xd5U1\x9c8\xcb\xbcK\x87\xe6*'</t>
  </si>
  <si>
    <t>b"\xc9\xdb\x84\xdf&gt;_gLA\xc0\xf9\x9fN[\x9d!\x90[j)\xe6\xba\xd2'\xa0\x99_\xca\xe6\xc9\x90\x1f"</t>
  </si>
  <si>
    <t>b"/\xb5O,\x0e'\x08\xac7X\xf2\x97\x85\x9c\x04\xcdGFz\xc2\xba=c\xb7\x05$\xacJ\xe0\xca\\\xa7"</t>
  </si>
  <si>
    <t>b'\xd7\xc2k\xe6\xa2u\xf3\xb00A\x90\xd3IP \x82+\x19\xf3\xbe\xba\xf1\xa9\xddT\xbc\x14b\x89\xc1)l'</t>
  </si>
  <si>
    <t>b'-\xee\x8e\xb9x~\x15\x11\xe8\x95\x96b_b@\xd1\xca\x19\xfb\xca\xaf\xdfs!\xc6\x90\xfbb\xaakj0'</t>
  </si>
  <si>
    <t>b'qD\x96\xcd\x19\x91\x1f\xe3\x04\x89v\x1e\xcf\xf7\x87\xd4\xa6\xfc\xdavK\xe3\xa4w\xe9W\x10\xd6\x1d\xf4\xbfC'</t>
  </si>
  <si>
    <t>b'\xd2\x05N\xa7\x1b\x95\xad\x0f\xc2*\x1b\r\xd5\x08\x18\x88\xe7\xef\xde\x96\xe3;\xfc\xc2\xb33\x04\xe5\xe0\x81u\xac'</t>
  </si>
  <si>
    <t>b'\x998&gt;\xf9\xad\x82Z\xd7L\x0c\x98\xbb\xcca\x19\xf8\xaf\xa7\x891\xc4;\xeb{\xae\xc0|\x86\x18?\xe5\x12'</t>
  </si>
  <si>
    <t>b'\x931"IZ\xbdp2p\x17\xff~\xec\t\xb7\x12\xa9\xe1W,\xac\xbb\xc6\xd3\xff\x85\x15\xa2\xe7|\xf0v'</t>
  </si>
  <si>
    <t>b'&lt;4;\xb2\xc5?\x0b\xd7F:\xa7F\xc2?\xab\x97\xd5\xabnM\r&amp;\xe8=\x87\xce\x80\xa7\x8dIk\xae'</t>
  </si>
  <si>
    <t>b'\xd0E\xb5\x1b\x87\xf9\xceL\xe9\xa0\xd5\xbeq: \x1f\x8a\xa3B\xc6\x9cN\x9dL\x80!\x03\xcc\xd8\x1dt"'</t>
  </si>
  <si>
    <t>b'\x99\xb5/\xea\xdc\xdbyL\xb4\xfei\x85\xcf\xe8Be\xc1\xbc\xd8\xb7\xb8\x9b\x96X\xb2\xaf\x1a\xac\xb3\xd4\x0c\xe3'</t>
  </si>
  <si>
    <t>b'\x9b\xf5\x85\xe0/\xcd\xc2\xfd0\x10\x0bC\x0c\xd8z+\xa6-\xb0[\xaem\x1b\x11\x11)\x07\xe0\xe7\xdd\xf3\xb7'</t>
  </si>
  <si>
    <t>b'\x193\x15\x85K"\xda\x99S,~S;\xe9\x97\x00{\xae\x00\xf7\xfc+\x87*F\xe0G\xa7\xa0\x8e\xb1\xef'</t>
  </si>
  <si>
    <t>b'\xdfR}\x8d\xe9\x0bh)u\xda&amp;\x95V\rS\x85\xa5d\xd2\x17\xf9|\xb2\xb0\x11\xb6@\xa7\xb3\x93\xa6\xe9'</t>
  </si>
  <si>
    <t>b'\xf6\x0c\x1b\x86&gt;Z\xe3s\xa1\xb3\xe5\xb3m\x19\xc0\xbc\xad\xb7M\xa5&lt;\x82\x07\xb7\x8b\x9eK(\x897c\xe7'</t>
  </si>
  <si>
    <t>b"X\xd6s\x13\xcd\x1etV ^\xc3zB\n\xe3\x9e\x88x\xbf{DI'\x8d\x89\xb4X\x06\xa5[\xfeS"</t>
  </si>
  <si>
    <t>b'\x86\xcc"q8\'\xc1\xff\xe3\xaf\x8f\\\x87"\x1d\xe0v\x16\xaf\xe8\xfa\xb9+Nazo\xeb\xb3H\x86\xa4'</t>
  </si>
  <si>
    <t>b'\x07i\xbf\x05x\x94\xadO\xe8\x91\xb4\xe7S\xect\xf8\xfctiI\x8f\xd3\x00N9\x89\xca*@$\xe6\xfd'</t>
  </si>
  <si>
    <t>b'\x07\x83~\xef\xb5\n\xcb;\x08\xb6\xf1Y\x80\x19\x9e\x97\x88a\xdez(\xc1\x17\xba\n\xd8&gt;D9\xf5\x94L'</t>
  </si>
  <si>
    <t>b'\xbb2\x8f\x0b\xd6\x10x=\x06@#\x05eZC9\xa7\xe8\x87m\xeb(\xcc5\xbb5\xa7W\xb7"\x1bu'</t>
  </si>
  <si>
    <t>b'\x99\xc2y{\n\xb9\x8e\x85\xf5\xa6Td\xa7\xa7\x04\xfb\x11\xd2\xab]j\xd6\xc5.m\xd6\xfd\xb5\xf2\xcf\xb6X'</t>
  </si>
  <si>
    <t>b'\x0b\x13\x80\x05%\xb3\xf1\xb9\x9b\xbd\xab\x06pR\x8b\xff\xa6!\x9d\x9c\x87\xa3\x9dy\x84\xa9@q\xd2\x9cv\x82'</t>
  </si>
  <si>
    <t>b'\xd1I}$\\\xdcz\xa3\xe3aR\x14\xd8\x83\x9e\x8aX\xdc\xd9X\\\xd7L\xffo\xf2P\xa0\xc8\x90\xeb\xb7'</t>
  </si>
  <si>
    <t>b'\xf62\x8ej\xa9\xea\xe76\x85\x12\x04\xe7\xa4@)\xcc\xac\x148\xedB\xb1\x14\xc3\x85\x0c\xdc\xa8\xdd\n\xfa\xac'</t>
  </si>
  <si>
    <t>b'\x93\xd2L\xdb\x8f\xb3\x1e\xbc@\x90\xd6\x0b\xffLp\xcd\xaf\xa1\x98\xa1\xb7\xe7\x14{\xe1a\xe8\x18\xbb\xa5+\x10'</t>
  </si>
  <si>
    <t>b'&gt;_"R3\xcf\x9ek\x17\x89A\xea+\x97\x80n\xc6\x97~\xb4\xaeZ\xcf\xb6\xa4\xa6\x14\xdf\x81\xd8\xcf\x06'</t>
  </si>
  <si>
    <t>b'L+IwH\xdbB\x11F~\xb2\x9e\x9e\xaf\x11\\Tz(3Z\x13\x1f\x91\x8ba\xceD\xc7d\x11y'</t>
  </si>
  <si>
    <t>b'4&lt;\xbap\x96\xae\xe7\x92\xb5+\x8e!\xfa\x14{\xf4\xe6\xe4\xc7\xaae\x8cG\n\xa4`\xdel\xb8\xc7@I'</t>
  </si>
  <si>
    <t>b'u\xb2=\xba\x9b&gt;\x82fY\xfcI\xe6\x17\x806E\xff3q\xceA\x16v=g6\xac\xc7{0\xa1\x15'</t>
  </si>
  <si>
    <t>b'\xec\x96+\xe4\xfd3\xfc&gt;\x12\x97\xefAA\xcc\xa6C\xb3v\xf64\xec5\xf5\x99\xd2\x18\x03s\x80\xc85\xd3'</t>
  </si>
  <si>
    <t>b'\xdc\xc9\xef\x9f\xe3&gt;r\x17E\xfd\xae\r\xde\xc2\xd6\xba\xcc\xbaro\x14A\xb5\x1f\x98\xab\xe4\xc1\xcd\x95\x88$'</t>
  </si>
  <si>
    <t>b"\xb1\xcd\xca\xde\xe8\xc0\xc3'\xdc/t\xea\x19\xb4\xab\x9fcV\xa9F!\xe28\xbd\x8a&gt;Q\xff\x99\x05\x9a4"</t>
  </si>
  <si>
    <t>b'\x0e\xb4\xa1\xc3\x9a\x8f\xcf\x94n\x96S\x03\xdc\x1d*\xb8.E\x16\xa0\xa4)7\xf6O\xfc\x06Y\xd7\xa8xe'</t>
  </si>
  <si>
    <t>b'\xf4\x01[\x9f`\x1b13\xc3\x9d\xed\x1e\xf6^\x1bN\x92&lt;\xe3g\xce\xa7\x13\xaeW\x83\x95q^-\xcf\x04'</t>
  </si>
  <si>
    <t>b'\x01Nz\x8a\xbc\xc4/\xff\xdc\x1d\xee\x8a\xed\xf9\xf8\xc55\x8c\xa6\x80\xcc\x91\xc65\xdcK-\xd6\x10\xcet\x0b'</t>
  </si>
  <si>
    <t>b'e\xaejB\x9b\xd1U\xe6\x86\x85\x86\xdcn\x1a~@e\xc5\xbc\xa7+\xe2\xacN\xd2\x92\x8a=\x89\x0b/\x11'</t>
  </si>
  <si>
    <t>b'da\xf7W\x06\n\xc1\x12]I\xbd\x8e\xe3H&lt;Z-^\x02\x15\x015,\x8aB\xd4O\xfb\xb5\xf5:H'</t>
  </si>
  <si>
    <t>b'*N\xddrnf\x01\xf2W\x1cP\xe42\x10\xdc\x8e\xca\x89\xa5\x14\x118\xf5\x91" \xb1\xbc"o\xa0\xad'</t>
  </si>
  <si>
    <t>b'\xc7\xcf\x0e\x17\xf4Fc}\x90iI\xe2\x07\x83J\xf2\x98\xb7\x82\xd1W:\x07Y\xd6\x87\x16\x1b\r\xf5!\x93'</t>
  </si>
  <si>
    <t>b'4Vh\xba:\xcd\x9e\x16\xb4\xbf\x9b\xd5\xb4\x0e\xab\x96\x92\x8c\xf1\x1ftV\x17aO\xe8\xf9,[\xe9\x08\x94'</t>
  </si>
  <si>
    <t>b'\xd4\x9dI\xf32w\xe2\x05\xd2dA\xd3x:\x9f\xbe\x8b\x88*\x92WL\xe1\x1c\xaei\xfeF\xd3N\xb6\x93'</t>
  </si>
  <si>
    <t>b'\x8c\xc04\x02\xa4\xf5U4.\xb6i9\x93\xb6\xe2}\xce\xd6\t?\x8a\x8c|#Au\xc2\x020\xad\x8f_'</t>
  </si>
  <si>
    <t>b'#\x81\xf9\x0b\xb00\xd3\x16\xf7\xd0K\x0c\x94\xf3{F\x18\x81 \xaf\x88\x06\xaa\xaf\xdc\x8dE\xfe4\x01#\xb3'</t>
  </si>
  <si>
    <t>b'\x8c\x1e)?MM\xfd\xca\xa5\x03\xca\x10J\x12\xb1\xacqF&gt;\\\x98\x87\xf6\xc4\x12{\xa3z\xfe\xcc\x91\xcf'</t>
  </si>
  <si>
    <t>b'\xd6K\xf8\x89\xc0\x91\x9d\xbf\x82c\xd9\x04\xad\xa9/\x93\x00\xb1\xf3fN\xbc\x81O\xb0\x9d"\xea\x11\xe7\xf7+'</t>
  </si>
  <si>
    <t>b'\x97\xf7\xbf1m\xa2Q\xd3\x96V\xb9\xd4,}`\xaf\x023\xe2\xdb\x96\x8c\x08\x16JY\xf0\xde&amp;\xc6\x05\x8e'</t>
  </si>
  <si>
    <t>b'n\xf4\ts\xe3]1c(10b\x17tXU\x92\x16\xbd\xa6\x8e|!\xebC3\xde2\xa3\x9a\x13\r'</t>
  </si>
  <si>
    <t>b'\xb7X\x82[\x8e\xd3Ku\xa8\xec^\x18\xe5\xf0\xac\xea\x7f\x92\xa0,\xc0P\xf1\xb5\xb0\xd32\x19hW\x9e\xfa'</t>
  </si>
  <si>
    <t>b'\x12\x9e\xach\xd4Us\xca\x91j\x92\x19$\xfaa\x8bf*\xfec\x02\xfa0I\x98\x08\x9b\xdc\xe4\xb6bj'</t>
  </si>
  <si>
    <t>b'\x04$\x8a\x98V\xb4\xcfy\xe8\xce\xe1\xb5\xd6\x9f\x87\x9a\xbe\x06\xf8\x9c\xb8a\x98&amp;\x89K\xf9y\x17\x7fd6'</t>
  </si>
  <si>
    <t>b'\xd6\x16\xf5\xe6\x92\xdd\x1f\xe0\\\x98]\xa9n\xdc\xc4\xcb8\xe7\x92\xcd\x94\xce\xf9\xf9\\\xbeu*G;\xac&gt;'</t>
  </si>
  <si>
    <t>b"\x08\x9b\xd8(7\xb2Cb\x90\x02yF?\x05!E\xef\x1d\x89\xa1\x854'\xc2\xf3\x04P\xfa\xb7\xa2\xe2\xf9"</t>
  </si>
  <si>
    <t>b'\x1c\xb3;\x9b\xb0\xe1:R\xea\xb9\xbdI\xcf\xbfO\x07&amp;\x1e\xe8\xb6l\x84\xe7y\xd7\xb0Me\xc3\xa7\xd0\xf5'</t>
  </si>
  <si>
    <t>b'\x8d\x8b\x92\xf9\x8d(\xb2\x98\xc8uc+cL\xc6(\x9a\xf0&lt;~\xa5h\x96\xcaN\xcf\x17\x03\xa8\x94\xc71'</t>
  </si>
  <si>
    <t>b'&gt;\xb5\xc3\xb2\xf5UV\x98\x87\x11\x85c8(\xb8\xc8%\x0c\x87~\xd3B\x11ukh\xfa\xf3a\x18\xfb&lt;'</t>
  </si>
  <si>
    <t>b'S\xb8&amp;r\xebP\xe8\xcd\xb1\x8a\xd0Y8yI\x1b_\x8c\x0c\x80%\xb5\x96\x13\xe1H:\x16qm\xe8\x0e'</t>
  </si>
  <si>
    <t>b'v\xd3\x7fD\x7f\x19d\xb2\xdd\x90\x1bC\x00Y\xec{h\xbb?\xdf\xd35\xaf/\x86\xc0\xa9Y;\xd7\xce\xa9'</t>
  </si>
  <si>
    <t>b'OYr\x08M~\xf2\xa2E\x9aL\x0eu\xa3\xbf9\xf1w\xf5&gt;\r\xd3\x9d\xe0/\xdd\xdb\xc1j\x9e8\xb9'</t>
  </si>
  <si>
    <t>b'+\xab\x102\x7f\x08\xc5\xa1\x7f\x98\x1a\xc3\x0f\xefsP\x95"jB\x88\xb16\xb0i\xd1\x97\xc5j\x8dg2'</t>
  </si>
  <si>
    <t>b'Q\x9fs\x0b\x03\xa8\x82\xd2\x8b\xbb\xf3\x9a#\xce\x07\x8bD*\x9b\xbf\x8f\n\x1c\xedoV\xaf\x10\x08\x02[\x05'</t>
  </si>
  <si>
    <t>b'\x9a\x89v\xd0\x8aD\xa6hK&amp;6\xf9J\xe0\x90\x13y\x8e\x037g\xb0\xae\xeb\xc7&amp;N\x8c\x82\xe7\xe0\xd0'</t>
  </si>
  <si>
    <t>b'\xa5)o\x86\x13z\xdf\xd9\xf6b\xc1.h\x08/WD\xd0a\xb7\x7f\x0b\xa2%\x05\x17\xd9X\xf5,a\xf6'</t>
  </si>
  <si>
    <t>b'\x96\x8b\xdf\xfb\xd3&amp;O\xc8\x94\x8dC\xdf\xcb\xc4\x1ec\xcd\xb4=C\xb8,y%\xf4\xddW19\x91\xb9\x87'</t>
  </si>
  <si>
    <t>b'o\xa4\x96\x03\xb0~\x1c[D\xfb\xc5b\x7f\x15qi N+\xb1\x80\x13B\xae7\x99\xf0g\xcf\xa6\xb5&lt;'</t>
  </si>
  <si>
    <t>b'\x998*\xc5\xb4\xd7\xef\xa1N\xfe\x11\x87/PJe\xbc)\x85\xb8X\xd9\x8a\x14\x8c!\xfa?\x90\x95\xad\x86'</t>
  </si>
  <si>
    <t>b"\x85\xbe\x91\x81\x9d\r\xd2\xb7\xf5*\xc5\r\x10\xe8#V\xe7\x02z\x95\xaf\xb9'&lt;\xe1\x88\xda\xf9\xe4\x04+\xbf"</t>
  </si>
  <si>
    <t>b'\xdfN\xa2 \xce\xf4\xfd\xefq\xd0\xa7\x17\xc15f\xd4\xf5@\x1d\xbf~\xa3\xc2\xf6\xef\xec\x0ez\xf8\x9bGN'</t>
  </si>
  <si>
    <t>b'\xfd\x87\xc4\x1b\x7f\t\xb0\xa7^*n2D\xe6uZ\x82Q\x96-\xcf\xee\xaa\x97c\x8f\xc2\xb7\xf8R\xc7\xf1'</t>
  </si>
  <si>
    <t>b'+\xce\xdca\xa0i\xfb\xa3[\xfc\xca4$I\x96\x98\xd4\t\x04\x8b\xc4\xc6Z\xa1\xfd\x9d\xef\xbeS\x01\x03O'</t>
  </si>
  <si>
    <t>b'\x12\xa0{\xfaUX\x1e\xe2\x02)\n\xc1\xab\x7f\x08\xd4J\x98\xa7\x92\xdb*U\xf8{\x15bvE\x96\xa3\x82'</t>
  </si>
  <si>
    <t>b'\x01c\xc8H\x89\x0b\xa0\xc41U3\x96NY_\xe3\x18h\x90\x89\xc5+\x8f)\xe2\xbf\x1f\xcd\xd4\xdd\xde5'</t>
  </si>
  <si>
    <t>b'\x8a\x88\xdd\xb2\xab\x04\xe9\xc1\xd6\x03\x9a\x9c4\x07\xdf]Md\x80\x83/\xf3&lt;\xc2\x1flr\xdd@L"\x99'</t>
  </si>
  <si>
    <t>b"T&gt;~\xb7\xe0\xe7\xd7\x98\xe8\xac\x9c\x11@\xa2\xea|\xfcCf$\xb8@\xfc\x81\xec'\xa9r\x9d\xff\x9dg"</t>
  </si>
  <si>
    <t>b'\x10X\xd1\xbe\xb0\xc68PY~\x00\x06U\xcf\x08\x87\xf6\xec\xc4^\xcd.\xb3\xbf\x88\x8f\x1e{@\x9b\xf1\x7f'</t>
  </si>
  <si>
    <t>b'=\x07\xd9\xf2@c\xab\x8f\t\xd8\xb2\xb6O\xc7\xafqz\xb0\\\xe0\xb5T\xc5\xe9P%R\xf5\x132\xec\xe0'</t>
  </si>
  <si>
    <t>b'G\x96=t\xb2K7/0\xdc\x9d\xcb\x13\xa3\xdb\xad\xae\xa2\x02m\x96s\xb2\x92~\x97\xddc\x87o2Y'</t>
  </si>
  <si>
    <t>b'\xe98.\xc8\x10\x82e\xf1\x0f\xcc\xc0\x1d u)#M\x07-8\xb4\nCb\xf1[\xe6\x14+v\x9c\xa3'</t>
  </si>
  <si>
    <t>b'&amp;\xe1XhBH\xe7\xf2z&gt;\xb8\xe3\xa1\xcf6\xc0\xc8\x03\x97\x87@I}zK.\xe82\xd1\xc7\x12\x92'</t>
  </si>
  <si>
    <t>b'pS\xcb0[\xcfT\x03\xd2\x1an?\xcc\xbfn@\xbb\x10\xaf\x9as\xcf\x89\xf1\xf8\x10\xb4fF\xea\xee\xa0'</t>
  </si>
  <si>
    <t>b'\xa3:\xab\xd7x\xd5\xe9\xaa\xdc\x9bO3\xc2\xbdGv\xea\xad\xe1!\x06\x96\xe0\x02\x7f\xe3\xe7R\xc5\xc9\x07b'</t>
  </si>
  <si>
    <t>b"\xe0\xe5\x9d\x16'\xf2\xed\xf4\xec\xa7j\x925\xd2\xaa\x13O[\xc0{\xca\xb9\xea\xfb\xdf\xe14e\xb5\x85\xc4\xa0"</t>
  </si>
  <si>
    <t>b'&gt;\x9f7\xaf\x18\x93\x81\xfa\x1f\xcf\xa2p\xda\x02\xc19cI\xce\x9f\xfd\xa7\xbc\xd4\xe5\xda~\xccgV\x0c\x9a'</t>
  </si>
  <si>
    <t>b'h}\xeb\xf8\xf0\xcae\xad\xbcp\xd9\x0c\x1ba\x94\xdb\xdb\x97\xf5\xd1\xae\xbb\x0f\x82X`&gt;\xd6\x9dc\x8au'</t>
  </si>
  <si>
    <t>b'\x9a\xea\xc5\xb5oS\x93&gt;\x07\xa7\xea\x17\xe6\x1f\xa0\xd0\x06 \xb6\xa6\n:\x94\xc8\x05$^\xcbtdz\x9b'</t>
  </si>
  <si>
    <t>b"\xa6\x7f\x1a\x9aC\xcd\x12'\x03\xd6\xe7\x17\x14\xc3\xb2\x98\x8d&lt;}{n\xca\xb2\x90|7\x9dW\xbcn&gt;G"</t>
  </si>
  <si>
    <t>b'c\x00\xe7\xbb\xa4\x00Qc\x16(.5\x10t\x85\xfc\x8a~\x95\x90$\xeb\x0e\x17\x01\xbb\xc5\xa8\xdb\xe3\xe5\x9f'</t>
  </si>
  <si>
    <t>b'\xdb\x01\x1e\x86\xcd\x17x\x8c\x87\xa2~\xd2\xc4"=\x814\xed?\x82\xc1\x05\xd6\x88\x0f\xde\xe8Sf\xe5\xa6\x1f'</t>
  </si>
  <si>
    <t>b"\xa3\xb5\x19\x8e\xf7\x95 (\xa6\xd3=B\x86\x92)?\x97&lt;\xf7x\xb6q@\xd3\x06\xf1z\x0b\xe6\xee'\x89"</t>
  </si>
  <si>
    <t>b'\x84\x11\x80G3\xf4\x99bS]\xe08\xe6\xee\xd3\x1d\x12\xca\x02\xe6O\xc8zx\xcc\x9b\x02\x1ayK\xe5\xa0'</t>
  </si>
  <si>
    <t>b'\x80&gt;K!\xb7\xe7\xe3\xdf\x12\x80\x1b\x1e\xae\xd0&amp;\xa3\x84\xb7\x94\rq\xd8\x95\xdda\x83\xb0m+-O\x0f'</t>
  </si>
  <si>
    <t>b'\x90\x9b\xd7 V\x80\x92{\x10\x0c\x8e\x00\x00\xd8\xee\x8e\xd2\x1c\x13q\xf7Dl?A2\x0fZs\x00\x87\xed'</t>
  </si>
  <si>
    <t>b'\xb5\x18\x05\x06\x18@\xadJ#\x99br\x82\x0e\xed\xcc5\x9c\xbd)U\xc8\xf0\x16c|\xe6\xf1\x1f\x86\xe6\xc5'</t>
  </si>
  <si>
    <t>b'\xa85\xa7A\xf0\xda*\xb5\x98)\xcaR&gt;\xcc\x0b\x1c\xc4\x89\xe6x\x13\rG\x0e\x13\xe9\xfeI\xc3\xf0\x04\t'</t>
  </si>
  <si>
    <t>b',\xcbr,\xbb\xe6\xee\x03\xad\xf6\x16\xa8\xcbq7\xd7\x16\xbb\xf1\xc69J\xc4\xd4fS*\xc1\xbd\xdf\x89E'</t>
  </si>
  <si>
    <t>b'\x0c\x11\xb8e\x0er2m)i&gt;\x05\xaf\x06W\xdb\xbfbe\xdb\xb3f\xd4\xf7N\x14\xe6\x1fp\xfc\x9d\xad'</t>
  </si>
  <si>
    <t>b'T\xffH\xf0\xec\xdc\x90V\xd3u8\x13X"4\xc7\x08h&amp;"\xe1\xf6\x855\xf2-\x03G\xf2w\xaf\x05'</t>
  </si>
  <si>
    <t>b'F\xae8\xecM\x00\xbc\x9c\xff\xa9\x9e\n\x8f\xc9K\xa2y=Bx\x7f\xf7\x9c(\x93\xaf\x0e]\xe9\xc1\xf8\xbf'</t>
  </si>
  <si>
    <t>b'\xa7x\x8f\xadM\xca\xa4\xc5\xc7Q\x90f\xfcG\x18\x96\xe7\xc0]\n\xea\x9cxL^\xe8a\xaa\x10N\xf1F'</t>
  </si>
  <si>
    <t>b'{:C\xd4\xbc\xc0\xe2\xe0\xc6\xce\x8e\x0c\x84\xd2fWk\x06\xfeJ\xdbE\x8a!\x9bX\x9c\x816y\x0fv'</t>
  </si>
  <si>
    <t>b'\x9c\x87\xc7a\x9a+|\x92&amp;.)\x0f*\xc4\x89\x05t\x9d\xa8\x9b\xb2u\xd5D(\\;\xab\xd3\xf1\xbci'</t>
  </si>
  <si>
    <t>b'~\xb0\xd4f\xd7B_\x85\xb9\xf7#=j\\k\xfa\xe9~J\xab0\xe0\x88\x1f(z\x8a\xa4\r~Fb'</t>
  </si>
  <si>
    <t>b'\xd1\xe7\xb7\xcd\xba\xd6\xa2\x11&amp;y\xe66P\\z\x81\x03B~\xbai\xe3\x0f\x9e\xf7_\xfcs\x9eOs,'</t>
  </si>
  <si>
    <t>b'\xbb\xbb\x97\x1e\xfc\xe0}\xe7\x15Q\xf6\xca\xd3\x03H\x83R=\xe2+\x9biJ\x94}\x9e\x97\x19\x85$\xf4\xd2'</t>
  </si>
  <si>
    <t>b'\xf9\xe0mo\xda\x84\xd0![\x84\xfa\x86\x94\x80YCy\xfb\xde\xd5\xc3\xb4\xb4fX\x142v\xd5\x9a\x1fX'</t>
  </si>
  <si>
    <t>b'rj&gt;+\x8d*\x97Zh\x95\xc2\x89I\x7f\xa6(\x15H\xcf\xf6\xa5|\xd3a\x85\xb4B\x9a\x08d&lt;t'</t>
  </si>
  <si>
    <t>b'h"\xa0\xd9\x10\x13zT\xbe\xcd\x14&amp;$\x0c2\x1a\x0b-\xd8\xec\xa3\xfc\xffI\xbf\xf1\x05\xeb\xbb\xc33\xc6'</t>
  </si>
  <si>
    <t>b"\x86'\x8c\xbeSc\x85\xc8\xeb\x1d\xd9\xdfpVZ\xae\t\xe5!\xda\x0f\xaem\x98\x06\xa7\x01\xc6\xd5`1a"</t>
  </si>
  <si>
    <t>b'\xea\xac\x8d\x11\xdb\x81\x166Uh\x01}m\xbf-\xabff\x16~\xef\x91wd\xbf\t]\xf0\x16;\xe1P'</t>
  </si>
  <si>
    <t>b'\xc3\xb1\x83\x16S!\xe0\xee\xd4\xaf\xcfR\xc2\xa7T%\xfa\x84T1\xfdv\xb2\xbe\xde"\'j\xf9\xcb\x06d'</t>
  </si>
  <si>
    <t>b'&amp;R\x81\xac\xd3\x84\x9a\x1c\x97\xf3\xee\x87\xa9?\x1fI\xcc#D\xb9\xb8)\x1f\xe9\xcfS?\xe4\x90\xf2\xf6Y'</t>
  </si>
  <si>
    <t>b'\xc0Fu\x05dj\x8f\xf9\x9d\x9bj\x8f\x18\x82\xb7\xe6\xfe\xd7\xc9 \xd8\xec7\xc0\xb4\x8c\xb6\xf9\xa3K\xc6n'</t>
  </si>
  <si>
    <t>b'|\x7f\x96&lt;\x05\x8c\x1bC\xd5\x8e\x11\x1f+g\xe8g\xa3\x94#\xaf&amp;\x15\xe4c3\x88\x88\x9br\xf9%g'</t>
  </si>
  <si>
    <t>b'\xf6 \x0eG\xbe\xef\x84\x13\xcc\x14\xe8\xbc\xb8n=\xa7N2\x04\xae?&lt;\xf1\xa8qo\xb4\t:\x98\xd1\xdb'</t>
  </si>
  <si>
    <t>b'\xf0\x87\r9&lt;&amp;|P\x17)\xdb\xf7\xb7\xdd\xb4\xbc\x97\x92\xf3d\xd2#\xc9\x82\x18"\xebN\xe4B\xf9\x18'</t>
  </si>
  <si>
    <t>b"\xc4\xc0I\\n=\xbf\xd5p#'\xfe\x7f&lt;i\xe3\xc4Vc\x18-\xeeL\xd8j\xf8\xa3\xd1f\xd3R\xb9"</t>
  </si>
  <si>
    <t>b'|\xd6\x9a\x99S\x1e\xba\xf9\x06U+\x88Hd;\x16\x0c*\x7f%2\x9a\x007\xcf\x9b\xebO0\xca&lt;Z'</t>
  </si>
  <si>
    <t>b"\xae\x8e`\xca\xef#\x93\xf7\x0fbi\xcf\x15\x0c\x056\x13\x1b\xa5}d\xdbY\xf9|&lt;u\xa8\xc8F'\x8d"</t>
  </si>
  <si>
    <t>b'\xb4\xdf\x17X\xf6~/\xcd\xfe\xc8\xce\xffC\xa4\xbb\x86)\xc9u\x9a=f/\xab\xf2\x9a\x9c\x0e\xd2\xb8\xc7/'</t>
  </si>
  <si>
    <t>b'\x01\xe0q\x18al\x8d\x89LM\x14\x80z\xbe\x8a\xbe\x18]\xbd$\x1b\x94V.&lt;\x0e\xd8\x9co\xb8\x91\xbb'</t>
  </si>
  <si>
    <t>b'6\x93[\xf6\xcdp\x9c\xcc[E\x8c\xfc\x8a\xaf\xed\xae~@\x87J\x9f\r\x83\x93?\x19\x96\xa4v\xde&amp;\xc2'</t>
  </si>
  <si>
    <t>b'qIpF;\xe8\xad\xf2\xd8\xc6@\x17#\x18\xfe\\\xdf\xb4\xef\xcd\xe6\xb1\xb2\x07]u\xdc\r\xe1\xb5\xf3['</t>
  </si>
  <si>
    <t>b'\x01\xa9\xd2\\{3E\x06\xfa\\z\x9d\x98\x1a\xd4\xb3\xf3\xed\xf9\x90(V\x17\xb7\x91\x95a\x0cs\x88$\x91'</t>
  </si>
  <si>
    <t>b'\x08\xe6\xff^{\xe3\xe3\xac\x9e\xcd\xe2{\x1f\xe6Y5\xd5E.\xf5(o\x14\x98\xbe\x1e\xf85W&amp;\rT'</t>
  </si>
  <si>
    <t>b'\xbdZ\xff?+\x13\xc9nJz\xcc\xdf\xf5\x1eM\xd7\xf9\x92\xceV~\x83*\xd3\x81US\x11\x87yy\xf0'</t>
  </si>
  <si>
    <t>b'\x11\xde\xcf\xfa\x90\x18\x96b\xc1\nu\xddq\xab&lt;I\xb78\x1ex3\xb7\xac\xd1\xedG\xa4\xf0u\xcb\x91\x7f'</t>
  </si>
  <si>
    <t>b'\x8a.H\xbe]\xde\x88\x82\xc2BJ\xbd\x922+\xf91\x1db#AR\xafR\xbcp\xefm\x97\xb2\xcfp'</t>
  </si>
  <si>
    <t>b'\xc2\x7fq\xea`Nh\x075&amp;@\x0e\xe8\x9d\x10\xf3e\xaa\xfa\x81\xd19V[\x8a\x1f\xf12\xb9\xad\x9fc'</t>
  </si>
  <si>
    <t>b'I\xbb\x07\x05Nh\xa0\x9b\xd2\xa2\xb6\xde\xa2,a\x92\x9fv\xd6\x96\xc9\xc8\xec\xf5\x9eYz\x97\xd6K\xdc\x90'</t>
  </si>
  <si>
    <t>b'\xdep\x96\xfc\x9f\xe9\x7f\xb7d\x8b\xe2\xdc\xb2\x8c2l\xcf\xdd\x89\xd1;\xd0\x97\x82\xb4\x01\xca\r\xe4\xa6)\xa3'</t>
  </si>
  <si>
    <t>b'\x1b\xeb6\xfd\xf5\xad\xe0\xb5\xdf\xdd`8\x82\xc5\x92\xf5\xbd\x0b\xe2(\x06.dD\xbcx\x08,\x99\x05\xe5\x14'</t>
  </si>
  <si>
    <t>b'\xbcQ\xad\xa5\xda\x0bq\xe3\x153"\xda\xc1r\xfc\x17\xb4ed\xc8\xc9\x9f\x9a\xed\xab3\x85y\x87\x1c\x9b\x01'</t>
  </si>
  <si>
    <t>b'\xa3NO"\x8d\xfb\xc6\xdf\x88\xe6\x8a\x06ig@g^\xf9\xe7\xa1dE\x91\x97\x05\r$b/\xe2\xa3\x14'</t>
  </si>
  <si>
    <t>b'MR\xc7\x15|g\xed\xbbL6C\xcc;\xa5\xc5"\xb1\x8a\x96\x1b2\xc6\xd1\xfebg5L4\x0c\x86.'</t>
  </si>
  <si>
    <t>b"&amp;'\xef^h\x18f\xb6\x1bwWjG\xf5\xf9CN\xf80\x86?\x12aq&amp;\xb2\xb1@S5\x194"</t>
  </si>
  <si>
    <t>b']y\xf0g\xdbP\xac9\x16\r\xad:(\xee;1\xe4\xfe\xa2\xd7$\xa0\n\xa7I;\xef_"\x87\x9b&amp;'</t>
  </si>
  <si>
    <t>b'V\x0e\x19\xddz\x88E\xe9\x13[\n\xb6\xc3\xd4a\x91\xb5sD\x86\xcdw\x0fh\xe9%\xa4\x111\xbbg"'</t>
  </si>
  <si>
    <t>b'[F\xd9\xf3\xd1\x83\xec\xa6,&lt;\xcfOD\x1c \xa1\xa3\xfd\xaa)\x04\xaa\xd7\x8f#o&lt;\xc9\xfd\xef[\x95'</t>
  </si>
  <si>
    <t>b'[\xbc\xd9\xd1k\xee&lt;"\xacg~\xf5\x12\x9eq&gt;\x83\xc3\x03\xdb\x05%j!\xd8\xfb[\xc1\xecD\x0e\xdf'</t>
  </si>
  <si>
    <t>b'\xf3L\xf2A\xf5\xbcL\xddSt(\xb6\x18 \x10\x06\xbcw\xae\x9dfbRy-V\xd0\x1a\xbbo|\x12'</t>
  </si>
  <si>
    <t>b'\xb1\xa5\xe4c\xde\xc1&amp;5\x97\x0epd\r\xee\xa7v\xb9O\xe1\x9e\ry\x96\x88\xe7\xa3"\xf7\x91\xd6\xb3O'</t>
  </si>
  <si>
    <t>b'B\xf4\xf7\xed^\x99\xe3\x8e\x14i\xbc\xecr3\x11F\xe6\xcf&gt;\xbd\x0c\x86\x92l\x95\x13@\x08\xab[\xcb\x8b'</t>
  </si>
  <si>
    <t>b'\xec\xf5\x80"F:Krt\xcfiB\x0e\x02@W\x05=\x02j\x9alN\xab\xd4Q3\xa9\x05\x16\x9c\x9f'</t>
  </si>
  <si>
    <t>b'\x0b{\xae\xde\xbcn\xbc\xc4\xa1\x7fY\x90\xe4\xe6\\\x02\xbe\xaa,\x10b\xd3(9\xebv#\x1f\xbfXf,'</t>
  </si>
  <si>
    <t>b'\rV&gt;\xdbuc\\\xdbku\x82\x88c\xc7\xe9\xd7\xb87\xbaX\x00\xc5\x96\x10\xd3\xf5L\xfa\xa3ox\xc2'</t>
  </si>
  <si>
    <t>b'\xb8\x9d\x99\x03Q\x08y\xd40Lq_\xb0\xad\xdf\xa9T/w~\xcd\x8bQ\x04\xa6\n\xbe\x9b\xb5\xe1\x11-'</t>
  </si>
  <si>
    <t>b'c=\xb8I?\xb3\xb9s\xfbT\xe9"\x1b\xc7\x19\xb5\x97\x08\xfbe\xd8\xab\x01L\xc2\x9f\x07\xc7_\n\'\xaf'</t>
  </si>
  <si>
    <t>b'\xa3\x0b\xb1\xd1\x80U\xdbO\x99\r0v\x16\t\xe9&gt;&amp;,\xee:\xef\x11\x11uV\x10\xe7\xc4(6\x8d]'</t>
  </si>
  <si>
    <t>b'-h\xed\xe4\x0f\x87?\xf1\xb2\xa6\xc7\xd9\xf9\x00;;\x90\xfe\xa4\xe8n[ \x13\x11\xe5U\x7f\x7f\xdb\xf4\xa2'</t>
  </si>
  <si>
    <t>b'\n\xc9e\x93\xe7\xc2f\x9a3\x95F\xcb\x8d"\xae#\xa7/j\x85\x8c\x1c\xe6F\x82\xb1\x179\x9aB4j'</t>
  </si>
  <si>
    <t>b'`\x11\x1c\tx\x99\xaePA\xf8\xee\x86X \x90\x13\xce\x89Y\xdd-\x19\xa0\xee\xff}Abe\x88:\x83'</t>
  </si>
  <si>
    <t>b'\xdb\xa3\x96T\xebJ\x17\xa8Kl\xba\x1a\xe7\x11\xa3\x12\x93b\xc8\xbf\xee\x87+0I\xa6\x10$\\\xbb\x16\x07'</t>
  </si>
  <si>
    <t>b'\xc6j$K\x92\xc8\xbe\xe6\xa9\x18\xd6\x17-r\xf6\x12\xfe\x07\x87\xfe\x0e\x96\xb0\xa1\xc7\xdf\xadQ\xb5L\x18\xc5'</t>
  </si>
  <si>
    <t>b'&amp;~|sQ\xefTXd\xf4\x8e\xa3\xe3\x9bC\x9b\xb7!\xa9q\xd0\x84\x9a2\xf1$\x1a\x0cz\xd8\xadM'</t>
  </si>
  <si>
    <t>b'\x0b_\xbf\x90={^\xe1\xfa\x08\x86\x80;\xc5\xcdFPE"\x1b\xe5\x95\x06\xc7JF\xf1\xd6\xc9B\x19\x92'</t>
  </si>
  <si>
    <t>b'`_\xd3X\xd1\x8b\x80\x10\x02\xe4\xc0^\x17\xf6\x81\xa0\x9f,\xba\xa9S\xad\x9c\xb9d\x91f\xffC\xfaQ\xce'</t>
  </si>
  <si>
    <t>b'\x82\t\x96\xe7@\xfb\xb9\xa4@\xd1\x187\xb3\xfd$\x0b_b\xb3\x96\xfb\xe0n\xa6\xd9\x8f\xb35e+\x9fw'</t>
  </si>
  <si>
    <t>b'\xe3;\x87\xb9\xb2\x82\xd7\xdb\xfa\xd9\x89&lt;\xe6\x08\x1aMB\x0fK\xec\xb6F\xcaQ\xc4\xf8\xd4\xa6\xbaT\xba&lt;'</t>
  </si>
  <si>
    <t>b'\xb0X\x00@(\x8a\xe7k=K\xca[F\x05:~\x16\xff\xb0\x19sG\xf2\x98\xa18\xef\xa1\xb8\xc6\xc2\xae'</t>
  </si>
  <si>
    <t>b'\x0f\x1asl\xb0\xdcv8&amp;V\x91\xd8\xe2\x07w\xac\xb1\x875\x14\xce#\xb6v\x18Q4Yu\x05\x08r'</t>
  </si>
  <si>
    <t>b'0\x0bb\x8e[\xa9!/h\x8bdA\x07\xf4;P\x90\xfeI\x88\x00\xf7\x0b&gt;\x02H\xc0\xd7)\xeb?\xe1'</t>
  </si>
  <si>
    <t>b'\xaa\x8da\xba\x12\x0c\xaf/s\xccw\xb9\xa67\xf4\xf3\x1b\x96\xc5`!\xc5\xeb\x9dJ\xea\x9co)\xa1\r\xd4'</t>
  </si>
  <si>
    <t>b's\x02z\x8d\x0eaf\x83\x19%\xa7l\\6\xe4\xc4\xe7|\xdb~T\xa3F7t5F\x88\x14\xd5\x81&lt;'</t>
  </si>
  <si>
    <t>b"\x02\x91L*\x14'~\xe3.\x91T\xca\xd9`ZDE\xaa\xf6,oJ\x01~B\xbb\xd2\xe1Rs\ne"</t>
  </si>
  <si>
    <t>b'\x803\\\x99\xee\x80mR\x95vG\x1d\xea\x18\xae\x91E*\xee\x16\x19)\x95Uk\xd0\x19\xdf\xd2\x94c\x12'</t>
  </si>
  <si>
    <t>b'\xa4\x17\x99P\xfe\xb8\x06\x89\xc1\xef\xb2J\xb7\x86\xf3\xef\xe3^@pC[\x8dZ\x91\x85\xf4\x8f\xda\x00 \xba'</t>
  </si>
  <si>
    <t>b'\xbd+\xc6O\x9c,D\x0eTl\x070\x90\x1c\x81&gt;5jn\xf0\xdf\x91\xc8-\x8b\x06\xb3o\x06x&amp;\x0c'</t>
  </si>
  <si>
    <t>b'\xcf\xd5\x94\xd6;\x03?~\xafY\x1d\x8d\xea\x9a\x98AM"\xab\x18\xb5\xc3\xfdH\x83\xcc\x19\xbakf\x0cE'</t>
  </si>
  <si>
    <t>b'\xab\x93\xccSS_\xf8\xf0)\xa8 \xb3\xbb\x02\xd0v\xea\xa4b7\x1d\xe2\x0c\xe0~+\xa6Jp\x88%\xc2'</t>
  </si>
  <si>
    <t>b'\x92@\xe9\x8c\xd8\xd1\x8a(\xfa,\xd8\x8dy\x05\xfd\xb0\xb1\x98W\xb7\xb5\x05P"\xfa;=\x98\xdd\x7f\x07\xbb'</t>
  </si>
  <si>
    <t>b's\xa8\xa9\xd4`^!y\xb0Zr\x80l6\x9d\xf0\xa6\x14\xc6m\xd0\x9a\x89$\xe2B\rv\xfes\xa1J'</t>
  </si>
  <si>
    <t>b'\xfbQ\t\x1d*P9d\x9bB\x97\xe7\xc2\x1b\xb7,\x17\xbb\x95\xc3t\x82o\t\x15"\xcf\xdal\x9fj\x9a'</t>
  </si>
  <si>
    <t>b'\xb9,\xa1\xe7\x8d\x17\xb6`s\xb5\x85G\x98\xb0\x0c\xca=@\x86\x85\xeb\x92\xb8u\xeeQ9\x0cv\x9e\x1f\x1e'</t>
  </si>
  <si>
    <t>b'\xca\xda}\xc9c*$\xd8./\xdf\x1b\xcc[\x10\xf3\xbd\xf2\xb5&gt;\xab\xec\x9a\x99\xf9\x8f\xea\xa8\x04Q\x91\xf0'</t>
  </si>
  <si>
    <t>b'AE\n\x0f\x9e\x93S\xf2\xc0\xa7-T*\x1ah\xf5o\xdc\xe0\xf1\x8cpV\xa5\x98F?\xab\xf7\x87\\\xfd'</t>
  </si>
  <si>
    <t>b'\xe0w\xf3\xe9\xff\xe0^[\x0e\xb3\xa1\x89\xa6\xb2\xff4\x9882\xb1\xd9#z&gt;\t\xd7n\xcf\xc2\xb4A]'</t>
  </si>
  <si>
    <t>b'[M5\xd2\x88r&lt;\x1c\xa4\xcf\xa8\x1a\x02\xe5\x1b\x12\xb5p\x93a\xa2\xf1*\xdaVS\xb89\xba\xe9U\xf1'</t>
  </si>
  <si>
    <t>b'\xfc"\xc0\xec\x11g\xab\x835 Y\xc82_\xb7\xe1\xb1O\xec\xa2l6\x9f\x1b\\\xe8\x03\x9f)\'\xf9\xe8'</t>
  </si>
  <si>
    <t>b'/\x8a\xf1$\x106\x00\x00K\xed\xff1\x1e\x8ey\x96\x13\x841\x17\xd0\xceR\xbf\x0e\x16\x01\x08\x88)\x8e\x8c'</t>
  </si>
  <si>
    <t>b'\xe2B\x94\x88\xdc\xb9\xa9\xf2T%\xa4\xb2j\x9f\xaag\xdb\xfac\xad=\xf2\xa63\x19\xc1\x87v\x1e\x0c\xe2`'</t>
  </si>
  <si>
    <t>b'\x19am(\xd3\xf7@\xde\x80\xe1="y\xfc_I\xdc5O\xb5\xcb\x9b\xc8sE\x1f;{\xc2\xd7\x026'</t>
  </si>
  <si>
    <t>b'\xdd&gt;\xb1As2\x9b\xe5\xa3h\x0e\xfcB\xc4G-\xd4R_ \n\xac$\xc6\xa5\xa4\xe9#\xaa\x82[\x97'</t>
  </si>
  <si>
    <t>b'\x00\x9f\xa7q&amp;\xa7\n]\x87\x9e\xd2\x1c\xa2,=\x9b\x14&gt;\xacbv\x99t\xb8\xcbb\xd8jo!\xb8\x0b'</t>
  </si>
  <si>
    <t>b'Q\xb7\xf4\xf5\xc22w+\xe3K\x0fO\xe1\x98)\xa0E\xb8\xe7\x9f\x08b\x948\xef\xff\tx\xbfa\xd2?'</t>
  </si>
  <si>
    <t>b'\x81sp\x14\x8e\xdb\xb2\xca\xac\xac\xb0dNk\xbc\xcb\x19\xdc\xd9\xb8\x93\xae-#\x916O\xf1H\xb7\x04\x13'</t>
  </si>
  <si>
    <t>b'\xa1\xed\xc8\xa2\xdc\xb7m~\x89\xa7\xbc\xfc\nE\x88\xd6:\x93jAR\xe4\x11\x1e\xe0\x16\x9c\xfc\xa6\xd6\xc5$'</t>
  </si>
  <si>
    <t>b'T\x17P\x8c\xbaz\xbc2\xb3|\x1f\xdd\xf5\xfa\x045?5=_\xcc9$\xfe\xd1`c\xd4\xe6q/\x89'</t>
  </si>
  <si>
    <t>b'\x87\xecF\xbf\x90{r\x0cKZ@w2o\xdc\xa6\xfal\x88\x02\xb2\xfc1\x0f\xf0\x1f0#\xc1%&lt;\xfc'</t>
  </si>
  <si>
    <t>b"\xb0+\xe6Q\x9fYW\r\xb6P0'7\xf7\xcc\xdc`\xd79\xf9\x89\xf8\xfb\x93\x00\x82\xdb\xda\x92qq\xf8"</t>
  </si>
  <si>
    <t>b'\xa4\x90\xa9Ny\x10\xf0\teZ\x03\xae9O\x7f\x1br\x9a(\xf14\xbcCY\xe7\x0f\x94.7\xcd"l'</t>
  </si>
  <si>
    <t>b'k\xff\x0cw\x17\xfa\xc4\x10\x9c\xf04\xefE=\xc3H\xad\x1e5\xa04\xbd\x80.=\x11q\xb0 x{\x1e'</t>
  </si>
  <si>
    <t>b'\x9d\x00tM\xb8\x87\xbf\xe2\x06\xd5\xfd\xd9`\xf4\x08\xb9\x05.W\xcf\xb9\xde\xb3auRm*,\xee\xb5y'</t>
  </si>
  <si>
    <t>b'b\x8e\xc1\x15o\xe6\x86\x94\xf4\xcc\x8a2\r\xf9s\xe4)\xb6\x0e\x15MX\xd6\xe2\x14\xf6\x15@b^D\xb4'</t>
  </si>
  <si>
    <t>b'\x17`\xb4\xca\xba\xee1\\\xeb\xbbbj\xd0\x89\xc5Uv\x8b\x9eR\x83`\x8b\xe2\xab\xcf\x04%\xb2\x18\x0c\x82'</t>
  </si>
  <si>
    <t>b'\xd01,\xb2\x08[-E]\\\xfa\xc1gIh^\xe5\xfen\x94J\xd5\x16\x88\x83\xc7sv\x01\x9a/\xad'</t>
  </si>
  <si>
    <t>b'\x16\x88\x16\x0c^\xfe\xfb\xdd\x07Q\t\xcb\x92\x1c\x07\xcf\x97cGs\x05\xefb\x95\xafaM\xd3\xd2\xfbvU'</t>
  </si>
  <si>
    <t>b'\xb7\xfe5\xf1\x1c\x94\xf4\xaeZ\x97\xab\xbc\x92\xc0\xa9\x87\xc2\x87\xabb{\xc2,*\x7f\xae\xd3\xd7\x86mH\xdd'</t>
  </si>
  <si>
    <t>b'6\x94\x96\x89K\xdb\xff\x15y\x8e\xa6\x8c\x17#\x9e\xab\x17\x8c\x82W.\x9e\xdb\x19)N#\x19\xa8\xed\xba\xb6'</t>
  </si>
  <si>
    <t>b'\xd3T\x84\x94[\x9e\xae\xfa\xf6\xca\x9d\x84\x14\xc2\xfb_\x89\x07\xff\xf0M\xdbr\xf5\x88\xee\xc0\xdew\x96\xf6\xf7'</t>
  </si>
  <si>
    <t>b"\x98A\xf7\x1f\x9eP\x9b\x169\x80}G\x9fT\xb5'&lt;\xa6\xf0\x9fB+\xdd\xef_\x02Hqrv(3"</t>
  </si>
  <si>
    <t>b'\xca{\xaf\x083\xb2\xfb\xa1\xce\xe9p\xe9\xe6L\x89%\x17s\x87I\xcf@\xd4v\xcf\x18\x92\xf6\xdd\xdey\r'</t>
  </si>
  <si>
    <t>b'\xe8a\xcaU\xd4\xefW\x13\x05\x9c\xb9\xa1A\x8c\xd2\xd6\xd5\x1b\xbeDY\xa0\xf4\xd2\xe5[`\xf5\xb5\xb6\x9e\x00'</t>
  </si>
  <si>
    <t>b'g\xa3\x0f\xb4\x0bJ\xd7\xd0\xa8m\x00/2\xa8\xe0\x95\xdd\x82Hdh\xf8\x91e\x94`G\xb6\xefK\xd4\x0c'</t>
  </si>
  <si>
    <t>b'\xc1\xaf\x0fZ\xa7\xa1\xd6\xb5\xc2\xe1\xee*\xa6\x95\x90j\xe1j\xc4sN}_\xbe\xfa\xbf\xf8~\x92H\xfdS'</t>
  </si>
  <si>
    <t>b'\xff\xb9\x11^\xbeb\xcc\xe7\xefl\r\xbb\xb4\x87\xd3\x1a\xdaw\x8fJ\xedX\x01}&gt;\x9c\xae^\x8f\x08f\t'</t>
  </si>
  <si>
    <t>b"\x9b,,\xd5\xda\x82\xcd@\xcdV\xdd;\x0c\x17\xa2\xeb\xba\xadh\x00\xd7{'\x94\xf3\xd9&gt;^5\xa1\xb7\x82"</t>
  </si>
  <si>
    <t>b'=\xd1\x0cv_\x86\xc1\xe1m\xe7\x05Z\xe0\x14\xf9E\x98\xfbG\x9e\xee(\xc5\xfa\xb4\xa5kPC\xe9#\x18'</t>
  </si>
  <si>
    <t>b'\x06\xe7\xdaT\xc5H\xe7\x8d\xff m\x06\xef\xe7\xb7\x05%f\xb5M\xd2S\x03\xd0"\x169rjc\x05\x16'</t>
  </si>
  <si>
    <t>b'V\xcb\x19n\xdc\xb7j\xa9UA\xecRy\x14\x98\xea\xa0\x8e*\x8c\x18\xb9\x90EKf\x9f\xcf:\x18K\xf3'</t>
  </si>
  <si>
    <t>b"\\\xc3\xfd\xbc\x8e\xdd\xba\x18\xeb3\x06\xaa5\xb4\xf5\x11\xff\x8a\xd2}-\x97\xe6'\x8d\x1d\x0f\x96\x05{\xca\xf7"</t>
  </si>
  <si>
    <t>b"\xd8d3\x8c\x9b`P\xa7\xead\x7f&gt;\xf5\xa6\xe3\xda\x88\x1ady\xe2\x18'yt\x9e\x91\xf4fKl\xce"</t>
  </si>
  <si>
    <t>b'\x8d\x0cc\x0e=\x8b~\x01\xc5z\xde\x8c\x07\x9f\xb5\x1a\xab\x93\n /j\x1c\x86\xc8Zu~Oz\xd8s'</t>
  </si>
  <si>
    <t>b'\xb7\xebF\x18YxT\xe9\x90\xebb\x06\xfd\xc7#aq\xa8\xb6m\xb9\xca\xe5&lt;\xb7\x14\xe4\xd3*[\xf9\xcf'</t>
  </si>
  <si>
    <t>b'\x18\xdb\xbd\x95]\xe4\xfd\xd7p\xacJ\x14\x94s\xbc3\xad\xea\x94ne\xa6\x89\x91\xc0\xd0\x06\x8eR\x02\xc9\xae'</t>
  </si>
  <si>
    <t>b":,cx'\x94\x9b\xb0\xe7\x97\xa7l\xb2\xff\xf7\xdc\xb9\xd2\x9d\x17\xcaH\x1fqVy\xdc8N\xc8\x0f\x9b"</t>
  </si>
  <si>
    <t>b'C\xf4\xb3y\xf5\xa9\x1b"\xa7\xdf\xac\xe1\x186_\x1f\xfa\xdd\xbf\x82\xb0\xd6^\xaa\xa2\xa7\xec\x06X\xd6&lt;\x88'</t>
  </si>
  <si>
    <t>b'O\t\xed\xc7,\xb5i\n3YI\xd0\x89\x17\x04Rn\x9b\x9d#\x91o\xfe\xf2\\y`aR\x1f\x97\xb3'</t>
  </si>
  <si>
    <t>b'\x15$\x03\xe7=\xa4\x10E\xc0!\xd9\xdd\xa6\x86&amp;\xdc\xaf\xc6\xd2\xdf\x8eN\xbe\xb6:\x1f1}7\xee\xe5\x02'</t>
  </si>
  <si>
    <t>b'\xf3\xdc@\\\x95\xabg$\xcd\xd6\x837\x14Qe\x10!\xca\x0c\xd2\xa0\xc9\x95\x93T\xc3\xea/\xb8\x00\xd3_'</t>
  </si>
  <si>
    <t>b'\xd1uP^\x8f\x06aP\xb0\xff\xc2\t\xa6R\xc9\xda\x83n\xe6w:\xa6\xff\xbd\xae\x1d?\xfc\xac&amp;\xc4\xfd'</t>
  </si>
  <si>
    <t>b'l~D5\t\xdc\xfa\xa0\x89b=\xcaL\xb1\xdeS\xd7,\x1e\x8ct\x14\x92G\xbfB\xa9\x1d\xc4v\xfbd'</t>
  </si>
  <si>
    <t>b'F\x04\xce\xde\x99U\xfb_\xcb\xa6\xdf5\xc7\x03B\xdfsv\x8e\xa5\x02\x98\x01\xb0\x04\x0f\x0b\xde\x83\xe0Z\xf2'</t>
  </si>
  <si>
    <t>b'1\xe4p\xbd\xfd\x8a\xe1\'\xadu\x00\xfa"\xcf\xeey\x95M7\xbc\xc8\xb1\xdb\xe3\x19F}[\nv\x87\x8a'</t>
  </si>
  <si>
    <t>b'\x89sM\x86Xl0\xecK\xe9\xdd\x13\x08\xfdc\x00\x11\x1a\xd38Em\xfb\xcd\xac\xceY\xc5\xe2a"I'</t>
  </si>
  <si>
    <t>b'\x02\xf7|4\x8e\x12d\x14\xa3\x0ex\xba\x89B\xf9\xfc\xf1+M\xda\x01\x82\x97\x1b\x11\xc5\x04\xddg\x15\xa9\xf3'</t>
  </si>
  <si>
    <t>b'\x158a\x9e\xcbL__\xd0\x1f\xe1\x1b\x1c\x01Ic{\xd5.\xf7!\x7f\xe3\xeb\xd9mO\xea\x83[\x9a\x89'</t>
  </si>
  <si>
    <t>b'\xf6\xf5su\x81\xe1i\xf9\x92A\x04\xe3\xea\x91\xe0\x068\xca\x05\x96\x8f\xe1\xab(/\xc2\xe0\xcc9$\x7f\x85'</t>
  </si>
  <si>
    <t>b'B\x17\x0c\x83\xe8TMR6P\xd3b\x9f\xb5\x15\n\x08\xec\xe3z\xfcR*:\x18\xefg\x19^PV\xc5'</t>
  </si>
  <si>
    <t>b'a2\xeaI\x15%\xfa\x08O\xfa\xb1!\x97\xdc\x10\xa8\x9c\x9f\xbdN\xdbLi\xddar\xeb/\x1ai\xa6\xa4'</t>
  </si>
  <si>
    <t>b'\xa7\x7f"&lt;V\x89J\xd5H\xe3\x04\xf8\xd2\x80r\xbc\xe5\xb9\xb6K\xdbm3\x18"z\x7f\xcf\x0f\xe7].'</t>
  </si>
  <si>
    <t>b'\x98\x84\x8e\x8ag\xa3\xd6S9I\x9b\xc9\xa7\xcf\xfe\x1d\xc6\x8d\xa7/xC\xf7\xd0\xc5Xg\x85{]\xab\xd7'</t>
  </si>
  <si>
    <t>b"\x8b\xbf\xd45t'\xbep\x08\xe4w\x97\x84h\xebZX2\xf5I\xc0\xb9j\x99\x80D\x99&amp;{M\x82E"</t>
  </si>
  <si>
    <t>b'bP\x80u\xe8\x83\xcfv\xd6\x11\xda\x06\x0f\x9c\xe7G:cRs\xc1\x8c\x92lAP\xe4\xf8\xc1b\xa70'</t>
  </si>
  <si>
    <t>b'\xa0\x9a\xf6;:\xde\xcf\x97)m\x9c\x9f\xe5\x02_\xcf\x9a\xaf\xa1P\xbcg\x90\x8c^0\x17f\xa8\xeb\xd5\x92'</t>
  </si>
  <si>
    <t>b'\xd0\xfbvF\x86\xf8M12\x0c\xc4\x97\xd7\xe3_e\xe2g\x9f\x97\xdf\x9f\x84\x91\xbe\xcc\x86n\xa6}\xf8\xd4'</t>
  </si>
  <si>
    <t>b'"\x91\xb1H\x1a*\xe4\xbd\x00:\x18\xb9\x19\x81\x95/\x03&gt;%\x14\xfeW\x99\x05T\xfa"\xc7\x83\xbes\xab'</t>
  </si>
  <si>
    <t>b'@\xa2\x04\xd7\xda\x90a\xe9\xfb\xd4\x93\x8f\x97\xd7\xfa~|\xb98$-\xef#*\xa0\x0ck\xf9Vn\n{'</t>
  </si>
  <si>
    <t>b'L%D\x8bd\xaa\x91v\x1e\xf8\xc9\x11k\n\xf7AIk\x95\xf93\xed\xe3\xff\xe3\xa8B\xe1U\xdex\xaf'</t>
  </si>
  <si>
    <t>b'\xbb\x7fo\x90j\t\t7\xc0\x0e\xca&lt;&amp;c\x1a\x8d\x99\xa8\xfc#\x0f7\x95\xa9b\x8d\x1c\x8b_\xe3\x10\xb3'</t>
  </si>
  <si>
    <t>b'{\xc0I\x0b21\xd12\xbe\xfa\x1c\xad\x84U\xce]8K\x81w}Ya\x98\x94X\x90\xc3\xf2\xbf\x84\xb5'</t>
  </si>
  <si>
    <t>b"\xdc\xa0G\x13S\x83k)\x98\xba\x13\xa7\xe9S\xf5Q\x9b6\x9a\xb9\xcc\xeb\x9f\x942\xc6\xbe8'\xd55\xde"</t>
  </si>
  <si>
    <t>b'\xfbQU\xf8]\x84\xa3\xb7,\xbfyp\xc9\xd5\xfb\xee\x00\x1a\xe7c=\xad\xa1 \xf9\x15\x8d\x92\\\x0fY\x91'</t>
  </si>
  <si>
    <t>b"\xc5J\x10-\x1c\xcejp\x00\x00\x87\xd5\xf7%\x15'\x18~\x0b\xd8\x80@\xb5X\xa4\x1e\xad\x8dst\xbc\xe8"</t>
  </si>
  <si>
    <t>b'u\x1d\x18\xaeV\xa6|\x932!\xc5\xb8\x14\xb8\xbcI\xc6\xa2\x84O\xc0\x9bH\xda\r\xd2W!\xefH\xf0O'</t>
  </si>
  <si>
    <t>b'\x13&amp;vp,\xa23\x1e\xc75\xad\xd02f*\x8d\xde;\x03e\xec\x8fit\xd7&amp;b\xb5\xc2\x94\x9ay'</t>
  </si>
  <si>
    <t>b'\x0b\xc5FMBQ\xda QS\xc0\xbfNy\xaf\xb3\xad\xa8\x19\x18\xab\xe1\xd2\x93^\x83\xdcF\x89vr\x93'</t>
  </si>
  <si>
    <t>b'\xc1\x8b\x82e\xb0\t\xef\xba\x88\xc8\xc2\xf9\xbb\xd8\x0e\xf7\x85\xa3\x08\x9f\xaa&lt;\r@\t\x87d\x9ay\xdf~i'</t>
  </si>
  <si>
    <t>b'L\xa1\xf0A\xa1\x99\x8b\xeb\x9c1\x86M\xf8\xa8\xf8z\x9d\x8d\xaac\x92{\xb0-.[\x98\xe7\n\x9b\xb2\xbb'</t>
  </si>
  <si>
    <t>b'w\x96\xe3\xb0uD@\xad+\xb0\xc8\xe1\xd5l*\xe6\xea\xa9.\xcb\xa8\x96\x8f\x91\xbbI_b=J=t'</t>
  </si>
  <si>
    <t>b'\x98=\x9a\x02NmK) \xae\xc1\x9d\x05\x95(\x82\xd3\xa32?\xa4\xbd\x02XoY\x84U\x8cg]p'</t>
  </si>
  <si>
    <t>b'\x81\xea\xe0\x829cp\xb5\xc1\xed\xe0\x90\x96\x9dj\xf2\x15\xa6I/m?^\x93\xebo&amp;A\xb7,Ym'</t>
  </si>
  <si>
    <t>b'\xdb\x8d\xe5\xe95\x13P]-=Mh3\xb9\x1d\x93\x8c\x17\xb6\xb0\xa7\xa8o?\x14\xbal\xd06\xbe\xf6\xe9'</t>
  </si>
  <si>
    <t>b'\xb4\xf6\x98U\xdd\xe2d\n@\x7f6\x86bp\xc2\xe1\xad+\xbf\xf5\xc0\xad\xbb\x95&amp;\x95\xe4I\xf8\xc5\xb5-'</t>
  </si>
  <si>
    <t>b'\xe5\xbf\xb0\x04\xe6\xccw,\x17\x17\x89\xf3`\x87"e\x18x\xd6\xa2SDpWF$\x9cQ\xb7/\xf4;'</t>
  </si>
  <si>
    <t>b'\x9a\xce\x02\xd5\xa8.\xeb#\xacO\x8d\xb35\xfb\x85\xf4\x7f\xaeg\xce\xe9\x8co\x0c\xb2.\x08$+0m\xba'</t>
  </si>
  <si>
    <t>b'VK\xc2-;\xf2e7&lt;&lt;I%e\xad\x9d\xf4\\O\x16\x94\x11\x9c\xbf\xe8\xa7O\x17~`\xfd\xf3^'</t>
  </si>
  <si>
    <t>b"'\x1a\xa4a\xde\xe18\x83_\xe2\x03@\x8b7g[5}\xfa\xe1\xfb\xd0\xc5\xe4\xd0\xb5&lt;\xfa\x12x\xfa!"</t>
  </si>
  <si>
    <t>b"z\xb3\x11_\x97\x10\xec]'\xac\x994e\xa7\xef[x_\xd2\xcatG\xca\x97\x89\x04\xd1\x1a\xf7\xb9\xdf\xf1"</t>
  </si>
  <si>
    <t>b'\xf6\xf4\xc2\x03BV\x94\x14\xa4\tjc/\xa3\xcf,\xdae\x83\xa6o\x9d\x9f\xe7\x99\x15\xb5\xa6c\xe6^\xf3'</t>
  </si>
  <si>
    <t>b'\xc8\xc2\x18\xdc\xb2\xdb&lt;J\xfe^\xa8\xb2\xfb`\x99\x0b\x1a\x97\x8d\xc0&lt;\x88\xc4r\xe4\xac\x8e$\xa23\xaf\xe2'</t>
  </si>
  <si>
    <t>b'\xed?\x00\xccA\xe3M\x94k\xf6\x86\xf1\x80\xb94)\x10 4\xcb\xe4\x06F\xbfA\xe6\x7ft%Y\xa8\x04'</t>
  </si>
  <si>
    <t>b'\x1b\xcaC\xb7\xd3\xfd! \x93\x8b\xb789\xac\xd94\xb2\x9f\x0c\x01Q\x03\xfc\xac\xcdT\x9f,V\x92\x81O'</t>
  </si>
  <si>
    <t>b'\x15{\xb4\r\xb4\x9e\xc5G\x91,_\r\nn\xd7\xaci\x1d\xd5+\xc9\xa9*\x17\x9cy2\x8d\xec\xb4\x00\xa6'</t>
  </si>
  <si>
    <t>b'\xe8M:\xb1Xehj\xab\x15\x1d\xaa\x9e\xb5\xcf\x91\xe1d$e\x80y*\xa7\xabE\xc3\x8d\x83\xe5[\x04'</t>
  </si>
  <si>
    <t>b"\t\x02h\xfbr\xd9\xceyc\xccat\xf7'_\x07\xe4\x8e[\x8a9y\xd7\x95QD\xee1\x97\xdf\x8c\xee"</t>
  </si>
  <si>
    <t>b'z\xc6\x0f\xaa\x92K\x01\x10=\x0f&lt;\xf8\x13\x00\xcfCI\x11%\xc8\xc8\xf4\xb3\x00&amp;\xfa\x84\xe8\xf6\xb3\xd1\xbe'</t>
  </si>
  <si>
    <t>b'&amp;b\xc9v\x0cA\xb5\xcf\x88\x16\xd4a@\xc0\x92\xfb\x9bc\xa7\xb5\x1b\xdf\x14\xcb])\x82]W\xcbgY'</t>
  </si>
  <si>
    <t>b"\x05f\x8cc\x88\x9f,\x8a\x14\xdb\xbct0\x8f\xd9\x16\xf2\xfe'\xe8\x1d\xde\xc2O5|a\t\x0f*c "</t>
  </si>
  <si>
    <t>b'm\xa0\xf0i\xca\xee\t*_?,\xb2\xabg\x1a\xfaJq\x19\x13\x8f[\x1bH9\xacMI\xd1\x9f\xd9\xb8'</t>
  </si>
  <si>
    <t>b'\\Y1&gt;Wr \xf7\xea\x94T\xa9R \x00\xe5?\xfa\xc1/\x1f\xc3\x18\xe6\x8b&gt;\xc1\x95\xdc\x91\x94?'</t>
  </si>
  <si>
    <t>b'\xc8C\x10\xad\xb2j\x9eN\xe7\xfa.\x81\x84!\xdb5\x9b\x14Y\xe3d\x1b(vl\xeb\xcc\xc2\xd8"\xa6\xef'</t>
  </si>
  <si>
    <t>b'\xb1\xb5\xcf\xae^\xbe(\xb5\xa9\xc8\xe3:\xc1t\xf3\xa2\xa5\xca\xae\xdb\x84\x0f?&gt;\xe3\x04,4\xab\xf9P\xa7'</t>
  </si>
  <si>
    <t>b'H~\xaa\x886\xedx\x8c(Gm7\xb2\x9a~\r\xe3\xfa\xaf\x8f\x9c\xc9\xaeeg^\xc8]\\j\x1e5'</t>
  </si>
  <si>
    <t>b'\xbfV5w\x0c\xdec\x1eD\x15\x00\x92\xd4\x81\xe3?\xd7\xb5R\x18\x1d\xb7\x1f\xfa\x87\xe1\xb0\xa9\xa1n\xf6P'</t>
  </si>
  <si>
    <t>b'u\x04\xd54p\x92\xf4:c\x1e\x8a\xb1G&gt;\xd5_`\xfc\xca\x19@[\xd7\xdb\x1e\x1a\xda\xd8\xbc\xa2\xd0n'</t>
  </si>
  <si>
    <t>b'\xe8\rN\x8f#\x07UH\xb0\xd6\x1fm\xabKa\xdf\xd3{\x88\xb0\xbc\xb4\x96db\r&gt;0\xa7\xd52\x11'</t>
  </si>
  <si>
    <t>b' ~\xdd\x8aD\x88\xa7t~\xaf\xfd\x16\xdapY\xfb%\xa5x\xc9:\xd9Y\xb5\xb3\n\x85\x08\xdev\xc2\x03'</t>
  </si>
  <si>
    <t>b'\x0b\xc0\x90\r\x82\x0f%\xe9\x9d\xe9\xf2*\x7fU\x9e\xae`\x15\x8d~|T\xe2\xc9\x0c\xa6\xeeI\x82h\x1d\x93'</t>
  </si>
  <si>
    <t>b'\x1c\x1f\xd4\x93\x02\xb8\xaa\xd4\xb1;\x8d\x8dw\xaf\xdc8\x12\xa6\x15\x88\xea&gt;d\x8c\x10S\x9d\x08\xd7\xd5\xd3b'</t>
  </si>
  <si>
    <t>b'R\xb1\x1b-\xc6\x03\x0ccl\x0b\xad\xa6\xda\xe9\xe9\x00X\x18\xcb\x8a\xae\x07t\xe8\x98K\x18E,\xe8\xe2D'</t>
  </si>
  <si>
    <t>b'\x92Z\xcb\xab\xbf\xcd\x0e\xdb\x98\xb8H\x99\xfa6[0\xf9\xfa\xc0\x96F\x8e\r\xaeA\xc4Xw\x15\x18\xda\x1f'</t>
  </si>
  <si>
    <t>b'Y\xad\xb2\xff&gt;41@\xc8R\xd1\xe5["dc\xc6\x98q\xd1dF\x1a\x8b\x19\xf4\xf4\xd6\xb4\x99\xa4\x94'</t>
  </si>
  <si>
    <t>b'\xd5E\x0e\x8c\xd6\xa4\x82\xa2\xa3\x88m\x1az\x9c\x193a\xd1\x87O\x02\x80\xc4\x7fp\xd9\xc5\x10\xc8\xc4\x85\x8b'</t>
  </si>
  <si>
    <t>b'\x90v\x05v`X\xc9\xfe\xd0\xff\x9aNv|\xe9\xe8x\x1dQ\x86\xf2#\x97\xd1\x8c\x12\xdd\x17\xcfU\x17\x8c'</t>
  </si>
  <si>
    <t>b'\xbf\xf7+\x8az6\xad&lt;\xd0\xb1H\xf2\xc0e\x89\x04\\\x15\xcd\x9d\x0b\x8e \x81\xe4x\x8e\xb9\xf8!\xc6\x83'</t>
  </si>
  <si>
    <t>b'\xea\x93\x94&lt;d\xecU\xb3z\xe1B\x98#\xb1o\xa3^\x9e\x97s\xb2Uge\xc0S\xb2\x96&amp;\x97h\xf0'</t>
  </si>
  <si>
    <t>b'\xc3\xfch\x15\xc7\xcd\x92\x8f c\xc1\xf6Si\xefb\xb9\x86\xef\xd8e\xa8\x008\xfbt\xf2b\xcf\x92-\xf8'</t>
  </si>
  <si>
    <t>b'\xf1!\x80\xc5\xb3\xd8jl\nb\xd6\xfd_.\xb7\x99\xe5e\xfe\xe2cR\xc8\xd7\rsks\x9aV]?'</t>
  </si>
  <si>
    <t>b'/w\x11\x92\x03O2\xca\x12mU\xfbFCB\xea-jB\xd4\xc3\xe3q\xd7Pt\x9aG:\xff\xeec'</t>
  </si>
  <si>
    <t>b'\xab\xc0\xd9\x05Q\x00)\xd9\xfct\\\xe3p\xb36"\xb4\xdea]\xb93\x02\xb0Q\xa3\x91\xa9^\xb9\x85L'</t>
  </si>
  <si>
    <t>b'\xcd\xbe\xe3\x91\x10\x9bw}\x8b\x8c\xe2S\x07\xca\xe0\xbf\xf3H\xc1\xbc#:\x8d9\xab&amp;F\x0eb\xd1\xbd\r'</t>
  </si>
  <si>
    <t>b'\x8a\xfd1\x193C\xe3\x8eU\t)\xf6\xcd\xc5\r\xa34\xd8\x99&amp;7\x99\xee\xf0\xd5.\xa7\xa2\xdbl\xa9\xa5'</t>
  </si>
  <si>
    <t>b"\x9a\xa4eH\x00'l\xe4\xd2\xec\xd6\xba\xd0p@$D\xac\x9a.\xeb\r\x8e\xc8\xc0l\xea\xc24*XM"</t>
  </si>
  <si>
    <t>b'\xfe\xe1\xf2\x12\x00\xa2$\xec`\xab\xf9[\x12\xcaa#\xff\x9c\xdc\x97\x16;\r\xc1\xdf\xa1P`\xb5\x84~\x1f'</t>
  </si>
  <si>
    <t>b'\x0b\x9a8|\xa6\x9c:\xd1p\x7fs\x11\xc0Hs\x04\xbdW\x1e\xd2\x0f\xa5\xf3+\x7f\x15\xce\x93\x90\xc4\xe9\x10'</t>
  </si>
  <si>
    <t>b'+\xe3\xd1\x9c5\xa1ue\xe0}V\tLn\x90\xc0!\xc1b\r\x9e\xc2\xa9\x13\xfa\xde\xbd\x82 \xef\xf1\xcf'</t>
  </si>
  <si>
    <t>b'\xce\xb7\x10\xfb\xe0tuQR\xd3\xc4\xb5%\xc9\xd1m\xd18\xfb\xa52V\x8a\xd3K\xf4::B\xd0\x9e-'</t>
  </si>
  <si>
    <t>b'\x05~\x94\xe6}\x98\x89\xfc\xa3m\x06\x16\xdc\xe3\x81P\r\x1b\xb4\x1b\xeaHj\xab\x11ed/\xde.\xa4O'</t>
  </si>
  <si>
    <t>b'\x95\xeb\x81\x0e[Lw\xe9\x11\xc3W\xadE\xc5\x0b\x0eu\xa0)\x08\xd2\xafi\xa3\x91\xe0(\xb6\xedpq\x11'</t>
  </si>
  <si>
    <t>b'o\xab\xdb\xb3P\x00\xba\x04\x02\xd0\xf3s\x9f\xff3\xe1\x13\xe1\xfa\xb2|@\xe62\x1d8\x07\xd8 \xf6\x1ar'</t>
  </si>
  <si>
    <t>b'\xbb\x0c\x9f\xfc\xfd\xb6\xeei\x0b\xc8\x8a\x03\x93\x90\xab\x89$\xa9\xb5\xee\x1d\xf0\xd9\xdb\t\xfb\x91W\xac\x03\xf6|'</t>
  </si>
  <si>
    <t>b'$\r\xa0\xbc\xe6\x97NY\x17\xd5\x90\xe0\xce+\xca\xed\xc54\xdcb\xb9\xe8c\xc5\xbb\xe0\x89G}\xeb\xfb\xcd'</t>
  </si>
  <si>
    <t>b'\xdcO\x90\xcc~\xfe\xf0\x1c\xd7mt\xaaCz1&lt;\x91\xece\x1f\x9cd\xf9\xf4\x9b\x80\x16 \xfeU\x1b\xb1'</t>
  </si>
  <si>
    <t>b'\x07\xcb\x9cw\x8b\xda\xd7\xcb\x98\xc9\x18\xb8\xc5vxrc\x7fY\xf0\xbfL\x92\xfb\x08]M\x91\xcb\x03\xd4\\'</t>
  </si>
  <si>
    <t>b'S\xcd\xb3\xbd\xf9\xde\xcf\xc82&lt;\\\x9e\x9ca$?\xf3\xcf\xcezI\x96,R\xd6F9o\x80\xb5\xe3\x93'</t>
  </si>
  <si>
    <t>b"BA\xf3\xa2\x02\xf1J\xfc/\xc1\xc6\xe4\xdd1\xde O`\xba\xeee\x02\xe3\r\x8f\x81\xe4'\xe6\x13i]"</t>
  </si>
  <si>
    <t>b'\x8b\x99=\x96\x8f\x06R\xef\xd8\xb5\xbde\xedxJLb\x94(\xce\xe09\x90\x85 \xe6\xe1Q\xe6=\xea7'</t>
  </si>
  <si>
    <t>b'\x03.\xa2\xba;o\xdd\x02\x86\xf0%DA\xccL-\xd83\x06\x03\xba\x0f\xa0`I\xe4\xfb\r|M\xf0\xeb'</t>
  </si>
  <si>
    <t>b'\x9fx\xd6Qj\xad\x9ba\xbb\x1e&amp;\x00\xe7\x0b\x18\xa1\xc3\xbe6\x87\x1c\x95\x8dH\x0e\x17t\x19m\x15\x01\xe6'</t>
  </si>
  <si>
    <t>b'\xff\x07\xb3\xd4&lt;\x9f\xf1\xbds\xeeZ~wU\xee\xa1r\xd1\xd1b+\x01\x9b \xd6\x9c\x90\x0f\xd0}\xd0\xd1'</t>
  </si>
  <si>
    <t>b'[\xd3|h\x129m\x9f\xf5\xa7\xed\xe6n\x9e\xf2\xe5\x9b4\xa6\x98G\xba\xb1\x1b0\xf7\x8b\xad{\x82\x1e\xf6'</t>
  </si>
  <si>
    <t>b'\x8c.\x88\xc3\x94R&gt;\x84#\x0c~\x83.\x84w\xb1\x1b\xe8\x00w%V\x1a\t\xca\x8bA\x05\xb8\xd8&gt;\xac'</t>
  </si>
  <si>
    <t>b'\nN\xebm^\xa6\x07\xff\xa3\xbb(f}\xb6\xb3E\x95\xbe\xd8;pPl\xc6\xd3\xa0\x0bP\x1f\xba"\xa0'</t>
  </si>
  <si>
    <t>b'\xa7\xd6U\xaf\xb0\xe1\xe7\xbeU\xd2$\x95B\xb9\xd4\xe1j~\xc1\x9b\x8b\xfbuX\xd3d.\xe6KJ\xf5\x0c'</t>
  </si>
  <si>
    <t>b'\x82\xa1\x0fq:\xbe\xd5\xcei\x99=\x0c\x18\xe8\x0e\x94\xbf\xa5\xbd^f\x9f\xe3&lt;\x88\x10\x1cTeH\xf5\x83'</t>
  </si>
  <si>
    <t>b'\xea4\xcd\x89\xa06?\xd7\x902\xcd\xcd}\x9a\x8b\x08e\xfc\xfex\x08\xca\xab\x1c\x9c@V\x97A\x82X\xdc'</t>
  </si>
  <si>
    <t>b"'D\xda[\x1f\xd0%\xbb\x98G\xf9\xb7q(\xdeh\x86^\x1e\x8b\xf2b\xe1\xf8\x14kHx%\xc0\x07g"</t>
  </si>
  <si>
    <t>b'\xa5e\xbd\xb8)\xd8\x8e:\xe7\x11\xf1\xbe.O\xb2\\\x93\x1d\x8d\xbf\xa8\xd9\xce\x12\xa0+Q\xa7\x93\xcd^\x13'</t>
  </si>
  <si>
    <t>b'\x90\xefp \x07^\xf3]\xca\xf7\x92\xc4)1\xd1\x9a\xcc\xcc\x9f\xf4Bv\xef}\xd8g\x91|\xc90O\xf7'</t>
  </si>
  <si>
    <t>b'\xda\x8c\x91\r\x07T,\xa4I\n\rX\xc8\x87\xd2C\x08\x1b\xd9\x9f\xb7Q\xd6\xc4\xaapY@\x15\xcf\xe2\xbd'</t>
  </si>
  <si>
    <t>b'&amp;i4\xce\xd6l\xae\xda\xff8\x11$\xb0\xfe\xf6v#\xf8\xbaj\xbd\x173*\x07\x81\x91\x83NM\x92x'</t>
  </si>
  <si>
    <t>b'49\xde\xa5\x07\xeb|I\xf8\xbb\xe9s\xb8KNj0\xafo\x8e0WZ\xa1\xe6\xb9IkR C\xb1'</t>
  </si>
  <si>
    <t>b'V~I\xb9\xf3D\xbaM\xffP\xaa,\x98\xf6tF\xbc\xbb\x04\x9d\xd0\xc7\xb5\x1b\xde\xd3`\x11\xdfk\xec\xc2'</t>
  </si>
  <si>
    <t>b'\xe4\xac\xd5\xa8\xaag\x1ay\xd9\xd3\x95\xa6\x035E|^1\x82\x86\xe3V\xc6$E\xeb\x9d9B(|\\'</t>
  </si>
  <si>
    <t>b'\x06B)\r&amp;\xdf\x82\xa8\x90ry\x87I\xa5\x97lN\xf5g{}\x1bx2*\xa5y\x00\xfc\xd3NN'</t>
  </si>
  <si>
    <t>b'=\xa5\xec\xc3?\xd2&gt;3\x01[T\xb7I"\xadZngh\xb1\xdd\xbau\xac\xb9\xfd\xff\x13\xbdF\xb7\x9e'</t>
  </si>
  <si>
    <t>b'\xe6P\xdf\x91\xdb\xea\xac\x01X\x04\x92 \xee\x12\xa4\xc5\x03\x8e\x7f\x86\xe7/\xf1y\xdf\x82wX\xce\x10\xcdI'</t>
  </si>
  <si>
    <t>b'\xf9i\xc2\xe8\\Z\x8bS\xcaB\x13@\xbf\xf2\x17\x9b?-\xd6\xde\x00\xc7\xf8\xac\x9coC\x19\x87\xd6\xb7\xed'</t>
  </si>
  <si>
    <t>b'\x12\xa5\xb9\xcb\x08e\xed\xdd\x14\xd8\x8f\x84ma\xa9R\xef\xcb"\x10\xc8l\x03\xb2\xaa?\tn\xba\x1d\xf3\xe3'</t>
  </si>
  <si>
    <t>b'd\x12\x1a==\x8b\x05\xb9\x19\x9f\xf2\x86N\xf6BR\xbar\xc5\xa1\xda\xf5\x0e\xdbk\xd9\xe5\xdd\xb1\x01\xec\x11'</t>
  </si>
  <si>
    <t>b'\xbc\xfaH\xc7\x92\xd3\x07\xab\x16z\r$P\x80vl\x8bI[\xfb\xe5rQ!?\x88\x8c\xec\x97\x83w\x9a'</t>
  </si>
  <si>
    <t>b'uJ"\xc9;H=C(\xf4[\xaaJ\x14O\xaf\xd2\x0c#]m\xe5\xa4\x19g\xcd\xf0\x15i\x1bI\r'</t>
  </si>
  <si>
    <t>b'\xf9\xd2R0Q\xaf\xb2J\xb3\xb1\xdfT)\xd6vl\xd9/\xb2\x93\xf0\x8f\x87\xd7d\xa1;\xcbk7\xb78'</t>
  </si>
  <si>
    <t>b'\xab\xae-\xfc.D\xdd\xc3\xa7\xd0\x8a\x97\x19"\x19\xc0:%-\x1b\\\x01\xee\xff\x9e\x18\xa1\xc9\x96&gt;\xbe!'</t>
  </si>
  <si>
    <t>b'\xcc\xf3\t\x02^]n\xe3\xcb\xa2-\x05\xb6\xa5\xf8\xdf\xd7wE\xf6\xee\xb9\xcc\x15\x7f\x96r\xa8\xd2\xc3\xf1?'</t>
  </si>
  <si>
    <t>b'\x92\xaem&lt;\xcc\x93\xb7\xf6\x81T\xfd\x81\x18\xbbX\x94\x89Vi^B\xd1\x1e\x7fq\x9c+\x9e\x01;\x00]'</t>
  </si>
  <si>
    <t>b'\x8464\xcb\x0b\x13"`\xe6\xddt\x18z\x16\xed\x88\xccY\xccKIb8\xc5\x06\x8aa\xab\x08\xa0\xa2('</t>
  </si>
  <si>
    <t>b'\xcbE\xcf8&gt;\xe2\xda/\xa7\xb8\xda\x03-\xc9\xf33\xabN\xf3\xbd\xa2e\x9a\xbf\xfd\x1bC%}CO\xd7'</t>
  </si>
  <si>
    <t>b'\xdda\xe3\x0f\xc2\x80\x0e+\xf1\xf8&amp;\x1a\xb7\x9c\xac\xf2Q7\xebE\xc9\xd9}\x01,\x19\xb5\xc6\xe4lz\x92'</t>
  </si>
  <si>
    <t>b'\xc2|Tnxd\xf3n{\x81(\x7f\x82\xbf2\x1fe\xd8\x16\x1a\xd2\xb2=-]9+\x8d\n16\xfa'</t>
  </si>
  <si>
    <t>b's\xdf.oK\xbe\x0e\xda\x13\xcd\xf6\r\xb1\xfd\x08\xb6.\xfb\xb6\x85\x8b+\x0e\x14\x99FB\x0b\x05\x17$\x8f'</t>
  </si>
  <si>
    <t>b'\x7f\x87\xde\x8e\xc8\xfc{\xda\xeb|\xb7\xb8|\xe7\xde#\xeb\xf6\xc0KV|f\x96\x08\xfe\xb6\xdf\x8b\\\xe3]'</t>
  </si>
  <si>
    <t>b'8\x15\xfc_G\xe8\xc9\x16\x11\n\xc9\xfa\xfe\x89\xf6g\x81\xfaxLG\xec\xbds\n\x81\xc2\x0f\x89=p\xf4'</t>
  </si>
  <si>
    <t>b'2\xf6II\xf1\xda89\x01\xa7\x9c\xdb\x0b\xac\xdf\x94c\xbe\xe4#~G\xfa\xf3\xd7\xb9\xa2\x15\xdb\xbe\x9fq'</t>
  </si>
  <si>
    <t>b'w\xfc\x89n\x8e\x87:L\ry\x98,#a\x04\xdf\xc5\x10\\?\x86zS[\xac\x824\x9e\x07\x07mX'</t>
  </si>
  <si>
    <t>b'\x96\xafW98\xa2\xc3!j\xe5\x1f\xc3\xa8jL\xcc\x88\xeak\x7fWR\rl!1%\x90\xb1}\xbd\xfb'</t>
  </si>
  <si>
    <t>b'\xaa\xb4\xf1I\xe5A\xae\x0b|\x08\xac\x08a\xf7\xeb\xb07\xd6\x1e\xadd~\xa6\xd1\xaaCY\\\xd7\xe0\xe5\xb2'</t>
  </si>
  <si>
    <t>b'\\$\xa2\x00\xc8w^\rRHm\xf5\xba\xe3\xf9\x97\xd2\x96\x9ahr\xb4\xa1\xddG\xf88\x85\xbeE\xd9\xe2'</t>
  </si>
  <si>
    <t>b'\xc8v\x8b\xaf\x90\xdcc\xdc\x18\xa0c~\xda\xf2:^D\x1f\x06\t{\xb6Kh\xa3S\xcd\x1bZP\xb0W'</t>
  </si>
  <si>
    <t>b'\x914\xec\x8f\x0f\xe8\x8co^\xe4\xa6MW:+Ge\x06\xd4bX\x1fvR\xc2ti\x05\x0b\xdeW3'</t>
  </si>
  <si>
    <t>b"\x19\x9e\x04\xe4C\x02\x91\xf5\xd6.\xa0\x9fW\xd5\xfa\xcc\xca[p-}\xef^\xca5 '\xdaQ\xcf\xd4P"</t>
  </si>
  <si>
    <t>b'\x83C\xd7\x95\x0e\x96}\xf3b\x01\xf2\x08\x94\x1c\xe6{\xdc#\xad\xd3\x0f\xbcG4\xf8\xf1\x9f\x11\x17\xad2\x84'</t>
  </si>
  <si>
    <t>b'\xdf\x00\x94\xea\xc1\xb1\x1e\xbc\x93\xa5\x10#\xdb\xb7%\x82\x1c\xdd\x9b6V,\x10\xcf\xdf\x8e\xc5\x91\xbf\xf8\xfc\x83'</t>
  </si>
  <si>
    <t>b'\xce}\xc1\xadg\x8e\xc30{\xf2\x82\x89\x082W\x9fP:\xb9#9\x80\xd80\x04-\x07)H\x9a\x1e\x9f'</t>
  </si>
  <si>
    <t>b'\x9b\\kJ\xeb\xc2\xec\xbe\xca\xb3\x0cH\x11\x86T7\n9s\xf9\xd2e\x08o\xb6\x97H\x82l\x9fuq'</t>
  </si>
  <si>
    <t>b'\xb9}\xcc)\xaa6\xb4\x19\x1c\xe2\xeb?\x1e\x85&gt;\xc7\xe9\xd7q)\x96\xf3O\xa0-\xf3\xf1\x80\x90\x17\xf8\x82'</t>
  </si>
  <si>
    <t>b'#\xb8\x082\x97\xbea\xb4i\x00S\x8d\xc2@\x01C2\xb3\xa1\xa7\xf1"\xda*z\x84\xbe\xe8\x16r\xd7\xf8'</t>
  </si>
  <si>
    <t>b'j\xbe\xb8\x19\xa16\x14\xf1\xe7w\x87\xd6\n`3\xc4U\x00\x95\xfc^\xe3\x16\xb8w\x11\x00V6\xff\xbd\xbe'</t>
  </si>
  <si>
    <t>b'\xac\xe8\xecPr\x88\xa5\xbd\x108|\xfe\x8f\x880\x98\x99v\xfa\xcd\xb3B\xae\x08\xc9\xd8\x83O`\xf4\xa2\xa6'</t>
  </si>
  <si>
    <t>b'\x82\xf2\x95\x11Zy\xbf\xdf0\xb0\xb37T\x16\xd7\x1a\xbb\xe7x\xd3\xdd\xe6\x98W\n;\x06Z\xf4\x97\xf7D'</t>
  </si>
  <si>
    <t>b'\xfe\xc8\xba\x11\xa2\xb9A\xa2`F\xe8\x9c\x80\x19\x07h5\xcf\xffv\x1e\x80\x8d\xf49J{\x06\xbe(\xc0\xc9'</t>
  </si>
  <si>
    <t>b"\x0c\xbf[\x83\x15'\x14\xbb\x93U\xa4r\x08z0\x13\xf0\xc6\xd7j\xf9\x96\xa4\x98Y\xcf\xb6\x14\x12T\xef\xb0"</t>
  </si>
  <si>
    <t>b'\xe2XG\xe9\xb5v\xbc\xdf~\xed\xbd\xf6/\x81\n0V\x8c\x9a\xadF8*\xcc\xd5\xdd\xc3\r}$7\x12'</t>
  </si>
  <si>
    <t>b'"\xcc\x17\xc0i\x1d$\x1c[\x0ehC\xf6\xf8\xe0\x81\x9e\xe6\x01\xa4\xfc9\xf6\x9b\xcbq\xecc\x99v\x9a\xd5'</t>
  </si>
  <si>
    <t>b'\x806\x80\x12S\xa4jS\xb8\xb22\r\xaa\tC\x8e\x83\xbd\xfe\xc5v\x9b\xb9\xdc*cm@\x85\xf3QI'</t>
  </si>
  <si>
    <t>b'\x8b\\(&amp;d\xf3\xee:{f\x82\x01\xc6&gt;t\xba\x8b\xfb5n\xa7\x9b"N\x1ef\xce\x8a\x80\x91+\x0c'</t>
  </si>
  <si>
    <t>b'\x81,\xbdG$&amp;KTA\xbb\xd9`p\xa5\xd6\x82\x8a\xdbEQ\xbe\xf0y\xce6\x83O)\x13L\xa1\x1d'</t>
  </si>
  <si>
    <t>b'\x11\x85\xaf\x89q\xd5\xbb}\x96\x1eO^q\xf8\xc7\xb2r\xf5\xa7u\xd9"F\xc3\x1d\xcdm\xd1+\xfd27'</t>
  </si>
  <si>
    <t>b'\xd0w&gt;5\xf1\xb9\xa1DQ\x1e`\xb3\xec;\x03\xae\t\xea{D\xd9\xcbu\x92\x02\xd5\x9a]!3I\xf7'</t>
  </si>
  <si>
    <t>b't\n\xbe\xc5M\xa7\x079\xc6e\xfc}L\xcc\xd7\xa8\xd8%\x90\x91\xfc\x00hs\x82\xeev\x9a,\x98\xaa\\'</t>
  </si>
  <si>
    <t>b'\xda\xbc\xaf\x87B\xc7\r\xe0\x0b\xa62\r\x8d\n\xbd\xe0\xcb\xc5\xb5@\xe4\xb8I\xb3\xfc!wW\x046I\t'</t>
  </si>
  <si>
    <t>b'X\xbc\xfb`E\x8d\xf75\xc3\xaa\xc7b\xf6\x97\xc6(\x95q&lt;\xd9^\xd7\xb9\xe0\x90\xf5M\x0b\xf0\xfb\x92\x04'</t>
  </si>
  <si>
    <t>b'\x08cC\xba&lt;\x92\xe1B\x02\xc6\x18\xfc\xc1\x8c\xa6eu\xe3\xb6\x1c5\xe55;\xd0\xe3Y\x85\xf2\xee\x9e\x9f'</t>
  </si>
  <si>
    <t>b"\x80\xb3\xa8\xec'\xcb,`$\xe9\xe3\xf4t\x96\xf4\x94&amp;\xf8\x18\xebk\x1a\xe4m\xd8[\x99W\x93WA+"</t>
  </si>
  <si>
    <t>b'\xf22\xdcs\xcc\xe8\xfe\xfa\x1c\xc48\x17\xc18p\x99\x18d\x81A4\x0fA\xed}\xe2\x10]&amp;\xc5\xe8\x04'</t>
  </si>
  <si>
    <t>b'c\rM\x9f\xf2\xc1\x94#\xc3\xd4%\xbc+SI~\xd5MyO\xc8&lt;\xe3}\x1d\xfb0\xc9\x91\x08\x91\x0f'</t>
  </si>
  <si>
    <t>b'\xef\xefu\x85&gt;P\xdd\x02\x03\x1bE\x94\xd6P\xd7\xb2S\x19\x98\xdf\xb9e\xbdY\xb4\x9e22\xce\x14\x9d\x81'</t>
  </si>
  <si>
    <t>b'\x98\ri)\x18\r\xa4\x7f\xb2\xb8\xd7Q8\xba\x97/\xc1\xa9\x00\xce\xf9t\xff\xeb\xfeu\x1433\x1bW\x95'</t>
  </si>
  <si>
    <t>b'\x9f\x05Fs\xa4\x81\xdd\x89\x0b;\x17~!*\xbf\xe5\xe9|P\xed\xc4\xa34\xfc\xd4v\xa8\xdc\xc5q\xb0\x16'</t>
  </si>
  <si>
    <t>b'\xe5\rc+\x1c\xae\xbeG\t:m\x19q\x17\xfd\xb3[\x85\x91\x11\x17N\x96\xb8&gt;\x8f\xa92\xf7\xb0:\xc6'</t>
  </si>
  <si>
    <t>b'\x1b\x16\x05\n\x86\x1a\xdaE(k\x01\xbd\x85T\x0c\xd5\xee\xf2f\x02\xdf\xfb\xba\xd4\x12B\xf0;F \xcc&amp;'</t>
  </si>
  <si>
    <t>b'%\xce\xbel\x87\xb8\xf5\xbe\x12T.\x8aH\xf2Jg\xc8K\xd8\xc2p\xa1"\x91\xf3E\x83A\x8c\xd6k\x98'</t>
  </si>
  <si>
    <t>b']_N\x89n\x8b\xc5\xd6l\x86\\3Y\xd3\x88\xfd\xf9\xfc=\x0f|#\x1a\x88\xba\xe8!\xc7\xee\xef\xa0\xf2'</t>
  </si>
  <si>
    <t>b'\xe9,F\x17\xd4\x85\xb6\x8f\x13\xecU\x8b\xeb\xb8\x9c\x9a\xda\x8d\x1cI\x9c\x10\xe3\xc25*\xfd\xd2FD\x9c\x85'</t>
  </si>
  <si>
    <t>b'\xb3\xbfQ\xf4#&lt;$\x9c\xe3b\x9aA\xef\x93f+e\xab\x80\xaa\xcb\xb2\x18R=\xb2\x13\xb8\x9dx\xfe\x8f'</t>
  </si>
  <si>
    <t>b'o81\xabg\x96\xdb\x1ao\xf4\xc9\xb8ELe\x83\xbfW\xe6\xea\xa3\xf9\x02\t\x0e\x04`\xc1\xb8\x0f9\xf3'</t>
  </si>
  <si>
    <t>b'PY\xde\xe5o\x92?\x13\x93%=\xa3N\x02\xb8\xae\xe7\xe2\xac\xaf\x90\x8ec\xe3@\xb8\x16\x17\xc7\xbd_3'</t>
  </si>
  <si>
    <t>b'5\xedCus\xe4\x8a\x07\x1f8\x1b\xbb\x8f&lt;\xef\xa9\xde\xb2S\xed\x86\xe6}\x91\xcb\x0c^\xe12/\x91\xcb'</t>
  </si>
  <si>
    <t>b'\xc1\xff\x10\x05Q~\xec\xda\x02\x9b\x8f\xa3\xbb\xd6\x97\x11\x80\x81\x05\xd82\x9f\xe0\x85;\x9cdM0+\x16\xc2'</t>
  </si>
  <si>
    <t>b'\x8c9\x85\xdfl\xdf\n\xa68\xa7\xdf?\x02`\x95\xfd;\xb0sf\x96,\xe0\x9a\xabc@fA\xebs\x83'</t>
  </si>
  <si>
    <t>b"\xa3\x90P\x13\x98%1e\x19&gt;'|&gt;]\xb0\xbdFZW\xc0\xda\x168@\xcb\xbd\x07@\xd3e\n\xbd"</t>
  </si>
  <si>
    <t>b"\x1f)l\xb6\xb1'\xf2\xf6KJ\xaa\xad\xa0\x0f\xef\xcc\x8f\xe9&gt;\x95x\xe4-F\xf4\x9dI\t\xe0\x9ftP"</t>
  </si>
  <si>
    <t>b'~\xc3\x92(\xa7\xa7\xeeuU\x1e\xd6T`\xbbKl\xf5&lt;\xcf\xea\xfd\x83\xea\xaa\x1bc\xa7\xc2\xc6UV\xb6'</t>
  </si>
  <si>
    <t>879xx</t>
  </si>
  <si>
    <t>b'\xaa\x14\x18\xe0^-\xd5\xff1\xbe\x05\xeb\x15B\xec(tq\x10\xfc\x97\xcf\x1c\x94\xc0\tC`\x1b\x93p\x8d'</t>
  </si>
  <si>
    <t>b'e\x9e6\xec\xecJ/\xad\xc2\xff\xaf\xcd\xcf\x8a\x1f\x96\x17v\x84\xd2\x0bp\xe5T\x80m\x91\xff&gt;\xf6\x85\x92'</t>
  </si>
  <si>
    <t>b'Q\x18\xc4\xc9\xff(\x15\xec\xa1.\xac\xbe\xbd\xd8(\xd1\xb6\xfb\x0fxN\x95$\xc4\x0eqw\x02\xc3\xbe9\x1b'</t>
  </si>
  <si>
    <t>b'\xa5Y\xfb\x05BU\x87\xbe\xad\xc2(\xb0\xb4\xba\x92\xaa\xff(.\xa3\xfc\x1fAz\x94\xde\xadP_QZ\x0c'</t>
  </si>
  <si>
    <t>b'\xa8\xc3\xbe\xe1u\x7f\x00v\xd4*5P&gt;m\x7f\rc\xae\xd5-\xb2\x85n\xb9\xa6\xd3\x7f\xab\xe1u\xe1\xdb'</t>
  </si>
  <si>
    <t>b'/\xec[a;\xd3#\x00I\xf8\xf2oT\x9f\x9cK"\x81\x86;~_\xe9\xcf\xc9\xa5\xa3B\xbf\x9a\xc4\x0b'</t>
  </si>
  <si>
    <t>b"\xe4\xc0,W\x11\x17O\xeb\xc9\xe02e[\x03\xa7\xd8Y@\xf9\x97j\xc7\xd5W\xcc\xf3y\xd3'\x039\x7f"</t>
  </si>
  <si>
    <t>b'\xe4\xd5\xc91d\xf6W\xe5k1\x1et\xd9q\xdb^\xf8I!\xe5=\t\xb1q\x13\xb2\xe9\xf5|\xba(v'</t>
  </si>
  <si>
    <t>b'\x8a\x95\xf8$\xb7$\x02\xb5\xf9%ut\xb5~$\xfe\xca\x1e\xe5\xa9\xdb\x0f\xc8Xd|Ro\xd2\x87\xe85'</t>
  </si>
  <si>
    <t>b'\xc4\xfe\xf4\xdb\xa3\xdb\x06\x7f\x1e~\xb2w,\xa7\x95@h\x9a\x96^\xcf\xae\xacot\xf7\xaf\xe1]1\xba\xc7'</t>
  </si>
  <si>
    <t>b"ur\xb6\xac\xfd\xf3\x14\x10I'F\x05|\x8bt\xf8\x8b\xe3Lb\xc8\xedc#\x83\xfe\xbd7\xa3q\xb6t"</t>
  </si>
  <si>
    <t>b'9\xc0%4\xc7\x89\xb2\xa7\x13\x9c~\xd59\x8b\x88i\x97\xee\xacsB\xd3r\xc3+\xce\xd7\xd5\xa6\xedv\xb0'</t>
  </si>
  <si>
    <t>b'Q\x1b\x9a\x91\xf3=\x18\r\x8f\xc6\x08\x18&gt;\x84I\x92\x1fP\xa5\x88j\xc8\\\xfa\xc15&gt;\xd2\xb6&lt;\xa7x'</t>
  </si>
  <si>
    <t>b'\xf6\xdb\xb3\xe3\r\xd6\x03\x91,]\x8a\x19\xedV2BR\x87\r[2\x15\xc3\x1a}M;!\xf7u\x92('</t>
  </si>
  <si>
    <t>b'\xc2\xbcw\xb6h\xd5|6\xd6M\xc3Z\xba\xdb]\x9dKm\xe27`r\x7f\\\xff\xcd\xa5#;5\xe2\xaa'</t>
  </si>
  <si>
    <t>b'\x15;W\xf6}\xa3\xc3}y\xa0\xcd\xe7W\xbe=O\xe0z\x9f\xd25\x8d\x11x,\xe7U\xb9&lt;T\xa7F'</t>
  </si>
  <si>
    <t>b'i\xc4\xbf\xa1\xe0\xfcY\x19{r\xa3\xb2s\xf6Mg\x9cQ(\x13\x83\x9a\xcdR\x19\x8d\xc0\xdc\xf2\xc6[\x10'</t>
  </si>
  <si>
    <t>b'!\xf8\xfa\xb3\xc5\xb3\xbdH\xa5\xdc\n\xaf]@\xc0\xcca\x01\xf1\x18l\xd0\x9dDn\xcb\x96K\xffTd\x9b'</t>
  </si>
  <si>
    <t>b'\xb5o=\x16\xc7~\x08\xad\xe9\rB\n%\xe4\xf9o\xb8\x0c%V=\x92\x93j\xc5,oGz/\x80+'</t>
  </si>
  <si>
    <t>b':r\xae^\x9a\x90q\xac \x8a\xd50\xcb\x1aB\xfa\x1f\xd6\xa7@\xc6\xbb\xacm\xa3I\xc3\x86!\xef\x04H'</t>
  </si>
  <si>
    <t>b'pI\xc2\xecj5\x0e\x04g\rp\xfd\x87\x071\xf5\xe4\xc8Xi%\x17\xb7\xd7E\xbc\xac\x94I\xc3\x990'</t>
  </si>
  <si>
    <t>b'4\x9f\xab\x9eE0\xee\xd6q\xc3Z\x8eB\x83\x1dh\xae\x05d\x95\nq\xdf\x98\x94\xf9w\xbf\x95\xdf\xf7i'</t>
  </si>
  <si>
    <t>b'\xd0\xf4)E!\x1a\\\xd2c0\x82\xeeN"\xd6\xd3\x8e\xdc\xf7!9O\x98\n\xcdmn\xd5\x1b\x02\x0f\xa8'</t>
  </si>
  <si>
    <t>b'\x96\x9a?o\xbf\x8f\x93Vw\x8f\xd2\xf3g\x91\xdb\xf3y&amp;\xbd\xa9\x84\x8cl\x03\xc0\x174\xa9\t{\x0c\xd6'</t>
  </si>
  <si>
    <t>b'\x03l\xd6\xd7K\xd1\xef.\xe9\x8d~0r\x98\xb3\xbd\xb5&gt;].\xa7\xf4\xa9\x84V:\x9e\xdf\xb1SPg'</t>
  </si>
  <si>
    <t>b'x\xb0\xb3\xb3wn\x10\xb6;d\xb8M\x80"\xe2\xa9\xae\x0fD\x92\xb3`\xe4\x9d.\xacix`&lt;\xc7\x03'</t>
  </si>
  <si>
    <t>b'\xc9\x96\xdb\xab\xe0\x1eME,!J@yf\xc5\xedp\xd6\x14\x1c\xae--\x13\xb7\x87\x81\x83e\xe0.\x83'</t>
  </si>
  <si>
    <t>b'\xd7\xb5\x0c\xf5Q\xba^r\xa2\xa3\xbdb.\xc0c\x90\x81F|\x1b3]Q\xfe\xdc\xdd\x93\xc5\x88M\x0f,'</t>
  </si>
  <si>
    <t>b'\xb4\xbe\xfaQ\x06\xe07&lt;\x00!C3\xbd\x9b\xdbH\xeb?\xef@\x13\x08\x17K\xab\x88\xb7\x16"\xe5\xb6\x87'</t>
  </si>
  <si>
    <t>b'\xd7S\xd6\xd3\xa0_\x03&amp;%\x1dw\xdeb$\x8d\xe3\xefd\x15\xdd\x18x\xfd\xbaV\xb5\x8a8\x9e\xa2r\xdb'</t>
  </si>
  <si>
    <t>b'j\xdf\xa0\xbfPC\x0b\xa9\x8c7\x9f\xa0\xc2\x92#\x9e\xa4\x17(\xa2\xc2U\x0c\xbb\xb0\x8f\x91\xe0\xa4\x05\xeb\x98'</t>
  </si>
  <si>
    <t>b'z+D\xa5\x12\xba\xae\xbc\xbd\x1ct\x9b=+\x90\xbbB\xbelw\xbf\x9ep%wmA\x03\x83$\x86\\'</t>
  </si>
  <si>
    <t>b'\xe2\xf2oJ$\xfcO\xcb\xd1\xd2\xe2W\x80(X\x97\x94\x94\x06\x91/\xa8\xbe\x8d\xbdM\xc6\xad\x8e\xc1\xea\xbd'</t>
  </si>
  <si>
    <t>b'\x06\x7f\x9f\xc1\x95N! \x87\x85\x02E{\x8f\x10\x1b\x19\xb4\xe6+\xb8\xa7\x06\xe1\xa1=\xe1#\xa6\x99#\xc3'</t>
  </si>
  <si>
    <t>b'\xb7~\x18q\x0f\xaba\x0f\xff\xc1 \x87\xb5\xd6l\x80U\x97\x16\x1e\xf6\x08S?/$\xbb\x1f\x8fz\xde7'</t>
  </si>
  <si>
    <t>b'\xfds\xbc\xc1\xed\x07T\xffQ\x832\x96\xb2^\xe0p\x80\xef\x81*\xd9i\x1f\x91\xecO\x8fR\xad\x93\xbfq'</t>
  </si>
  <si>
    <t>b'T\x95\xa43P\xa4\x1c\xcf\xaa\x1e;\xf7\x8d\x85\x1f\xdd\x96\xc5jt\n\x0e\x15\xd1U\x91\x04F\xeem\xa3\xa9'</t>
  </si>
  <si>
    <t>b'\xf4\xa7\xc6\x95\xc7\xfc\xe0\xdc\xd3E\xf2\xaa\xab\xc7\x90\xd0XD\xdd\xea\x94D\xa2\xd2\xdf\xd4J\x9d)\x8e\\\x1c'</t>
  </si>
  <si>
    <t>b'5\x13`o\xfd\xaf\x14 \xdc\x15\x1f9\n=\x04\x94&amp;\xc9\xa6oA\xaf\x90\x0e%a\xd5\x1aP\x1e?\x0f'</t>
  </si>
  <si>
    <t>b'\xe9\x98x\x17^\xa8\xe7T\xbfP\xe7\x8e8\xdbm7O\xca\x86\xca\xd2[\xdf^\xa3Qc\x89\xb0\x94\x9d\xee'</t>
  </si>
  <si>
    <t>b'\xf0d\xd3\xb4!w/\x8a\xa7\x83\xeb=V."\x8e\xba\xd3\xf3&amp;\x15rJ\xa5\xd7I\xd3\xcdJ\xe0%\x04'</t>
  </si>
  <si>
    <t>b'@\x9e\xabu\x80Ie\xb8~\xaf\xf0\x03\xb4\x88oF.\xd2\xfe\x15m3-\xfc\x8a\xcaUJ\xfbXY\xcd'</t>
  </si>
  <si>
    <t>b'\x07O\xb6JI\xb3b\x1dF2\x93\x97\xcd\\L\x0c\xa7\xe8\xeb\x8a\x14b6\xea\xb31\x97\x99\x19\xa0\xf8\x14'</t>
  </si>
  <si>
    <t>b'\x08\x1e\x04\x12k\xc5U\xe7\xfe\xdc\xe2\x03\x15\xb1\xf9\x12\xa9\x81\x04\x8c\xbf\xa8\xbc\xb0-/~\xda\x17E\xd7\xc5'</t>
  </si>
  <si>
    <t>b'\xb9U54NK\xdb\x7f\t:\x80t}e1\x8d\x9f:\xda\xf0Ky\xd8\x83\xb1W\xe0\xce\xda\xd3\xe1\x1e'</t>
  </si>
  <si>
    <t>b'p_\x13l\xbd10\x06\x0e\x12\xaa5\xca\x8f\xaex\xc9\xf1 Q^Kl1(I\xe3\x1e\x91\xa9)\xc7'</t>
  </si>
  <si>
    <t>b'\xa2V\x8c\x86W\x18\xe7X\xbe\x8dF\x12\xa1s\xceA\x91W\xaa\xce\xed4\x93&lt;\x7f\x0b\xfb\xee\xae\xafJ\x1c'</t>
  </si>
  <si>
    <t>b'\x9e\x9c\x18\\\xca\x8b\x99\x01\xc2\x1fZ${\xda\xbb\xaa\xbe\xb0\x06(\x1c\x052{\xcf\xb90\x91\xe1\xd9\xbd\xb9'</t>
  </si>
  <si>
    <t>b'\x1d\x8b\xe6]d\xabvs.\xf5\xe3A\xe9\x00N\x9eGrf\xa2\xef"\xcf\xc2\x02H/\x02x\x976\xe4'</t>
  </si>
  <si>
    <t>b'\x8f\x8e\xb0\xde}b|.\xf7\x8e\x1f\xe2+\xc7\x9c\xa6\xa3^J]\xfeF\xc0\x12{\x00\xb8ifb\x04B'</t>
  </si>
  <si>
    <t>b'\xe0\xb6\r\x18&amp;\x05\xaf\xdd\x13z\x97Y\xea1&amp;\x1a\x11\x9c\xebC#\xe7\xc5\xdf\xce\xe7\x95\xeb}`k\x9a'</t>
  </si>
  <si>
    <t>b"&lt;\xa6\xd3~\rc\xdem\x94\xcb\x96\xaf}\x1b\xf1\xed\x0bM?\x07\xea\x87\x0b\xda&amp;V\xfe\x0e5x\xe3'"</t>
  </si>
  <si>
    <t>b'&amp;\xa4\xf7nB(\xb4eQ \xf8\x82\x07\x83b\xaa\x00\xb5\xe1m\xc6f\x03\x9cK\xe5\x0b\x9a~\xb1r\x9d'</t>
  </si>
  <si>
    <t>b'\xbb\xadk"\x19\x01e\x11l\t\xaf\x0e\xa1\xc6\xfeB\xb8\xc63ek\xb7\xe1\x87@\xd54\xc8&amp;\xf8q\xec'</t>
  </si>
  <si>
    <t>b'1Z?\xbeQ\xf7\xc0\x85\x13\xc2\xf8\x1a0)\xec\xbd0\xaa\x10wL\xb8\xdc\xccDWb\xdf\x05:\x0e\x11'</t>
  </si>
  <si>
    <t>b'\x0b\x99AG#\xe6"(U\x05Z\xf9:m+\xddvx\x10\x9f\xcf\x15D?\xad\xf3O\xd3\xe6pv\x99'</t>
  </si>
  <si>
    <t>b'\xb8l\xf3z\\\x8a&gt;\xb7\x8e\xda\x02\x1b\xda\x0b\xb5N!\x8a\xdd\x1fa"=\xd6\xaah\xe3\xef\xcc\x07q\xaf'</t>
  </si>
  <si>
    <t>b'\x82\xbd\xc5l_r#_\xee\x1a\xd2\xed\xcd\xc0:\xb7\xb6\xd8~\xdcG\x07jC\x8f@QIT\xb8\xe2%'</t>
  </si>
  <si>
    <t>b'\x96E\xdd\x18y\xb9\xc5\xa9\xfenD\xa4fP\xeeo\xa8\xa1\xb3\xf0\xf2\x84\x18sU+\xd8w@5K\x1e'</t>
  </si>
  <si>
    <t>b'8U\xa9\xb2n\x17\x96lW@\xf4~_\xba\xee\x13\x882v\xd2)\xb5\xfc\xbb\x8e\x1e^\xdd\xf2\xca1A'</t>
  </si>
  <si>
    <t>b"\x85{=w\\o\xcd\xa85w\x91'\xef\xdd\xab\x92\xfd\xa5\x99\x84\xa4\xcf@\x0b\xd3*Q\x05|fM\xcd"</t>
  </si>
  <si>
    <t>b'qo\x0e\x92*\xc4\xb7\xbe\x8cXf6\xfab\xf67\x10\xe7kC\xa5M\xc0\xee\xef\x1f\xd9\x1b\xee\xc1\x9d&amp;'</t>
  </si>
  <si>
    <t>b"[\xb5\xaf\x8c\x9c\xdf6jwJ\xc5\xf8&gt;Q\xe4\xc0\xe9\xbc\x1d\x80\xd2\x15n\xc8'\xf9\xf4}fu\x95R"</t>
  </si>
  <si>
    <t>b'\xad\xf6\xd2\xa9\xf2p}\xefE\xc9\x9d\xd4B\x1c\x9e\xf3\x91s\x1a\xb13C\xe3\xb6\x1c\x0c\x98\x05\xd5\xa8\xb6\xd8'</t>
  </si>
  <si>
    <t>b'E\xd2*\xc1\x10]\xca;t3\xf5\xc37\x93\x99\x1c\x0c\xf2\x827\x0c\xdf\xc5\xb7\xefs\xf3\x12L+\x19\x1b'</t>
  </si>
  <si>
    <t>b'\xdb\xdc&amp;\xd0\\\x10\x1d\xd3\x94\x85\xf6\xaf\xd4\x0e\x13\x8e\\\x92[\xbeZ6F\x92\xdd:\x13\xa9\xb2r\x887'</t>
  </si>
  <si>
    <t>b'\xf4\x85\xb6\x1b\xf6\t\x04\x9e|\x8a\x8e]\xf0\xf5\x91\xab\x02\x8a\xbbb0\x92^\x1ca\xd1\x0cQbg]\xaf'</t>
  </si>
  <si>
    <t>b'km\xa6\xccQ\xf2cyMS]z"\x1d\x170\xe3(\xff\xb4&amp;\x03\xf7@\xd4H\xde\xa8n\x05\xe4\x89'</t>
  </si>
  <si>
    <t>b'\rs\xd3\x96\xbd\x19?`\xf5\xd3H4\x8a\xf7@,\xe9\x9b\x9ecsQ\x8b\x88\xe5\xb7$\xaaa\xfb\xe7c'</t>
  </si>
  <si>
    <t>b'&amp;\x05\x17\xa6Fj\x1e\xa8\xea~\xdb\x05I\xb8\x7f\xa4:\xe2e\xa8\x01\x18\xb4Qg\xc7y\x93\xffU~K'</t>
  </si>
  <si>
    <t>b'F\x99\x0c\x97\xb2AEU\xf9\xa2\x1f\xbc\x12\xd4@&gt;\xf5\x98;LH\xbcNF\\&gt;\xd7\x87\xe1K2 '</t>
  </si>
  <si>
    <t>b'7)(XFM\x9d\x08\x85F\xf6\xd6\xd0\xb1\\\x83\x19ZN\xa5\\#\xa5z\xcb\xa6\x9f\xe9\xf5\x16\xb5*'</t>
  </si>
  <si>
    <t>b"]\xbb\xd6T,\x1f\x96\x02\x17\xfd\xe3Tk@brUV\x89'&lt;N\x98\xa0\x06~t,\x1b\xd4\xb0,"</t>
  </si>
  <si>
    <t>b'0\xdc\xaa\xe8fX\xc5\xdc\x98[N\xb5\x16P\xbf\xca\x0eh\xf7\nw\x8d\x1c\x8dG\xd8\xa7\xbb .\xe1\xc6'</t>
  </si>
  <si>
    <t>b'S#\xcb\x89\x11\x07t\xc3\xe1e\x8c\xb3x\xdc|o\x97\x0cu^\xdb\x1f\x0c!\xd3"\xb1\xf2z\x12-\xf2'</t>
  </si>
  <si>
    <t>b'\xd9\xcbS\xf0\xd5m\x15\xf2\x9b\xceK\xf0\xfe\xfc\xf0\xae\xb2b\xd7P\xe7&lt;\xb9\x98\xc2\xd1\x8d\x03s\x8ff\xbd'</t>
  </si>
  <si>
    <t>b'\xa8O&amp;BC\xba\x12\x17j\x1b\x82\x1d\x9ae\x1c|\x08\x1ch\x7f`\xc1\xd6m\xe0(\xd8\xc8\xe4\x9c\xb6\xec'</t>
  </si>
  <si>
    <t>b"\xb7\xc7\x04bj\xc1\x8c\x00}^\xe5\xcf\x92\xfd\xeb\x04\xe4\xe3\xc0#\x9f#\xdav\xed\xd8\x80\xa04'\xb7="</t>
  </si>
  <si>
    <t>b'{S\x92\xe3JG\x98\xf5\xf6\x8a\xa0&amp;h\x99\r\xf5\xde\xb4Q\xdd\x9bi&amp;s\x15K\xd7\xb0\x82^\xd5J'</t>
  </si>
  <si>
    <t>b'\x8c\xa8)2Y\xd0\x18pP\xfe!\xd5\xce\x8a\x16\xb5w\xdc\xbcL\xe2u\x87\xf6n\n;^{L+\x0c'</t>
  </si>
  <si>
    <t>b'\xd7\xadk\xfb(\x89\xb8z\xe0\xf1\xd4\xb0[\x1c\x9e\xe3\x0fE{u\xef\n|\xe1C\x96\xaf\x7f1\x1bh\xf6'</t>
  </si>
  <si>
    <t>b'\xe5\xe4\x9d\x91\xcb\x16ZY\xd1\xa9\xb3\xc3\x1e\x0e\xff\xa4\x03\x8b\xcf\x92\xd5&amp;\x97G/\xfa\xda\x89\x0b\xdf}\x95'</t>
  </si>
  <si>
    <t>b'&gt;\xb9\xd3\x02Zg\r\x1e\xfc\x98&amp;\xca+f\x862@[\xbe\xca\x95\xee\x19b\xcb\x98\x8d\r%\xba\x18 '</t>
  </si>
  <si>
    <t>b'\xe6\xc7\xa3T\x13\xb3x\xa0\x7fh\x18\xed\x15\x91i\x90\x8bB\xacm\xcdzi\x99\x1e\xc1\x1e\xab\xc4\xfcZ\x07'</t>
  </si>
  <si>
    <t>b'i\xcb\x86l\xcfPz\xeb \x86\xc5\xfb\xb7\x0e\x1cR$\xb91\xa6\x15\xd3\xa5D\xa59\xe3Ev\xeb\x0f\x19'</t>
  </si>
  <si>
    <t>b'4\xad\xa3\x8b\x86u&lt;dG\x95I\xe0\x10[\x9e\xd8\xa5\x8e\xe7\xa2\xbdAu\xa9\xf6\xfbBAz\x89\x01\xf8'</t>
  </si>
  <si>
    <t>b'\xb6\xb2\x17\xa9\xdcf\xf6;cj`\xdeI\xd2\x16\xea&gt;v\x89\xd6\r\xc6d\x07\xb7Y\xce\x0e\x98\x9fU.'</t>
  </si>
  <si>
    <t>b'\xda\x1a\n\xde\xfc\n\xa5\xcc\xa4}\x0f\xbd\x96\xc9\xa31\x0b\xd8\x8c\x04\xe9/\x98\x0c6\x14+,\xf3\x0e\xffF'</t>
  </si>
  <si>
    <t>b'\x18\x8f\xe0"e \xdd\xad\xe4\n\xa8/\x84\x9e\xcd\x13\xbc\x8b\xb5\xcf.[\xe5\x8eT\xc8\xeb\xe3)#\x84\x88'</t>
  </si>
  <si>
    <t>b'\xea~\x85\xb1N\xdd\x99\x02J\x90Q\xdb\xd8\x1cK\x00v\x12\x82fd\x92\x80\xe1\x99?\xbb4\xbd\x80_\x92'</t>
  </si>
  <si>
    <t>b'2\x9eS\x89\xc4\x11\x03\xae\x8ebj\x98\x8b\xe4\xc0\xd6\xcfo\x9b)u\xbaM\x0e\xb0#c\xab\x97\xd6tn'</t>
  </si>
  <si>
    <t>b'\xce\x9bE\x96\t|*&lt;\x7f{At\xfc\x88\xebHM\xea}\xe3\xa0g"\xf1:`\xb3&gt;\xb6B5@'</t>
  </si>
  <si>
    <t>b'p\xf7\xb9h"C[X\x98\x8e{\x9co\xcc\xc1\x89;?\x1a\xe4\x96\xbe\xc0\x7f/\xb5r\xc8?I\x06N'</t>
  </si>
  <si>
    <t>b'\xeeoXX\xe7\x04"\xd1\xc2!\x9a\x92\x0ey\x00{N\xd8 \x1f\xd1\xae\xbe\x13\x1ebo\x89=o\xfb='</t>
  </si>
  <si>
    <t>b'\x0e6!~\xea\xd5\xd959;\x0fk\x1c\xf6|\x88\xd7\xc1\t\x94\xbf:\x94\xb5^\xadR`\xbac;~'</t>
  </si>
  <si>
    <t>b'$\xf7\xb5\x04\xc6\x17\xe7fBI\xb6\xf0&amp;\x08\xf3WZ\x17O\xde\x92\xc5\xab\x1c\x01\tV\x03!0\x9e\x91'</t>
  </si>
  <si>
    <t>b'\x8e=s/\xc3VU\xb8\xb9A\xc3JJ4Th\x89\x8a\xfdY~E\x8f\xb5b\xb78\xfd2b\xd0e'</t>
  </si>
  <si>
    <t>b'j\t\ny\xc2\xa3\xe2\x84\xfbz(\xe2\xacps\xd4P\x88\xbd#\xb8YX\xa8\x7f\xa8\x8e\xcbU/\x85\xf0'</t>
  </si>
  <si>
    <t>b'K\xbf\xaf\xdb\x17\x88`ZQrn\xb1H\x80\x82y\x14\xc9\x05\xd1\xd1\xcc\x1e\xa6`\x0b\x83n&lt;\x1d\xd7)'</t>
  </si>
  <si>
    <t>b'}\xa7\xce\xbc\xdc\xebu\xca!\xe5\xfc5h1Q\x89\xae\xfb\x04(\x14H\xce\xe3\xc0\xe6\xf8\xf5\xed}\xeb\x00'</t>
  </si>
  <si>
    <t>b'\xa0\xb8\xb4\x82\xaeU\xd1kB01\xc1+\x0f6\x8b\xfd\xd8\x87\x14\xbb\x7fs\xf4\x84\x82\x14`\xe2\xd6\xd3\x01'</t>
  </si>
  <si>
    <t>b']\xc6\xb8x\xf2\x82=\xef}\xacD"r\x08VI\xd5\xb9\x1bz\x1d\xbe6M\x184j\x9a\xfc\xc3\x90\xa0'</t>
  </si>
  <si>
    <t>b'\x0c=\xa9\xf1\x9b\xeb\xbd\xc2T\x82\xb4\xccu\xa9\x89\x90\xd4\x03{A\r\x84x\x89\x85\xdc\xd1\xc9b\x85\xff\xab'</t>
  </si>
  <si>
    <t>b'\x06o/\x89\xb0=\x84\xb07\x84[\xf5@\xe0\xcb\xdc\x1b\xbe\xe7%MJ-\xbfy\xda\xc6\x84\x8e\xa19\r'</t>
  </si>
  <si>
    <t>b"\xb4\x84\x1e+MEJM\x83\x9dt\xef\xbf\xe6G\xa5\x9b\x0f\xa6}\xd3\xfd\x7f\x13+\xd2\xef\xfb\x1e\xc5'a"</t>
  </si>
  <si>
    <t>b"\xceRr]T\xbf]\xf4\xfa&gt;\xaa\xea#\xba\x16\x01u\xb85\x1e\xddAY\x1c\x15\xd4'\xd0\x98\xc7\xf6U"</t>
  </si>
  <si>
    <t>b'\xf3\x7f\xc8\xbc\xc4\xc3)\x8f\xd8K\x92\xe8y\x9f\x9c!a~\rX\xe1O\xec\x0b\x15\xda\xd3^Dw\x93\x80'</t>
  </si>
  <si>
    <t>b',\xfd\r00\x05\xc2Pb\xe5oL\x99\x80\x8cf-\xa3\x16\x95\x8b\\dn\x7fR\x11\x95\x88\xf1\x17m'</t>
  </si>
  <si>
    <t>b'T\xe7\x89y;\xf5X\x07\xad"\xf6\x7ff\x93}U\rxk\x8ae\xc1$\x0e\xeb\xc1\x7f%D\xc5j*'</t>
  </si>
  <si>
    <t>b'$\x11G\xc9\x1a./\x7f\x85 \xaf\r\xe1\xb4\x02^\xec\xcc\xf6w%\x9ei\x96^\xe4\x80m\xb2\xb2iP'</t>
  </si>
  <si>
    <t>b'"\x84\xa9l\xa6\xa2\x96\xea\xea\xd4\x94\x81\x17\x93I\xb3h&gt;\xb7\x1eH\x96\x95o\x90\xea\x8b\x90\x98C\xca\x8c'</t>
  </si>
  <si>
    <t>b"\xf6\t\xdd\x1d\x88\xd8;WB?\xe2-\x9e\x94\xc4.\xb8'#.\xec\x17g\xf3\xeb\r\x0c\xbc\xb0O\xe6\xf5"</t>
  </si>
  <si>
    <t>b'\xba\xc2dS\xf4vk\xf0\xa8\xdd5\xdbNN\xde\xc6\x1d.K\xae\x05\x8f\x9d\xba\x9f\xcd\xe0\xdf\x10\xd3\x85\x08'</t>
  </si>
  <si>
    <t>b'Cbc\x99\xbd\xb3!\xcb\xc9\xcc^\xa0\xc9B\xca\x02\xde\xda,`o\xbe\xef\x9c\xcd\x98B\xaf\x0c\xef\x1e&lt;'</t>
  </si>
  <si>
    <t>b'\xa6\xa1\xa2n\xa0.\x07`\x04bq\x9c\xc8\xa1\x05|\xf7\xb1\xc6\x00`\n\xdf\x1c\xf1\x9f\x18"1k\x8cT'</t>
  </si>
  <si>
    <t>b'4\xc7\x94\n\x1c\xa7\xf4e{l\x1a\x9a\xd9\xcc\xb0\x95\x0c#\x18\x9f\xcd\xb7\xfb\xa3\t\xb8\x93\xa7\xec\xf5\xf8\x97'</t>
  </si>
  <si>
    <t>b'/\xbc0Yy\x9a.\x7fr\xe6\xb4\xa5\x13/\x81\xac\xb5rt\xe9t\x03\xc6y\x17\x9f\xa2\x9cL\x88\x07\xe4'</t>
  </si>
  <si>
    <t>b'\xe8\x8c\x133\xd8\xab\x16\xb8W\x9a"\xeb8qn\xf4e%P\x90\xc9\x95\xe9N\xdc\x93L\x93\xaf\xa0\xfe\xa9'</t>
  </si>
  <si>
    <t>b'\xfe\xd3@\x15\x8e\xacV\xb8\x07\xef\xa8\xeb\x18\xddix&lt;i9\x18]8l\x0b^r\xbe\\\x8a5\xc3\xb1'</t>
  </si>
  <si>
    <t>b'\xf2"%\xcfEs(\xe7e\xcb)\xab\xe8"\x1a\x92\xb4\xd7\xc6\xe5\x9b\xc2\x88\x8dh\xfa}}G\x02\xdfL'</t>
  </si>
  <si>
    <t>b'\xfb#\xd7\x8a\x14d\xab\x97\xc4\x8c\xa5\xc3\xc5V\x1b\x04\x10\xeeFX\xcd\t\xbaaT\xb6\x1f\xd1\xbc#\xbb\xa7'</t>
  </si>
  <si>
    <t>b'P\xefnzNa\xfa\xe8\xa8\xd5\x1a\x07\xe1\xb4C\xc2w\x01 w\xf5\x9a\x9e.\xfc\\\xf2\xd6\x05i&lt;Y'</t>
  </si>
  <si>
    <t>b'\xf8D\xab\xf1\x9d\xcd[g3\xc0v|\xb6\x1e\xa5\x05\xd1V\xb6\x88\xc69\x16`\x00@\x12\xa7P.{\xeb'</t>
  </si>
  <si>
    <t>b'\xb0\xf9~R\xc3\xf4\xde\x01\x97\x84\x0b\xf7QC\xe2\xa0\xca\xb4\xdfL8T\x9d\xeb\xad\x97|3\x0e\xa1\x81\x95'</t>
  </si>
  <si>
    <t>b'\xd0\x08\x95\xfd\xa0\xd5\xd2\xaa\xa2*\xa8n\x05e\x9a\xdc)\xef\x0cIW\x18\xb8\x06\xf2\x05\xca\xfb\x08cw\xcc'</t>
  </si>
  <si>
    <t>b'+V\x9fR38V\x10(p\x1a\x17\x8b\n\xbcN[b\xca\xe1\x12&lt;\xac\x07\xa7\x92z\x8bz\xac\xb7('</t>
  </si>
  <si>
    <t>b'`\x10r1\xfa\xd8c\xe3\x8d\x87.!\xec&lt;\xbb+\x17yR\xe5\x10\xc5\x99\x11F\x8c6\x8b&gt;WF\x9a'</t>
  </si>
  <si>
    <t>b"\x16v\x85\x01\x15N\x8b\xd7?:&amp;\xb6$[\x1d\xee\x99'\x90&gt;\xa4a\x056h\x88k\xe5\xcf\xcf(C"</t>
  </si>
  <si>
    <t>b'\x07\xded\x8e\xd4Q\xce5\xcbm\xb8?\x14\x81\x8bk\x8f\x15\xb5\x11\x87\xd2\xfbj\xd4\x82\x88\x84(\xb7a\t'</t>
  </si>
  <si>
    <t>b'\xe13\xf5\xef\x16\xf1*!\xef\xfc\xbd\xf5\xf9c\x9ff\xea.\xb0^\x96e\x03k\xcc\x00\x83\xf7\xeev&amp;\x01'</t>
  </si>
  <si>
    <t>b'N\x11\x9f\xd4\xe5\xe7\x03g)\xf5\x1bvmr\x16\xa3c\xa1\n\r\xa8X\x8e$J\xaa\xe4\xd8P{\x96.'</t>
  </si>
  <si>
    <t>b'\xd9\xf8\x89\xbc\x8c\xa20B\xe8\xe5$\xb6\xcfVG1\xb2\xcfm\xc4\x8d\xca\xda\xdd\xb4\xa9\xe7\x82d\xf1D\xbf'</t>
  </si>
  <si>
    <t>b'u\x03\nP\x06\xb7K\x0eo7R\x08y\x82\xa1\xb7\xd4\xeblQ\xf2gf%\x08(\x9f\x19Dd\xa3\xb4'</t>
  </si>
  <si>
    <t>b'L\xec\x86\xa6\x91l\x8a:@\x11e0\x0c\xd9T,\xcf0\xe1\x93\x19e\xb8L#\xc8\xc1\xd1\x02\xc2\xb8\xee'</t>
  </si>
  <si>
    <t>b"F \xbf\x81\xc8\xff\x1f\x08K\x92\xf7p\xae\x1f{'\x02\x98\xc3\xe1\x06YW\xcb\xc4\xfe&gt;\x84t\xfb\x1f,"</t>
  </si>
  <si>
    <t>b'\x14crmA]]u\xf3,\xbc\xc4\xde\x8fR\xb5!.G\xd9:2\xdd7\xab\x1f\x11ue\xf4gt'</t>
  </si>
  <si>
    <t>b'\xc4s\x83@6b\n\x9c\xf9\x12\x10\x933\xb0\xe4%\x0fUM\x8b\x96\x01q\xc9\xf9@[\xfb:\xa8`\x1a'</t>
  </si>
  <si>
    <t>b'\x85\xee=\xc3\x90\x94\xd5\xac\x95\xc5\x8e\x8d\\-_?\x10\x9cbe\xcdl\xc9*d\x8e\x04Ek\xb2\x837'</t>
  </si>
  <si>
    <t>b'U\x1b9\xbf\x0b\xb4}\x92\x18P\xb5h\xd2a\xaa\xed\x9f\xdaA\x01o\xf2]&gt;^\x1eW\xf9\x96y\xc2\xba'</t>
  </si>
  <si>
    <t>b'\xebz\xdb.+S8\xf0\xc5\xd0\xc6eO\xf89^+\xa1-\xc1P\x91j\xfa\xf8\\T\\\xeb\xdf|\xd0'</t>
  </si>
  <si>
    <t>b'\xc0u\xfeS\x14\x1b:\xed\xd6Uo\x04*\xcf\xfd\xf3\xda\xbc\x06\x7f\x9a\xc6G\x9a\xf1\x9dKj;\x03\x7f\xa8'</t>
  </si>
  <si>
    <t>b'w7X\x13&gt;\xb9\x1d\x10\xa3\xf0\x90U\n\xef\x89\xaf\xa5\xdd\xe8X\tc\xe4\xbeBKB\x96\xafB\x8a~'</t>
  </si>
  <si>
    <t>b'\x9c\x97\xc4n\x98`\x97\xbe\xb7\x10\x19/\x04\xb2\xf84\xa1[\x98\x0f\x8f\xcbk\xf2\xe5\xa3\x1e\x0c\xe3|\xday'</t>
  </si>
  <si>
    <t>b'\xebO\xf5\t(\xe2A\xa0P\xca\x01\xe0hy\xe2t\x19D(Cs\xe9\xc3\x08\xc7\xce\x9b\x10\xe9\xd5\xc1\xe0'</t>
  </si>
  <si>
    <t>b';O-#a\xc9\x95\xd3/h@\xe2\x9e\x9b}\xa5$!\xfd\x97\xae\xca\x9fo\xe2\x82\xffnU\xfa\x96\x8f'</t>
  </si>
  <si>
    <t>b'o\x06\xea\xf3\xfeg4Q\x8f\x88F\xadI\xden\xbeD_0\xe3\xba\xf2\x84H\xaf.\xd4$v0\x1c\xa9'</t>
  </si>
  <si>
    <t>b'\x96\xd9\x1c\xda\x9e\xd88\xca\xf1k&amp;\xdc\xefd\x8e\xac\xd1&lt;\xdas\x9c\x7f\xbeH\xb1.\x1e\x94o$\x84\x80'</t>
  </si>
  <si>
    <t>b'6\xca\x05Q\xed*\xd7x}\xda\x96H\x91#S\xe4\xd76\x03\xf3\xd4(\xcdQZf\xa0\x15~ \xd3['</t>
  </si>
  <si>
    <t>b'\xc4\xb5A\xd9\xb0\x8b\x1b\xc2\xa2\xb5r\xbfD\xfd\xd6\x96\x7fQ[|#\xa7\xff\x9c,\xd6\x0eA\xb9[Q)'</t>
  </si>
  <si>
    <t>b't\\\xd7\xb02Qv\x91\xebo\xb1\x02\xbe\x7ff\xb4\xb6\xfbc\x08\xb1\xa9\x0c\x8a\x872_\xb5\xd0\xba\x068'</t>
  </si>
  <si>
    <t>b'n\x1f\xc3[4\xe0\xda\xf1\xd4=\xf5\x88\x7f\xf7Y47\xa3[\xf67\xa7pQa\x0cMf\xb8\r{K'</t>
  </si>
  <si>
    <t>b'V\xf7\x13\x17\x82:A\xa4\xd3\xd9y\x00\x0f\xe5;\xcbH\x8f\x9b\x98A7\xde\x02\x90\x91|\x1c\xe0B?\xfe'</t>
  </si>
  <si>
    <t>b'*\xda\xb6\x15\x80HH\xb2\xeb5\xecK\xceQ\xdb\x80\xf9" 8\x13\xd5\xb2Uw\xce\xd8\xde\xfd[\x03\xa3'</t>
  </si>
  <si>
    <t>b'\x97\x08\xd3\xfd\xa1I\xfe`\x15\x9d\x1e\x97\x1d\xb1\xb3\xf4Eqw\xdc\x92\xf5S\x01\x1aJ\xba\xac\xb3l\x0b\xf2'</t>
  </si>
  <si>
    <t>b'\x08m\n\x00u\xd9\x99\xf1h\x85lt\x17r\xb0\xc2O&gt;\xd9\x17\xbcl\xf6r\xabj59\x1b{Z\xbb'</t>
  </si>
  <si>
    <t>b'\xb4&amp;J\x1d\xe9\xb7\xbd\xa0:\xaab\x16\x03\x86\xd4tdx\xf3v\xca\x7fMST\x05\xe2e2\xde\xa3v'</t>
  </si>
  <si>
    <t>b'y\xfc\xd3z\x8e\\\xf6\xe0\xb1\x8b\x85P~\xcc\xf7b\xc2\x03\xcf\xa2\x04\x8f\xa0\x94\xf0OdKy\x15\x12~'</t>
  </si>
  <si>
    <t>b'|\xf6\x9b\xe3A)\xcb\x84&lt;o\x92\x1aub\x1f;\x91==\xe7\x84;KlTN\xcd\x05\xd7\xcb\xacC'</t>
  </si>
  <si>
    <t>b'`&lt;\x14J\x82S\xf4\xc24L\xa1[T\xb4\x95\xf1\xda\x04Q\x1e\x03\xf8\xc8o\xb8\x81\x1f)\x13q\xf8\xca'</t>
  </si>
  <si>
    <t>b'\x90\xf9\x91\xe5\xf5\xb4\x1b\x94\xac)\\\xa8\xd5\xb5\xdd\x15q\xe4\xcb\xd9fj\x84\x0e\xcf\x0c\x1eg\x1f\xe0\x18\xf9'</t>
  </si>
  <si>
    <t>b'\x86O\xb05p&amp;\xaa$\xc6\x9b\xe8\xcd\r|:\xae^\x85\xc7\x12\x84\xd8\xda\xe3\x07\xc1C\xcc\xffX\x88\xcc'</t>
  </si>
  <si>
    <t>b'&amp;\x87\x98|B@\xf0\xb0\x0b\x18\xc6^K;\x1c5\x16.\x0c\x8d\xf81\xa4\x1d\xe3\xf8\xd4`\x95N\x8cK'</t>
  </si>
  <si>
    <t>b'\xd9\x8ed\xcf\xd2\x93`\x91J\n\x8e]\x85\xfc\x0fOFy\xe5\x1f\x07\xd7\x1al\xa26\xb7\x1d\x8c\x88\xd2K'</t>
  </si>
  <si>
    <t>b'0\x81{]\xb9\x8f\x1d.\xe3\xa3\xf8\xe5lb\xf4&lt;n\x1f\xfb#@\x14\xc1j\xa0\x0e\xc8\x7fe\xbb\xf9\xc9'</t>
  </si>
  <si>
    <t>b'\x9c\xec\x11\x9f"\xb7\xf8#\xd5{\xc3\xc9CH`i\xf4\x90QE\xe5\x97\x82\'\xd6\xa5\xbc\xca\x00v\xcd\xed'</t>
  </si>
  <si>
    <t>b'H\xf6F\xe2\xf4\x0e;j\xe2\xfc}\xc3\\\x02)\x84\xd5\rNj7p\xeb\x9e@\xeb~\xa3\xc4\xc8\x1d\xfc'</t>
  </si>
  <si>
    <t>b'\x18\xf0\xc0)\xfb"\xac\xf0\xd2G\x89\xc8S1&gt;!7\x1al\x8bG\xbd\xb3\xa8\xc5^\x16\xdf\xadDy\x18'</t>
  </si>
  <si>
    <t>b'~\x0c\xc5Y\xa3K\xaa\xc5o\xa1\x0b\x95\x97q4\x8c\xf2\x12\xaf\x83\x8c\x1dT\x8d\x03\x97\xae\x1fF\xca\xbf\xae'</t>
  </si>
  <si>
    <t>b';\xb9\xd0\x97\xd9\x7f/\x18\x07-\xd0\xaa3Z\xf0\xf3h\x9cG0\xdd\x1fZ\x05\x156b\x8d\xddx\x11f'</t>
  </si>
  <si>
    <t>b'\x8e\xae\xe3[\xcbHow\xdd\xe6\xac\xbc\x14q%\xef0\xf2@\x9c\xe6Vo\x1d\xff2\x95\xb9\xf4\r\x8a\xed'</t>
  </si>
  <si>
    <t>b'\xc6\x17\xd7F\x99&amp;]\x7f\xc4i\xc6\x1b\xc7\xa1}\xb9\\\x1f\xe0C\xae7\xe9\xe4)\xc1w7g\xc3\xa7r'</t>
  </si>
  <si>
    <t>b"5\x835\x8a\xc1\xfcWE\x1de\x01\xa1\x00\xe3\xc8m\xd2\xfb\xc7'y\xb2\x7f\xfa]\xb5d&amp;1\xa0\x9d\xfc"</t>
  </si>
  <si>
    <t>b'\x98jy\x81!\x03\x93\xeaZCNjS\xda\x08t\x9b\xe4\x1b\x8df\xe8\xbd\xf3J{R\x8f\x84[\xea\xd9'</t>
  </si>
  <si>
    <t>b'\xcd\x83\xa2\x95*\x1f\x1c\xab\x9f\xa5-\xf5\x82*\xcc\x98\xc7\x98\xef\x10D\x8d7\xdc\xb6\xddn\x98iL\xf3\x8c'</t>
  </si>
  <si>
    <t>b'\xb4v\xf8\x87.E\xbaI\xe0l\xfa!\x81\xef5m\x06\xa8\xf8bqH\xfcz\x13\xe3A\xacd \x07\xeb'</t>
  </si>
  <si>
    <t>b'\x9e\x13\xdb\xdb\x8e&amp;\xec\\p9M\xb6\xce\xaa\\\xaa\t\xa7\x85e\xc8pH"\x05\xc6\xd6n\x11\xc9\xdf7'</t>
  </si>
  <si>
    <t>b'}]\x9b\xaejL:\xa8\x94\x87\x97\xe0Hj\xddx\x85\x13\x1b\x1cwU6\x1d\x88\x03\xd9\x03|k&gt;\x82'</t>
  </si>
  <si>
    <t>b'\xf4\xb1\xe2\xf3vG-|v\xda\xa9\xb23\xf6\xd3\xa8S\xa6\xfegE\xd5\xbb,\x17f\xe4^-\xfbK\x92'</t>
  </si>
  <si>
    <t>b'wE\xae\x1f\xa4!8\x17\xd3\xe21\xb2\x8b\xfdi\x16\\c\x95y\xaa\x00u\xce\x06\x0bh\x81\x9c\x9a\x08+'</t>
  </si>
  <si>
    <t>b'\x0c\x84\xe8\xa1\xcc\x1a\xac\n\x1b|\x95,xhJG[\xd9&amp;\xfd\x90\xb0\x18\xf1\xb6!\xd7\xbc]\xee\xf4b'</t>
  </si>
  <si>
    <t>b'\xa9\x06R\x94\x80\x8ds&amp;\n\\\xcb\xb17\x17n\x0c\xcbwSb\x89:l\xe1]\xc0d\xd9x&amp;\x07\xd3'</t>
  </si>
  <si>
    <t>b'"K\x04\xe5\x9bM\x85\xf5\xc3\x8c%f&gt;\xb9M\xf0_\xa9\x9c\xef\xcf\xd91\'\xd0$\x82-\xda\x9cCh'</t>
  </si>
  <si>
    <t>b'\xa1|x\x11\x93S\xba7\xc2\x19\xb2~\x1ak\x1fW\xfe\x92F-\xbf\x01\x90\x9f\xb4\x98\x1a\x82\xc8\xec\xa2\xb1'</t>
  </si>
  <si>
    <t>b'\x10\x13q\xc8\xfb\xbc\x07P\xa4J\x9e\x0e\xbd\xa1fd\x95j\xdd\xb1_\xe2t\xce\xbed[\xea\xfa|\xc6\x81'</t>
  </si>
  <si>
    <t>b'J\xf3%\xbd\x07\x94A\xb1\xa0\x86"\xab\x88`\xc5F\xbe\xdd\xb4\xa2 \xfe$\x07\xd0Z\xaajJZ\xc5z'</t>
  </si>
  <si>
    <t>b'\x10\x94\x02\xfc!{\xa9\xc7Z\xa9&lt;\x7f\x14{\xe3\x9e\xb6$\xec$SA\x94&gt;\x16I\xde\x97;\xe5%\x1a'</t>
  </si>
  <si>
    <t>b'$~m\xae!\x98\xd3\x80FF\xf3k\x90Y\x124H\xeb\x05\x1dFf\xe9\x1b\xb7\xcf,/\xefEn\x80'</t>
  </si>
  <si>
    <t>b's.\x1f\x81\xe4\xd4hT\x92\x86R\x18\x10\xc372\xb2\xc4\xf5^\x84\xf0\xb9&lt;\x08u\xe5Iw\x14\xbb('</t>
  </si>
  <si>
    <t>b'|\x9fi\xf3\xe3\xd4\xaa\xfc\xd4\xf7\x0b6\xf7\x7f\xba\xcf\xc5\x10\xf1\x11\rxUa\xd7\xbe\x9a\xa0e\xfb\x17E'</t>
  </si>
  <si>
    <t>b'3|\x15\x97\xf3\x8e\xae\xe4\x1d\xdc\x94\x9c=\xc8fW\xf2\xdf\x9d\xaa\xa3\t=!p\xc1\xb7)5\x8d\x02\xc1'</t>
  </si>
  <si>
    <t>b'J\'\x18\xdd\x1c\xfc*\xb8\xa8\x7f&gt;_\xb4c~"!\xbf\xd9#h\xb9=\x84@\x04{3\xd4w\xa4\xe6'</t>
  </si>
  <si>
    <t>b"\xf7\xf4\x10\xb8\\D\x91\xa0\xd8Q\xe8\xfcQ\xbd\xdd$\x9f\x83'\xa8\xcb_\xebh\xfd\xe9\xad\xff\x1a\x13/\x11"</t>
  </si>
  <si>
    <t>b'\xacm\xd4\xd03\xe3\x04J_5\xc5\x85_\xa0\x95b\x0b\xa5\xcb \xf9\x05\x99k\x9d\xe6\xe7F{C\xcbV'</t>
  </si>
  <si>
    <t>b'\x81j\x02u}a;\x05O3\xbf\x9c]\xf5\x86\xef\x06\x9f\xe8O.!\xf4\xe2h\xd4gf?\xffO\x8c'</t>
  </si>
  <si>
    <t>b'G\x9aE\xb0\x8dV\x01\xa8\xe6\xbd\x1f\xbb\xdcNl\x04\x92\xef\xcbbJ\xa6\x9b\xda\x98\xc6_^1\xa1\x1cT'</t>
  </si>
  <si>
    <t>b"D\xc4\xa8t\x84uN\x19\x11\x9bL\xa9b5\xe4\xd0'\xb6D\xb80\x7f\x99\xc0\xfd\x18\xbc\x17ky\x97!"</t>
  </si>
  <si>
    <t>b'Q\x01\x02\xc5N\x8b\xd8M\xa8*\t\xfa\x9eS\xa4z2\xa7\xccW\xeb\x7f\x02\x93\xf6\xe5\xdfo\x91\xfc\xbf\xf3'</t>
  </si>
  <si>
    <t>b'\x1b\xcfAD\xa6\xa7\x8fh/\xf1\xb7\x1eL\xd8\xc5\xe2\x95\xe8\xa1\x03\xa6J\x8eX\xcf\x83x\xb9b\x88\xdfK'</t>
  </si>
  <si>
    <t>b'\x84\x88\x9e\xd3\x04\xc0\x0c\xf3\xe3\xcb\xc2\xc9.\x08\x8a\xb1\xba\xa5h\xe2\xca\xca\x1c\xfc\xaa#K\xcf\x91\x163\xf1'</t>
  </si>
  <si>
    <t>b"\xe2&amp;;p'\xb0\x9dPk\xc5\xd9\xbeK\x96\x14A\xaf\xb1\xbe\x944\x82\xbe\x01DS\xec\x9b\x87\x1ez\n"</t>
  </si>
  <si>
    <t>b'\x83\x17\xb0=d\xd4\x86\xeeC\xed\xa3\r\xfe3\xbbQ\x86\xed\xe0\xfe\xb1\xd7w\xed\x17\x9a\x1b\x81\xc0)n\x13'</t>
  </si>
  <si>
    <t>b'\x1b\x0ckn\xabh/\xddM\xa6\xd0\x9d\x10\x19/\x1aQ\xfa(4,\x9a\x1e_\x94\xc2=\x98\xd2\x19x\xe7'</t>
  </si>
  <si>
    <t>b'r\x99ORr&lt;\xcf\xed\xf6\x84\xac\x16\xb5g\xfa\xeb\x99\xf7\xcc\xb8\xc1_\x06o\x10ZM\xa1d\xd5\xd5\xa8'</t>
  </si>
  <si>
    <t>b'\xc7\x83\xcd\xec\xb9\xf0\x91\x98\x1f\xa6`;\xe4V\xeew\xa0\xb9V\x87\xe2j\xb9\xd4\xc5-\x93q\x89\xd7s%'</t>
  </si>
  <si>
    <t>b':&lt;\x9e\xfa8RP\xf4\xc8E,\xa5\x04\xc0U;\xef\xc4Qg\xa2i3X\xe6o\xb4w\xfa\xc7\x9aB'</t>
  </si>
  <si>
    <t>b'\x94\xaa5=\xe7\xb3fX\xf4\t\xd5\x81m\xe5\xfd\x1f4~\\!\x00\xca\xe1=\xe5\xfa\xbd\xe2-\xe7\x8c\x86'</t>
  </si>
  <si>
    <t>b'w\xd6\xe8\xd6\x05\xb3_q\xddb\xd0\xd7Bi\x11\x95\xc2&lt;V\xd8\xd4\x81[\x97`u3OM\xd5\xca5'</t>
  </si>
  <si>
    <t>b'\x00\xe4s\xd4\xd3}\xae\x9a\x97o\xb1\xd2\xcb;\xce\x1dUL\xa2]\xcf\xe7G\x18A6\x92K8\xa6&gt;\x86'</t>
  </si>
  <si>
    <t>b"H\xd6\xd7\x1b'\x96 !\x8e\x8cwvki\x10\xa2A\xb9\xa4#\xdfKEbr?\xa9\x952e\x8d\x96"</t>
  </si>
  <si>
    <t>b'\xd5\xef\xe0@\xf66h\xd3\xb3]\nN\x0f\xb5\xa2\xa0Z4\xe2\x80\xd6\x1a\xdb\x84\xdf4^f\x80V/%'</t>
  </si>
  <si>
    <t>b'\x07_aUc1-\x90\x90[\xa8]\xb4hs\xb2@\x04\x89\x85\xf9\xca\xd7OD\xcb\x84{\xe3W\x8b['</t>
  </si>
  <si>
    <t>b'f\x15B\xd0Q\xf1\xb2\x96\xef`\xe3\xc3\xe6\x01\x08\xe9\x1f%\xa17\xec\x86*\xfb\x87\xad4\xd6\xbb\x19\xb0\x86'</t>
  </si>
  <si>
    <t>b':\xe9\x98e\x9dH\xca\x95Z\x19\xff\xe4\x18\x1a\xed\xb5H\xdd\xc3\xd3x\x04t\x05\xd2h\x8b\xe7r\x13\x1c\xcf'</t>
  </si>
  <si>
    <t>b'\x99\x9b\xfa68E,\xcc\xc0\n\x96}9\x15\xb6\xe8\x1bb\xbb\\\x8e\x8d\x105\xb4zA\xcb\xcb\x14 n'</t>
  </si>
  <si>
    <t>b'xD\xd3\xa0`\xb0*3\xb0\x06nb\xc7r\x83\x82S\xd8\xc3\x1eU\xa8ZS\xde\xb1T\\\xd3\x02A\x95'</t>
  </si>
  <si>
    <t>b'\x8a\x9f\xddB\xfb\xeb\xe2T\xac\x10@\x14\xf8q\x12[b\xf7]L/\xfb\xabQ.\x17\xc4\xe8\x8e\xcf\xd9\x93'</t>
  </si>
  <si>
    <t>b'\xc4\xc5\x8f\xd9\xa9\n\xeeh\x98\xb8b19 1\x98c\xa2\x04\xc1Q\xde{\xf1,\xd8\xf4b\xf0\xec\xad}'</t>
  </si>
  <si>
    <t>b'\xe3\xb3h\xb7&lt;@\xc0u\x88s\xc2\xecw \xd1{\xa3)\xe9\x1d\xe4\x02p\x1d(\x1f\xefm$bP\x9f'</t>
  </si>
  <si>
    <t>b"\xa9\\\xdb\xf1=\xd3\xacJ\xba\xa4\x9d\xc0:\x06\xaa\x85\x81\x06\x7f\xdd\xe6V\x1cD\to'\xdcN\xd2\x08\xb4"</t>
  </si>
  <si>
    <t>b'\x1d\xa0\x10\x94\xbc\x9f\xb4$h\x9cfo\xa4\xe7$\x13\xb8P9\xae\xf4\xb9h\xec-\xd7!0\xe2\xf0\xee\x1c'</t>
  </si>
  <si>
    <t>b"\n\xca\\[p(\x87b&gt;\x05\xa9\xa0\xe3\xe7o\x13\xe4\t\xc0\x8f.\xa5\xd8\xc6J\x01\xe6}'\xd4\x7f\xa8"</t>
  </si>
  <si>
    <t>b'E\x95\xa7J\x9f\xc6gi\xb4\xeeIM\xceh\xec\xf4Q\x86\xfa\xfa\x98\xb1f\xcc\xa1\xde\xd8\x96\x13\xa9KJ'</t>
  </si>
  <si>
    <t>b'\xf6\x92Z\xc1\x10\xce&lt;}\xd1\xb3\xbc\x92^AQ\x8a\x8e39\xba\xddhj \xeaNpb\x9e\xf9+\x9b'</t>
  </si>
  <si>
    <t>b'\xd4\x93&gt;|\x16\x897\xd6K\x9e\xc3\xd7\x16\x9c{r\x0e\x8d \xdb\x17\xb5L\xe9\xf0\xf4?\xb2\x86G\xb9\xe3'</t>
  </si>
  <si>
    <t>b'`\xa0\x0c{\x18\xe1\xef\x88\x9b@\x17\xe0\x82y\xadCM(\x9f\xfc{\x05tr\x14A\x82\x01\xd5\xf0af'</t>
  </si>
  <si>
    <t>b'\xc0\xa9\xcc\xfa\xa0\xbc\xef\xc4\xdb\x82\xae\t*b8P\x0c\x0c\xba\xa5\xb1\xde\xe0\xd3\xee,\x8c\xd2\xf1\x1d\xc6,'</t>
  </si>
  <si>
    <t>b'O\x14\xff\x9a\x82h;\x12?\x8f\xa8\x8a\xdc\xb3\xe5\x91\x1f\xc80\x9a\xa4\x08\x9c/G\xe9u\x0c\xcb\xca\x1c\x1b'</t>
  </si>
  <si>
    <t>b'\xa8\x05fw\xdd\x97g\\Y \xcaU\xee]\xaf\x95\xec\x1c$i\xfb\xc3\xbc\xbe\xff\xc5L\xe3s~4:'</t>
  </si>
  <si>
    <t>b';\xf2\xa4\xb1\x89\xe1\xd8\xaf\x07{\x06\xa9\xf5\xcb\xb5\x17&gt;^y\x16\x89\x9f\x83L\xb5\xb3\x87v\x9e\x1cv\xd9'</t>
  </si>
  <si>
    <t>b'\x94/d\x9b\xd1\xef&gt;M}\x7f\xcc\xc9\xad4tR$\x8aq{Jf\x9a7\xdb-\xf75+.\xf2\xb3'</t>
  </si>
  <si>
    <t>b"\xc1\x0c\x08\x0f\x99\x1d\x8b\xc9\xc4\xb7\xae\x92\xaeYM\x0b'c\x94\x17&gt;[\x85\xc9\xd1\xe3q\xd2\x00\xfa\xdc\xd3"</t>
  </si>
  <si>
    <t>b'En\xc7\x1e\xd5A\x8a\xbbP\x04h\xe6\xaf^;v\xa34+\x94\xe8\x99J=\xdc^\xba%\x8e\xab\x14p'</t>
  </si>
  <si>
    <t>b'\x08\xd1\xfc2\xd6\xcc\xeb\xf9\x90Ici\xf2\xe0\xeaO+\xfe\x9f\x1e\x85\xe1x\x1ff\x11\xc8\xcfm\xa28\x0c'</t>
  </si>
  <si>
    <t>b'\xa5\x0e\x1d\xc5\x0cEM\xc8z+x\xe6YM\x83\xfaU\x12e\xa8\xd4\\\x12\x19/\x1a6\xf5\x95\xc5\xbc\xc1'</t>
  </si>
  <si>
    <t>b'L~\xa6M\x811.j\xe8&amp;n8\xca\xe0#\xbf\xa9\x9dD1\x9c \x14R\xa2QZ\xd4\xbe\x1bn_'</t>
  </si>
  <si>
    <t>b'g\xc9\x8b\x8e\xc2\xeah\xf6\x82\x1c2{\xbc\xa4\xc8\x86\xfa^\xb3r\xb0{\xb7\xf7^P\xed\x84\xdc6\x87s'</t>
  </si>
  <si>
    <t>b'(\xf0\xbe\x8ab\xa2\xa6\xd9\x19T\xe1\x8d\x02\xd2A\xce\x0c\x19\x0c\x94\x17\xee\x91I/m\xc2\xd7j\x99\xcd6'</t>
  </si>
  <si>
    <t>b'\xdf\xa3\x8a\x08It\xbd\xf5\xfd\xbd3\xd6D\x1e\xbdv\xa3;w=g\xf8\xed\xd4\xa2"\x7f\'\xc3U*['</t>
  </si>
  <si>
    <t>b'Q\xa2\x01z\x07\xfe\x15\xad\xbf\xae%~\x84\xe4&gt;\x06\x8c"\x06p\x1f\xac_\x8dk\xcd\x83\x1f\xa0\xc4\x94\xe4'</t>
  </si>
  <si>
    <t>b'r=i{\x02G\xb1,\xdf\xeb\x997\xb13\xc1\xec8W7\xa4\xa7\x1c\xf4\xe9\xc0\x12[!\xc7V\xbd\xac'</t>
  </si>
  <si>
    <t>b'M\xcb\x0b\x9bOu\x1a\xe0\x9e\xee\x92\xa8_\x13qD\x97m?\x95\xc0\xb2\xc3\xa6L\rZ{\xe9\xe0/n'</t>
  </si>
  <si>
    <t>b'\xd2\xd4\xedM\xd6,\xf8wI\xe5dH\xfa.\x18L\xe8\x81\x0c\x8e\x9a!\x1e\xa4\x85\xe1\x92\xae?"\xacv'</t>
  </si>
  <si>
    <t>b'\x87\n\x8dA2\xd5\x81\xee\x88\x8b|HC-uLm^6\x82\x06+\xd9\xed591"\x9b\xcex\xdb'</t>
  </si>
  <si>
    <t>b'\\\xbfiv\xef\xba\xc8pk\x14/\xf4\xc0\xf4,\xf0\xfc\xcf\x8c0w\x99\xa0\x81\x9b\xff\x10\x04\xade\x82E'</t>
  </si>
  <si>
    <t>b'\r\xb6\xcdK\xdd\xbdp\xf1\xd7=\x81\xdds\xe1\xc8L\xba\xffOIU\x10e\x99\xe0\x17WX \x8e\x02g'</t>
  </si>
  <si>
    <t>b'B\xdd\xa2 \x90+\xf6\x0b\xe2\xcc\xe0\x1a\xbe)\xb40v\xd9\xde\xca\x96Q\xc3\x0be\xf6\x12a}\xf0A@'</t>
  </si>
  <si>
    <t>b'\x91\xa3E\x9c\xa0\x06\xa7!\x02\x0f\x96\x9d$\xc8\xae\xcfD\xfb\x8f~\x0e\xdb}\xdb\xeb\x07\xc9y\x95%\xd6|'</t>
  </si>
  <si>
    <t>b'\xd72\xbcj\x8fq?&gt;\xd7\xce\xad\x95WH\xeb\x1a\x0c\x95\xcd\xa7\x13q\x91\x15\xef$\x90\x8b\xb6Il5'</t>
  </si>
  <si>
    <t>b'k\xd2/\xe0i\xf3\x06\x0c\xcf\xe4\xa6\xa8{\xde\xb4\x98\xaf\xa3\x9a\x9cu\xecw"\xa6\x06\xc8xR\x8f\xf9:'</t>
  </si>
  <si>
    <t>b'"u\xc1\xce*\x99\x08^@k\x8a\xe9\xab\xcco\xbb\x05v\xe1\xdc\xf4\x1b\x8f\x91h\x93\xc6\xfb\x06\x19\xdf\xcb'</t>
  </si>
  <si>
    <t>b'\x0f\xf0\xa6\xab\xcc\xae\xc9\xc2\xde.\xcd\xec\xc5\xffI\xb1\x14\x0f\xe7\xb9\x06\x00V\r/aM\xb9\xcd]Rr'</t>
  </si>
  <si>
    <t>b'\xaa&amp;\x06}\'\xb3*F\x9f;\x17.\x1a\xe6b$0s\xe7\x9a\x98\xd2\x8f"368\xd6\x15KE\x1b'</t>
  </si>
  <si>
    <t>b'\x95\x8f6\x14Jc\xbd\xaa\xb7\x1bn\xa5\xad\xd6\xfa\xb0\xe0\xe6\x7f\xa5\x19Y\xa7:\x93\xfa\xc3H\r\xd3\x91F'</t>
  </si>
  <si>
    <t>b'\xadBlJKU(\x9b\x05\x16id\xcff\x08\x0b\xb1R\x0f\n\xf71\x13\x00\x8a\x11&amp;e\x14\xc1s\xa6'</t>
  </si>
  <si>
    <t>b'\xcb\xb4\xc0\x81=G?*\xf6\xca\x0b\x18\xbeM\xf3\xdb\x95\x9f\xa6\xea\xb9\xb0\x81@\xf9\xa6a\xd4\\\x1f\xda\x1f'</t>
  </si>
  <si>
    <t>b'\xd6}\xd7\x1d\xab\xb0.\xb3\xd6\xe4\x1a\xf4q~m|\xde\xc6\xb1\xb7\xcc\x8a\x15\x9bi\x8c\xdeE\x91F\xd0\x8d'</t>
  </si>
  <si>
    <t>b'&gt;\x15-\x92V\xe79z\xf9zO9J\x03\xbf\x9c \x14W}z\xaf\xbc\x1fa\xf1{t%5\xca\xf8'</t>
  </si>
  <si>
    <t>b'\xb1E\xd2\x18\x7f\n\x15\xc2l\xc3\x02Q\x13\xd9\x81*GYP^\xdd5\xbc\xb7~\xfe]QSKE\xe5'</t>
  </si>
  <si>
    <t>b'\xe6\x01p\xca\xf1\xef\x8b\xcc\xe5\x85\x81B\r0\xaa\xa1\xbfd\x0e\xfey\xd3\xb1\xac\x84)?f\x89)U\x87'</t>
  </si>
  <si>
    <t>b'\x11\xc7jH\xe9A%i2"\x86\x92:\xec\xc2\xb4\x06}\x9bT\x14\xf43\xb0\xab\x90\n\x92;\xa8~\x91'</t>
  </si>
  <si>
    <t>b"fn\x10A\xf8\x98\x0b\x7f'\xb0T\xe1\x1e/\xc8K\xc3\xac\x1bHp \xe5\xd4h\xc4*\xa5fg\x97\x0b"</t>
  </si>
  <si>
    <t>b'\xc7\xc4\x8e\xc5{{!\x87\xff\xa2)Azf\xbb\xafs\xa2G)\xfe\xc4\xfc\x97\xecF\x83\x1d\x13\x82\xe2}'</t>
  </si>
  <si>
    <t>b'\xb1\xf7\x947\xd4(\xc0\xb0\xa1\xd8^\xcf#\x1cV\x1a\xf8n\x182y\x154\x85\x8a\xe2BU\xc2.W&amp;'</t>
  </si>
  <si>
    <t>b'\xd75B\xec*\xc0\xdd\xca\xa8\xf1\xd5y\x92\xf1y\xc6\xba\x95\x98\xe6\x04\xc3a\x03=\xf9\xfb\x11\x0b\xd0\xf9\x91'</t>
  </si>
  <si>
    <t>b'\xc4\xedF\x81\xcb\xf2\xe4C5\x9c\xe1\xe8\x99\xd2t\x81\x13\xfe\x05.\x92xD\xb4\x8cJ1\xcb{\xcc\r\xb9'</t>
  </si>
  <si>
    <t>b'\xa9\xef\x0fB\x1b\xb5\xdb\x08x;\xd1o\x1b:t\x06\x96\x87!gl8\x11\xe2\x8d\xd9\xc5h\xc4\xad\xffS'</t>
  </si>
  <si>
    <t>b'j\xc9\xa3\x05\xc5\xc3d\xc0\xa0\x8b\xf5\xc8C&gt;E"\x16c\xc1*\x89\xd3\xd2\xb0\x1f@\x1dQ\x139\xb9\x1b'</t>
  </si>
  <si>
    <t>b'\x82\xb5s\x7f\x94\x19~\xacXB\xa9\xb3]n:\x1f\xba^b\x87\xab(c\x18\xc1aJ\xd6YPA:'</t>
  </si>
  <si>
    <t>b')\xc7\x03@\xd7\xa3Y\xc8\x82\xb5\xbb\xdd;\xb9\x01\xeeX`\x17O\x07l\xd0\xf1\xce%q\nU\xd3e('</t>
  </si>
  <si>
    <t>b'\xa2Pmrd\xae\xfa\x9d4\x99\xdab\xca\x15\x93b\x0b\xa9\x8e.[\x04\x0e\x991\xdcf\xa2\xf5\xb1lg'</t>
  </si>
  <si>
    <t>b'\xcf\xc0`Tv\x1f\xcf\xf3\x98R\xe3\xb1\x82\x12@\xd7\x19az\n\xe5H\\\x17\x85?\x12\xc7\x8a\xbc\xf5\x93'</t>
  </si>
  <si>
    <t>b'/z\xa6\xa5\xd6P\x01\xb2\x12N\xfb\xd1\xad2\x9d\x1cu\xcb\x952aFZ\xbcr\x0c`\x99$\xb187'</t>
  </si>
  <si>
    <t>b'i\xc7\x9dW\xe7\xac\xcbs\xdc\xb0x\xeex%GQ\x92\x9b\xc4\x131\xdaN_\x88G\xa7\r\x089\x9c/'</t>
  </si>
  <si>
    <t>b'\xady\xbc\xe6\xc2\x88\xd8\x1a\x08\x1b\x9aD\x0c&gt;\xf0\xce\xdb\x83\xfe\x95[G\xf0\x93g\x0eh\x9d\xd0\xc1o\xdd'</t>
  </si>
  <si>
    <t>b'.\xfb\xef\xd6\xba\x0c\xb8\xa6\x16,\xf4\x1e\xe0\xecC\x1af\xd6So\x82G4\x896\x1f\x14n\xa1\x84/,'</t>
  </si>
  <si>
    <t>b'\xf2\xd4\xc41\x16\xddc\xfagY\xef\x0f"\xddW\x7f\x1fer9\xef3\xc9\x82C\xea\xdd\xad\xe6^\xde\x01'</t>
  </si>
  <si>
    <t>b'\xfd\xf8N\xb1\x80[\xca\xb2\xee\xbdDr\xd4\x80\x13\x87\xc3pY\xa95c/\xcd\x90\xb7\x8f\x8d"9\xa4Y'</t>
  </si>
  <si>
    <t>b'\r\xdc\xe6c&lt;B\xed[\x14\\\xb9l\xdd\xf0\xb0\xc8z!\x8d\xb9`\x08\xd9\xadd\xf3\x8cH\x95w,4'</t>
  </si>
  <si>
    <t>b'F\x8c\xa2\xf5\x06\xf2EJ/w\x0e\xd2\x1e~1\xefFs\xf1\xa8\x1c\x8b\xca\x9e\xf0\xd6/T\x90\x99F\xe5'</t>
  </si>
  <si>
    <t>b'+kL\x90\xd6\xc7V3\xba+\xd8$\xa4 \xd2Q\xe0h\xe9\xafF-\x19\xae\xe0\xde1D\x82\xa6\x138'</t>
  </si>
  <si>
    <t>b'[As\xc6`\xd6\x14\x7fs)\xffe&lt;\xce%\xd6E\xba\xe7*\x81\x7f\xf4\x83\x0f]\x8a\x87\xce\x97\x00\x12'</t>
  </si>
  <si>
    <t>b'\xd7H\x9a\xee\xd5\xc5\xb49\x99\x1f\x88x)\xa8\x97|\xf4\x1ba&gt;r\x82\xd7\xb6\xf1O\xc1&lt;~\xc4\xb5P'</t>
  </si>
  <si>
    <t>b",\xce\xed\x9e\n\xfa\x08\x7f\xb4#m'\xf8\t\xbb\x1a\xc9\x8b~\xccS1[pu%\x8e\xe4q\xa8\xa3\x15"</t>
  </si>
  <si>
    <t>b'?\r\x1c\x95\x97\xc5AyAo\\\xd7pk\\\xc1_\x80\x88\xdb6\x8dp\x18\xa1w\x9b\xdcGi\xe5\t'</t>
  </si>
  <si>
    <t>b'}\xb8\x15\x93\xf1\x84%\xce\xb5\x96\x9dV\x99\xe0\xeb\xf4\x15\xbe\x0f5!\xa8^7\x9b\xa502\xa2\x1d\xc9\x96'</t>
  </si>
  <si>
    <t>b'\xca\xd1\xdc\xb5R=\xda\x93\xfc+\x17EUH\xc9\x0b\xa2\xaa&gt;\x8f\xa5\x97\xfd\x19\xb1eM;B\x99\x14\xf6'</t>
  </si>
  <si>
    <t>b'\x89\xdc\x0e,\xb3\xa5f\xbc\x00]\xa3\xb1g\x03M\x98\x00X\xfbL\xb8+^_\xc2t\xaf\xc4\x8d\x9e\xc3\x8a'</t>
  </si>
  <si>
    <t>b'K\x96\xd7\x1e\xc8\x03\x00b\xbf\xa1\x12\xe0\xfeG\xf8C\x95\xda\xfcY+*lH&amp;\x9c\xa8K?\x9f(R'</t>
  </si>
  <si>
    <t>b'\xac\xdd\xba\xf9\xd7|u\x03\xe0I\xfb\xe2\xa9\xf5\xfa\xc5\xbf$g\xd4\xfcNF\xfd)\x84\xcf\x166\xc5\n\x11'</t>
  </si>
  <si>
    <t>b"\xc7\xab\x98\xed\xed\x98\x97\xe0\x87i\xf8\xf3\x12\xe2\xd3\x0cB\xec\x12'\x9b8'\x86\x8d\xd4\xaf\xca\xed\xe4\x96~"</t>
  </si>
  <si>
    <t>b'\xfd\xa5\xcf\x8e\t/\xa2E\xbd\xdb\xcdLp\xd0\xae\xafa\x8c\x18s\n\xf1\xd9\x16\xc0/F\xa4YAk\xf6'</t>
  </si>
  <si>
    <t>b'\xb3;z9p\xf4\xb0L\x01\xab\xc8X\xa0I\x85JF\xe9\xcd&amp;\xcb7yz}\xc9\x9f\x00\x9b\xf7\xc8.'</t>
  </si>
  <si>
    <t>b'C\xd0\x18\x92\xd4\xc8\xc9\x96\xa2K\xcc\x90\xa4\xed\x81Z\x87+\x1c^s9cn\x01do`\x03\r\xe8:'</t>
  </si>
  <si>
    <t>b'\xe4uY\xe4\xd5\xfeB\xe25\xf2\x10\xcd\x84\xbf\x87\xdb6sB\x81x\xd1\xd9\x87\x9f\xa2\x86\x06\xd9\x95\x1f='</t>
  </si>
  <si>
    <t>b'\x9c\xeaOg`\x1e~\xe5Qv\x15\x92\x9f\xc3#\xda\xd8\x84|E3\xae\xaf\xeb\xe5\xed\xebsb\x82G/'</t>
  </si>
  <si>
    <t>b'\x9d\xf4\x9fo\x1fp\xd7\xa1\xbd\x8fB\x84\t\x19g^iy4\xdd\x1b\x8b7\xfb\xba\x99\xf4\xaf\xc8\xb18\xcb'</t>
  </si>
  <si>
    <t>b'4[\xbai\xdb?T\xc15\x06u\xe6\xa4\x92\xa0B5\xe4\xbdzQ\xceA\x0b\x1a\xe3\xa1\x92&lt;I\xf4\xcd'</t>
  </si>
  <si>
    <t>b"\xa5\x0e~x\xa5\t\x99\x86\x84\x8c\xd6y8'h\x14\x90\xdb\xfcO\xb7\x01O,\x0c\xe0\x9e\x1c\xefk3\xdc"</t>
  </si>
  <si>
    <t>b'\x0f\xc8\xd6\xa9\x8e\xa2\x15I\x95)\xee\xe7\xfa\xc9:\xf7\xdcn7a\x13\x1f\\\xba\x95\x8c@\riJ\x9b\x1b'</t>
  </si>
  <si>
    <t>b'\x93\xe8\x05\xa1\x9a\\\x85\x05\xffDDx\x17\x88\x15-^\x92\x94\xf4\xc9\xcb\x8b\x02&lt;D\x19t:\xea[\xff'</t>
  </si>
  <si>
    <t>b'g-\xcf3D\xaf\xd2W\xb6\xfb\x89j\x04\xadI&gt;\xe7\xbe/\x1dD\xcaC\xe4,\x89\x05\xbc\xc3!\x98='</t>
  </si>
  <si>
    <t>b'\x12\xac\xff\xd0/\r3c\x89|\x04\xcd#\xcd\xe0C\x8b(\xb4\xa7\xccK\xe4\x9a\x88\xc46\xe7\xce\x9c*\x16'</t>
  </si>
  <si>
    <t>b"Mf\xf4\x0e\xb4'\\\xdca\x9c\xa0\xc1\xff\x00\x84J\xed\x0f\xf1\xaf\xb6\x8b\t\xfa\x9c\xb5\n\x84\xc5\xd5\x19G"</t>
  </si>
  <si>
    <t>b'\xb2\x14\x88\xe6\xbc\xef\xb0YV\x7f\x8fH$\x86=\x8c\xe0\xb9\xe9\xba\x8e\x88b\x9c@z\xc2\xe2\xe5w64'</t>
  </si>
  <si>
    <t>b"k\xae\xcf\x83G\x1b\xad\xcd\xf0\xec\x9c\x10\xbd\x1dP\x8a\x88\xc0\\\x01\xad' \xe5\x95\x9f\x1b\x0cc\x9c\xba;"</t>
  </si>
  <si>
    <t>b'\x12\x8c\xf6Q\r\xfb\x80_\xb6\xa2\xaa\xe1\xb3\x91\xf7\xbf\x06U\xfb\x05\xd9j\\"\xbe\xdf\x89\xd4\x86\xdc\x03&amp;'</t>
  </si>
  <si>
    <t>b'\xdd\x9e\xb6\xdfx\xb1dk#\xb8\x04\x89\xbfv1.\xcdeU~\x92\xac\x0f\x0bB\x8b\x8b#\xb9?u2'</t>
  </si>
  <si>
    <t>b'\xe8\r\xcd\xcf\xc91\x0e\x81\x12\xc7\xfc\xbd\x93y,\xb4Z\xe8\x87*l\x81&amp;\x7f\x83\x9f\xb9\x1c\x17_\x14\x93'</t>
  </si>
  <si>
    <t>b'\xad$\x85\x03\xe00\xc1F\x0f\xff\xf4\xfc\xd6T%\xb4X\xae\xde\xe0\xdb\xb8e\xde\xec5I\x88\xb2\xfft.'</t>
  </si>
  <si>
    <t>b'\xdf\n\xcc\xc1Y\xd7\x82\xd2\x11\xbb\xbfgvh2\xcff|\x98\xbcC\x1a5x\xf1\x83\xe6\xa5^\xa8w\xfb'</t>
  </si>
  <si>
    <t>b'm\xdf\xba\x83{E\xb8\xa4\xff(\xb1%=\x02\xd7\x9d\xba\x0ec\xed\x8d@Rw\xc1\x07\xeb\xf46\x18\xad\x01'</t>
  </si>
  <si>
    <t>b'.\xc1\x8d\x12\x0ehW8N^Z\xed9\xb1\x1aT\xd4\xf2\x01^\x0f\xc1R\xa3\xf1\xe3\t\x10\x8a5{h'</t>
  </si>
  <si>
    <t>b'^@~2\x10}G\xb6\x80\x91\xe2\xdd\xcc\xe3\xe1\x9a\x96\x00\xca\x8f\n\x12\xd7\xc5\x8d\t\xa1\x0f\xf1\xd0@\xd5'</t>
  </si>
  <si>
    <t>b'x\xd7\x84;\x9a\xe3f\xca\xd1\x86\x0e\xe9i\xf6\x8ekN%\xcd\xae\x91\xb4\xae\xf8\xdb.\xac\x12PO&amp;['</t>
  </si>
  <si>
    <t>b'x\x88e!X/\xfb\xd0\xd5\xa2\xa2\xaa\x16fq[\xd2\xbcp\x18\x9em\xd1\xfc\xe9\xa5\x9d\x03\xec\xbdu\xde'</t>
  </si>
  <si>
    <t>b'J\x95.\x9f\x15\xc8\xe2W\x11B\x17\xc9_\xf6Jcu)\x99vx\x10\xa1|\xfc`yJ\xbcL\xde#'</t>
  </si>
  <si>
    <t>b'"\xec\x06le\xf5G\xef\xddB"\xa0\x86^\x7f\xaeGj\x94\xa6\x9d\xe83CP`?\x91\xad\\\xb9E'</t>
  </si>
  <si>
    <t>b"\xf9@\x934$\x8f\n5\xba\xe6\xc9\xd0\x06'I\x9e\x87\x00\xdba\xed\x11U[\x82\xfa\xaa\xe2Z\xb2\x85\xe0"</t>
  </si>
  <si>
    <t>b'\xba\xe8\xcf\x18\x7f\xaax\x9f\x19\xef\xe1\xcak]e\x9e\xa0(\x06\xe0\x18\r\x93z=\x15\xce\xf5~\xc2\xed\xc3'</t>
  </si>
  <si>
    <t>b'\xb0\xdc\x96,\xd9\ta\xbe\xf8\xd0\xec\xfe\xf7\x1b\xb2{`\x88C\xc5\xd3=\x05\xcd\xeb;Q\xe6\x91\x19d&lt;'</t>
  </si>
  <si>
    <t>b'\x82N\x10\x9cY\x91\x1aR\xc2\xf4\xa1\x80\x0c3w\xd6\x0c\xc3\xe38*\xfd\x91\x11\xce_P\x9aY\xdf\xea4'</t>
  </si>
  <si>
    <t>b'\xe5RR\xd5\x9e\xa4A\xc1a\x93^\xc639;dk2O\xaa\x18\xdb\xc20\x1c\xbf\xa3\xe0\xf6\x05\x93\x98'</t>
  </si>
  <si>
    <t>b')\xe1\xedm\xb8\\$\xd7`r\xf6\xc4XXW\xb2\x89\x98\x99\x9fd~P2\x05\x80hx\x97*\xe6t'</t>
  </si>
  <si>
    <t>b'tK\xcbh\xb41\xe2\xfe%n\xb1\x10\xd1B\x8a\xb9\xa2\x1dz\x84\xdd9\xf7\xbb\xad\xc6e-\x99&lt;\tF'</t>
  </si>
  <si>
    <t>b'\x9c$u\xe6\x02\x968\xbf1M\xc9)\xa2\xf4,\xa3W"\x9c\xb1\x02r\xcf\xdfG(\x00\x01\xb0\xd6\x11q'</t>
  </si>
  <si>
    <t>b'\x08\xe9\xe6Q:\xdf?8s\x9a\xca\xbf^\nEa\xeev?l\x99\xd0{Le\x05A\x8e\x80\x9bC\x13'</t>
  </si>
  <si>
    <t>b'O\xeb\\xB\x12\x92D\xa1z\xdaH\xef\x17!~p\xefG\x1a\xdeU\x19?\xc9\xdb.j?Q\x0c\xf7'</t>
  </si>
  <si>
    <t>b't\x1a$?q\xef\x8a\xc1(oh[p\xa6\xa4\x9b\x17t\x1ca\xac\x9e\x12\xc1\xb6 \r\xa6e\xa7\xb0\x95'</t>
  </si>
  <si>
    <t>b'\xa5\x9e\x03epR\xed\xe1\x05M;\x02\x17\x02I\xc4\xb0$~\xbe\xdb+\xce\xdd\xc46\xa2\xa8\xe9#{\x03'</t>
  </si>
  <si>
    <t>b'Q\xd1\xe1W\xd0\x07\xbfY\x7fU\xc8 a\xfb\xd2U\x93s\xb7;\x0b\xa2\x15$SlD\x836w\xdb\x06'</t>
  </si>
  <si>
    <t>b'm\x18U\xaf\xe8\x9eeS=\x97*\x9bWu \xd3{\xafIy\x92x4\xef\xc8I\x8e\xa0[t\xad\xa2'</t>
  </si>
  <si>
    <t>b' \xa1#\xb8&lt;\xe6\x8e\xb8\x89\xed\x9at\xaa\x00Pa\x86s\x04z\xd1;\xbc\xa1\xe7\x82\xfeO\xeb\x14t '</t>
  </si>
  <si>
    <t>b'\xbc:\xa5vX\xf8\xf4\xf1\x06\xf9\xdb\x8c\xfdXyp\x80\xbb\xd9\x88\x81\xd6\xdeq\x1e\xa5\xc2-\xaec\x94K'</t>
  </si>
  <si>
    <t>b'\x05O)\xed\xdc\xea\xa1\x93m\x1e9\x8d\xb6\x07\x07\xcd\xbe\x8d\x9ez\xf4yJW\x17pn_\xf7h\xb7\xc5'</t>
  </si>
  <si>
    <t>b'3Pm\xaa\x1dQO\xad\x989\xe5\x9f\xb4\xfdY\x8f\xe8Z\x12O\x07\xa7\x19k[\x8c\x01\x04\x83\xf4\xe0\x86'</t>
  </si>
  <si>
    <t>b'\x89\x94\xef\x9f\x1c\t\x12\x15}\x9f\x97v\xff\xa1\xad\xc2\xe0y\xae\xd9\xb9\xd5v)g\xc1u\xedS}&amp;L'</t>
  </si>
  <si>
    <t>b"&amp;\xd4\t\x03;\xac\xfe\x13\xc1\xfe\x9d'b\xec\xcb\xb7\x9d\xfd\xf9\xd7\x18a(\x18\x9a\xfd\xd3\xe5m/M\xf1"</t>
  </si>
  <si>
    <t>b'\xecT\xece[c\x18\xa9\x88T\xccR\xfc\\?\x19b\xba\xca\x1d\x8c\x12\xba\xba\xd9\xc6\xb6B\xb3%\x18\xcd'</t>
  </si>
  <si>
    <t>b'{\xf9Ojwg\xe9\r~\x87Q\x7f4\x92\x8a&gt;!\xab\xfc\xaf\x12\x04@\x1b\xef\xd7Bis\xc2\xa4\x91'</t>
  </si>
  <si>
    <t>b'\x19\xa2\x1b\x83\x8f\\UL\xe02\xd6\x95\xd0\xb8}\x8e\xbf#\x8d\xaa\xab\x00\xfb\x8e\xca\xef-\x8f l\xcb\xb7'</t>
  </si>
  <si>
    <t>b'\xeelY$\x8a\xa3=\x9e\x82\xceds\xd8\x98\xdeG\xe3\xcc\xbb\x9d1\xf7,H\xf8\xc1\x0cI\xd2.oN'</t>
  </si>
  <si>
    <t>b'\xb8\x0c5\xa9\x19\rQPK\x8f\xb9\xff\x96\xdbVv\x1d^1\xe9cq\xd2\re\xbc\xdcA\xba\x13\x94\xb7'</t>
  </si>
  <si>
    <t>b'TW\x8f\x1e\x13[\xde\xa4\x8d\r\x1e\xe25F~\xf6@N\xe7\xdfX8\xda\xda;\x01\xc3\xa4\x1561\xbd'</t>
  </si>
  <si>
    <t>b'\x99\xb6&lt;\x89\xe6\xb2\x19\xcb\xa2\xc3\xc1\x7f\x10B\xa4\xaa\xd2\xdc\xb1r\x1f\xc8\x97L\x9a\xd80B\xban;P'</t>
  </si>
  <si>
    <t>b"\xee\xca\x13\x97\x17\x12\xcd\xba\x04=\xda\x8a`\x14\x0fcB\xf1\xa6\xf27'W\x1bB\xe0\xc2sSj\xc8\x12"</t>
  </si>
  <si>
    <t>b'\xa9\xb8\x03\xf6\x8f\xeb\xaa\xca_\xa5@\xb6p\xf1\x8b\xaa\xadOw\x01[\x17\xc1\xc5\x15gu\x82\xff\xd9\xe9\x10'</t>
  </si>
  <si>
    <t>b'a\x8059r\xf1\x87\xe3\x9c\x88\xfc\n\xc8j|~\xb9\x9cJ\xd8\xd6-\\\x9c\xcd\x94\xfe\xb5~Ur@'</t>
  </si>
  <si>
    <t>b"T\xd2\x06#D\xd6I\xe1!eq;\xfc\x96'\xc5\xc9\xe7-u\xf7\x94&lt;\xcb\x08\x83\x93\xe0z0O*"</t>
  </si>
  <si>
    <t>b'\xf3\xb2\xdc\xafv\x80\xac\xcc\xe9HzH\xc9\xd1\x9e\x1cl*\xa6\xb8W)\xac\x8a\xc5\xd8C8\xdd&gt;\t\x9d'</t>
  </si>
  <si>
    <t>b'\xfe\x05\xbc\x9a&lt;n\x0b/\x06\nZ\xeen)-\xaf\xbc\xb9*\x9e\x16\xb9K[B\x8f\x81&gt;\x83\x01\xf6\x06'</t>
  </si>
  <si>
    <t>b'\x9e\x91\xbb\xbf\xa0\x83\xfe\xc0-\x01\xbf\x19\xf6\x90\xe8.\xaf\xc4;\x16\xb4\xc0\xc3*\x9d\x9c\x9f\x1f)\xe76\x88'</t>
  </si>
  <si>
    <t>b'\xcf\xeb\x1f\xab=\xcf\x0fb\x10k\xb5\xc0\xf7\xa7~\x83\x1a\x1e\xc2\xa7\x0b\x00&gt;\xd7\xd0\x88\xa7\xe4\x81\x84mT'</t>
  </si>
  <si>
    <t>b'\xe2\xb0\x93P\x0bU\x14v\x90\x08\xde\xf3F\x88\xff\xd2\x18c|\xa2:xXE1\x84hN\x05\xda\xac\x82'</t>
  </si>
  <si>
    <t>b'\x02V\x95\xa0\x03c\xdd5\x0f\x8b\xffm\xa7i\x93\xd1\x07\x08X\xd5\xa6\xe8A\x1c^\x9b2\x1ag;/\xd2'</t>
  </si>
  <si>
    <t>b"\xdb\xdf\x90\xb1Vz(\x98j\xd0\x81]\xb8\xf9?T\xfa\xc3\x86\xaaCh,\xd8'\xaa\xb5!\xfa_zg"</t>
  </si>
  <si>
    <t>b'}\xda[Y\xadG\xce\xae\xa5i[\xa9[\xef\xbb\x1c\xc9Q\xee\x8b\xbd_-\xa2x\x99N|\x89\xaaO\x01'</t>
  </si>
  <si>
    <t>b"\xc7\xdb+4\x00.N\xf0\xd7\x8e\x9d\xb4\xe8\x11\x01'\xebx\x9b\x9d\xe1PN\xd4y\x0c\xa7\x91Y\xa4-\xa1"</t>
  </si>
  <si>
    <t>b'w\x1c4QY2\x82#\xfb\xa9Y\x05s\xa3\xc2\x8f\xe76@I3\x89\xca.\x0f\xcf\x9dU\xa4\x8ca:'</t>
  </si>
  <si>
    <t>b'\xc0\xa9C\xa3\xa5\xf4\x8f\xe3@\xf2\xb4g\x03\xa6\x87\\D\xe6\xf8\xacW\x8a.\x84ex@tg\xcb\x95p'</t>
  </si>
  <si>
    <t>b'\xa1\xe0\x9e\xcc4\xd8\x8c~\xc8K\n\xd9\xbbS\x1c;\x1b3\xba&gt;]\xbbQ\x0b\xbf\x10L\xf9\xd5PP&amp;'</t>
  </si>
  <si>
    <t>b'\xe2Q\xb3b\xf8z\xd3\xbe\x98\xb3\xa8\xb1\x8a\xf5c.\x17\x05a\xe1\xc9\xd3B\x08\x95\xf28\x19&gt;\xea\x02\xa4'</t>
  </si>
  <si>
    <t>b';\xdc\xad&gt;q\x90\xe4\xf0\xff\xcf\x00\xb7\x84\xdc\xa7\x10Y\xd8\x1d\xd3\xf1\x137\xe4\xe5\xd5\xad\xa4b\r\x92\xee'</t>
  </si>
  <si>
    <t>b'\x8a\xc2\xf7Z\x03\xc8A\x83\xa0\xad\x93\xb0z\xb0\x8aj&lt;YX\xd2\x8d\xe8\xf5\x1f*\xe4\x1ae\xe2\x8d\xe8\xb3'</t>
  </si>
  <si>
    <t>b'\xb7\xce\xab\xc3\xbc"\xd4\xab\xa8`\xf9\xc5df\x8f\xe4 \x1c\xc9\xe6G\xa7\xc8\xcb\xac`\xf4R\x07#\x0c\x14'</t>
  </si>
  <si>
    <t>b'\xd22\xbb\xfb\xfc\x98\x05X\xe9y\x83\xe2\xc4}\xcc1TL\x86T\x07\xfe\xc0~\xf6\xf3\x879}\xe8\x18U'</t>
  </si>
  <si>
    <t>b'\xc1:\xf8\x054\xcbG;\xe9|\xfb`;\x1cE\x99\xc9\x0f\xc5\x9aI\xada\x02\x9f\xd5=fs\xe9\x94\xdf'</t>
  </si>
  <si>
    <t>b'\xa7=\xd00\xd1Q\xb3\x83=\x97.\xf1\xdb\xd1\xb3\xb3\xc5\x1fW\xc7y6\x18\x955\xd8\x0e\xa0m\x87\x10\x08'</t>
  </si>
  <si>
    <t>b'G\x06#\x8e\xe6\x1b{\xae\x11\x95\\\xc30\x84\x9f\x9ep\xc3\xaa_\xf4Z\xae\xadH\x92";\xcdim\xeb'</t>
  </si>
  <si>
    <t>b'\xd5N\x1a\x90\xf5c\xbe5\xf1\xa1R{\x08\x8e\x19\xc2\xe1v\x902\xa8\xe5\xb4\x8c,\xc5\x1ar\xd8\x06\x94\xb2'</t>
  </si>
  <si>
    <t>b'\x0c\xa2\xb2\x18`\xa9\xdf\xe0\xfcd|1\x1dZ\x83\x10\x12\xd1/\x7f\xa6\xff\xce\xb4k\xe6qy\x9e1\xb9\xbe'</t>
  </si>
  <si>
    <t>b'\xaa$G\xdf&lt;}\xc5\xa5\xcct\x03\xca\x17\xae)1J\x01\xcb\xe1\xb6\x1c\xf3+w&lt;\x00\xf3\x89\x86@\xa4'</t>
  </si>
  <si>
    <t>b';\x14w\x9b\\U\x1b\xbd\xa9,R\xa6\xccqg\x95\xc4\x18?\xdb\x80\xed2\xadcJ\xd29\x82\x8c\xa4U'</t>
  </si>
  <si>
    <t>b'\xf4\x9cNQ\x91\xb4M\x19Y\x17\x1ca\x0c\xd3\x96\x0e\x02\x16\xd2\x92`\x91\x1ek\xad\xc7\xdb\x7f\x90\xb0CA'</t>
  </si>
  <si>
    <t>b'\xd3\x15jP\xba\xdd||y\x0e\xe3}\xa99\xaf\x86\x8d\xdd\x1c\x13\x89m\x007I\xcd\xd0;\x9bl\xeb\xf8'</t>
  </si>
  <si>
    <t>b'\xce\xebZ?N\x14\xb2\x1a\x80}z8YB#\xb9\xea\x8c\x9d\xd63\xa5/\x00\xff\x7fX\x1e\xc9\xa1F\xbc'</t>
  </si>
  <si>
    <t>b'g\x81\rq-\x1e\xf4\x07\x05_\xf55\x0b{Lb\xc5F\x87\x13\x85\x13Iu\x07Z#\x0bN\xd9n\xd4'</t>
  </si>
  <si>
    <t>b'C\xe3\x90*\xabUy\xe7\xe8K\xf6,\xf2\xcf\x04\xd4al\xed\xd7\xe3\xb7\xc2\xa0$F\xbb\xa5\x86\xab\xdfa'</t>
  </si>
  <si>
    <t>b'\xd3\xd9%Rqp\xbe\x9e\x8de\xa1\x8f\x88\x02\xdb!\rUS0\x9a\x04\xd7\x85G|y\x81&gt;)-\x1d'</t>
  </si>
  <si>
    <t>b'\xd8\x0e\xc7\x045\x90\xdb\x11[Y\xf4\xdf)\xdam\xc8\xd0\x0bBG\x9c\x18\x06\x12Q\xf9\xab\xf1\xed\x8c\xb71'</t>
  </si>
  <si>
    <t>b'\xc5!\xaf^\x14\xbcg\x9fW;.uE\xa7\xb5\xe6\xb3\xca\xdf\x8b\xa9\x0c.\xe3\xba\x04\x8a\x7f\xe0\x7f\xf6\xd8'</t>
  </si>
  <si>
    <t>b'\xea\xfa9\x87\x87Fa*\x05J\xe0\x8b\xf9 \x9fC\x9b\xff\xf5\x96\xe1\x96\xe0\xb4\xfb\xa3\xf4\xb3XQ\x01\xd0'</t>
  </si>
  <si>
    <t>b'Zj\xb37\xf0v;\xeb\xdb\xac\xe6\xed\x01n\xa2\xcdD\x00JD(\x0f\xd7\x92XL\xa5\xbc\xbf\xbc\xf2\xec'</t>
  </si>
  <si>
    <t>b'\xc2\x1eE:\x18\xd3$\xe8k\x99\xae@\x1c\xdf\xbaF\x1cvD\x9f\xdaa\x7fo\xcd=\xb6 C\x88j&amp;'</t>
  </si>
  <si>
    <t>b'\xd9}\x9bM\xf3(\xfe\xfcpG3\x98\xadnh\xd0\xca_0\xc2*\xc9\xac\xb3S.Y\x88\xb9]A\x91'</t>
  </si>
  <si>
    <t>b'PD\x8a\x83\xf3\xe8\xfb0GI\xaa\x08\xf4\x0e!/\xc1\xd8\xf4\xa00\xbd\x86``\x0f\x82\x9bE-\x8e\xec'</t>
  </si>
  <si>
    <t>b'\x0f\x1f\xc0\xa0\xb0\x9e\xa4\xa1\xe0Ob^\xba*\xdbd\x10\xc2I\xa3\x05b\xdb\x9a\xca\xc3\x14\xc4Irb+'</t>
  </si>
  <si>
    <t>b'\xb2\xcf\x0e{\x85\x10M\x7f\xac;\x87l\xc9&lt;\x96\x07\x17&amp;\xe8e\xe8\x1cNS\x9c\x86?\x97\x05D\xea\x85'</t>
  </si>
  <si>
    <t>b'\xe2\x18p\x04\xfcM\xd5\x16\xc2\xd4`N\xf0\xc0)\x04\x1fa\xc3H\x0f\xf3A\x84+\xc2,\x9b\x9e\x87\r\xde'</t>
  </si>
  <si>
    <t>b'\x875\xf1\x862\xbe\xf3Q\x11\x15\xb0\xc4i&gt;\xf5\x1c\x85\x8d\x9c+\xb6\xff\xcdf\x9b\xe2"%\xe6&lt;\xdas'</t>
  </si>
  <si>
    <t>b"\n\xa7c\xc0'#&amp;,\xaeZdO\t\xea\xa4\x13v\xfdP\x86\xb7oK\xd9\xc2\x14\xf4*\xe0\r\x12\x1f"</t>
  </si>
  <si>
    <t>b'\x8d2\xc3\xdb\xd4\x0f\x18k\xc4\xb3d|\xb4\xe2\x1b&amp;\xbc\x00\xd2V\x92l"\x9f*\xa0\x8aQN\xeb\x07;'</t>
  </si>
  <si>
    <t>b'\xad\xe9\x90.\xc09\xfb\\g\xa1\x10\xca_\xf3\xe5\x82S\x11\xda_\xc5\xa4G*-\x0bFp#\xfb5\xfe'</t>
  </si>
  <si>
    <t>b'\x16\xf6\x8c\x08&lt;-\t!\xd2\xdb\x9a\xf21H0\xbc\xde-\xc9\x02\xdf+\xbe\x88\x7f\x11\xf8 \xed\xeaAD'</t>
  </si>
  <si>
    <t>b'U:-%t\xc1\xe7\x88\xd3\xe7\xb5H\xb3\x01@\xad\x06X\xfc\x03#\x81\x17\xfb\x92\xa3\xae\x92Hhu\x1f'</t>
  </si>
  <si>
    <t>b":o\x7f\x8d\xb7\x8ds\xf8%\xfdz\n\xf3\xc1\x15\xb3i\xec'\xf4\xe1\xe7\xf7\xdc\xc3f\x1d&gt;`\xbb\x1bi"</t>
  </si>
  <si>
    <t>b'\xbd.\xa8\xf9\xf3\xec\xcf6\xb4\x16\xd0\xcdOk\x0b~! V\xd29$9\x82\x16\xf9\xea\xbc\x17o\x89\xf6'</t>
  </si>
  <si>
    <t>b'\xe7\n\xcb\x1f\xef\x10\x93\xe2\xa2&lt;\xcf\xb4\x81K(\x0b\x00V\xa8\xe5}\xc5\xf3H&amp;\x93j\xae\xf5G\xa4;'</t>
  </si>
  <si>
    <t>b'&gt;\xfa\xee\x07\x1c\xae\xb5\x82zP8\xed~t\\\x98\x03\xa2\xfa\xf9[\xba&lt;b]F1v\x1c.vz'</t>
  </si>
  <si>
    <t>b',I\xfe\xe7\x13\x0b\xcbH\xad\xf6u\xef\x1f\xa4\xc2\x8b\xd9\xb7\x89\x99\x0f&amp;\xef\x03L;\xd2R\xcb)S\x8f'</t>
  </si>
  <si>
    <t>b'#&amp;\xbc\xa9\xf5A\x9bQ\x07\xf9\x0e\x89B\xd4\x17\x05\xf9\xa0\xfd}{{E\xcbW\x13M\xd1{`A\xe7'</t>
  </si>
  <si>
    <t>b"\x06F\x7fj`9K\xc70\xa1O'\xcd\xd8\x89\xabG\xbe2\xd9\xad\xf3;A\xab\x9e\xa75\xb4\x06\x99V"</t>
  </si>
  <si>
    <t>b"x'\x8f\x96\xf5wxha\x0b\xa6\xd0\x9c\x19\xd7\x02\xc0e\xc2\xe4\x7f-\xea.\xb0\x14\x11\x81\xe3GP\xdb"</t>
  </si>
  <si>
    <t>b'\xf1!\xd3@\x80\x92Ni\xfb\x15\xc3\x06\xf4%F\xfa\x0b\xfe\xf4\x94\xcc\x16\x8a~\x80Z\xf7\x9b\xe7KT\xce'</t>
  </si>
  <si>
    <t>b'\xc8\xf6\xda\xde\x1f\xbd\xc6=P\xa1"\x8d\x01}\x03\xbc`\xfb\xd0\xc4`\x1di\xcd\'c\xf6\x1f\xa9Y\xeco'</t>
  </si>
  <si>
    <t>b'j\xa4\x9e\xfb\x83o\xd4\xb8\xfdFsY\x9e\xf4-\x93vm9\x83O2\xe2\x13A\x1f\xf9\xef\x19\x89%\xc2'</t>
  </si>
  <si>
    <t>b'k\xd6\x83DGO\x950S~C\xe3\xd33\xb9\xba\x9c\xb5\x80B\xe8v\xfd=\xbcmT\x81ht\x96\x86'</t>
  </si>
  <si>
    <t>b'{\xa6m\x844\xe5\x93e\xb2F\xb8\xf6V6\xa0\xac\xbf\x9a.\x17\r\xd0\xe6\xfd\xc4EV\xad\xba\x9f\xa8\x08'</t>
  </si>
  <si>
    <t>b'\xc8\xacm\xe8S7\x1f\xf9?u\x81}\x99U\xb8^\xae\x8f\xfc\xd3\x9e\xc2\xe2\x84\x10B\x85\x8a\xc0f\xf4\xdb'</t>
  </si>
  <si>
    <t>b'\xd6k\xae\xf5\xb9\xd0&lt;\x94\x10E\x08\xe9qrn\xce\xb1y.\x83Hav\t8\xe4\x88\xb6_\x01\xbd\xa8'</t>
  </si>
  <si>
    <t>b'\xe6u\x17\xe3\xaar\xe3\x00\x1f\xfc\xa6\xb3B\xc2\x81\x92\x94^\xee\xccb\xb9\x1b\xa1\xe9NW\xb3\xdd\xeb\xf4\xf3'</t>
  </si>
  <si>
    <t>b'\xd7+"\xb9\x06a\xefm\x9a&gt;A\xf7\xe3\x8df\x962@\x11\xe8\xe9\x99"\xce\x82\xd7\xff\x9bD\x89\xb5\x19'</t>
  </si>
  <si>
    <t>b'\x91\x0b\xe7\xae\x8eb\xdc\xe4\xac"\x82\xf2\xbdG\nl\xd4\x00\xe3&amp;&gt;\x0b\xa9;a\xa8\x97\'\xe8\xf5\x07\x96'</t>
  </si>
  <si>
    <t>b'\xba}\x19k\x14B\xeb\xb5\xe9\x81U\x0c\xa5\x10\x11\xb9GE:\xac\x98\xc2\xed\x1f /2\x80\x90gsR'</t>
  </si>
  <si>
    <t>b"\x8cv'z\n%\xd8\xc22HQG\xa7\xa2\x00\x15p\x99\x93\x83$K\xe3\t\xcfe%\xff\x19\xc7\xd0\xff"</t>
  </si>
  <si>
    <t>b'\xcb\xab\t\x82\xb3Z};\xcfx\xb9\xc4\x06\xe5\x8c\xbd[X\xb6;7\xb8!Edo\xafX\xc1\xa4\xbd\xca'</t>
  </si>
  <si>
    <t>b'\xd0\xa7+\x86\xdd\x9cc\x9a\xcc\xa4\xfd\x15\xe4\x94RQ\x7f\xd9#4\xdb/\x8bPU\xac{G\x16\x82{M'</t>
  </si>
  <si>
    <t>b'~\xe5\xdf\x92\x10\xe9\x8a\x13\x06\xe9\xf5\xb6d\xaf8\x8b\xd6\xd2m\xb1\n\xdb\x0c\x82t(\xb2\xb6V\xd4s\xe1'</t>
  </si>
  <si>
    <t>b'\xc0_\x9e\x87\x05\xd4\xbe\xf3\xe6\x9a\xc1\x05R\xfaB\xe7\xaf\xe4\x0c\xa7\xc9\xcb\x89]\r\xf6\xa7\xe5y\x83\xc9\xcc'</t>
  </si>
  <si>
    <t>b'1\xa7&lt;u\xf7\xeek\xeb\x19\x16\xe3\xbbi\xaa\xe3\xdaVQ{q4n\xe9\x14\x98\x94\xb6\x1c\xca\xe1\xe5z'</t>
  </si>
  <si>
    <t>b'\xe9H3\xd8\x95Y\xc4\x99\xa5\xe9s{Kn\xfe\x1e\x8bo,\x82}\x12\xe3\x02M\x18\xf8\xb8\x804\xed='</t>
  </si>
  <si>
    <t>b'\xaa\r\x07\xf0\xc0\xb0\xea\x04\xce\xbeO\xea\x11\xdc\x7f\xb2\x89\x81\xef\xc3 \xa6\x0c7\xac\x05\x93v\x8b\xb0\x17D'</t>
  </si>
  <si>
    <t>b'0l\xe9\xa7\xba\x81\xfdhg8\xe2\xf1\xb1\xc9\x0c\x9a\x81\xf4\xfc\xc3&gt;\x86\xb9.s\xdaXmQ\x92\xe0L'</t>
  </si>
  <si>
    <t>b"W\xa45\xe4'G\xebj\xe0\x06i!@\xc5 \x18\\\x0cb\xc3\xfa\xc5kWpGU%*)/\xfe"</t>
  </si>
  <si>
    <t>b'\x9e\xe9\xce\xda\xc1\xbd\xab+]-}&amp;\tc\x1f\xf4\x98_\xf1\xebU9\x14&lt;\xc4\xcdSR[\x8e\xbb:'</t>
  </si>
  <si>
    <t>b'\xf9\xf9\x0f\xa0\xa1\x98\x01\x95\x86![i\xfe\x9e\xbc\x0b\xc4\x045\x84\xd6\xabFq\x1e\ny\xf9\xbf\xb4\xf2\xf7'</t>
  </si>
  <si>
    <t>b'\xfdY\xa7\x1b\x05\xb9\x1c\xee?\xa8\xe8\x8d \xb6|U\x07O2\x0b\xa5^@\xc7QD$\x8d\xa9\x9c\tf'</t>
  </si>
  <si>
    <t>b'\x81\x081 \xf6\x8f\x7fn\x03\xe2\xcc\xa3D@K\x93\xdbm\x07r\x8d\xd0\x9f\xect\x05\x11\xb8\x82\x8c\xf0U'</t>
  </si>
  <si>
    <t>b'\xc4\xdc\xf5\x01\xefr:\x9a\x15\xa7f!\xfb\xfc\xb6N\xf5\x87\x87\xcf!\xd4f\xfe[\xb9K\xde\x99\\\x93\x9f'</t>
  </si>
  <si>
    <t>b'\xbe\x1d\x87\xfc}\xbau\xc2\xfcm\xc3V\x88v\xab)\xe78\xbc\x1dm\xfa@\x8e#\xbe.\xa7\x13\x83t\xef'</t>
  </si>
  <si>
    <t>b'\xe6\x9b\xcdh\x11_\xd0F\xfa&gt;\xf1\xa7\xfd \x97L\xceEA\xb7c\xfda\x1c\xc7\xec\xb4mT\x9c\xe2\xd9'</t>
  </si>
  <si>
    <t>b"oBDk\xf1\x0f\xf4 (U\x0c\xe0\xc4\xab\xf7\x1c\x9f\xef\xe7k)\x11\xfd\xa0\xcf\x10V'@\x0c\x02\xed"</t>
  </si>
  <si>
    <t>b'\x9bZ\x83\xa9\xd5@\xa4\x1e\x87\x88e\xeb\xf3h\xfc\t\xdct\xb6W\x19!C\xbd\x9a\x03U\xbb\xc5L\xee\x11'</t>
  </si>
  <si>
    <t>b'-i\xdc\t\x96\x0f@\xe8\xc0\x06\xb3N\xb6\xd2p\xc0T\xce0\xf2\xee\xfez+\x9e\x99\xc3A\xf7\\\x12k'</t>
  </si>
  <si>
    <t>b'\x8b\xbd\x07oI\x19\x8b#\xb6\x1f%\x1aw\x95\x9a\x91X\xf7\xae:\x13!\x9c\xc6\x9c\xba\x1b\xac\x84\x91\x08\xa0'</t>
  </si>
  <si>
    <t>b'\xbba\x99[[\xd8\x99\x072\x19"e\xa4\x07(\xe9V\xbc\xf2\xbaQFw\xa7\x8f\x02[\xd7\xfd\x96\xee\xac'</t>
  </si>
  <si>
    <t>b'\xd9\xb1h\x96\x11\xcc9M\xa8\x86\xf3d\x1d!\x13#\x85\xb3z\x9a\x97\xfc\xdb3\xfd\xa8\x82Z\xad\xa4*\xdc'</t>
  </si>
  <si>
    <t>b'\xd9\x07w\xa1\x03\x02h\xba=\x1d\x84\xfc\xa7\xf1\xe2Z\xffs\xb0\xd6!\xf0\xaa\xd3\xec{\x92;\x8dI\n\xef'</t>
  </si>
  <si>
    <t>b'\xfcF\xe35\xb8\xb7\x02\x16\x98\x9c\xf6\x94\x07\x14t\xeb\x85\xdf\x8e{w\xdd\x90\xca\xff\x11J\xb9Q2\x85\x13'</t>
  </si>
  <si>
    <t>b"Gq\xfe\xce\x03b\x82D\x02BQ\x93\x06-g\xd7o\x15:\xb3\x12p\x8e\x904\xa5'\xecv\xa2\xd1\x0f"</t>
  </si>
  <si>
    <t>b'bpK\xda\xd3\xe3\nTr]M\x82\x08\x19\xa7\xf6\xccp\n1#\xd8Hr\xfa\x9e\x92\x9e.\xb4Z\xd1'</t>
  </si>
  <si>
    <t>b',\xa6EX5\x01\xf6H\xc9\x13\x92\xedPF\xad\x1e\x93\x8a#\xf5\x1b\xe8\x1aT3,%\xb8&lt;.r\xdf'</t>
  </si>
  <si>
    <t>b'\xb2\x8b\xc6\xa1\xdd\xf8^\xd4\xb3\x0cg\xfd o 6\xed\xa1\xc9\xf6\n\xf6\x12\n\x887\xdc\n\x88\x89\x86K'</t>
  </si>
  <si>
    <t>b'r\x15$x\xfenn\xb6bG\xe1\x95\x99=\xaf7\xf3\x0clD\xc7\xcc\x17\xd5\xac"\xf0\xd1?E\xebE'</t>
  </si>
  <si>
    <t>b"\x98\xbbb.\x01\xe4G\xe1'\x91\xab1\x87p\xd9\xc6f\xb0\x01)Ch\x8d\xf6\x13\xae\xee\x1f{G7."</t>
  </si>
  <si>
    <t>b"{\xf0\xf8s\x96w\x97\xe1\x87XY\xfb'\xc8\xbe\x1eD\x9am\xc9Z\n\xde\xb3\xa3\xf9(;}`\xa7\x00"</t>
  </si>
  <si>
    <t>b'\xaf\x98\x03\x19\x92v\xdd\xd6\xb1-\xc3\xd6ex\x9f\x81:zI\x972 \xaf\xf4\n\x18y\xd3\xe9\xc8A\xf3'</t>
  </si>
  <si>
    <t>b'{\x9e\x8d{\xa04\x83\xd5\xd9\x93\x9bY\x9b\x9c\xf36\x98,\xe49\xdc\xc4\xf6Q\x1d\xed80Qd0\n'</t>
  </si>
  <si>
    <t>b'\x1b\x17O\xc7\x18M\x8bEU\xdaPH\x18\x03\x98\xfe]\xad+\xc2t\xa3\x06\x87\xdey3\xb9%\xe8B\xae'</t>
  </si>
  <si>
    <t>b'\xef\xdf4Dg\xf2\x90\xe1\xb4\x9f-\xbcW$w\xb2\xb3\x0bVA\xf9\xb0s\xfd\x84\xbc\xb2\n;\xbd\x03\xb6'</t>
  </si>
  <si>
    <t>b'\x87\xf6dHMv\x984\xaf\x89\xc6\x7f0\x82~\xfd3\xe8\x83\xe9\xdaS\xd2X\x0f\x14\x7f\x03\xb5&gt;\x12)'</t>
  </si>
  <si>
    <t>b'\xf5\x1f\xc7|\xcc\x8eVwy\x08s\x96W\xceJIk*0\xdd\x05\x91\x94"\x80g\xbf\xe0\xa28\x1bE'</t>
  </si>
  <si>
    <t>b'\x98\x1at\xefHr\x8b\x99\x8fUx\x1a|\xbc\xde\xcf\x1a\xdbb\xa6&amp;\x87\xe9\xcc\x91\x19\xdb\x85\xa10jf'</t>
  </si>
  <si>
    <t>b"\x16&amp;\x16\x17\x84\xeb\x12\xa5\x1e\xc7\xb8\x9fi\xba\x9a\x89DD'-\x00O\x1a&lt;\x96\xb1\xadsB\x92\x0b\x8d"</t>
  </si>
  <si>
    <t>b'\x10y\x96\xfe\x8e\xe0\xc5\xc3\x9b:+\x04G\xd0@@],\x13=E,\x98\xa0\xd7L\x0f\xd1\x04A\xf0&amp;'</t>
  </si>
  <si>
    <t>b'\x8b\xe4\xd1U?\x8a\x07X[\xaa\x92\xab\xbf)\x14#5\x9b\xba\xcaL\xa4\xb7\xc8\x87\xab\x86A\xdf;\x95_'</t>
  </si>
  <si>
    <t>b'\xbch\x91\x1e\nv\xb4h\xe8\xc5(@\x8b\xc5{T\xa5\x86\xe1\xa1\xc3\xf7#\x10o\xf9\\%WR%\xc5'</t>
  </si>
  <si>
    <t>b'\xb2\x85$\x99\xc2\xf8\xa9(\x1b\xdd\xb4\x15e\x9b\x8b)\x00\x83\xea\xdb\xdd!\x9b=\x8c\ra\x05\xf8;\xdb\xcd'</t>
  </si>
  <si>
    <t>b'!c\xd7z;C\xda\xe7\xc0\xe5\xe7\xc7\xa0E\xce\xb9\x00\xda$\xdbzD2\x8e:\xd5g\x88\xa5\xcfTN'</t>
  </si>
  <si>
    <t>b'9\xfe\xca\xe0A\xf5\xa5&lt;\xd5\xaa\x83H\xf94n@jo\xd6g\x1d\xac"\xbeZ\xe1\x1e\xae\xa1in\x03'</t>
  </si>
  <si>
    <t>b'\xfc5\xe2\xec\x10\xda\xce\x92\x80\x9d{z\x11\x94E=\xfa7C\xd0\x89Q\x0c\xe2\xc6\xad\xfc$\x0e\xd7Q\x8a'</t>
  </si>
  <si>
    <t>b'\xe00\x8d\xb5\xd1\xc7\x13\xc2\x8a&amp;\x1d\xc0I\x1cU\x9a\x8e\xf3\xc9\xa1.\x95?\x15\xad\xda\xf61\xe0&gt;H/'</t>
  </si>
  <si>
    <t>b'\x900\xc5&lt;\xb6fS\xe1H\x8a\x01&lt;89K\xd8\xe3\x1f\x8c\x18d2|\x87\x88\x99E\xb9\x05\x87b\xac'</t>
  </si>
  <si>
    <t>b'\x9f\xee\xc2\xd4D\x17=\x96\xc6\x0ea\x02\xe5\xf5\xc5|\x81Z\xdc\xc2s\xb2E\xe0\x90]\x16\xd2F\x90\xcb\x81'</t>
  </si>
  <si>
    <t>b'\xe4\xc0\x85\xf5\x98\xb8\xb1\xf6\x1c@i \x0b3&lt;` qW\xf0\xee\xa2\xb9B\r\xe3\xa0\x07\xb6\xff\xf1\xe0'</t>
  </si>
  <si>
    <t>b'\xa8\xa1\x1a\xf3\xfb\xa7\x1a&gt;\xceh\x06\xba\x01\xdaz\xca\x043\xd7%\x91\r\xbf~\x00\x18\x00\xca\xf1JM\xe3'</t>
  </si>
  <si>
    <t>b'\xb8\xd3a\x16LoG\xae\xa0\xdd\xa4c\xca\xd0:A\x19u\xda\xe0\\[\xde\x97\x16TNW_,3\xc7'</t>
  </si>
  <si>
    <t>b'\x81l\xb7\x1c\x15\xa0!\xce\x91*\xe4m\xcc\x0bX\x92E\xf2\x1c\xa3\xfa/\x8e]a\xcb\x87\x1b\xf1S\xed\xc2'</t>
  </si>
  <si>
    <t>b'Pr\xbf\x8d\xe9\xb6\xdc\xe4\x83b\xda\xe50\xcc\x9d\x0e\x8b\x03\xfc[\xb24\x1af\t\xbb\xd30\x91\xbb\xd5\x14'</t>
  </si>
  <si>
    <t>b'\x11\x00&gt;\x96\x91\xe9$\xd5\xa0\xb6cth\xb0\x9dR0\x11\xce\x8f\xe3+\xaeC^\x16\x96\x8bi%\xa2\x8f'</t>
  </si>
  <si>
    <t>b'p\xb7\xc3\xed1h\xbe\xf5\xa5\xb8\x95\xe4dEJK\xf0\x8a\x1c\xac\x1a|\xd4\xe5\x8f\x82\x1a\xfdT\x01h\xdb'</t>
  </si>
  <si>
    <t>b'\x9cT9\xb6\n\x93\x8fR\xf1;\x9f\x1c\xdb)2\xbe\xda\xd3\xa6\xbc$\xc9\xb3\x0cW\xa8\xc0\xdd\xf9\xcf\xf5\xdb'</t>
  </si>
  <si>
    <t>b'd\xb6\x1c\xaa\xb1`[l&amp;\x1f\xcf\xe53\xf9j\x8b\r\x1cAx\xcf\x0c\xf3+(_\xb1\x8aYW\x91/'</t>
  </si>
  <si>
    <t>b'PW\xb8\x9fj\x0ew\x9a\xb4\x9e\xe6\xa5\xb2\x90q\xffEwLZ\x8e#\xd8\x15%\xba\xbde\xee\xae\x18\xc2'</t>
  </si>
  <si>
    <t>b'l\x11\x1a\x03c\x9e\x9e\x0bK\xee\xfa\x0e\xa6\x13L\xd1q\x00[\xaeSn_\xa2\xfc\xb4\xc5\x96\t\xf3\x81\x89'</t>
  </si>
  <si>
    <t>b'\xc7d9\x86\xf2\x95+_\xcf\x83F\x01\xa5\xb1\xcf\x9ce\x1cI\xbe]\x07\x9f\xa8\x8e%u\xba\xd8,_\xef'</t>
  </si>
  <si>
    <t>b'\x0c\x01U\xd5\xee\x1e\xdfP\x91\xcf5&gt;\x91L\xce\x87\xb5\xc3`\x12\xddaP|\xd3;@\xa0G\xee\xb4\x96'</t>
  </si>
  <si>
    <t>b'9;I\xe3h\x84|\xcf\x81\x18X\xda\xc9\xb9\xc0\x027\xa4.\x80\xf9w\x87\xd3\xdd_gS\x8a\xaas$'</t>
  </si>
  <si>
    <t>b'\xb8c\x99k\x03\xab\xae\xf5O\x96\xcb\xe8\xce\xce\xc1\x16\xd9\xac\xe6j\x87J{\xe7\xf2$\x85X\xe9\xe8\xd8\xec'</t>
  </si>
  <si>
    <t>b'=(\xb4\x04\xcej\x04\xaa\xd4\xf4.&amp;r\x8dV\x92\x8e\xa2cHrG\xbbavj\x00\xd2e0\x17\x04'</t>
  </si>
  <si>
    <t>b'1\xc2q\x95!Lx{\x80\xfc\xbc*\x92\x90\xa0\xd4U\x80\xed\xe2\x98\x81V,5i\x90jm\x81\xe0,'</t>
  </si>
  <si>
    <t>b'\xab\x1d\xa5\xd9\xd90o\x86cZ\xcf7Iu,\xb5H\xca\xb9\x99\x1a\xfe\x8er\xc2\xfc\xca\x16^n\x10"'</t>
  </si>
  <si>
    <t>b'\xc7\xd9\xf4 \xe8\xa0\xa2\x06\x1bh\xaa\xd6U\xf7\xa8\xed\x89\xa2\xd6\xb2\x0b\x7f&gt;\x9a\x18\xc7\xa2FmW\xa0{'</t>
  </si>
  <si>
    <t>b'\xfepp3\x90\x9ee\xdd\xb9\x03&lt;+\x05\x8d\xad6-\x7f\x93\x0c\xf7}2\xe8\x94\x92\x8b\x9d\x05\x943\xe6'</t>
  </si>
  <si>
    <t>b'\xe7\x95\x12s\xf6m8\x99\xd2`c\xf8K\x9e\xd0\\\x17\xectB\x12\xee-\xe4\xafE\xc8\x0b\xda\x82e/'</t>
  </si>
  <si>
    <t>b'\x00D\xc0t7\x89\xf8+C\xd1(\x08nL\xb6%\x8d\x8d\x87\xcd@\xd7E\xe6)\t99s7S\xf4'</t>
  </si>
  <si>
    <t>b"\x83\xf9\xc4\x1f\xa5\x00\xc3\xfd\xa0\xafW\x9e\xe8t\xb5\xb20\xf9\x07\x1b\xf1\xbe)c\xad{'\xe7\xdco\xa6["</t>
  </si>
  <si>
    <t>b'W\xc4\xfc\xf4\x0f\xf4wA\x87t{g\xa5@{\tF\xf6\xb1]2k\xc3\x950\xb5\x05\xe7\xe0\x91\xa4\xca'</t>
  </si>
  <si>
    <t>b'H\x97Z\x98\'\x1dH\x11\x08\xa0\xee&amp;\xbdGF\xc97"\xfb\x888\xf9\x84\xd6{\x88`\xde\x00\xe6\xe4y'</t>
  </si>
  <si>
    <t>b'\xb7\xd0;\xc4\xdeT\xdd\xf2\xe0\xdd\xc13\xad\xdb\xb6A\xa7\x938\xcf\xf5\xe6iH\x8f\xbb\\\xf2\x8c\xd0\xb7Z'</t>
  </si>
  <si>
    <t>b'v\xe5\x0c-\xca\x9aUby\xe0\xf3\x1bW!\xc5\x12~\x03\xc1\xdb\x19\xea\x04qgj\x02h\x88\x83\xe0W'</t>
  </si>
  <si>
    <t>b'A0\x1fe\xf2\xca6\x84\xe0\xb6;\xb4U\x82\x9e\xf7\xa9\xb0\xbc\xad6\xf0wWn\x95\x1fX\xf8\xc8eQ'</t>
  </si>
  <si>
    <t>b'%\x88\xae\x95\xa2U \xd2\x8b@\xb5\x88N\xdf\n\x9c\x9a\x07\xee\xd3\xe7\x81?mnwl\x1c\x8a?\xe5\x83'</t>
  </si>
  <si>
    <t>b'{@M\xf5?\xd5\x9bTd\x08yu?\xc4\xe9\x1e\x9b@\xe7\xfaW\x8c\xda\xef\x8f\x91~\x87\xc7\xe1\x01#'</t>
  </si>
  <si>
    <t>b'\xf5}sb\x83\x1cA\x97\x85\x91\x9b\xc46\xf8\x11\x9a\x022~:\x04G\x11\xb2{\x83\x1c),)\xcd\xb1'</t>
  </si>
  <si>
    <t>b'\xe8\xa4\xcd\xde\x15x\xa8\xb2\xd3?\xce\xfa\x0f\xcc\xab\xc9\x17J&lt;\x16p\xf5u\xf1\x96wO\x9c31\x81\xaa'</t>
  </si>
  <si>
    <t>b"\xd7+W\x17\x7f\xb9K6\xfd\xf6\xc3\xc3\x8aK\xd2\xd3\xcc\x1d\xfb'\x8d\x8b\xcb\xdc\\I0\xfd\xb3FhL"</t>
  </si>
  <si>
    <t>b'C\xe3s\xaa\xdc\xe9\x03Qc\xaf\xc9\x8c"+\x06\xc5\x1a\x02\xbeGI\xc1\x00\xa7\xdea\xa2\xa8[=\xb8\xe5'</t>
  </si>
  <si>
    <t>b'2n{\xbd*\x1cl\x96\x1e\xf6\xc4\xbb\xb5p\to\xea"\x05\x97\xbf\xb4&lt;\xd7\x94&amp;\xc6\x8d\xe7\x8b!\xb4'</t>
  </si>
  <si>
    <t>b'\x0f(|F\xd9\xa0\xfb\xc8\x9e0\x80}\xb1\x82\xdc#$)\xa7\n\xfd^J\x10r\xef\xf7\xce\xcd\x8e \xe1'</t>
  </si>
  <si>
    <t>b'\xf2r\xb0i/\x96\x80\x9cE\x0e\xfdH,\x8f^\xf4\xce\n\x08\xd1\xd0p\x8f?\x9b&lt;\x83\xf7\xbc\xf8eG'</t>
  </si>
  <si>
    <t>b"\xe3}\xe1\x85PV\xcd\x83\x1eA\x1e'\xe9\x95\x83\xfc~\xb6\xfdbZ\xa7K@\xd9$Q\x14J@F\xe4"</t>
  </si>
  <si>
    <t>b'\xbf\xfc\xa4C^}\xb7\x84\x84\x1f/\xb9 fn=\xa3\x1c\xb1J\x0b\xfe\xc8=]\xc3\xb7=\x15Z\xcb\x80'</t>
  </si>
  <si>
    <t>b"9V\x1e\xf0\xb3,'x7Q\x07\x08\xd7\x16BmI\xd2\xd5\xb6\xa5\x99f\x89C\xae\xdaa]m\xcc\xbb"</t>
  </si>
  <si>
    <t>b'v\xbbzR\x94\xc52\xd20/\x08\xa7-`\x8c\x7f6\xee\x03\x01&amp;\xaa2\x90b\x1c\xff\x06\xaa\x00\xad\xfd'</t>
  </si>
  <si>
    <t>b'\xaf9\x13L\xa5\xadb\x92\xd6t\xe5\x00\xcb\r\xa8\x00OS\x91\xc1~\xa6\xbb\x0f\xc5\x02\x08jl2\xa8\xc1'</t>
  </si>
  <si>
    <t>b'}\x1a\x9d\x87\xfb\x93P\xf82n\xc3\xb4c4\xacv"&gt;:\xe7\xe6\'XCT\xf3\xd6\x919R]\xc4'</t>
  </si>
  <si>
    <t>b'\xb3{a\xaf\xec\x165S\xf70\xbb\xfa\x0e\xa8\xdaY\x82\xb8\xcf\xc5&lt;f\x06DQ-\x13C\x82\x08&lt;5'</t>
  </si>
  <si>
    <t>b'*J\n\x11\xc6|\xb0\xcf#\xc3L5\x90\x1c=\x1b\x96nu&amp;\xd8\xab\x8b\x96\x08\xfa\x9ey\x84\xb8!\x96'</t>
  </si>
  <si>
    <t>b'\x15l6\x8a\x0c\xe1j#\x05\x91\x8d\x0c\x0c\xa90\x84\xe1K\x1dU/\x97L\x84^\xeb\xc8\xa3\xb8\x8f\xc4\x04'</t>
  </si>
  <si>
    <t>b'Q8@\xcbL\xbb\xa7m\x13\x1fY\xac\xf2\xc50!5\x88\x1d\xc7HurV\xd6\x10\xa6%\xbfq\x19\xd4'</t>
  </si>
  <si>
    <t>b'\xa36\x94"O\x02\x8e\xdd(\x9e\xfc\xe1u\xa1\xcf.Ew\xfc\x90pj&amp;\xee^\x95c\x1cn\xa7z\xc0'</t>
  </si>
  <si>
    <t>b'\xbf\x1e\xd3"\xc1\xfa\xf7\xea\xf8i\xde\x1ay\xc9\xa7\xf5\xdb9\xdc\xb2KcF\x81\xbd\xf6;\xc9\x80\xb4\xf1Z'</t>
  </si>
  <si>
    <t>b'\xba\x9e\x8bm?q\xfc\xb9\x8a\xba\xa8\x182\xf3\xba\x8e\xc2"H\xa5\x1cs\x07\xe1$h\xe4^\x90\xae\x9f\xd3'</t>
  </si>
  <si>
    <t>b'\x82\x81\xf9\xea\xb2Wg&gt;\x88:\x01\xa4\xa6\xbd\xa9Vt\xdd\x85\xddo\xce\x84s`X\xa6\r\xe0\xe9\xb4\xc9'</t>
  </si>
  <si>
    <t>b'\xff\x90\x1a\x10\x0b\xb2\x85\xa5D6\x06\x8b\xdflW\n\xd7\xd1\xd1\xd1\xb7\xbc\r\xb0\x98\xfd;.\xa8\xf9\xc1\x0f'</t>
  </si>
  <si>
    <t>b"\xed\x99X\xbf\x8dR\x1d=\x1f\xe1\x8e\xe1\xad:\x8c\xe8\xb3\xd4\x1c\x84\xa6\x0f?\x96\xf7k%'\xad\x94pj"</t>
  </si>
  <si>
    <t>b'^\x92\x16_\xd4\xf6\xfa&amp;\xcbau\xd9\xfb\xc4\xb7\xdd\xe9\xcd\x9c\x82\xae\xdf\x1e\xe6[\xe6s\xf9\x04a\xda&amp;'</t>
  </si>
  <si>
    <t>b'\xd0b\x91\xed\xe3dc\xba\x88\x92&amp;DL\xe5\t\x88\x8e"\xbc\xea\xb2\x1c\x07_7\x12e\x16M\x8c\x81\x9c'</t>
  </si>
  <si>
    <t>b"'\x11en\xd5m\xf7\xda\xec\x8fezkf [\xab\x07\xeay\xb8V\xc4(\xb9\xa1k\xf0\x1f\xe4\xa8\xf6"</t>
  </si>
  <si>
    <t>b'\xc0,\x92~(@\xfc\xcaD\x8a"\x07\xa8\xe9/\x10=V\xea\xb7\xbam\xbbf\xd1\xff\x90\x1b\x91\xe8M\x8f'</t>
  </si>
  <si>
    <t>b'\x7f^5k\xa2\xabT\xb7\x85\xb29\xb57\xe8\xdd\xc6[\xaf\x0e\xb6\xc1U\x8f\xddn\xe3\xe3\x0eEa!/'</t>
  </si>
  <si>
    <t>b'\x0b\xc02\x97rJD\xcb%\x94\x0e{\x1aX\x89~\x83\xc3m\x14\x12k\xa2\xe9\x067\xf7\x89\xd3?\xed\x0f'</t>
  </si>
  <si>
    <t>b'?\x18`]Zq\xc3`\xac\xb7R\xbbv\xa2\x13\xbcL\x8f3\x9e\xc3X#\xaa\x8f\xb4\xa4\xd3\xc4P\x99^'</t>
  </si>
  <si>
    <t>b'\x90H\xe9\x92 \xf8\x08\x97T\xb3 \x85h.\x12UM\xce\xcf\xf8\x04\xdb\xd1\xa5&gt;\x95\xe6\x1f\xed\x8e\xf6\x0b'</t>
  </si>
  <si>
    <t>b'\xa5\xed\x8d\xb2}4\naU\x7f\x17D^\xe3\x0b\xca\xac\xd37\xe8f\x8b\x8a&amp;\xf9\x07v\x93\xeb6q\xf9'</t>
  </si>
  <si>
    <t>b'\x8b\xea\xba\x17\t{\xcf2\xc0\x8e\xc5\x1c\xcb\xc6.\xfc\xf4\x1a\xd6\x0f\xdeO\xca\xd6\xa2\xdb\xe9X\x18@\x1f\xee'</t>
  </si>
  <si>
    <t>b'\xed\xe9\xfa\xba\xf4\xe7c:J\xc3\x15\xf2\x1a\xd92_\xfe\x1cD\x9b~\xecd\xf0\xdd\xd34T\xe8\x1b\x94\x08'</t>
  </si>
  <si>
    <t>b"h\xddH^yg\x00W\x86{'\xda\xe2G\xbc\xcck[\x18\x03\x9eg!G\xe4\xfdc\t\xa7\xc3h\x8a"</t>
  </si>
  <si>
    <t>b'!\x80\xe4q\xbed&lt;\x84\x146\\k\xa9zK\xf3z\n\x05\xd6\xfb&lt;\xe5\xba\\\x89\xf9p\x80\xc5\x89\xdb'</t>
  </si>
  <si>
    <t>b'\xd4\xc9\x03b\x8f\xe6\x12\x94\t\xf0\x9d\x14\x00\x1b\x8a\xe2\xff\x8eW\x80T\xb3\r\xa8\x9bA\x7fd\xe8\x99t\x1d'</t>
  </si>
  <si>
    <t>b'\xe6\x8eC\x10\xff\xca\xd0\xc9b\x8b\x04\x9b}\x98rq|\x978\xbe\\\xc2\xcd\xb1\x9e\x8e\xd2\xa3\x7f\xc1\x97\xa2'</t>
  </si>
  <si>
    <t>b'\x1d\x9f,\xd3g%A-\x156\x97\xe1\xc1\x1e\xb15W\xf8W\xb1#\xf8d\x18\xe8t?\xacL\xb8N('</t>
  </si>
  <si>
    <t>b'Z\x1e\xa7,\x13\x93\x08\xe1\x16\xc0W\xdbgM\x18\x82\xbb\xaf\xe6+9\xfa\xb2]6\x17\x9c\x1f\xcd2\xf8\xe9'</t>
  </si>
  <si>
    <t>b'wF\x002\x12\xd9\xc6\xb9\xf7\xe0w\x1e\xf2\x0f\xcbK\xe4\xcf-F\xdddi\x01F]\xfe\xfa$\xc0\xd5\x81'</t>
  </si>
  <si>
    <t>b'\xecu\x9a\x01\x0f?\xba\x1c\xccMi;\x10\xaf\xe3&lt;V\xb7\xe8\x9c\xc1\xc8S\xaa\x9f\x1a\x15\xb5\xc0\x11\xc9e'</t>
  </si>
  <si>
    <t>b'\xaa+\xc7\xd2\x13\x8e~\x08\xb3\x96I\r\xf7b4=\x99\xf0\xfa\x9d^\x1e\xc6\xb7\x8a\x10\xfb\xe4\xa7(\xee\x80'</t>
  </si>
  <si>
    <t>b'^z{\xa3\x0fE\xc6\x8a\xc6Ci\xbb\x1c\xe4\xf1 x\x06\xf0\x9e\xaf\x04=u\xe53=/\r\x11\xe8\xc3'</t>
  </si>
  <si>
    <t>b"'\xd8\xe9\\R\xe4\t\x0cE\x95\xb9\xf6x\xa0\x86\x8a\x06\x9c\xf5\x91\xa9\xbe&gt; Zd\xce\xcfE\xa5\xbb\x81"</t>
  </si>
  <si>
    <t>b'S\x7fvK\xf2P\xc9\x99Ik\xc8\xf3gO\xda\xb4\x1e\xe9D\x1f\x83#.U\x0f\xba\t-\x0f\xbd\x95@'</t>
  </si>
  <si>
    <t>b"yb\xbei'\xa8\xe67\x97T4\xbf:7\x00j\xe9\xb2\x00O\x88\xe9\x9b\xb6:c\xb7\xc3\x85w,\xd6"</t>
  </si>
  <si>
    <t>b'N\xa1h\xe0\xd0u\x8a\xe6\xb4\xf7\x88\r\xea\x9d\xb4Y\xe1\xa6\x1fB\xc9\x82\n\xeb\x83qp@]p\xa5\xd7'</t>
  </si>
  <si>
    <t>b'X\xae\xe6\xd6\xa4\xcex\x1e\xc5\x96|\xeb\x84F\xb8C\xc2[\xf7hi&amp;\x10\xd5\xb0|\xba2\xd9\xa2p\xa0'</t>
  </si>
  <si>
    <t>b'\xe0\xd6\rE\x1f\x0c\n8\xea\xe2\xb4T\xd7\x18\x00\x98\xb1.\xcb\xcdCF\x81\xe1\x81e\x8eO\x15&lt;\x01\x99'</t>
  </si>
  <si>
    <t>b'\xf9d\xfd\x08\x8a\xa0\xad\x12&gt;\xe9z\x98\xb2\x1e=1|YpE;\x93\x0bTN\x8ecP\x11.\x86y'</t>
  </si>
  <si>
    <t>b'*T\xb0\xe1]4GT\n&lt;\xa0t)\x9c\r\xa6)\x9f\xefg\x82\xc5Q\x12\x00&lt;\xc3\x1a\x9e\xf6W\x97'</t>
  </si>
  <si>
    <t>b'\x1f\x07c\x1e9?\xd8\xa3^\x17\xb3\xfe#\x8cs\xfb\xeb4\x8d\xf5\xaa\xa7\xe8\x9d\x02\x8da\x1a\xc1\xe9L\x80'</t>
  </si>
  <si>
    <t>b'\x8e]/\xa9\xa24Wmpr\xab\x89\xb8y\xd2&amp;%7\xfe\x11\xdb{\xb4O\xdbx\xf4\x1b\x93^\x86\x14'</t>
  </si>
  <si>
    <t>b'kD\xca\xce\xb4OB[h{\xebIm\xd9\xa0)\x04"\x9f\x1f[sk\xd9\xf0\xee&gt;\xf2~\'U\x99'</t>
  </si>
  <si>
    <t>b'\xee\x83\xb1\xeahX\x8bNEV;\x17\xd0w\xc2\xc1k\x90rI\xf0P#\xca\xcaMw}\x0f\x19wu'</t>
  </si>
  <si>
    <t>b'k\x97\xbf\xe5^UN\xf2\x15PI\x8e*E_H1\xb3\xcf\x1a\xe0\xbd\x01\xebL\xf3\x1e\xd2!\xda\xaa\xeb'</t>
  </si>
  <si>
    <t>b'\xe3C\xf2e^\xf7\xce\x19\xe6\x1d\xe6s\x8a\x11M1\xf2\xd4\xc2\x02I\xe0\x96\x89\x0fq\x89\xc2Z\x802\\'</t>
  </si>
  <si>
    <t>b'0\xe7n\xc0[\x94\x7f\x08i\x1f\xc0B\x00\x8a[\x03\xc7\xc8\xcc\x0e"\xd2,\x15+\xc1\xbcH\x17\xeb:m'</t>
  </si>
  <si>
    <t>b'n\xc9\x87F\xe4|\x16\'\xda\xf8\xa0\x14\x8d\xdd\x8b\xb9\xd3S\x86\xf03\x85\x9e"\xafjq\xa6%\xb5\xe3&lt;'</t>
  </si>
  <si>
    <t>b'\xb5\x9aN\xf12\xd0\xc2\x05\xc5\x80zKw\xb6\x90\xef\xf9\xc7(\xb4\x11\xa6\xc1o6\x8a\xb2\xd0\x1fV23'</t>
  </si>
  <si>
    <t>b'gX\x9e \xf6\xad\x96\x18\xce\xb3\xc2\xb0j7\xbd\xe2HU\xd5u\x0b\xb2\xe3\x1e\xab\x8f\x0f\x96T\xc4$\x1d'</t>
  </si>
  <si>
    <t>b'\xe3\xb5\xad\x00is\xed\x052\r\xf6h\xa6&gt;p\xf6\x0f\xe4&gt;\xfc\x07\xbbb\x97\x1e\x1c\xdd\xe22H1\x8c'</t>
  </si>
  <si>
    <t>b'G|\xce\xbf\xb4l\xff\x083\xbflX\x93\x87\xe8\xa0\xc9\xe2I\xdbUv\xd3\xb7\xfb\xd6Q\xe0\xbb\x16F4'</t>
  </si>
  <si>
    <t>b'\xb0\x11\x95\xb6\x0f\x8fE}\x957\x06xi\x02\\\xc3n&lt;\xf0_,\xe9\x82\x19dw\xdcd\x1aa&amp;\xc4'</t>
  </si>
  <si>
    <t>b'b\x94\xa8{\xff\tS\xe5\x15y\x9d\xd8\x7f`\x05\x9c\xeb\xd0,C\xf8\xa2\x16\xfaRl~\tgI\x96\xa6'</t>
  </si>
  <si>
    <t>b'&gt;\x8d\x07\xc6\x96\x11s\xbd\xb4\xeb\xff\x92\xf5\xb5\x9c\xab\xbf\x8f\xcf\x15^\xb7\xf9[\x06\x9c\xb8\xb1\xb8\xc2l\x97'</t>
  </si>
  <si>
    <t>b'\xe6L\xfep\x8c\x98\x83X\xda\x00\xdf\x87j\x0e\x9a\xb9\xf1-\x1c+o.N\xe2\xf4\x94\xfe\x11\xb3\xa0\x8c\x1c'</t>
  </si>
  <si>
    <t>b'\x06K\x8b\xf5 \xd7\xf7\xa3j\xed^i)-V\xd6\xdf\xeb\n&amp;\xe7{ad\xd8\xe1EP\x82\xbex3'</t>
  </si>
  <si>
    <t>b'\xe3\xb1%\xcc\xdf\xe99\x96;\xabx\xa4L\x14\x80\xd3\xca\x14P[\xac\xa8H\xcd\xbb\xd8\xadCF\xca"\x97'</t>
  </si>
  <si>
    <t>b'\xed\xb4\xf7s\xfb\x8e\x88S\x8f\x1b\xdeT\x91\xc8\xd2\x18\xa0\xd6#|\x9bm\x11n\x92\xc5\xc3\x8f\xf0\xa0\xb8!'</t>
  </si>
  <si>
    <t>b'\xd4fC+n\\G\x9c9T\xb6m\x1b\x06\xb57Y\x97\x85z\xc5;\xc9\x0e\xdc\xe4\xc3L\xec \x95\x9e'</t>
  </si>
  <si>
    <t>b'r\xa7\x9bYp\x93\xaa\xf2\xb2\xeb\xda\xf9G\xc5\x7f\xcc\xa15\x1f\xf7\x05\xae\xf3`,Px{\x1a\x85;\xe0'</t>
  </si>
  <si>
    <t>b'\xfc\x0f\x83\xc4Eb\xb6M\x9cF\xcf &amp;F\x99\xe4\x0b`m\xe4\xe8\x02ePi\x10&lt;M7a\xe1Z'</t>
  </si>
  <si>
    <t>b'#O\xd4\x16\x82\xc4\x1f\\E\xaa\xed\xfc\xba\x9a\xc4j\xfb\x814}o\xaa\x81\x99\x0fTw.\x08~\xd1\xfa'</t>
  </si>
  <si>
    <t>b'\x06\xee\x7fF}\xab(\xaan\x12\xc6\x8f\x96\xf6\xf6\xa5\xbfX\x1bk\xf5w\x11Ap1\xb6gFt\\\xd5'</t>
  </si>
  <si>
    <t>b'\xab\xfb\xdc\xfa\x0bH\xbd\xcd\xb0\xb9\x80\x10\x85\xefj\x96u\x18l\x84\xb6Q\xf6Vm\xb4\xb5\x10\x02\xaf\x1f\xfc'</t>
  </si>
  <si>
    <t>b'E\xc6\xac\x8a\x7f \x95\x8a\xfd\x83\xd3\x81\xc5yQ\xbc\xf1\xb7*h-\xc4\x8e\x1b\xdes\xda\xa7\xff\xd1\xf9\x9b'</t>
  </si>
  <si>
    <t>b'\xbd\x80D\xc9Y\x91\xd5\xf5V\xf5\x10\xf9\xder\x19\xd0&gt;\xcd\xf6\x85^\xfeQW\x0bn\xaa\xe7u\x00&lt;\x98'</t>
  </si>
  <si>
    <t>b'@Hz@`\rL\x82\xc8\xd6c\xe1C\xdb\xa2w\xcb\x9b!\xb8\xa2\xd4\x9c\x80\xa5\xd6\x11}\x1008\xb5'</t>
  </si>
  <si>
    <t>b'\xa5LY\xa9\xa8q\xf5F\x8d10\xe2"{\x00X\xc0\xa2\xc5U]\xa8\xbbM\x84\xea\x1d\xf6\xc2\x96=\xc2'</t>
  </si>
  <si>
    <t>b'\x1d^3c:\x9d\xde?\xbf\xec\xec\xfe\x11$\x944bJ\xee\xddO\xf1%R?fC\xbeE@8\xb1'</t>
  </si>
  <si>
    <t>b"\xf5\x86]\xb4\x9c\x08\xbd+\xa1\x9c\x90]\xa6\x8da\xee\xea=\x95:i\xc7f:HG3\x89'Vl="</t>
  </si>
  <si>
    <t>b'\x1f\x01j\xfc\xd19\x1c\x8f\xb6\xdd&amp;zQ"\x0baHmaN\xb9[%\x07K\x80l"\xd8M\xe5:'</t>
  </si>
  <si>
    <t>b'\xe0\xb4\xf8-\xf0\x1eoAE\xbf~t\xd6\x8b\x86\xa4Y_P\x1f\xf1\xacfzH\xaa\xf4\xf8\t\xd2CF'</t>
  </si>
  <si>
    <t>b'\x17&amp;r\x89\x99\xa3\xcegX\x1a\xd5y\xb5\x19\xdc\x18N\xb1Tc$\x97\xb7\n\x84\x9c![\x07\xb9\x80\x07'</t>
  </si>
  <si>
    <t>b'Q\xc8-\x02\xec\xd1\xaa8\xb0,\x05?\xbf\xba\xae\xab0BZ\xaau\xea\x8a1]\x1a\xb10\xa1\x8e\xde\xb4'</t>
  </si>
  <si>
    <t>b';\xf6\xa3\xf1\t\xb0\x8b\xcd\xc2\xc4}\xae\xfeS\xa7G\xe9\xb8\xcc\x7fH\xe8}x\xd7\x1b\xdd\x0eC\x19\xd7\x06'</t>
  </si>
  <si>
    <t>b'\xad\xca\xa1\x19\xd0q\xf4\xae\x87\x90\xcd\xb6\xcb+\xd8\xb4\xae6\x13\xf5\xd5(5#\xd4\xc5\xe7\xcd\r\xef#\xc9'</t>
  </si>
  <si>
    <t>b'\x92\xd5\xe8\xf6\x10\xf6\x0c\xa8\xb3\xac\xf8\xe8W\xccA%]-,\xc5c\xd2z\xac\x9f\xa7\xb6$\xec\x84\x98\xc5'</t>
  </si>
  <si>
    <t>b"\x86\x01x\xe7t\x90IG\xd6\x1e\xa5\xaf\x87\x8c\x91\xe7\\'P\xce\xe9\x10*\x14Ii\xe6\xff(\x13y\xdd"</t>
  </si>
  <si>
    <t>b'|j\xf7\xd4\xfc\x03\x1f\xd2\xe7\x17\x179\xd1R^\x90\xda\x1a\xa8\xaeH\xde\xdf2\xbbX\xd0\xd0R\x8c\xe3i'</t>
  </si>
  <si>
    <t>b'jMk\x8a@\xdb\xc30v#\x07*\xb0f\x82\x110\x1bS\xca{=\xaf\x9a$}\x860\x85[\xa9\x08'</t>
  </si>
  <si>
    <t>b'\xdbV3l\x07\x8a\xce\xa5\x85z!Ui\xc3&amp;n\xb1\xcck\x86"\xd1\x93j\xba\xcc\r\xdc\xddY\xfdP'</t>
  </si>
  <si>
    <t>b'\x8d\xd6\xcb\t\xff\xdc\xe8\x85\x88P;v`\n\xaf\x1d.\xf2\xe5\xbe$\x1b!\xaa\x8bu\x1d]\xd0\xf9\xd9\x1b'</t>
  </si>
  <si>
    <t>b'#\xf1\x15\x82\xc35\xa9\nZ\xe8\xedF3\x9b\x92\xc0\x944kS]G\x1d\x0e\x1a\xee\x82\xb3J4\x87\x1d'</t>
  </si>
  <si>
    <t>b'H9=o\xccj\xd4\xe9V\xb7\x19\xcey\x9dA\xff\xc4\x0fY\xb0b\x08\xa7\xa2$?0\x92L\x95\xcc1'</t>
  </si>
  <si>
    <t>b'\x13\x0f\xbe\xf8[\xae\xae\x1d\xa1\xd8\xa2\xd5[\x97\xab\xc5\nQ\xc9\x12\x02\x16N\xe1\x0b\x06-\xef\xa4\x16\x98\x1d'</t>
  </si>
  <si>
    <t>b'\xfdL-\x9a\xbfk\xa9\xd5\x17\xd1\xa4\tc\xfe0\x98r@\xd9\xd4c\x00\xca\xa3\xedQ`\x14@\xdd\xc4\xaf'</t>
  </si>
  <si>
    <t>b'\xc3S\xf6"\x03\xc7F\x97\xf0 \xec\xb9\xb1\xce\xa9\x13\x00&gt;\xbc\xd7\xb9W\x9cr\xe5|\x9f\xad\xd0\xe9\x9f\x9e'</t>
  </si>
  <si>
    <t>b"\xda\\\xa9Im\xfeC\xadQ'F\x1f\xec.Ms\xe4\xf4\xb3\x1a$\xa2m\x8bSmDj\xa4\xd7+\xbb"</t>
  </si>
  <si>
    <t>b'\xc0\x9a^\xe8F\xef\xdb\xe5\xa7\x9fQ\xc6@q\xef\xce\t\x9d\x8d/j\x03\x1b7*\x14D\xb4\x87$\xe6\x91'</t>
  </si>
  <si>
    <t>b'&amp;\x98e|G\x9a\x14\x12\xc6\x7f\xc7^\xaf\xc7\xaf\x97;\xaa\x97\xf8`,\xeb\xab.s\x1aV\xf6|&lt;\xc8'</t>
  </si>
  <si>
    <t>b';\xa4\xf9\xd7\xce^ \xebti\x875zH\x8a\xb9G0 n\xd1n7\xd1\xd2sP)\xbalO\xdc'</t>
  </si>
  <si>
    <t>b'7\x14\x9a\xf4.W\xa0x-\xa3\xffO0\x0b&gt;\x8d\xa3\xe1\xa6\x0e\xfb\xae/b\xc3\x88\x11s\x1f\xe8p\xbb'</t>
  </si>
  <si>
    <t>b'\xce*a_\x86nF\x02\xb6\xdc\xb7K\xce\xb3Q\xa8Yv,(\xe8\x88\x07)\xab\xcc\xfav\xca[\xc6f'</t>
  </si>
  <si>
    <t>b'@\xd2\x7f\x8b\x94\xcab\xedlx;YT:|\x9a\xc0\x92\xe3;\xcb\xb7\xe4\xeb\xcd\x9aR\xc7\xbb\x9e\x0be'</t>
  </si>
  <si>
    <t>b'\xef\xca\xf0\r\x987\xacac\x05\x15\r1\nc\x11\x9f\xe1\xe5\x08A\x1a\x16S\x1a\x0fA\xa7"!\xa8*'</t>
  </si>
  <si>
    <t>b'\x18\xed\xb2\x838WU\xe0\xff*\xb0\x03\xbf\xe8t\xff\xaa\xaaP0\r9\x9a\x11\x18)\xe06%\x11\xf1\xea'</t>
  </si>
  <si>
    <t>b'BY\xf3\r\x8e\xfe\xf5\x1c\x9a\xfb\x1c\x9aa8.l\x0e\xbdt\xf7\xc4\xc7\xdfr\x08\xbe=\xd0\xb4;\x04\x80'</t>
  </si>
  <si>
    <t>b'\xfc\x82!\r\x02\x98M\xa3\xdfn\x86("\xe6^\x13\x15\x07D\x86i\x8d\x17J8\xe5,\x95]=\xb4T'</t>
  </si>
  <si>
    <t>b'\x9e#\xd0\xa5\xdbU(\xe3\xdf\x04^\x0e\xed\xbe\x07C\xcc\xfe\x00\x15\xc9\x92j\x97x\x84\xcb7\x9fNn\x94'</t>
  </si>
  <si>
    <t>b'\xf8\x01\xf0\xc05\xfa\xb2\x06R\x9f\xc3]\xe2l\xea\x9c\t\xc4\xeat\x014\x15\x88\xa3C%\xc6\xfd\xa5\x083'</t>
  </si>
  <si>
    <t>b'^9q\x8b\xa5\x9el\xe3\xeb\x95\x9c0\x1fVl\x1d\xa8A5\xb3rZ\x1bY\xfds\xdd;\x84\x85\xf9\xce'</t>
  </si>
  <si>
    <t>b"Z\xa6\x07\x1b\xce\xcb\x92\xc4*e\x98Zw\xc7\xbb\x88D\x15\xc9\xa5\x0c\xee\xb5\xf7i\x87\xd2\xb3J \x10'"</t>
  </si>
  <si>
    <t>b'&amp;\x16\x87\xf78W\xbe\x13\x1eMr\xee\xa1\xf4~\xaa\x86_%\xa0\x7fx\x0c\xc2\x13}\xdd\x9a"\x8dP\x91'</t>
  </si>
  <si>
    <t>b'\x1e\xd9\x83\x8d\xed\xacyi\x1ey8\xe7}\xbb\xbcosv\x80\x8e\x17\xe9-\x81L4\x1f+\xd7\xf9\xc7|'</t>
  </si>
  <si>
    <t>b'N\xbfn\x85F\xd4\x96!Q6D#N\xff\xe0EfI\xbc*\x95\x1f\xf5N_\xf2\x159$\x88\x89\x95'</t>
  </si>
  <si>
    <t>b'\x92\xea\x89\x80\xe8\xbc:\xbba\x943;Db]\x10G\xad\xd2d\x19\x8a\xf0V"\x99T\x88\xf6\xb3\x93p'</t>
  </si>
  <si>
    <t>b'\xf3v\x95:CXD\xe9\xa8D\xc3\xec\xd3\xeb#\xaf\x06\x19j\xd3Z(\xa9\xb9\xceI\x94\xcc\xf6\xff\xf8\x1c'</t>
  </si>
  <si>
    <t>b'\x10\xcb\xe8\x96\xeb\xba\xff\x0c\xabV#\xc2 \xb7\xe1Cu\xfac\x87\x90k\xedz\xe4xk\xf7\xb7x\x85"'</t>
  </si>
  <si>
    <t>b'\x1b\xe4\x1c\n+\xe0\xc6\x04;v\xcf\x93\xee\xccF\x1aX\xf5V\xc6\xcb\x13m\n\xdf%\xfaD\xbd~\x0f\xf7'</t>
  </si>
  <si>
    <t>b'\x90\xddc\xe8\xe3N\x18\x98\x18\x19\xa2\xdd\x9b\xe6]\xc3\x8bG$8_\xd0B\xf3y]\x15a\x11\t$\x8e'</t>
  </si>
  <si>
    <t>b'\xed\r\xe2U\xd9\xd2\x06|\x87t\xb4j\xf4tc@|m:\x9c\xa9\xd9\xe8\x08\xfc\xf9K\x18S\xf0B\n'</t>
  </si>
  <si>
    <t>b'\xf6\xdc9\rc,\x0b\xaa\xa4\xe6\x00\x9a^]9\xf8\xa6\xe7/vNu\xb9;\xf6\x93}\xbbx\x90\x7f\x02'</t>
  </si>
  <si>
    <t>b'\xbdX\xa1\xdc\x9d\x8d\xddxj\xe1\x0c\xe2\xd4\rU\x15+\xa4!\xb8t\x0f\x0cpu\xbb\x1f\xcc\xfbE\xd0X'</t>
  </si>
  <si>
    <t>b'\xb6N7^1;%\x89\xf5\xf7\xa3\nz\x98}\x06\x85T\xb0K\x8c\xbe\xa2k\x956\xe6\xe8\xd9\xedEY'</t>
  </si>
  <si>
    <t>b"is'\xd0\x9a\xf1O\xc4\x99`\x1f\x96\xcf\xbb\x88Tt\xf4\xef(e;;9\x14\xc6\xa1\xae\xd9\xa8\x17\xe7"</t>
  </si>
  <si>
    <t>b'\x17\x88\x8e\xc1\xd1y\x19[\x1e\x1b^\x1f:L\xbf\x89),%\x8e8\xb3\xc8s\x14\x8b\xc3\x0e\xcf\x9fi\x90'</t>
  </si>
  <si>
    <t>b"3v\x04'i\x0b\xbc\xf5r^:\xd4;\xf1v\xebt\x921\x80\xd8H\x8b\x80\xe8\xf5\x84\x80:\x9c!a"</t>
  </si>
  <si>
    <t>b'\xdb\xc2\xc0h3\xc1hL\xa9\xca50\xaa\xc4\xc7\xb4\xba\\\x0f\xcaXY\x85d7j\r~{+\x02\x8f'</t>
  </si>
  <si>
    <t>b"\x13\x1a\xd7S\xba7\xc30\xf8\xa0\xb9=b;\xc6\xa9t\xe1\xdb\xc0O@\xb8B'\xe0\x16\xac\x0fFX]"</t>
  </si>
  <si>
    <t>b'&lt;+\xbb-\xd2_;+\xcc\xd3\xefd#\x14\xe8\xad\x14\xec\x87\xcaDS\xe5\x8f\xdb\xb1\xca\xffj\xc8.\x9b'</t>
  </si>
  <si>
    <t>b'0\x99f\xe9U\x1c\x01\x11P\x8a\xa2\x9fb\xd5i\xcc\xcdWl\x1e4\xe0\xf3\xd9\x08\x82\xa8\xf5o`\xf3\xca'</t>
  </si>
  <si>
    <t>b'\x0f\xce\xef\xd8J\rj(\x07_\xdc\x10\x8b\x7f\xedo]@\xee\xceTQ&gt;\xb1\x98\xbe\x96kI_\xcc\x95'</t>
  </si>
  <si>
    <t>b'\xa0I[e\xeb6\x95\x05\xe6M\xc6\x0e\xb2*\xdb\x83d\xa3*\xc1!e\x11\xc8&amp;\x00\xba\x9a\x96p\xcaU'</t>
  </si>
  <si>
    <t>b'\xff\xd6\x0f\xfb\xf7:\xfc\xedIp\x9d\xfe\xcf/\xb8Vo\x93\x15\xf0\xdaj\xea\xe1\xb3\x07\xa2"+p\xa8\xfd'</t>
  </si>
  <si>
    <t>b'T\t\x13\xa0$\x1a*t\x83\x98d\xc0\x8f\xa5\x9e\xdek\xdd\xbd\x05\x8d\xaa\xda`\xfc3\x9b\xa0\x1f|\xc6\x8a'</t>
  </si>
  <si>
    <t>b'\x05\xc1\x95\x14\xe1\xf7\t\xda\x85MTr\xef\x114\xdd\xb10\xc3\xb7\x91\x01\xe9\xc6h\xc3(\xe5E\x8c\x92J'</t>
  </si>
  <si>
    <t>b' B\x0f\x8e\x1d\xf1\x19)\x10\xda\x10\xd0\x1d\xe5U\xfa\xeat\xdaV\xa8a\xf6+\xc4{\xc6\xeav\xbe.7'</t>
  </si>
  <si>
    <t>b')\xa6C b\x0e\xb5f$\xabN\x83\x90C\x83x\xb4\x9aM\xc11-y\n\xa9A|\xca\x80\x89\xfb\xa7'</t>
  </si>
  <si>
    <t>b'{3\x18\xc0U\xd9\x81\xec7\xeb~Uw\xc7\xbe\xcb\xd8 %\x8ej\xb5\xdd\x98pV\x18F4#\x01\xa7'</t>
  </si>
  <si>
    <t>b'Jt8\xd1\xcf\xb8,:!SK\x17L\xf3\x02\xe5!m\xd2\x0cd\xab\x9a\x03\xb5$\xa3\xa4N\xa3\xeb\\'</t>
  </si>
  <si>
    <t>b'\xcb\xe4\xef\xb3\xacS\xbe\xe8\x8dq\x1aG\xc5\x1a\x99"*6&amp;T\xf8\x89\x97p\xb7\xd6\xdfI\xd5\x94\x81|'</t>
  </si>
  <si>
    <t>b'jI\xc0\x13\x1cf6spk\xdc\xbf\xf8\xbdZ\xa7r(\x97\xdf~\xda\xaf\xa82\xf0e\x8ael \xa9'</t>
  </si>
  <si>
    <t>b'g\x1a\xc1[C\xb1\x149\x14M\xc1\xcc\x86\x02?\xb9\x82\x18\xcc3I\xa9Eq\xad\xf9fE!vna'</t>
  </si>
  <si>
    <t>b'\xee\x18f\xd0m S\x88\xf9b\x08\xf4q\xbc\x16l\xae8\xad\xa6\xf6\x8a[\xfb\n\x84r\xa8\x8a\x9d\xd3f'</t>
  </si>
  <si>
    <t>b'\x10\xd5\xe3\xba\xb8\xfb\xc4\xb0J\xf2Ta\xf0"r\xd0I\xd9\x00\x9d\x1f\x84\xb1\x8c?\x95\x82\xd8\x94wU9'</t>
  </si>
  <si>
    <t>b'\x8eV\xa2V\x83\x18r\xb4\xd5\xb7h\xf9\x86T_p\xd7\x8a?\xdc\x13\x1c\xbd\xbdd\x8e\x92\x16\xee\x17:\x90'</t>
  </si>
  <si>
    <t>b'+\xafW\x01\xf7\xf3\xad\xfb\xb6N\x9b\xd4-\x14RH\xa4\xfb\xaa3\x8fU\x82\x1fL\x8a\xe6\xb2k\xe7h\x03'</t>
  </si>
  <si>
    <t>b'4\xa4\xeb\xf2\x95\xbe\x9fC1\xfcU-\x92\xf1\x15k\x15\xc8\x7f\xb1\x9ebQ)\xc7\xf6\x84M\x07\x13\xf0\xf9'</t>
  </si>
  <si>
    <t>b'@\x03\x90X(\x11:\xf9\x1d{q&lt;\xc3\r\xea\xf6\xe3!6\x04A\xa0!\xefh[\x05\xde\xc4\xe3\xbe\x14'</t>
  </si>
  <si>
    <t>b'\xf7\xe8\xab3\xcb2mR\xb8\xb1L\xa1\xa9~]05\xba\xbb\xe2U\\T%{\xed5\xb1$\\\xee\xd9'</t>
  </si>
  <si>
    <t>b'\xfbEG}\x13\xa2\xab@\xec\xe6u\x9e\x07\x8e\xd4\xca\xaa\xe3xER\xc1\x96\xa5\xa3\xf2\xbe\x91\xe7|]5'</t>
  </si>
  <si>
    <t>b'\x11\xb53\xae\x95\x1b\xaa$L\x98\xf5\xd0fk\xee\xaf\xae-4\x13\xbe\xcf\xb7d\x9dU\xcd\x1f\x80x\xfeh'</t>
  </si>
  <si>
    <t>b'b\x84\xcf\xb12\xe3\xe5_\xbf\x10\x8a\xbf\x90r\x93\xbb\xd4G[\xccx\x8dV6J\xf5\xb9\xa7\xd5\x9b\xe7+'</t>
  </si>
  <si>
    <t>b'\xad\x13\xe3\xe0L\xdd\xce\x1f"\xf7\xec\xc6I^\\\x16\xe8|\xf2V\x19\xe4\x8a\xd0\xd4\xa7\xf9V\x84p#\x07'</t>
  </si>
  <si>
    <t>b'\x90er\x10\x08\x1b[\xac\x9f\xbb&lt;\xdb\x89\x1b\r\x18\xc8\x91\xaa\xf8\x9b\\\xe4\x15\x93s]\xec[\x02u\xd9'</t>
  </si>
  <si>
    <t>b'X\xabzZ\xdc\xcd\xfdx\x85\xb3\xdb\x16"\x98\xaa\xc5\xa1U\x86\x8e\r\xe4\xd36\xa39\xd8\xbd1\x90\xf3\x01'</t>
  </si>
  <si>
    <t>b'\x85)\xc3@@\x9bA\xc4\x92\x98\x00e\xca\xff\xabKU\xf6R\xe1,D/C\x88\xa2\xb6\x9a9\x92\x125'</t>
  </si>
  <si>
    <t>b'\xc2\x9c\x0fE9\xbc&lt;\x86^\xcd\xbd\xd8\xc0{C\t\xfa\xa3\xcd\xb7\x1a\xaa`N\xcfS\xcda|\x98M\xed'</t>
  </si>
  <si>
    <t>b'\x0bjU\xf70\x90\x06F\x9e\x05\xf6~v\xa4\xb7\x87\xf6\x17\xdaB\x9cW\xe2\xc8\xe5v_R\x0b\x14\xa5\n'</t>
  </si>
  <si>
    <t>b'_\x82\xaeQ\xc3$\x8f\xc8\xcc\xb6\nUz\xb8\xe8\xb6\xac\x8f\x12\xe6\xae\xda\xd1\x9a\x18{yD\xbe\x06\xe9M'</t>
  </si>
  <si>
    <t>b'r\xb5\x90[GD\x9bV{Z\xda\xd4X\xccFcZ\xf6\xe8\xed\x95yJ\x8er\x93\xb3\x87\xdfEf~'</t>
  </si>
  <si>
    <t>b'\x1d\xa8$=,&amp;L\xab\x9a0\x9a\x0f!L\\\th\x03\x1d\xa0\xe3@e\xe4&amp;\xa7\x81\x1a0\n\x95\x0e'</t>
  </si>
  <si>
    <t>b'[\xd5\xbe\x7fpX\xb6\xad\x9f\x89\xf5\xd2\x19\x05\xb26\xd0\xd3\x0b&amp;%@\xe9wv\x1b\xf1\x13uzPj'</t>
  </si>
  <si>
    <t>b'f\xd6t\xb1$?\xaa\x89xLq\xc9y5\xbf\xb5\xf80\xfbk\xccX g\xf1\xe2U\x19\xd7y\x93\x80'</t>
  </si>
  <si>
    <t>b'\x98\xd5EQ\xc3\x05c\xe5\xdd\x99&amp;b\xd1,\xd7\xf9\xb6G\xe5\xb6\\T\x02\x0c\xff\xfbY\xbd\x7f\x90.\xe7'</t>
  </si>
  <si>
    <t>b'\xb7\xa2A\x88I4_\xdb\x08\xce\xaep\x96\x96\xea\x80K\xe1\xaf5]n_K\xfc\xf7i1\x8eY\xb6\x02'</t>
  </si>
  <si>
    <t>b'\xb5\xaf\x83\x9b\xce3\x9fa\xb9\xcd9&lt;\xc8\xf3\x05\x12\xc7D\xffNP\xc6\x0f \x99\x92\xd8dI\x82\xaf?'</t>
  </si>
  <si>
    <t>b'\x9a*\xc3\x17\xcb$\xef7\x1a\xcb\xcf(%\xca\x10\x02\x80\xccK\xc7A0\x13\xf5\xd9\x04\x11\x81\xf2WU\xfc'</t>
  </si>
  <si>
    <t>b'P\xce\x83r!\x96{\xe3[\x1b,\x82\xd2c\xa0\xc1\x84\x08G\xd1\xe5Al\x06\xb1\x8c\xc7\xd7Yw]\x92'</t>
  </si>
  <si>
    <t>b'\x08\xcbs\x14&lt;\xec\xd1\x91\xd4\x0c\x97\xdd?\x96+X1ii\xa6\xe0\xb3&lt;\xb5rS\xffbg\xfd\xe8\xcd'</t>
  </si>
  <si>
    <t>b'V\x84\x00\xba\x06\xd1+\x82\xd0:\xb9\xb7\x7f+\xce\\\xc3\x01~\xaf\x86"\x1f9\xbd\xd1,&gt;\x90\x9f\x8f\xdb'</t>
  </si>
  <si>
    <t>b'\xf3\x01\xae\xbe\xfc-\xe07\xf3w\xc4a\x05b\x84\x12K!\xe1\x8dY\xf1?k4\xc5\xdf\xc5s\x8a\xb6:'</t>
  </si>
  <si>
    <t>b']\xbf\x18\x90\xe8\x11\xca\xe4\x94V\xecw\xb1E\x9ak\x14b\xfcc\xed\xea\x9dr\x98\x1f\xdaf2\xca\x086'</t>
  </si>
  <si>
    <t>b'\xa8\xb9W\xa4\xc8\x9d\xe4\xb4\x9e\x19[\xab\x90\xfa\xe4\x15\xdc-\x8aDm9\x96\xb2&gt;\x93\xec\x0e\xb6\x7f\xa8E'</t>
  </si>
  <si>
    <t>b'p\x08\xba\x9b\xa8\xda\x1eJV;\xcc\x95\xee#\xf1\xba @\xdd#\xd2\xdb\xeci\xa1\xb9[\xbez\xa7\x841'</t>
  </si>
  <si>
    <t>b'\xeb/\xfd\xb9\x0bB-\x82\x87\xb9\xcf:@}Z:\xd2\x06\x82\xfa\x1b\xa0p\x8e\xe2\x0e\xc1\xf1\r\xa5\x7f\x96'</t>
  </si>
  <si>
    <t>b'\xb9\xbb\x07c\xa2\x94A\x8d\x1d7zB\x94[\xed\xd0b\r\x89#8\x1e\x13\x85\xbe\xe9\x87!\xffZp\xb3'</t>
  </si>
  <si>
    <t>b'\x912\x1bg\x12\xc2m\xf4\xb6\xb1"\x9f\x11\x9e\xcc4kM\xd9\x1c\xf6\x11\x0b\xa07\xbe\xcc\xb8IQ\xa7\x9b'</t>
  </si>
  <si>
    <t>b'X\x85\x9cx\x04\x9d\xf5\x94)&lt;\x18\xbdb\x1f&lt;#\xa8|;\xdc\x97\xd3b\x8e\xd4.\xf1\xd2\xc0\xf9\x16\x8e'</t>
  </si>
  <si>
    <t>b'\x80,{\xf7\xf8\x00`veE!\xc9\xb9\xb8\xe8\xb5\x0c\xf2\xe2\xfa\xb4\xd5\x06\xb3\xef\xc2Z\x8a\xc5G\x95\x83'</t>
  </si>
  <si>
    <t>b'\xae\xc7\x0f\x90\x97\x99wC\x8f\xa9\xd2\xc3\xd13q\xba\xd7\xcc\x8f\xb0\xbb\xab\x14\x8b\xf4\xe3A\xd6\x8f\x986\xe1'</t>
  </si>
  <si>
    <t>b'\xc2&gt;\x84(\x1e]\x1cGr\x1aC\xba\n\x88q\x9a\x9e\xecXh\xa3\xe0\x0b\xc7L\xdb\xbfr\xbf\xec\x17_'</t>
  </si>
  <si>
    <t>b'\xf8u\xc9\x1a\xf8\xa0\xfaS\xde#K!\x8d;\x01L\xcd\x17\xb6\x08\x9d\x17Z\xe6\xae\xe4x\x12\xf9\xb76k'</t>
  </si>
  <si>
    <t>b'\r\xc8\xbb\x8a\xd3\x06A\xa6\xb4=&amp;\xbc7\x1a\xe5D\xe9\t\xd7@C\xaa\xcb\xe4\xcc\x13\xccy3Lc)'</t>
  </si>
  <si>
    <t>b'_\xa6\x84\x9bn\x0c\x88\x9a2\xba\x1ap\x9f\x15\x93,L`\x00\xa5\xd3\xc8wO\xac\xa0%\xae\xce\x18\x04 '</t>
  </si>
  <si>
    <t>b'\xc9\xac\x80\xb8\xc88\xbd\xe2\xe4\x0e\x10(\xda\xca\xd9\xf0L\x99\xd3d\xbf\xc0\xe3\xafm\x8e\x10\xe4+\xcd"Q'</t>
  </si>
  <si>
    <t>b't\xad\x0c\x1bIH]\xf8\x05\x0b\x16\xc8\xa9\xc0\x91Fu\x17(Px\xbdy\x8cQ\xe5\x9c+\xde\x08\xb9E'</t>
  </si>
  <si>
    <t>b'\xb3\xe4\xfb\xff(\xfe\x02\xb7\xc6\x1f\x15qC\x8d\x89\xa3\xec\xa9L\xa0Pk\xa3\x0e\xb9\xe0\xab\xabU\xfc\\L'</t>
  </si>
  <si>
    <t>b')\xcc\x7f7R\xea.\x1c\xe9\xbf$\xc2\xa7\xf1\xc9F\x8d#\xf3\x82\x1a,\xf1\x8cj\xd8\xf2\x8c\x1c\xe4p\xe4'</t>
  </si>
  <si>
    <t>b'-)\xb6\x9c_\xbffu\xc1\xd9\x99\xebT,t*X\xc9*?\xf7}\x9f\xc1\x92\xac&lt;\xbdP\x80;)'</t>
  </si>
  <si>
    <t>b'\xd0\xd1M\xeb\x9c\xd0\xcd\x1a\x19\x1ch\x8d!+\x1d\xbc\xe2wz4\xd3\xab\r&amp;&amp;\xf3!\x02\x87\xb0\xfbk'</t>
  </si>
  <si>
    <t>b'N*u\x82\x9fL{%Jq\x89\x07\xca\x00}l\x1d\x84w\xa3\x89\x1b\x83\xfaNA\x81\xdcc\x8f\xdb\x1f'</t>
  </si>
  <si>
    <t>b'\x9a\x1aH\xab\x1b\x829*\xcf\xe4\xf3$\xb6\xe7\xef\xf0+\x9c0\x8a\x91\x92\xf2T@\x80\x97Fb\x8b\x9a\x96'</t>
  </si>
  <si>
    <t>b"\xdcWm\x9f\xd7\x10bp'S8R\xa8\xcf\xfbi3;e@x\x0fMh\xcb$\x11\xe4\x8d6+\xc9"</t>
  </si>
  <si>
    <t>b'\x1a\x9f\xaf&gt;\xd35\xd3\xf9\x1eJ\xf5&amp;\x08\xdb1\xc0+|\x11\xb5\x95ud\xf8\xef\x92\xc1Py5\xd9\xd0'</t>
  </si>
  <si>
    <t>b's\nt(a\x1ck\xbc\xd0\xf5\xc0\xec\x96CN\x80\x99\xdb\x99f\xd7\xf3\xe3\x81\x96\x94\xa25F\xfa\x98~'</t>
  </si>
  <si>
    <t>b'x\xecQ\xa5\x89m\x08j\x8f\xd27\xe7\x13\xad\x83\xb2&gt;CO\xaa\x9c\x9at\xf3\xde\xec\xf7\xf5tS\xab\r'</t>
  </si>
  <si>
    <t>b'@\xd2}\x00\x07\x08\x1e\xca\xa4\x16\x1e\xb3\xe8\x13\x8b\x8d\xd1[C\xb0h\xbcu\x86\xee\xfa%8l\xe1Z\xcf'</t>
  </si>
  <si>
    <t>b'\x08X=\xbax\xed\xb3\xd9\xa6\x07\xc1\xd3\x1d\xb8\x18Z\x96\xa0\xe8\xbb\xfb\x03\xde"\xaf\xf9uAoJ\xde\x03'</t>
  </si>
  <si>
    <t>b'-Ix\xf2U&amp;x\xfa\x93\xdf\xbc#\xba\x1aJ}y\xd5=lK\xd0ArOC\xde\xdf4N\xd1\xeb'</t>
  </si>
  <si>
    <t>b'$\x97@\xd1\x80\x83\xcb\x08)\xb7\x1b\xff\x8b\xad\x1d5S\x98\x81\xebgf\xa2\x00A7v\xae\xd6\xdb\x8c\xfb'</t>
  </si>
  <si>
    <t>b'\x1d(0\xe8M^WKGtgX\xb45\xe6\x16\x8fz$OC!xDf\xfc\x7f\xcd\xcf\xdb\xff\xd1'</t>
  </si>
  <si>
    <t>b'\xf1\xaa\xc6\x05\x8c\x84\xbb\xb1\xa1C\x1cx\x11&amp; \xd2\xc7\x02\xc3\xc3\xb8\xdb\x8cL\x9d$\xe8\xae\x9a\x11l\xb5'</t>
  </si>
  <si>
    <t>b'\x9b\x16\xf5\x99\xb6\xbe\xb8_S\xe1\xf18\xc9\x98\t\x14]\xe0t\xd5m\xfd\xf3\xe8S\xf1IN\x89\xb8\x82\xb9'</t>
  </si>
  <si>
    <t>b'\xfa@B\xe2V\x9f\x10\xb8vI4&gt;\xca\x87\xe8V\xab\xc2\x19n&amp;\xcd\x1a\xa6\xe0\xe4?\n|q\xa2\x1d'</t>
  </si>
  <si>
    <t>b'zO\xf9\xd6\x17W\x80\xdbW-\xae\x90P\x8e0\xaa\xf3R\xc0\xa4\xa0\xe2\xaf\xb99\x1f\xe7k\x1d\x1fN\x98'</t>
  </si>
  <si>
    <t>b'\x15\xb4\x17\x1c\xf3\xbf\xeb\x10\x83N\x81\xed\xb5\x83\xf1\xe9\xbe\x14h\xff{L\x14\x80t\xeaz\x07T\x97*h'</t>
  </si>
  <si>
    <t>b'\xc9\xa0\xe9\xd8D\xdb`\xa2\xd0\xae\x9f\x82\x88\x8b\x81\xe0\xcdEqas\xbc\\q\x8e\x10\x0fb\xfas`T'</t>
  </si>
  <si>
    <t>b'U\xee-e\xf7\xb4Py\x9e\x03\x90\x13D\xb7\xaf1\xddYZ\x07\xda\x8cL\xfc\x89\x14\x97\\\x81\xbd\xa4g'</t>
  </si>
  <si>
    <t>b'\xbfI\xe5\xd3"@\x9c[\xbf\xe4\x87(\xe3\x00\xd4\x89w\xa4\xdfc\xf9c\xcc\xe9\xf8\xe0\x99,\xfe\x0f\x0f\x99'</t>
  </si>
  <si>
    <t>b'\x1b\xe7\x04N|p\tM\xadf\xfb`gog8\xeb\x81u\x83KX\xe9\x89iLbc7\x84BY'</t>
  </si>
  <si>
    <t>b'\x0f\x95\xedm\xcdX\xcb\xa7oH\x97\xea\x1c\x9aQ\xa7\xbc\xcc0\xee,\xe2\xd2\t\xeb\xb7.\xe4Q\x0fs\xd4'</t>
  </si>
  <si>
    <t>b'\x8a\xb7\x8c^a\x8f\x1bj\xf3\xe00\x0bqzzE\xa7W\xbc2\xde\xa7n\x97;\xb3x\xfdj\xd6\x88\x8c'</t>
  </si>
  <si>
    <t>b'Y\x94S \x9aY\xa8\xb0\xf4\x959\x12\xe59\xdf\xdd\xeb\xb7i\xdci\x92F\x98\x9f[9\xaf\x13+\xb2\xba'</t>
  </si>
  <si>
    <t>b"\x93\xea\x89\x14f\xd1\r\x1f\x81\xc3O\t\x00\x92~{s\x1e\xba\xca:\xb9\xea\xb1\xf1\xed\x1e'+\xd9\xfa\xc9"</t>
  </si>
  <si>
    <t>b'&gt;E2soj\x04\x88\xf81\x98&lt;m\xcf\x0c\xf3O\x1a\x89YB\x8ff\x0f&lt;\x13k?\x12\xb9\xe6\\'</t>
  </si>
  <si>
    <t>b'C#4]\xc4\xd7\xf3\xe7B\x14d:\x06\xc5\xf2=\xfe\xab(\x1d:\xfa\xd6\xef\x1b,\xe9\x99\xdc\xabH\xae'</t>
  </si>
  <si>
    <t>b'=\n\x10\x94\x88v\xa1\x0e\xc9@\x1d\xce\x0f\xfd\xaa\xf0\xae\xb9L\x9c\xd1K\xf9\xed\x9c6%u\x97\xa3$\x92'</t>
  </si>
  <si>
    <t>b'\x80\x98A\xe4\x14Ae\x8eD\x84\xb4T\x04\xb7T\xe5l\xad/\x87zJ\x1d!\xb6\xfa5\x91\xafm\x1e&lt;'</t>
  </si>
  <si>
    <t>b'\xe6T*^\'\xf4\x1c\xdbC\xe1\x91&gt;\xe8\xa2\xcd\x8c\x96\xd7\xa9\xd5\x02L\xa6\x16g\xfc\xac\xde\xe9\x89\x92"'</t>
  </si>
  <si>
    <t>b'\xed\xdd/s\xe6\x8a\xf2\x99V\xb0\xac\x19\xd98\xc0\x03\xc0\xc6\x9ex&gt;\x17\xd1\xaa\xb9\xbe\x01\x16\x11\xe5K\xc9'</t>
  </si>
  <si>
    <t>b'\xfb\x1167\x19\xb2\n\x94y$S\x91qX\x99\x7f\xca\xeda3\x1a\x98s\xeeXt$\xa8\xb3G\xd9j'</t>
  </si>
  <si>
    <t>b'\xed\x08\xb9rD\xcf|a\xd8s[\x1c\xc2\xacv0B\x1bg\xf0&lt;?\xf1\xb15\xad\xce6\xa3u\xe1\x18'</t>
  </si>
  <si>
    <t>b'\x1a&lt;j\xd6F\x9coB\xcfcR\x10\xa8\xd6\xe1\x90\x86\xeah\x90\x1e\xfa\xc3hR*#I\xfdv\x10\x0c'</t>
  </si>
  <si>
    <t>b'\xeai"\xe6\xde(\xb7\xd2-X\xccC#\xb1y\xef\xc7\xdd"\xe6%c\xec\xba\x89V\xf5\xe1\xc6\xd4\'\xcd'</t>
  </si>
  <si>
    <t>b'q\x9e\x10c\xcb\x91,:\xc5\x86\xdc\xb6\xa2\xf5\x9f\xe4\x14l\xc7\x89)(\x9c9\x18N#a\xd2D\xf2\xbd'</t>
  </si>
  <si>
    <t>b"\xfd\x8fH}\xd1\xf8\nS\x01\x1dn\xaa\xec\xa3'\xf58\xb9\xac\x83\xa9\x90\xf3\xafG\x8a\x83\xc1\x9cwJ|"</t>
  </si>
  <si>
    <t>b'\xb5\xfe&lt;F\xf5\xf0j\xcb\x0c\xdau\xe9Q.e\x83\x85\xff\x91\xa4\xaf\x1eE\x1e`\x1d\x1bN\xb6\xf2\xa9\xca'</t>
  </si>
  <si>
    <t>b'\xe3\x07$7p0\r\xbe\x97\xc8\x05\xcb\x01W\xb6H2)\x80\xca\x190mz\xc0\x1cJ\xac\xc5\xd8b\x91'</t>
  </si>
  <si>
    <t>b'\\\xd5\r\x85X\xdcN\x06q\xf5P\x10s\x1a\xc9\xb4\xc1\x15\x7f\xd2\x81\x8cH\xe6/\x85t\x1cBjg\x16'</t>
  </si>
  <si>
    <t>b'\xb8\xde\xe5\xff\x97\xa3\xc3E\xadTf\x8e\x1a0M\xf2\xd4o\x92G\x00\x9b{\xf6\xfe\xcc\xb4\xdbD\x0c_F'</t>
  </si>
  <si>
    <t>b'vC5\x82\x86\x01X\x05&gt;\x86\x83\xc5I3J$\x1e\xf13\xeb\x85k\xa5\xceF\xa7\x1f\xb0}\x90\x981'</t>
  </si>
  <si>
    <t>b"K\xde\x7f\xd0'\xec\xd8\x1dc\xd3\xcc\xe7q\x03D\xc2v\x87\xeaI\x08Q\xff\xbe\xc3Y\x0f\xda\x81u|V"</t>
  </si>
  <si>
    <t>b'n\xed\x9d\xbb\xd3\xb2\xbf:/\xb2\x07t_\xdd\xfe\xf3\xe4\x96d\x85\xac\x9b\xb6\x12_\xd5\xe1\xfbx-\x17&gt;'</t>
  </si>
  <si>
    <t>b'p\xb2eF@\xfb\xf9!A\xc8L\x11\x8a\x90\xc0\x87\xf8%%\x1aT\x89\xbd\x00\\\xaa`|\x02\x8f\xf1\xb9'</t>
  </si>
  <si>
    <t>b'\xbd\xf2(Xf\x1a\x8f_7\xcd0eh\x15\x1e\xee1T\xf69\x86\x7fP&amp;\xf3T\x9a\x16f\xd7\xfa\x9f'</t>
  </si>
  <si>
    <t>b'\xf6c\xe5`h\xb8\xb9\r\xa4\xb5\xa2\xfd\x94@\x028H\xca\x1a\xdb\x1e\x1ax\xf67\x9e\xaa\x12\xab\xd9*\xda'</t>
  </si>
  <si>
    <t>b'!3fe\x10\x11\x87\xce\xc9\xbc\xc6.\xd32T6\x04\x84\x1c\xfareLO\x90\xc0Z\x85\xd0\x8a\xc9X'</t>
  </si>
  <si>
    <t>b'1\xd1\xd1 k\xa7\xb3~E\x1b\x07N{0\x03\x1b&lt;\r\x00\xf5@H\xcc\xf8eS\\\x1d\x80\xbf\x1a\x1f'</t>
  </si>
  <si>
    <t>b'\xf5\xa8\xfd&amp;S\xa6_\xb5\xeb\x16\xa4\xc8O|\xbfmG\x1d\xe4\x84\xc51\xac"\xf3?tG\xbb,hG'</t>
  </si>
  <si>
    <t>b'{\xc1Zj\x05\xcaf\xe48{\xff:\xb8\x10^\xee\x9b\x99\x8b\x16\xb9\xb4\xc4D\xcf\xc3\xcf\xcc\x0eY#e'</t>
  </si>
  <si>
    <t>b'\xca\xff\xcf\x88(\xa2\xca\\l:e\xe6\xa8\xef\xa2"\xc3\xf8\xd8U)\x7f\x05\xcb\x86&lt;E\x8e\xb9\x0e\x11A'</t>
  </si>
  <si>
    <t>b'\x86\xb2\x90\xb6.`=\xef\xb3\x7f\xb1\x88{\xeb\xd8_vV\xe9\x06\xc7\xc9\xe5\xd0M\xb8\xed[\x10\x8c\xd9X'</t>
  </si>
  <si>
    <t>b'^\x82%\xdf\xb6\xeby\x9a\xad\xd6\x17N\xc3\x88\xc9\x0c\x11z\xc8\xbc\xed\xbe\xa6\xe3M\x06\x03X\xcb&gt;\x1cc'</t>
  </si>
  <si>
    <t>b'\x9e2~\x7f\x19^\xac\xbe49\x8e\x1e\xfcN8\xbbH\x0e\xfa]\xedr\xcc\xbd\x8db\x8c\x80_\x0e\xa1\x11'</t>
  </si>
  <si>
    <t>b'\x86\xe4\xf5\xde?\xbc\xf0\xfd\x8e\xdf%\xde\x18}:\x97\xaa\xf9\xa0\xc0\xc5\x13)(\xe3\xe5\xeb\xd2\xf9#%\xc4'</t>
  </si>
  <si>
    <t>b',\xf0\xb4\xa7\x80F\x17z\x86r,K\xdd\xb1D\x85UO\xf5D1,\xa1&lt;:\x00s\x05}"\x87\x9d'</t>
  </si>
  <si>
    <t>b'"T|\xa4\x8d\x0c\x98:\xba\xa6%q\x16\xec\x9eHH\x90:b\x96\x88b\xf8s\x1a\xd0\xcd\x8d49\x93'</t>
  </si>
  <si>
    <t>b'\x07\tmB/b\x8brb\xb6\xe2P\xd4\x01\x83\x8a\xa9\r\x01\xa2A\x91\x91\\eG\x92V\x82W\\\xb2'</t>
  </si>
  <si>
    <t>b'-\x8b\xd2\xfd\xde\xa4\x8c\x9a\x05K\xf3J\x17\x00C\xe7CsJ\x90\xe1\xd9kBh\xaf7A\x1d\xcf\xc7v'</t>
  </si>
  <si>
    <t>b'\x15\xef\x04U\x04\xae\xedw\x08T\x1a\xd5;m\x0c\xdc\xfeB\xb8\xd2\x0c\xbf\x9f\x18\x94\x14A\xbb\xc9\n\x17\x94'</t>
  </si>
  <si>
    <t>b'\xed\x84\xa7UD\xab\xb4X\x94\xbfL\x90\xdew\x8d\x91~h\xa8\x82\xa3\x8e\x9b+q\x18\x8b\x8a&lt;\xea\x91,'</t>
  </si>
  <si>
    <t>b'S\x86\xd0\x14&amp;3\x05\x02 u\x14\x13\x85\xea\x9d\xd6d\x99q9\x04\x07\xa1\xb4\xe4\xbc\xf5\xd59\\\x98j'</t>
  </si>
  <si>
    <t>b'\xe4\x93\xf9\x16\xa3\xc3S\xbe\n\xb1\x9eeG\xbd\xe1\xfe\xb2\xef\x16\x08\xa2z\xfc\x8f\xe27\x1a\xb4$t\xe2\x80'</t>
  </si>
  <si>
    <t>b'\x97\xb8\xbe~\x10^v\x18\xe1M\xf2\xa9\x05\xfd#\xc0X\xfci\xbb\xbe\x97j3\x1e\x14\x99\x00\x7f\xc7\x99\xba'</t>
  </si>
  <si>
    <t>b'9\xc8K\xc5\x08\x812\\\t\xd2\x10u,\xac\x07\xfb9\x82y\xc2\xbf}pS\xc2\x85d\x9fE\x8eH\x19'</t>
  </si>
  <si>
    <t>b"+\x99t\x8c\x9b\x8f\x0e!\x8d\xbc\x90u\xfb&amp;\xfdw%\xa0\x10\x98!n \x0e0'Q\x17\x02\xfa\xc0\x1d"</t>
  </si>
  <si>
    <t>b'E\xde\xcc\xa5\xee\xb91\x15\t\xb0[\xd2\xa1Yi\xeb\x1f= e\xf0I\xec\x11w\xdb\xae\xb0\x83\xc3\n\x16'</t>
  </si>
  <si>
    <t>b'\xc7\x8aM.\xf7\xe7\xdfv;H\xea\xa6Z\xb1f\xb2\xe9\r\x01&gt;3\xa8\x8c\x1e\x01\x06\xcd\xc1J\xb8\x8e\x16'</t>
  </si>
  <si>
    <t>b'\xc82\xd7\xfd\xeb|\xfa\x11B&lt;Y,u\x9dN\xe1\xd5\xef\x0b\x92\x98\xa4[d1\xcd\xdf\xbb\xf7\x84\xc8\x88'</t>
  </si>
  <si>
    <t>b'Y\xd3\x17\x86(PV~j\x96X\xef\x1f\x07;\xb68 j\xe0\x1a\xc3K\x82[\\\x93\xd1o\n\xa5\x11'</t>
  </si>
  <si>
    <t>b'\xe8\xcd\r\x9d\xfe\xbd\xcc\'\xfb\xc6\xc2\x99\xf9\xd5N\x94\xb6\xc2\x8a[\x18\x079\xc0r,\x80\xc3\xce"\xdb\x80'</t>
  </si>
  <si>
    <t>b'\x96U(\xdd\xba[\xef\x93\xa0\xe2d\x04\xf6\xfe0\xbbX\x97\x88+\xb7\xd10x\x89%\x17\x028\xa8\xbb\xb8'</t>
  </si>
  <si>
    <t>b'I.\xb2\xb2\x8eb\xa4\xcf\xdb\xeb\xa3\xff\xab~\x0exiIX\xa5\xc4\x8b*\x0fd\xde\x199\x99\xea\x99\x06'</t>
  </si>
  <si>
    <t>b"\x88\x94{s\xa74\xa5\x08\xa0o5n\\\x9f\xd8\xff';\x13{s\xd9\xc0\xe4\x10-\xf4\x9d\xf4.\xe7\xf7"</t>
  </si>
  <si>
    <t>b"\x8f+\xcc\xe1r\x11\xdcz\x8b',\xab\xb1\x8e\xfbu\xc1\xf81H\xbek\x14\x97\xaf\x1f\x03\xf8\x08\xf5\xd5\xb7"</t>
  </si>
  <si>
    <t>b'\x03\xe0\x10E\xado\xbbo\xd4uxH\x97\xe3\x95\xb1\xa6+\xae\rj\xf7\xc2\x03UgD\x8f\r\x9e\xef\xc5'</t>
  </si>
  <si>
    <t>b'Zw\xb4\x84\x15\x10r\xf4\xf3\xbe\xb97\x0c\x92\xfcW\x8f\x8570\xbd\xee&amp;Bz\xa3\xbe\xd0\xeb\xbaU\x1e'</t>
  </si>
  <si>
    <t>b'\x9a\x81H\xc7\x88\xafH\x9b\xf1\xea6\xc9zQ\xe8\xe1\x9c\x02\xec\xe2\r\xbe*\xd5\x9d\x06\x8c\x941\xe8\x86\x16'</t>
  </si>
  <si>
    <t>b'\x9f\x91\xa8\xc2\xd3F\xdc3\xb0\xbc=\xd3\t\xbb\x99\x0fW\xe1\x13V\x9c\xfa\x89\x81g\x86\xcax\xda\xc1\xa4\x16'</t>
  </si>
  <si>
    <t>b'\tu\xb6q&gt;[\t\xbc\xe8\xef\xe1?X"{\n\xca\x0b\xebE\x1e\'\x7fZK\x82\x8e\x10\xb1`A\x8f'</t>
  </si>
  <si>
    <t>b'\xcb\x80(\x0c\xc47*\xd4=\xa7e\x1e\xf8\xba\xcbk\x0e.\xf5\x8e\x85}\xb3\xf7u\x8e\x06\x05\xafW);'</t>
  </si>
  <si>
    <t>b'\xdfBz|\x84qj\xf5\xa4\x05;3\x15\xbb\x87\x1br\xbe\xa0[\xaeM`\x03_\xcea\xd5\xaeN\xc7m'</t>
  </si>
  <si>
    <t>b'\xd5\xa1qtM\x93\xb9\xfd\xe09\x94\xa7R\xed\x0b\xac\x97p\xa0\xa8\xd5\x93\xe7J(\x03\x12\xb2\x83\xe9\xbbR'</t>
  </si>
  <si>
    <t>b'\xbbS\x99\xf7\x9a\xd2\x8f\xa9\xdd\x1d\xb3\x01B27\x01\xd4\x13r\xba#\xe0\xd1m\x96\xf4\xf1\xb9\x9a\x89\xdd\x13'</t>
  </si>
  <si>
    <t>b'b\xae\xf5=\xaa\x14e\xb6R\xecZ8y\xbb\xb7\x8e\xddR\xe8\x8a\xa6\x04\xde\x07m$\x1d)\x05\r\x85\xda'</t>
  </si>
  <si>
    <t>b'\xdd}9\xa8a\xa0\x96\xd6\xf8n\xbaK\xe3\xe2\x88@(\xd7s\xfc\x8eYEg\x94(\xfa0\xe1\\w\xf6'</t>
  </si>
  <si>
    <t>b"J\xc7\xb2yim\x16q\xb6'\x9dK\xad\xc7\x87|\xee\x9f\xeaW\x81\x8c\xb4\xf5\xbf\xf4F\xf6W~\xf3Z"</t>
  </si>
  <si>
    <t>b'\xd6\xd03_\x05\x18(W\xee\xe0e\x07\x88U\xfc\xb5\xe5\x8f\x8emM)\x0b\x96A\x0bo\xefOG\xef\x84'</t>
  </si>
  <si>
    <t>b'\xd8\xfe\xdf\xbc\xbf\xa0f\x84u\x0f\xf6B\x8a\x88\x81,\xe9\xa3\x006ROu\xfe2V\x04}\x19\x88]\xc0'</t>
  </si>
  <si>
    <t>b'W\xbbj\xe8\xdbk\xbd\x80\xb1\xce\xa36s"-\xf4\xd2\x1e3\xfd\xed&lt;\xe2\x85/\x0b\\{\xd3\xb3p\x9a'</t>
  </si>
  <si>
    <t>b'\x9b\x1b\\\xf0\xb0\xdb\xbb\xa5)&gt;h\xeb\x87O\x01\xab\x19m\xbe\xf0\xda\xd9e\x87\xd2"\xd5\xd5\x08\xfa\xcb\xdb'</t>
  </si>
  <si>
    <t>b'\x99\x9aJ\xe3\x0f\xf2E\xbd\x01=\x11\xb2\x832\xfa\xae\xdc\xf6\x1e3\xb9\x18C\xabL\xf4\xef\xef\xcb\x83\x1f\xa2'</t>
  </si>
  <si>
    <t>b'c\xea8\xf4\xc2KW%\x8b\xcc\xc2\x19\xfa\xdf,\xe4\x94L\x0f@[\xd4\xaa\x0b\xd9G\xdd\x1fU\xd6\x85s'</t>
  </si>
  <si>
    <t>b't\x00,C\xa7\xbd\xfa\x84\xf64\xaaP&amp;\x94\xb4\xc5\x97\xe7J\xd2\xab\x90^l\x1b\xd7\rpr`\xbe\xf7'</t>
  </si>
  <si>
    <t>b'd{\xa3\x8c\xff}n\xcd\xc4K\xe50\x8a\xca\xa8\xa9Ks\x80P\xc3\xe7\x85\xb4\x19\x99\x84\x06\xec\xc85\xf4'</t>
  </si>
  <si>
    <t>b'\xdd&amp;\x87?\xbb#0\xc1\x1c\x91\xaah\x18\x97\xe2\xad\x0b\x87I&amp;U\x8c=#\x993w\xe1\xdch5\x1b'</t>
  </si>
  <si>
    <t>b'\xe4;CD\xcb\xeb\xb4F\xb2\xb4#\xcbu\xd8L\x88\xdf`zq\x1f\x8c\xea\xc1\x98\xe5*wB\xa0\xafm'</t>
  </si>
  <si>
    <t>b'g\x7fWiFa\x86|\xb7\xc1\x85\x17:\xbc\xbap\xe3f\xbb1\x98\xd7n\xa6\x1f\xe7+\xcep\xe9M\x88'</t>
  </si>
  <si>
    <t>b'\xc6\xfe\x9d\xfa\x03\x8ar\xd5\xb6\xd5\xf0\xc8\x91\x8e_b\x1f\xdan\x9c\x89\x17\x8dN\x95.\x17\xd1\x04\x8b(,'</t>
  </si>
  <si>
    <t>b'`\xe8pOQ\xf2Ox\xcb\x9d\x85\xf1\x95\xdfY\xf6\x00\xc3\x1d\xc7\x88\xeda\nq\xe3\x1fp\xca\xdb\xc1\x0f'</t>
  </si>
  <si>
    <t>b'\xca\xadJ\xb6\xf0\xe5\xf1"\xd8+$[$\x97,\x9eZy\xf5^P\x98\xfb\xf8\xa1\x95\xc6\xf0\xa39\tl'</t>
  </si>
  <si>
    <t>b"01\x048Av\xec\x9f0\xbf\xfer\xe1T\x01\xbf\xbc'VOT\xd4l\xa0\x80g~#\xb6\x16\xa7\x00"</t>
  </si>
  <si>
    <t>b'nG_\xbeR\xed\xa0;\xecM\x96\xeb\x08\xddD\xc2I\x83:r\xfb\x10\x11\xdcP)o$%\x7f\xe0\xbc'</t>
  </si>
  <si>
    <t>b",=\xad\x00\xfb\x90\xef\xbc\xa4\t\x7f'\x0e\x7f\x17P =\xf3\xe8\xf0\xcee\xce\xae\xd8B\xa62\xed\xe2\xe1"</t>
  </si>
  <si>
    <t>b'\x11\x1cN\xe8\x0ee1,a\xef%l\xd1-\xbfN\xc1\xef\xa9\x8a\\s\xd9\xb6\x02\x87\x9f\xf5\xda\xea\xf2\x06'</t>
  </si>
  <si>
    <t>b'\xa0 \xa2Ci+F\x05\xc3\x0c\xfay(\x8b\xcd.xpnR/\xeb\x87~+2\x92\xcd\x14q\x8f\x8a'</t>
  </si>
  <si>
    <t>b'z~\xc9\xe0\xba\xa8\xb86\xc7#a\xe3\xcf@\xd3[\xc1\xee\x1d+\xbcol\xed\x0fC\xab\xf5\xd0\xe1\xec\xdd'</t>
  </si>
  <si>
    <t>b'\xf2\xf2\xb8\x9e\xa4\x16T\xac\x8d/\x93\x13@\xf2&amp;\xfd\xce\x1b\xe8\x1a\x14\x02qjp\xf4\x02\x94\xc4\xe4b\xf6'</t>
  </si>
  <si>
    <t>b' \xff*\xa0p\x0f\x1f\xb0\rBt\xb7`\xf3\xac\xc2[\x0f\xba\xafFH\xb2\xf5\x11\x06\r\xceVt\xbd\xdb'</t>
  </si>
  <si>
    <t>b'7\xb4_\xd0p\x01,\x88\xf0\x81Z0%\xfc\xf6\xef&lt;q:A5\x8b\xb1F\xd3\xa6],fk\x89\x95'</t>
  </si>
  <si>
    <t>b'Y\xddW\xd20\xa8W\xf8\x95\xb3\x08\x89\xae\xe0\xb2\x17}\xd7\xb5[\rT\xda\x8f\xca\x7f!\xb5\xd2\x03\xfd*'</t>
  </si>
  <si>
    <t>b'/\xaf\xf2)\xe0\x1c\xb4\xe3\x91\xc0e\xe8\x80#k\xdc\x96\xdd\xe1\xb8\xb3o@`:\xd9\x00\x81\x18\xde\xe5\xb7'</t>
  </si>
  <si>
    <t>b'\xd3\xa3\xe6\x84\xb6\x82\xd5Q\n\xab\xd7TJ\xcdQ\x14?\xb0/\xfd\x97\x81m-\x1e\x9c\xc67\xbad\x80\xaf'</t>
  </si>
  <si>
    <t>b'7%QG8\x13\x93\xdbl\x98t\xa3\x1f\xe7\xea\x92\xaan\xac\xa0\xd2\xfey\xc5\xe5\x86\xe1:\xa9\xa5\xefQ'</t>
  </si>
  <si>
    <t>b'&gt;\x92\xcd\xfd\xb8\xc8\xf0\x9d`\xc4\xc8\x8bJ0X^\x8d4\xcd\xf5dKf3\xf5\x1f\xac\x1cK_\x1f{'</t>
  </si>
  <si>
    <t>b'\xc3\x13\xde\xc5\xf1\x94Z\x7f\x19\xcd\x98\x8a}\x0e\xb7\xafB\xfb\x16\xf3V\xfe\xf8\xc0\x97\xeb\xf6\x9b\xce\t\x95i'</t>
  </si>
  <si>
    <t>b'~\x8a\xa6\xba\x07\x87L\xf6\x03\x86(\x16(op^J,\xa6\xf9\xf4\xac\xc6\x80 \xc7\x0c\xba\x1a\xda\x9e\xbf'</t>
  </si>
  <si>
    <t>b'\xaec0\xd1\x04\xe6\xb4\x11+/\x0b\xdbdI\x89\xab\xba\x1cW\xa8\x92\xd6\xba\n\xcfA\xb0\xbd\\\xc0\x90"'</t>
  </si>
  <si>
    <t>b'\xccbE\xfffD\x83\xa1\xb1^\xa3l\x1c\x88\x12\x88\xf6\xfdeP\x97\xb3\x999\xcf[\x91\x13\x93~\x12\x9e'</t>
  </si>
  <si>
    <t>b'L.\x10W\xad\x85\x7ft\xe4\xbf\x05\x96\xc6$5\t3Kw\xc9\x96\x93\xda\xdcN\xb8ch\x9b\xa3\x0bC'</t>
  </si>
  <si>
    <t>b'\xfb\xe8+\x93\xa0\x8f\xec\xefP\xdb\xd16\xe2\x9e0X_\x1cY\x0fY,\\\xb4\xd7j\x81\x1c7\xfe\xe5X'</t>
  </si>
  <si>
    <t>b'6?\xce@W\x14\xf6r\x00]\xbc.[lnX\xa0\x83\xe8e\x9f@\xe5?qi.)\x1b\xff/\x03'</t>
  </si>
  <si>
    <t>b'\xc0\tF\xa9\xdc\x91g\xa1\x86w\x16\xa0\x92\xb8w\t\x8f2p,N\x12;Gf\x8d\xd0\xde\x90\xcf\xb7\x8e'</t>
  </si>
  <si>
    <t>b'\x86\xb4y\xbb\x1bO6_\xce\x841z\x92\x95D\x7f\xfd9\xcc\xdf\xb8\x8e\xa8\x0b\x8b\xfa\x98\xc2\xea\x11\x0c\xdd'</t>
  </si>
  <si>
    <t>b'r\xf5\x8e\xdf\x88\xe4\xd4\xb3n\\\xa0R&amp;\xde\xf2\xf2=i\x9a\xd0\xe2\x96\xe0\xac\xd1\xe7\x05\x94\xca@Q+'</t>
  </si>
  <si>
    <t>b'\x91\xb3,\xd3m\xb2\xd1\xfd\x03\xc6Z\xca\x8ft\x93CmRnHA\xe1\xc8\x0cj\x01]\xf9\xfd\x19EY'</t>
  </si>
  <si>
    <t>b'p\x1b]NM\x1c\xed\xdcy\x90!et\xa1\xaf\xee\xd7a\xcf\n|\x81F\x13E?.\x01\xb3b\x01G'</t>
  </si>
  <si>
    <t>b'O\xeb+\x9cr]\xbc\xa7r\x9e\xb7\xf2#\xf8\xea\x00\xc6\xa2\x8f\xdf\x12)\xec\xdf\x12\t\x1d\xed"\x91\xa2\xde'</t>
  </si>
  <si>
    <t>b"\xbe[\xfa\x9d\xfa\xb2bR\xfa&gt;\x1dj\x8e\xee\xcf\xa5\xec#{'\xb0\n\xdd1\xd1\xa7&lt;\x95\xa8\xdc\x8c\xb3"</t>
  </si>
  <si>
    <t>b'\xb1\xc6q\x10\xf9\xd8\xeb\xfb\x00\xbe\xa8\xd8\x90\x9c\xfe\x80\x9cX\xd6e\x17F\xff)e\xae\xa5\xe7\xafp\xfd\x8d'</t>
  </si>
  <si>
    <t>b"\x18'\x15=\xdd\xe8&gt;\xb4\xdc\xed{A6l$\xe0\xa9\x1f\xedS\x9eG4c\\\x1ej\xedD\xd8m\x15"</t>
  </si>
  <si>
    <t>b'\xe0F\xa0\xe6\x13\xeb\x84\xb7:\x00\xd0\x00\x19\x8f\x9eT7\x9bEa\x86SX\x1c\xce\xb4\x82\xf3\x9c\xcdT\xc4'</t>
  </si>
  <si>
    <t>b'Os3\x88\xfaH\xd3k\xc2\x85\xee\xa7\xa8f\xcc\x08Y\x05.gi\xc3\xa2T|\xbf\xb0\xfe\x18\xdc\xf0:'</t>
  </si>
  <si>
    <t>b'\xc5\xb6\xfdSi\xb2\\t\x8d\x0f\x04\xaf@\xc5\xa7\xf6\xb7\x83#\xe6\xf6\xe0`\x98\x94\x93:\x04\xc9Q \x87'</t>
  </si>
  <si>
    <t>b'\xf5\xfc\x82\x05\x1f\xf0\xf76\xe6R\x15\xbaQ;\xf3\x9c\x18\xf4(&lt;\x81\xb7\xb6"\xcd\x03\t=-ogY'</t>
  </si>
  <si>
    <t>b'%\x15\x19#\xc4\xb4\x10\n\x006\xbb\xee\x15}\x0757\x15\xd2\xcb\xed\xc8]\xc2\xee1\xc2e7\xc8\xf4"'</t>
  </si>
  <si>
    <t>b'\x96\x8ec\xb03\xb5\x06\xc5\xa7\x11\x17R\x8c\xba\xe8\xa5B\x8ct\xb5Sw\x08e\x0f\xc0\xcb\x03\xfe^\x88\x9e'</t>
  </si>
  <si>
    <t>b'\xff\xb1\xfcwc"\x1b\x1e\x8f=MF\x17\xe4#\xda\xc3\xd0q\xd0\xf0K{\xc9w\xb4\xec\xa4\xd4S\xa9#'</t>
  </si>
  <si>
    <t>b'\x16\xed\xfb\xc4\xa0\xa6\xbe*Z\xe3\x05}\x8e\x84\xaa\xf5\xa1p\xfd\xf1\xef\x94Y\xda@\xb3\x99\xd2`rV\xd7'</t>
  </si>
  <si>
    <t>b'\xc8\x84*\x00.\xa0\x13\x9d\t\x9c\xe3\x91]AOr\x8f\x94_\xd6\xbd\xed\x9d\xb9\x1f\x8a\xb3\xc9\x9c~o\xd9'</t>
  </si>
  <si>
    <t>b'\x14\xfa \x8cz\x9a\xa9\x96\xd8\xbb\xebaK\x02\xb2\t\x98\x1e)\xc3\x01{\x9e\xcfE\xd8iy\x0c\xd4\xea\xfa'</t>
  </si>
  <si>
    <t>b'\xba2\x1a\xb5c\x00\xec\xcb\x9c\xe1\x1eh)\xec|\xa3\xa4\xdd\xd0k\xa5\x14D-rZ\xafm\x87\x1b\xf29'</t>
  </si>
  <si>
    <t>b'="P\xf4\r\x07\xd9\xc2\x85\xf2%A\xec\xa0\xe8.\x15G\xca\x92/\x13+\x02PJ\x0e\xb9\xf5\xd6\x11&amp;'</t>
  </si>
  <si>
    <t>b'eq7E\x08R/R\xeb\xec\x145\xc9\x92q\x13afNl\xa7p7\x9f\x1brY\xbb\x87\xac\xacO'</t>
  </si>
  <si>
    <t>b'l3q\xd6\xb0f\xbd\x1c\xf2\xf0\x1f\xd8\x9a\xf9\x04w\xdd\x89],v\x82\x82\xfcT\x83\n5e\x88Z\xdc'</t>
  </si>
  <si>
    <t>b'HM\x06\xbeQk\xc8\x0eQ\t\xf9Z\x96\xf7\xb8\xc6iD\xd4\xb9-\x1ba\x8aiC\x9e\xdaZ\x80f\xd0'</t>
  </si>
  <si>
    <t>b'\xd0\x93\x10\x10\x9e&lt;a\xc0Vu\xc8n}8\xdcTo\x82w\xa7\x94\xfe\xc2\xceF\x9fQG\xceI.C'</t>
  </si>
  <si>
    <t>b'\r\xed\x16\xca\xd98\xf7\xefo\xf1mL8\xeb\xdd\xb28\xde/X/@\xf0\xcd\xfd"\xec\xd3\xec\xe7y\x9b'</t>
  </si>
  <si>
    <t>b'/\x1fa\xa0\xf7\xa0R\xb3\xd2Hf\x01F\x86\xc4(\x8a\xf2n\xa1\xd0&amp;Hv/_\xaf\xac\x81\xd0y]'</t>
  </si>
  <si>
    <t>b'\\y\xac\xcc\xd9\x89\xb8!\xd2\xd1\xfd\xb2\x16\x82\x95$\xa5m\x14\xb8\xfa\xe1\x04\xd4!\xf3\x1bV\xf4P\x1b\xbb'</t>
  </si>
  <si>
    <t>b'X\xce}\xd1\xa1\xdc\xe9B\xee#\x15uI\xf1\xea\xa6v\xec\xf8B\xe9\x91\xb2.`\x92#G\xc1\x9f\x14;'</t>
  </si>
  <si>
    <t>b'\x19N\xfdU\xc0c\xa5\x97\xda-\xb0\xb3Ti\xbfp\x13\x15\x1d\x14\xa0b\x18$\xc7\xadn;\xb4`\xb9|'</t>
  </si>
  <si>
    <t>b'F\xd7\xb2\x92\xc3(k \x17\x88\xdf\xca\xf06\xb3\xb1.F\xaaR\xc6\x10\x82\xd3\xc5\xc5\xd6\xd0\x91\x93\xd0\xf0'</t>
  </si>
  <si>
    <t>b' \x8db\x1b\xee\x92_\xbfb\x8f6\xa1\x1f3\x88\xed\xa9:\xe2z\xc4\xb8A\x06\xc2\xb6\x982\xaf\xa6S\xbd'</t>
  </si>
  <si>
    <t>b"\x0bJ\x1c\xf1\xa2\x1a\x92\xb5\xaf'\x7f\x9c\xed\xf8\xb3\x9b\xb2\xa0\x90\x8a\x00#\xe0\xc5\x84&lt;\x00\x91*\xae03"</t>
  </si>
  <si>
    <t>b"dt7\xdbs\xa2'\xed\xc51\x01\xb9\x195G\xee\x86\xe6\x9f\xb7&gt;\xb7bC\xebRG\xc2z\xc7MB"</t>
  </si>
  <si>
    <t>b'\x08\xb5\x9d.\x87\xd5C\xdc\xfe\xb6E\x8bbn\xe5;\x9dl\x00R\xc6\x1f\xa9\xc3\x93ob\xc5!\xb0\xe5\x98'</t>
  </si>
  <si>
    <t>b'\xbc\xb1\x07\xa2\xfa\xddi\xd80\x9cn\x02@\x1a\xe4\xe0\xbczi\xb7\x9cq:\x16\x11\x80\x14IA\x15l\x04'</t>
  </si>
  <si>
    <t>b' \x95\x85b\xa0\x85\xbd\xb0H\xdbP.e\xfe\x80\xf8a\xd4\x9c\xa8\xe7\x01\x0e\xa5hO\x94\xef\x8e^uB'</t>
  </si>
  <si>
    <t>b'\xd5,\xbc&gt;K\xd7\xb2\xf8\xc97\\q3\x84\xb4\x1b2\xa5\xf1k-\xc1+5\x03M\x0ex\x98\xa8\x85\x04'</t>
  </si>
  <si>
    <t>b'A=\x9b&lt;\x814\x17"\x94\xb1\x99Wr\x9c\xa3\x84\xdb\xb8;\xc6\x8a`\x8e\xd4Q\xbd&lt;\x02\x1at\xc4\x82'</t>
  </si>
  <si>
    <t>b'\xed\xfa\x1c\x83/$\xd9\x04HC\xc6\xd4\x92J\xe9\x14$B&gt;MF\xd9V\x86\x85{\x06\xf1\xa3\xc0[\x92'</t>
  </si>
  <si>
    <t>b'\x9e\xcc\x98:\xb3w\xb50\xb5 z\x03[\xa9z\n+\x80\x94^\xa6\xe1Xk?\x08\xdaIU]\xe0\x19'</t>
  </si>
  <si>
    <t>b'\x01\xd2\xfd\x9c\xce\x0fR5\xd3&lt;N\x96\xcf\x16\x8e48\xe0\xc9\x05\xe3V\xc5\xd7T\xee\xa9\x89p\xd0I\xa0'</t>
  </si>
  <si>
    <t>b'\xe0h\xd2\x81\xf1]\x88\xcf\x19\x81r\xa3\xbbSLIX\xb8\x04_\xe0\xc71q\x9c\xc0\xd59\x1e\xb7\x15\xbd'</t>
  </si>
  <si>
    <t>b'\x0e\x8f\x8b\xb3\xa77\x8087\xa0\x13\xd2O\xa4i\xaf}\xa4:\xae\r\xf6A\n\xd7\xe2\xa2yN8)G'</t>
  </si>
  <si>
    <t>b'/\x0c\xde\x11\xd0q\x1bH\x95\xd9\x88\xa1\xab\x8f\xb6\xcc^\x04\x88&lt;m\x14?$tf\xb6\xd2t\xe8\xa9%'</t>
  </si>
  <si>
    <t>b'\x08\x89\xd3\xccC\xa1\'6\x0cF\xa4l\xcb\x14\xb0\xd4\x832\x08"\xfb\xc7}&gt;e\x9d\x06\x1a\x91\x7fQ\x9e'</t>
  </si>
  <si>
    <t>b'e\xafe;hi\x1b\x07\np\xca\r\x9f\x0c\xaa\xd1\xe1\xdd\xe9\xe3v\xade\xe3m\x1f\x8a0\x1dM\x9a\x8a'</t>
  </si>
  <si>
    <t>b"`\xca\xe5\xca\xe3\xf7\xab#\x1b\x95\xee\xd5Sk\xee\x1f\xcbr\xfa\xddp\x1f\x01\xae\x03'\xad(\xa5wc@"</t>
  </si>
  <si>
    <t>b'\xd9=|\xee.\x1f!\xe2IK\xf3\x9e\xee\xad\x81\xbf\x80K&amp;t/\x91\xe7\xd7\xa4\xa0\x19\x8b\xc2\x02cS'</t>
  </si>
  <si>
    <t>b'\xbd\xb0\x14\xd5/4)F&gt;M\xff\x1e\xc9\xb2\xd5q\xff\xe9\xdfzu6\xfb\x12\xf0\xc2\xbb&lt;\x06pq\xe9'</t>
  </si>
  <si>
    <t>b'\x16r0bH\x9f\x823\xda\xf4%\x876\x18`0\x00\x8d\x1am\xa0W\x8a\xfa\x03DN|\x1d\xec5S'</t>
  </si>
  <si>
    <t>b'\xa7X\x1eN\x9dUU\xb1\xca5\xba}\x12\xd3\xd3\xba\xbb]\xca\x8a\xd8\xf5F\x9e\x00\xae\xb5\x92\xfb"\xe4\xed'</t>
  </si>
  <si>
    <t>b"'\x9fph\x84\x07\x9b\xe0\xfa,\xa4]\xff(\x16\xdf\xf129\xec\xe8\xda}a.\xe3\x07^\xf0\xd0\xa1\x83"</t>
  </si>
  <si>
    <t>b'\x80z\xb3\xb2\xcd\x1b@&amp;\x00_\x18a\xcfe\x93\x8f\xb3\xa3\x0c\xb3\xd7\xef9\xf0Y\xd3G\xd7\nR\xf8T'</t>
  </si>
  <si>
    <t>b'byi\xed\xd9"E\xe7{\xc0\xb7=\x8f\xc9\x8b\xb5\xbf\x12\x05\xa9\xd9\x11\xf0\xe4Fa\xf5\xc5\xf2lH.'</t>
  </si>
  <si>
    <t>b'\xd05\xa4\x02W:\xfb\xabP\xbd\x97\xf3CZ\x91\xfe\x1c\xef=\xe1kU\xacw\x86\x9d\x91\xa8%d\x84?'</t>
  </si>
  <si>
    <t>b'\x9b\x1c_\xa35\xdc\xd4\x02q\xca\xe0a\xc5\xfdx\x88h~s\xcb\x96\xcd\x1d\xb7\x83\x98\x1b\xf9\xe8c\x12\xcc'</t>
  </si>
  <si>
    <t>b'\xaf\xfc\xf2hc\xc7d"\xd9\x00\xaei\x8aR\xb8\xac\xeb\xcc\xcf\xb1\'\xee\x7f,E\x04@/4\x1fO\xff'</t>
  </si>
  <si>
    <t>b'\xef-\xd3\xe1\xee\xe4\xdcf\xee\xealm:\xa6\x88a\x87W\xfd\xf8\x9b\xc9\x8e3\x06OtH\xc8\xac\xb2\xa0'</t>
  </si>
  <si>
    <t>b'\x8e[\xd0:P\xfc\xca\x92\xe6{\xf9\xe5\x1f\x15(\x0cK\x05\xd8~\xff\xd6\xee\xaf\xef\xe4 nuW)\x86'</t>
  </si>
  <si>
    <t>b"`I\xc3\xd5)!\xfc\xb4Z\x8bb\x05\x07U\x15p\xa1:\xf0\x1e'\x99\x96\x08\xbb\x9a\x111\x93\xf8G\x19"</t>
  </si>
  <si>
    <t>b"\x9b\x1do\xfdVhh\x81\xbf\x9e\xf9\xa3\xc6P\xd8\xaba\xfaK\xde\x9e\xa49\x82\x8e'\xb1\x8e\x1e\xc5C\x9d"</t>
  </si>
  <si>
    <t>b'\xef\x03\r\xa2\x8fv\xd0\xacp\x85jM\x17~^\rh\x00^\x11fFm\x94OC\xa4\xba{\x88@\xc6'</t>
  </si>
  <si>
    <t>b'_u\x82|w\x8eSE\xd5\xec\x01&amp;\r\x03\xa4\xe3I\xc4\x1eg\xf6\x1c\xec\x85\x146\xe2M;\x16\x07\x03'</t>
  </si>
  <si>
    <t>b'\xc5EHz/\xb3R\xa7\xb6B1\x89E\x81*\x01zP\xf4\xdb\xe1:r\xe4\x84:Ay\x15z6\xeb'</t>
  </si>
  <si>
    <t>b'\xee\xbe\xe5\x8f\xa2Z\xe4\xcd\xfcF\x8cQq\x04:\xcb\xd7\xadwE\x86e\xd2\xee\x07\xde\x9d=\xf0\xc3\\c'</t>
  </si>
  <si>
    <t>b'\xf3"\x17\xfc\xde\x95\x10\x81\xee~8\xaa\xa1Nz\xf9\x99\xc1\xfd\xae\\c\xd9\x19\xd90&amp;\x07\x8f\\\xc1\x06'</t>
  </si>
  <si>
    <t>b"'\xbc\x97\xc6\xb5y\x12\x15\x8f\xef\x14B3\xd8\xdd5\xf8\xedm-\xe7\xff\x7fA\x00x\xa1\x17\x03f\xe3/"</t>
  </si>
  <si>
    <t>b"\xadr&lt;i\x9a\xbf\xddQ\xad\xdb\xd4X\x91\x07\x1d\x01S\x8f\xe9_v\xf2@\xed\xe6hU\xfd'\x9e\x90\x0b"</t>
  </si>
  <si>
    <t>b'y\x8f\xee\t\xb0CP\x81@ \x81#\xc2Z\x93X,\x93n\x14\n6&lt;Y\xa6x\x83\x91\x8f\x08M&lt;'</t>
  </si>
  <si>
    <t>b'ixZ\xdd\xd6|\x88\xf1o\xf1\x83P\x18\x9c\xa3\x00\x7f\xcci\xech\xc0-\xb3\x939\xc6\x1a\xa8r\xa6C'</t>
  </si>
  <si>
    <t>b'\x06\xf5\xba,\x10Q\x8a\xa5\xef\xf2\x8c\xbe\xea\xd7\xab$\xe8\xea/\x07+\xe3\xbc1\xe6\x92[\x9a\xf4\xee\x84\xd7'</t>
  </si>
  <si>
    <t>b'\xf5P\x91\x10\xf3\x88\xb6\xf5\xd6\xcfd\xf7\xb7\xce\xddV\x9c\xd4\xe9\x10|W\xf2\xd6*-\xf3\x90O-\xd5u'</t>
  </si>
  <si>
    <t>b'a8\xf6\xfc\x8d\xd8\x1f\xea=\xc0\xb7\x88\xfb\x98\xaf\xfc\x9c9\xe8Q\x9f*_ho~d\x83\xf0\xb39\xd3'</t>
  </si>
  <si>
    <t>b'\xd3\xdd\xae`\x0b\xae\xac\xa7+\xac\x1f\xd8{\x03\x92T\xd0\xceujBU\x8e\xf4\xb9\x06\x84h\xc68\xe1\x99'</t>
  </si>
  <si>
    <t>b'W\x93H\xdb&amp;:\x19\x89\xcft\xe1?\xdfRZ\xf10\xe7\xc4:6a\xdd\t\xd2\xb5#\xe20\xde^\xde'</t>
  </si>
  <si>
    <t>b'\xef\xf0\x01A\x90)\xea\x87aK\xf1\xfb\x9fL\x13P7\xf5\x85/kw\xcdz\x8e\x18\xa7\xe9\xd6y\n\xaf'</t>
  </si>
  <si>
    <t>b'\xfd\xce\x03g@\xb1a\x0eM\x1f\xd5r\xab\xe5\x86\xb5k,\x8a\x8c\xa2\xed[\x91k\x91B\xe6\x08\xa7\x89\xf5'</t>
  </si>
  <si>
    <t>b'S\x01\x8c\x80o\xf3\x8a\xe9\x9eg\xc9\x14R\xefm\xa7:;\xad\x83\xdd\x80\xb0\x1b\xcf\x81\x16\x0f0f\xf2\xad'</t>
  </si>
  <si>
    <t>b'e\x03J\x92\xdb&gt;\xdd\x8a\xfdl@\xdd\xcb~\x03e,\xd3\x845&amp;.,\xf7\xec\xee\xa3m\xa6H\xf1\x12'</t>
  </si>
  <si>
    <t>b'\x81\xbb\xf0X3\x8e\x11M\n\xcdB\x0b\xf6\xb1\x8a\xba\x9b\xa8\x91\xdd\xf3\xab\xb3\x0fY\xbd\x9cG\xd5k\xe8\x8c'</t>
  </si>
  <si>
    <t>b'\x05\xf0L0\xba\xdaU\xf9\xa3\x95\xf85\xcb\xd41\xad\xcc\xd6\x9a}\xe1\xa7\x182\x11\xfa\x82\t\x01\xa2\xd5o'</t>
  </si>
  <si>
    <t>b'\xd1\x7f\xe8\x08\xb5\xe5\xbfEY)1\xcb\x86S\xdc\xce\x97ML\xca\xc9i9g{\x18\xa2\xee\xf4T\xf1\x05'</t>
  </si>
  <si>
    <t>b"\xe5&amp;b'\xd4\x17s\x10Z\xc2\xfc\xb7\xbf\xa6:u\xb2\x9eE\xc7g\x93*b\xc0\xb14\xab\xa4\xb8\xc3\xa5"</t>
  </si>
  <si>
    <t>b'kW\xa8\xe2R\xb8ci\xfd\x9a~\xae\x86\xd8\xed\xb46y\xf3\xc9=\xf0\xcb\xb1\xe6\x11^\xb7\x0e(u\xf0'</t>
  </si>
  <si>
    <t>b'_\x97"S\xb4+\xfd\xd8\x93\x13\xfe\x89=Q=\xadp=\xee\xfd\xb0{)\x90kC\x8e@\x05\xa7|\xde'</t>
  </si>
  <si>
    <t>b'\xcd\x8d\xcfCoT\xbcTHDH\xe4\xa5\xdcR\xf6\xa6\xf0\xeb\x87\x16~.x\xee.&amp;j\xe1\x98`\x90'</t>
  </si>
  <si>
    <t>b']6\xf3(U[\x19\xdb\x04\xd4\xec\x87\xf7\xe3\x10j*R\xe2\xb0kG\xcbD\xd8N\xe8c\xf2{\x88\xe0'</t>
  </si>
  <si>
    <t>b'\xf7\xab\n\xa4\xca\xe1\x9e\xe0\x88\xcd\xb8\x93\x15\xfc-\x84:\xba\xe3\x01i?t\x8c\xc4\x9f\xf4X\xe6\xb0a\xbb'</t>
  </si>
  <si>
    <t>b"(i\xa2'V\xd9&lt;8\xcdu\x8eI\x0e\xb1\xdf\xd7\x8f\xdc\x00\t\xad\xda\xaf\x90\xaa\xf8\x1e\x05\xd6L\xa6r"</t>
  </si>
  <si>
    <t>b'\xd6g\xdf\x0f\x93[\x9c\xb3(7p\xcd\x97\xaf\xfe\xdd[\x99\xcc\xa9\x1d\x98F\xeb\xbe\x1c\xe1\xf1\xe2\xe1\xf5\x7f'</t>
  </si>
  <si>
    <t>b"%kQ\x19\xb5\xb7\x01\xe88YH\x8a9\xc4\nnI\xde\x9a\xf3\xc6\x87\xeb'\xda\x80\xdf\xe1\x83\xc8\x9a;"</t>
  </si>
  <si>
    <t>b'\xcc\xfc/]\xc2\xe59\x03\xa8a\x12\x19\x96"B\xcd\xa6\xb2H0&gt;a\xdco\xd1}&amp;y\xfe\xee#\xf5'</t>
  </si>
  <si>
    <t>b'CL\xb9\x89\xc5qm\x84\x97\x9d\xa1\x12e\x93\xfd\xe8\x8f\x1fD\xe5\x04\x8e\xd3\xe5%\x98\xde\x02\xae\xbe\x8b\x90'</t>
  </si>
  <si>
    <t>b"'\xf5T\xad\x18\xc2\xb0(\x8f\xe7\x10\xc79\x19\xa1\xc7\x93{QJr\xe1\x8a\xb9\xc6\x9f\x10\xdcu\xad\xe8\xab"</t>
  </si>
  <si>
    <t>b'R\xb5\xb4&lt;e\x98z\xbf&lt;\xd9\xc7\xddr\xa1q\x850\x03?\xf1\x01\xc8\x0cnGY}\x90\xa1\xa1_\xc8'</t>
  </si>
  <si>
    <t>b'\xae\xee\xa4\xba\x1b\xcc\xa3\xdd\xbc.\x07\x14\xde\xadv\x0fz\x8fS\xfa\xaa\xf1\xb2\t\xb6\x89T\x1d\xed\xf2S\x8d'</t>
  </si>
  <si>
    <t>b'aW\x0bA\xf3\x81\xb9$\x14\xc6\xd9X=\xb65\xfbn\x04$\xbe\x15\xc8\x0b\xbag\xfa \xa0\xb9\xd8(\x86'</t>
  </si>
  <si>
    <t>b'\x838y:\xaf#\xe5\xdcP\xe7\x13bK\xb0C\xe2\xdf\xce\xb3\xd9\xf7t\x9b}r&gt;\xe4\xfe\xa7\x0b\xb6\x8f'</t>
  </si>
  <si>
    <t>b'\xe1q\x8d\x89\x97\xe7w\xea\xed\x89\x9b@\xe1\x9b\x9c\x87\xa0ub?\xd0\x0f\xc7&amp;e)!G\xeb\x17\xe4\x13'</t>
  </si>
  <si>
    <t>b"\xca\xc8e\x14\x04\xf8{p\x8b\xe2\xb8\xadU=T\xe0\x85\xac\xd6\xe6\xb0}\xeb&lt;9\x89'\xd3-\xba\x1d\x9f"</t>
  </si>
  <si>
    <t>b"\xc7yD\x11\xdf;o\xce\xb7L\xb4\xe1\x94'e\xe1\xaf\xf0\x19\xf7Ve\x1e:~\xa0\xddV\x0b\xacZ\xc0"</t>
  </si>
  <si>
    <t>b'\xe2J\xa1\xdb\x0c\x16eR\xa24\xd8Z\x07Q\xce\x82\x19k\xd8\x87\xfd\x12\xca\x90\x14\xc5.=\xac\xa4DQ'</t>
  </si>
  <si>
    <t>b'\xee\x8f\x12P\xd3*\xaf"\xeb\x99\x90\xa4%\x90\xf5u\xfd@\xbbs\xbf]0\x80\x8ae\x8f,8\xfd\x90R'</t>
  </si>
  <si>
    <t>b"f\xf9\xa9\x15\\\x11r\xaa\x93\xf4\xe1\x11\x84\x8d\xc2'\xce\x87\x14\x92^\x13R\xf3&amp;\xe5\xf0\x99u\xce\xfab"</t>
  </si>
  <si>
    <t>b"\xb0h\xc8\x1f)V\xd3J\xcb\xd6\x15O\xf7\x01Y*\x023|\xa1)2\xc9@s\xb3\x80T\xc5\xbd\x8c'"</t>
  </si>
  <si>
    <t>b'\xb8\x0bK\x95\xc0\xeb,\xc1\xf5B\xd8q\xdb\xa1\x1a\xd1\xbf\xe3abm\xe2r\xbb\xb4Q\x85{lPh\xcd'</t>
  </si>
  <si>
    <t>b'K\xb0\x17\xa3\x1c\xb9\x8d\x198\x9e\x0e\xbc\xd8X\xf2\xeb0\x11\xd7\xcc\xc8X\xd5\xcck\xfe\x04\x1b\xc2\xe3\xa0\xf0'</t>
  </si>
  <si>
    <t>b'\xc9\xe7\xb6\x1el\xe3\xc5X\xad\x8fP\xbc\xb0\x13\x8f~\xbby\xa3c\x9f\x85\xbf\xf5qh\xf1`\x0f\xa0\xbf;'</t>
  </si>
  <si>
    <t>b'=\xb5F0-\r\x1fR\xe0\xa1\xd9\x16.\x1d\x1fT\x06[r\x0b\x91\xdd\x064\xb6`Z\xe5\x84\xac\x06\xd4'</t>
  </si>
  <si>
    <t>b'#\xa5\xfd\xc8A\x08\x90~\xf4\x93\x1a\x1d\xc48\xcb\x1d\x9bt\xf0\xdaB\x1b;\x17\x15\xe0\xec\xec\x8c\x91\x15\xd8'</t>
  </si>
  <si>
    <t>b'\xfc\x98\xb2,C\x0f\xfc6\xf0\xe6]GPpg\xc5\xa9c6=\xf0\xf1\xb89\xd4\r&amp;\x92-Uq*'</t>
  </si>
  <si>
    <t>b'5\x95\xf2\xe8\xbf\x1f\xc2^\xb5\xf07\xe7\xa0\xcfj\xe6mPO\xa2\xe5\xea\xdb\x07\x9c\xeak\x9b\xf3\xc3\x92U'</t>
  </si>
  <si>
    <t>b'\x10\xd1\xcd\xe4\r,\xba\x98\x82\xe23W\xd8\x81\x19\xe9h\xf1\x99\xebck\xd2\xa9\xc7T\xeb\x8c\xd0tvk'</t>
  </si>
  <si>
    <t>b'\xdf\x15\x83\xe5C\xfdO\rM5|\xa8\xf9\x1f\x19\xfc\xa2\x073\x9b\xd4|\xa9\xe2/!\x15\xaf\xca\xe2wt'</t>
  </si>
  <si>
    <t>b'\xc6\x05s\x94\xef\xba\xd0~\x0f\xd5b\x96\x08\x00\x9a\xe7\xb0,\x16\xfb7r\x1e\xde\x89\x05\xddY\xedq\xd8#'</t>
  </si>
  <si>
    <t>b'Rt\xbe&amp;\xa7\xb9\xfd\x8d\xf7Q\x8d8:\x92J)\x81\x05e\xe2\x9f\xd6rU\x97@\xdc\x0c\xba\x0bv\xb1'</t>
  </si>
  <si>
    <t>b"\x94l1C\xed]\x97\xff\xfc\xd5r\x1b\r\xf2\xb5R~q5'a\xd9{t\x14\xe9\x19=(\x832C"</t>
  </si>
  <si>
    <t>b'\xee\xb4t\xed\xf0\x9a\xe6U{\xe57\xfe\xe2\xfc&amp;O\x1e\x18e\xfa\xbcp\x02\xc1\xfe\xb9\xfb\xa0\xb6\x8c\xf2\xcc'</t>
  </si>
  <si>
    <t>b'\x1d\xfa+\xbdoT;\xb9\x1c\xad-\x07"\x858\xfb\xd3~\xef\x87\x93d[\xcf\xc2\xe1"\xdd\xde\x10\x0c\x7f'</t>
  </si>
  <si>
    <t>b"\xe48\xce\x1b\xf2\x8f:\xd8\xb7\t\xbf=3\x00\x00\x8a\xce6'l\xd6\xedd\xe7Y\x8e\x0f\xc5;\xd2/\xb9"</t>
  </si>
  <si>
    <t>b'\x99|u\xf0\x1e\x1a\xb3Kk~\xe1\\\xcc\x8d\x88:\xa5\xc1F\xf1\xbc84B-\xc3\xdbqmG\xc2\x06'</t>
  </si>
  <si>
    <t>b'\xc0h}\xd0\xea\xae\xfe\xe3C\xab\xa8\x12\xba\xb1y\xbc(\x83\x03\x7fT`\xd7[R\x94e=t=G\xdb'</t>
  </si>
  <si>
    <t>b'\xca0;\x8dz\x15\xf2q`\xde\x18\xb5&amp;\xbc~\xf7u\x96\x05\xa9c\x1a\xba\x9b\xe1\xfd~\xc9\xc1\x90\r\x9a'</t>
  </si>
  <si>
    <t>b'\x1ds\x89\x95\xb0\xbb1\xe7\xf8Q\t\x97\xd0m7\x83a\xd5bH\xb5\xf8\xe3\x04\xbcZ(\xbev!\x97\xc4'</t>
  </si>
  <si>
    <t>b'/3\x8eS\xa1A+t\xb6\x1dnV\x18w\x1e\xa8`\x8d\x10\xf1\xa3\x0e\xc3\xe8\xf8\xb6-=\xfd\xe0\xc3l'</t>
  </si>
  <si>
    <t>b'\xd3\xc7\x8b\xe7&gt;l\x82(\xf6\xf6\xabV\x87\xe4_$g\xaa\xab\xd8\xb5x\x93\xf9\xbb\xaa\xfe\x1d\x84\xf9&amp;\xe4'</t>
  </si>
  <si>
    <t>b':\xf2\xe4!\xaa\xec\xdd\x9btc+\xc4D\xd0\xf4\xe6\xbb#I\x88"\x12(\xd9G\x11\xb0\x833&lt;\x8e2'</t>
  </si>
  <si>
    <t>b'\xaby\xe85\xe5\xb3s\x93P\xb8\xd4\xa3\x87fA\xe1i\xdeb\x1a\xe87L\xe3\x8f\xdc\xee\xf7\xcc:\x1f\xe7'</t>
  </si>
  <si>
    <t>b'\xbfy\x96\xe8z\xb8S\x9dt\x0f\x00\x04\xc8\x88\xd2\xa9\xa0\x14\xb9\x98\x1d\xc6&gt;\x97\x10\x05\x8aFQ\xe3\x89&gt;'</t>
  </si>
  <si>
    <t>b"\xa3\x14\x8d\xfbU\xe2\x11\x9f9\n\xb8x\x10|\xbe[\xeb\x83M\x0c\x12Yp\x7fo'\xf3\x97\xf2\xe9\xf1\x12"</t>
  </si>
  <si>
    <t>b'B(\xd5\xa7\xbeX\x19\xfcJ\x82\xe5\x1f\xde\xbe\xb7%c\xc4\x1a\xcaC$\xeaV\xb3T\xb1\xa92\xb6\x98&amp;'</t>
  </si>
  <si>
    <t>b'\x87Z\xa2\xe0Sw\x96\x97\xe5\x97\x95\x14}\xe6\xd3\x89i"\xad\xb8\xe7\xfb=6\x83\xd4\xf1&amp;\x1c\xf6\x9c?'</t>
  </si>
  <si>
    <t>b'\xcbTY\xab\x8e1\x85\xb9\x99\xb1b\xfd\xf1\r(k:\xe3\x874\xbe\xd3G\x86|FH\xf1\x03`\x11j'</t>
  </si>
  <si>
    <t>b'\xab\x86\xb5\xb0\x1c+\xce\x8eY\x81\xa6\xd7\xda\xd5\x13\xa9\xcf\xa9Bp\xa8\xba}\xd3*\x11\xee\xc6\xa6\xd9\x0b7'</t>
  </si>
  <si>
    <t>b'\x92!.t%\xeaDo\xd9\xe7\x15y(/\xa9\x1e\x91\n\xf8\xcdu\x92\xd3\xb7\xe3\xccg\xe4K+\xcd\n'</t>
  </si>
  <si>
    <t>b'\x1a\xbb\x1b\x7f\xe8\xeb!\xf55_\x8a\x8b\t\xc3\xae\x84l(;\xa5\xa3\x17Ov$O\x85o-\xf0\xe0]'</t>
  </si>
  <si>
    <t>b'\x98\xfcIL\x1e\x1d\xcafe\xdd\xbd\xeb\xa8\xc5\xf8\xef\x9a\x17\\\x985\x98\x87\x16B@\x08\xf40\x15\xf6\xc9'</t>
  </si>
  <si>
    <t>b'\x9c\\"e\n\xc4\xd6i\xfa7\xfc\xa0Wk\xee;\xa4\xf8\xa2\xce})\x0c\xe6\x00\x12xg\x16u\x96\x95'</t>
  </si>
  <si>
    <t>b"\xc0\xfbX\xa1\xb1\xec\x04\xa0\x9c\x0c1km\xfc\xde\xb9\xcf\xf3\x83\xd0\xed\x98\xd1\xb2'\xf8\x05\xd8?\xd4\xba\xad"</t>
  </si>
  <si>
    <t>b'\x9d-\xf5:\xca\\H\xcf\x8b6\xf2\xf6T\x952S\xd3\\fb[f58\xcdR\x89\xbd\xbb\xf6\x97\x8e'</t>
  </si>
  <si>
    <t>b'\xad)S\x0f\xfe\x1aD\xc2\x14\xed\n\xdb\xeb&amp;\xda%\xd4\xec\xc9r2\xc6\x94 b\xe1\x0f\xe9\x1c\x8ab\x95'</t>
  </si>
  <si>
    <t>b'\xba\nD\x0e\xf8\xed\x83\x9d\xa0C\xe9\xef\xa5&gt;\xbe\x80\xca\x1d\xb0\xe7\x11i\xe5\xcch\xc9~\x92\x86\xbfK{'</t>
  </si>
  <si>
    <t>b'3\xbeq\xfcvl\x11\x81\xfe\x00\xd2\xfe\x06:A\xcb-\xce\xe8\xd0\xf9j!0\xbdu\x92\x928\xcd\xfd\x96'</t>
  </si>
  <si>
    <t>b'T\x9b)\xd0\xa3\x0b\x0fBG\x7f\x11\x08\x9a\xc3K\xce\x80\x0506\x0c\xc3L\xf9\xc4\x026!\x19\xe5\x13\x18'</t>
  </si>
  <si>
    <t>b'\xd4\xa5\x12\x9e\xd4\xc8\x96Nt\xc0P\xa5\x12\xf6\xf6\xfa\x95\xa1\x02\x92\xb1\x00B\xcf\x0coD\xb8&amp;\xa7\xe2\xf5'</t>
  </si>
  <si>
    <t>b'\x84\xff\xc4\xe7T&lt;\xe8\xfd\x85p\xfb|\xb2o\x06 \xc6\xbf!)\xc1\xa5h\xac\xc9\x00\x8b,35\x10\x81'</t>
  </si>
  <si>
    <t>b'\x0bK\xe3\x9bE\x04\x95"\x08u@\x08\xd8\xb0\xf7P\x15\xc8w\xa7\x1e\xa9~E\xf2\xa5ov\xde\\z]'</t>
  </si>
  <si>
    <t>b'#DJ\xcd~\xa5\xdf\x18r\xdf(\xbfOX#\xbe\xc2\xbf\xdcY=\x9f\x9a\x93\x0f\x87J\xa2%\xc4m\xce'</t>
  </si>
  <si>
    <t>b'\xfc3k\x07\xc3\xa6\x15\x887\x14\x91K=N\x80\xf4\xce\x9eu\r\xceV0N\x04\xe6I\x9d\xcd\xa3%\xa6'</t>
  </si>
  <si>
    <t>b'\x88\xaa\x1en\x8bf\xa9\x9d\xd9\xe3X\xa3F\xa9\xe7p\xe4\x9c\x17@\x93\xcf\x00\x7fMi\xc2$\x14P&amp;/'</t>
  </si>
  <si>
    <t>b'\x8b\x91;\xe1\xa3\xce\xf7\xfc+\xdb\xb9N\x12\xbbq\xae\xa7q"\x9cJ\xfc_;\xf4\x83\x0f.\xc4\xe4j\x9b'</t>
  </si>
  <si>
    <t>b'z\xfdy\xc3\x91\xa3\xea\xc0\x1d\xf6^$+J\xe1o\x06\x03-3a\xcc\x85Fx\x14\xc7\xc3\xf8M$ '</t>
  </si>
  <si>
    <t>b'\xab0\xfd\xc31\xf63sFgf}\xc6%V\xc8\xcb\xfcbp\xd5&gt;\x1ag\xa9\x8a\xfc\xd1\xd3\xc0u\x86'</t>
  </si>
  <si>
    <t>b'\xc8\x8b\xfb\xd3L\xf2r\xf0\xadw#E\xe3Fr\\[\xaaI\xfb\x96\xbb\x19\xa2\xd0\xe1o\xbc\xa1-\x0e\xde'</t>
  </si>
  <si>
    <t>b'V\\\x7f\xd0\xa15G\xaf\xda\x07\xb2\x9cKMK\x83\xd5\xf1\x80_\xf1\xaa\x88\x99*c\xab\x93t\xfb\x15c'</t>
  </si>
  <si>
    <t>b'\xf6VR\xd9\x96\x07Vf\x84M\x81\xc6\xf4z\xe7\xfc\x99\xed\x9d;\x03l{,\x0f@{\x07(\xf0\x810'</t>
  </si>
  <si>
    <t>b'\x1d\x1e\x03(\x96\x89%d\xbd\r_V&lt;\xcaj]\xb0\xab-vl\xe9\xfdL\xee\xd3\xf8\x18\xec\xc3a\xea'</t>
  </si>
  <si>
    <t>b',]\x06\xac\x89\x94\xed\xbc\xccr/\x085\x10\x19\r\xc8&amp;\x93\xad\xc1.I\xfd8\x9c\xa3\xe9?On\xba'</t>
  </si>
  <si>
    <t>b"|\xf7,4\xaf\xbepY\xb7\x87e\xb6'+=9\xfc\xf5\x92\xb5\x92W\x93\xf8\xf8\xf4o\x8e\xfajA\xcd"</t>
  </si>
  <si>
    <t>b'\x10\xe0\x89\xb1\x84a\x8eX\r\xb6\xe2U\x87UIW\\P&gt;\xb7\xafDh\xfd\xc1\xfe3\xf54z`\xf9'</t>
  </si>
  <si>
    <t>b'xPF%}\xc2\xc3l\xaf\xd6\xc7C\x85o\xeaQ\xba\xab@\xcc\xcf\xb6gjV\x9c\xea\xb3\x86\xd8\xc9\x92'</t>
  </si>
  <si>
    <t>b'\xfcd\xe3nH\x9ah\xe8\xcbX\t%\x99\xf0\x85\xab\xaf\xea\xc1r\xf3\xfa\xea\x97?\xe0gn\x14h\xdfF'</t>
  </si>
  <si>
    <t>b'\xb2\x8c%\xaaEG#\xb4\x17\xeb\x8c!(\xe5tQv\x19b6\xb3T\xe8#\xaa+v\x15a\xc0\x90*'</t>
  </si>
  <si>
    <t>b'/\xdd\xe8\xe3\x9b$\xfa\xbb\x01\xf1\x134\x1c\xcd\x80\xa9\xb8\x07Y\xb1~;T\x9f(o\xdf\xa2\x82F\xe4\xb6'</t>
  </si>
  <si>
    <t>b'\xc0\x1f\x03\x04\x80I;\xcd\xcd5z\x94D\x83\xee\xc6E\x05\xd0\xe3+\x04\x1fTT\x9f\x81\x94Ab3h'</t>
  </si>
  <si>
    <t>b'\xe6\x0cC\xef:\x93qh\xebGw\x06\x00\xc2\x05R\xd5\x1dv\xc9Kc\xd4\x13}%\xa2|y\xb7&gt;\x19'</t>
  </si>
  <si>
    <t>b'/\x1eR\x03\xdf\x9d\xdb\xf7\xba\xe7\xc4\xf9\xef|\x9d\x07"\x9cS\xed\x84\x11\xb4\xea\xccH\xe1\xf6EX\x19\xb2'</t>
  </si>
  <si>
    <t>b'\x96\x8fm\xd0+\xf9\xfeT\xa7\xd5B\n\x1e\xb3\xdd\x16&amp;~m=\xcce\x01\xa8\x9a8e\xce\xcav\x1e\x04'</t>
  </si>
  <si>
    <t>b's\xa3\x91\xcbLk\x0f\x8bZ\x05\xb14\xfa\x81t\x1d\x17\x9e\xacZK\xe8\xe1I\xf1\x87\x94\x9a\xfe\xfa\xb9\xb8'</t>
  </si>
  <si>
    <t>b'\x98Y\xd9\xbc\\S\x0f\xf1p\x11\xf6\x9cW\xd76\xdb\x18\x8aAS\x98\xaf\xb7\x955\x85WW/\xa4\xc3\x08'</t>
  </si>
  <si>
    <t>b'\xe8\xa79\xa5\r\xc4\xd8zi\xe6\xf2\xc2\x80\x96\xed\xf0\x82= A\x1b\xd1\xaa\xdf\x08\xa8\xf6\xba\xfb\x93\xc7~'</t>
  </si>
  <si>
    <t>b'W\xcdP\xf3\x8af#\x9bS\xf7uvW\xb7\x830\xc9\xbdP\x02\xb1$;\xbe\x9c)^*\xe0`T\xad'</t>
  </si>
  <si>
    <t>b'\x0e\x10O\xcd,\x98&amp;\xefQ\x83\r\xf94\x1b\xbd+\xf1J\xfe^\xcf\xe83\xfb\xb2^\xad\xfb\nW7\x0c'</t>
  </si>
  <si>
    <t>b'\x0f7OJZ\x1e\xf5\xf0\x1d\xd3f\x06(^}\x8d\x07\x9cU\x83\xc7\xc5\xb5\xae\xac2u\xc8\xc0}\xe2\xa3'</t>
  </si>
  <si>
    <t>b'\x01\xdfy\x86\x0b[&gt;P\x10Y\x8f\xe4b\xcd\x17\xef\xeb\xb2\r8\xe5\x9e\xa9zg1\xdd\xa13\x01@\x8f'</t>
  </si>
  <si>
    <t>b'\x84\xf2\xaa)\xea\xe1\x88\xf5/\xe8b\xd0\xd7\x9e\xc2\x05?\xa3\x9b\xcd\xe2\x7f \xdf\xc2S\xc5\xf6W\xe4\x7fW'</t>
  </si>
  <si>
    <t>b'\xab\xd9\x83\xd6\xf6 0`/\xb0\xee/\xba\xeb\xb7\xd6\xdf;?v2x1\x8e\x9f\xb8\x8a\x85yO\x17\xe1'</t>
  </si>
  <si>
    <t>b'=\xa4\x93B}\x04\xb0\xd0y\xda\xf6\xf0\xe9)\xb8\xde\xfb\xe6\xdbKv\xd2\xd6\xeb\xdf\n2\xe3\xdc\x9a\xf1M'</t>
  </si>
  <si>
    <t>b'\x0b\xc7\xaa\xea\xbex\x13\xabz\x05\x9a\xd9\x97\x1aD\xcc\xff\xd8\xc4\xffB\x8c\x1e\x0f\xc7\xc9n\xd3\xf8\xaeW\x81'</t>
  </si>
  <si>
    <t>b'e_I\xfb\x0cZ\xb3*\xcf\xdf\xb9C-[xQX\xea\xcf\xb8J\x92U\x96\xd4s\xaa\xc9\xc0c\xd66'</t>
  </si>
  <si>
    <t>b'\xcd\xffpd\xe8|\xc3\xa2g\xad\x9e\x81\xd4\xee\x93\xdc\xf7\xf1\x18\xe4\x87\x10Io\x18^A\x99d\xbc-1'</t>
  </si>
  <si>
    <t>b'\x7fH\xcdp\x91\xc5 \xa7\xd8\x0fcq\x9b\xf1\x81\xa1)Y\xc4.\xbb*K\xc6\xe1p|s\xa8\xf6\x08G'</t>
  </si>
  <si>
    <t>b'\xe2Dnlva\xdb\x8eh\xd2\xb5L\x97b\x84\xe6\x93?\xac#\x86\x11\xfc,\x8e\xf1\x01\x9d\xeb\xeb\xcfi'</t>
  </si>
  <si>
    <t>b"\xfb?\x14\x07\x078\xc7\x03\x1b\xcd\x11K\xe0dt\xbc\xdex\xb0w$\xdb\x94\xe5i\x1e\x15j'\xd8*\x9a"</t>
  </si>
  <si>
    <t>b'j\x10\x8b\xcc\xa1b9g\x14sT\xac\xee|\xa0\xdee\x89\xeej\x1fj%l1\x9f\xeb&amp;\x86\xae\n\xb3'</t>
  </si>
  <si>
    <t>b'\xbf\xcf0WL\x9d\x83\x17\xd5\xd8\xb4\x1dY\x96\x9b\xbc2\xd6\xb4\xa33:\x03h\xb3\xc8\xc2\x8bT\xe9_\xe4'</t>
  </si>
  <si>
    <t>b'\xe8\x94\x12\xc4\xf0\xa3n@e\xb7\x08\xac\x17\x1e\x13\x8c2\xb6\x8e\xda\xfc\xc6\xa4\x8f\t\xc0`\x14\xf6\x91\xd7"'</t>
  </si>
  <si>
    <t>b'x\xc0c\xf0G\x87m@F\xadL\xc2\xbe\xa9\x9f\x91\x92\xa2S\x96L\xb7\x94#Z\x9a\xde"x\xa8M\x95'</t>
  </si>
  <si>
    <t>b'\x9c\x15A\xc2q\xae\x13\xb9\x94H\xbf\xa9Xn\xc8\xb8\xd5\x8e\x83\xe1\x9e\xa1\x8b\xe2\r|&lt; K\xb6\xee\xa8'</t>
  </si>
  <si>
    <t>b'\x82\xef\xacbZ\x0ez\xea\x00\xb6\xf1*vC\x1e\xf4\x84\tx\xa8f\xca&lt;\xc6\xd0W\xbb\xe6\xechi\x1d'</t>
  </si>
  <si>
    <t>b'J\xc5&gt;\xdf\x1cB\xa9\xba#\xda\x80\x1f\xbb@ey\xd2\x9b\xacBh\xdf\\\x17u\x98\xf3\xe4\xbd\x10\x0cV'</t>
  </si>
  <si>
    <t>b'\x1b@7b\xbc\xf0zoHS\x9f\xf2d\xa8v\xe1u \x91 \x0e.F&gt;\x81!9d\xcf0\xd5\x1d'</t>
  </si>
  <si>
    <t>b'\xc4\xe0\xff\xc1A\xf7\x8fD$\tZ\x8b\xbe\x0e\x15\x8b`c\xb9\xffr\xbd\x13\xc9\xd5i\xfc\x17b_WO'</t>
  </si>
  <si>
    <t>b'j\x81\xd5i\xdb]\x07\x87\xa2#\x8c!\xed\tH\x17k\x02\xdf\x10\x18WZ;2T\xb1z\xd7\x98\x06\x84'</t>
  </si>
  <si>
    <t>b'x\x88\xad\x0b\xcb\x1f=\xd5\xe3\x18&lt;\x16\x05\x9e\x9c]\xc1\xb7g=\x83\x03&lt;\xca\x15x\xf7\xa3\x0e\x08\xaf%'</t>
  </si>
  <si>
    <t>b'4i\xa70@\x844\xf6\xd6\n\x1eo\x88g\x85\xae\xee\xfa\x0f\xdd\x01F\xff\x15b1fN\xb7_\x8d8'</t>
  </si>
  <si>
    <t>b'\x18\xc9\xa0\xb7=Y\x08\x87:\xb3\x97\x8dZ\x00\xb9\xe0U\xff&lt;a\xfaPri\xec\x98\xd2m\x1c\xae\x19\xbf'</t>
  </si>
  <si>
    <t>b'{\xb7\x98\xea\x11n\xd4\xf1\x1a\x94d45\xae\x9dp\x96\x1c\x07xa\xd0\x07\x93y\x7f\x01\xd7\x97\xa5w\xa3'</t>
  </si>
  <si>
    <t>b'1\xb5\xc7@\x8f\xfa\x06\xf6r\xba\xc1\xf27\xbca$\x0ciN\x86\xcfX\x16\r\xa5^\x1e\x1b\xdc\xa8g\xe1'</t>
  </si>
  <si>
    <t>b'"\x9eA\xact?\x95\xcc\xf1\xfa\xd4\xb5G\x05\xbc\xd3\xf7\xebr\xa3.@\xfd\xa3\xba\xd9\t\'\xe9iVP'</t>
  </si>
  <si>
    <t>b"\x91\xf1J\x0bY\xe0\xe5G\xa5w\xea\x9c\xd7N6W\x8e\x08'J\x91\x8ay\xb2\xe0\xd5r\x08\xc1L\xb2j"</t>
  </si>
  <si>
    <t>b'z\xc6.\x97\xf0\xf4\xe6\x82\xfa\x1dY\xc0rP\xdel\xaaq\x9e\x1dt\xbbMR\x18\xaa\xb25\x96_\xf9\x99'</t>
  </si>
  <si>
    <t>b'\x81\x1f\x9f\xc0u\x9bX\xdc\xb9\x11\xd9\xb3]\x04\x15$\xfd\xbc\xf7\x85\xaaxn\xe7\xb0\x8a\x0c~\xdaTi\xef'</t>
  </si>
  <si>
    <t>b'\xc9\xe8\xad\x86\x102\x95\xcc\xde\xda\xa5_\x14\xc3~\x9b\x19\xcb\x83\x1f\xf7\xdd\x19\xe7v\xf1M\x82rf)\x1d'</t>
  </si>
  <si>
    <t>b"\xb9\xab\x95\xa2v\xc8?\xd1o\xfd'\xdag\xbd\xaeW\x8b\xe6z\xed\xff\xab\xa1m\xc7\xad\x9b!\t.\xb1-"</t>
  </si>
  <si>
    <t>b'\x8f\x81\x8e\x1c\xb4\x1e%$\xd5U\xde\xee\x1d \x11_\x0c7l\xc8\x1e\x9f-N-/\x83\x8e\x0c!D\xa0'</t>
  </si>
  <si>
    <t>b"\x85\x0f\x9b\xee\x88'\x82\n\xcb\xeaO\xf1\xc5\xacr\xd8\xa7\xcc\xa8G]?rgf{S\xc5\xaaP\xa5?"</t>
  </si>
  <si>
    <t>b'\x9e&lt;O\x84%\xa2\xbc\x91\xed5l@\xa1\x94f\t\xd0A\x1f\x10\xbbk^\x06\xce]^f\xcf\xee\xb8p'</t>
  </si>
  <si>
    <t>b'\xac\x84\x07\x88\x85\x038\x89%\xe3j\xf5\xcf\xb2\xa9\x9d\x03\x94\x8e)\xc2\xf8\x0bd-\x17\x84sJ\x13T)'</t>
  </si>
  <si>
    <t>b"\xff\xbe\x1f'\xb9Y\xe2\xc8z\t\x0e1\x12G:*\xf2B\xff\xfaB|\x81\xce\n!\xa6/\\\xbe.\xb3"</t>
  </si>
  <si>
    <t>b'\x9dp\x99\xd3\xb7u\xbc\xb4r\x1fC\xed[\x86\xd0 \x1d\x95\xab\xe4\xfdu\x86\x8bH1\x8c0\xdaf\x99\xd2'</t>
  </si>
  <si>
    <t>b'\xf7c\xbe\xfch\x98\x16\x08\x13\xbd\xb5v\x1c\x13\x92\xa0Lz\xe6\xdb\xd3=F~X&amp;B\\\xf6@x\x9c'</t>
  </si>
  <si>
    <t>b'\x11,w;f\xe8iE\xbf\xb8?W\xbb\x90J\xc1\xae\x88j\xd8\xc1t\xb1X\x9a.\x00\xd3\xfbU0\xbf'</t>
  </si>
  <si>
    <t>b'\xed\xea\x9e\x12\xab\x9f)@\xbd\xe40\xeb\x85\xb3YY\xde\xf7\xe7b\xcc\xc7\x9a\xc8\xbe9Xt\xe1\x05\xe5\x90'</t>
  </si>
  <si>
    <t>b'n\xbbQ\x8a\xee5\r\x1d\xdf\x11K\xf1\x17,DoS\xd2\x10p\xb4\xb0\x90k\x08\xed\xa8X0\x9b\xd1h'</t>
  </si>
  <si>
    <t>b'/\x15m\xc0\r=\x07?d\xa5\xd0V\x13Z9\xa4\xceg\xe6k\xd4\xc5\xde\x99\xf3X\x19w\nfj\x03'</t>
  </si>
  <si>
    <t>b'O\xb4pg-C\x802\xdd\xe0\xfe^\x13\xd2 /xouIMm\xd5\xb9@\x90\xc2\xf5\xdb\xef\x82y'</t>
  </si>
  <si>
    <t>b"\xe7\xf7d\x13,~e\xbe\xd0Y\x13\xae\x95\xa9*'\xbb\xe2\x7f?C\x8f\xbc\xf5\x18e@\xfd*#z&amp;"</t>
  </si>
  <si>
    <t>b'n*aR\xe2\x06\r\xa0\xdb\xd0\x04\xbf\x90\xd3\x16\xber,?\xdan\x0cJ+b5\x9b";\xd6,?'</t>
  </si>
  <si>
    <t>b"\xf9n\x8e\xf0\x82\xcc\r|(\xd8\xb2r$'\xf12\xafA\xbbH\xc4.\xf9! \xbc\x1b\xf2\x82\xb9\xea\x1c"</t>
  </si>
  <si>
    <t>b'\x1d\xbe\xfd\x90)\x91\xba\xb21\x7f+\xd5\x86\xd2n!\xf9\xc1\x80-\x80\x85\xe1\xcc\xe3\x81:\xb6\x9cZ\x88\x0c'</t>
  </si>
  <si>
    <t>b'Kk\x8f\x14\xb8\x191\xce\xbcjr\xed\x82,&amp;\xa7\xe0F\xf2\xb6\xa5\xa6 r\x17"\x9dw\xc8\xf0\xe8\x84'</t>
  </si>
  <si>
    <t>b'\x85\x1e\xd4\xc54\xab\x82&lt;\x0b\xf3\x1b\x97\x7f\\\x19\x95\x955\xf8!\xcf\x9a3\xf5w:m-r_\xd4\xe8'</t>
  </si>
  <si>
    <t>b'\x85\x91\xd1\x1b\xb6LM\xca\x81\xd8\xd0\xd4\xb0\\C\x18}\xc1,\xc5~"\xec\xe9\t\x17Vs7\x166\xe2'</t>
  </si>
  <si>
    <t>b',\xb5\x13\xc0\x81x\n\x9d\x13Y@B\xb8j\xb0e&gt;\x93\x14\xf7\xd3\x0c\xf7\xe8Pma\x07E\xca\xf2\xce'</t>
  </si>
  <si>
    <t>b'V\x7f\x10\xdf\xb2[,\x0fZ\xbfg\xb5\xa3\xcbm$a(\xef\xfe d\xd8\xf28\x86t\xa1\xed\xe7\xe5&gt;'</t>
  </si>
  <si>
    <t>b'r*\x9d\xee6\xefF|4\xbch\x9c\x912\xed\x10p\xa3b\x1c&gt;.\xfa\x9b\x14\xaf\xc6\xbc\xc8\xb4\xbe\xf7'</t>
  </si>
  <si>
    <t>b'\xb1?5LT\xfe\xb9\x8a%\xa2\xea\xb6\x99{\xbfXs\x98"\x89}#\xd1\x07\xe7\xa3\x8d\xdf\x08J\x0c\xe1'</t>
  </si>
  <si>
    <t>b"\xd5'\xfd\xa6\xc1\xe7L\xd1\xc2\x9e\x9e\xba\x02\xfd\xa1\x17I\xa4R\xc8t\xae\xd0\x8c\x82\x0eG@^\x18|\x8d"</t>
  </si>
  <si>
    <t>b'\xb2\xaf|\xb6y\xad\x97\x80{\xd8\x96\xe6\x00\xc9\x00\x12\xe0g\x8c\xfa\x8cW\x94\x80Gx6\xf3\x80\xb1:\xbb'</t>
  </si>
  <si>
    <t>b'\x1c\x18\xe3{y1\xe3\xce\xc1\xd6\xcc*\xcc\x1a\xb9\x8d:\r\xac\xd4Jt6\xa8\x84\x05\xd9\xfe\xdf4\xa6 '</t>
  </si>
  <si>
    <t>b"\x14'\x9e\x16B\x16\x0e%'\xb9+X\xc7\x13@=\x04\xb35&gt;Q\x8f}\xa2C}l\xe5II'V"</t>
  </si>
  <si>
    <t>b'\xeeM\xceY\xea\x16]K-g\xc2\xe6s0\xaen\x9dd bf|\xbe%d*\x1f\xce\xec\x15\xbe\xaa'</t>
  </si>
  <si>
    <t>b"\x9d\xc9\xa4\x16\xb0\xcb'\x01\xd37\xf4V\xcf\xc3\xd0J\x147\xc5\xe3\xa90\xe8\x19\xb4\xdf?MnC4y"</t>
  </si>
  <si>
    <t>b'\x18\xa6\xcc\xad\xf2\xe8\xe1T\x0c,a5\xe9\xe6\x13w\xd5\x9a\x94\xce\x1c\x1a\x06\xf2`\x92`\xd4\xf7s@\xf6'</t>
  </si>
  <si>
    <t>b'\xe4,\x94\xd70]\xe5*\xad)2\x02D\xf7u\x11\xc1{\xf7:&lt;\xc2tg\x8d\xd9\x82!\xb6\x87zb'</t>
  </si>
  <si>
    <t>b'\x81\xad\x11Kft\x82\x8b\xf6Wt\x83\x03h6\xe6\xb9\xbb\x1di\x1c\xeb\x9b\xdda :\x98\xfa\x96&gt;J'</t>
  </si>
  <si>
    <t>b'\xe1f2;\x9d\x04\xdf\xef\xc3p\x94\xe2sF?\xbb\x066\x95\x15\x0cS\xe1\xac\xa1\xdd\xe4\x15\xc1\x94\xe7\xdb'</t>
  </si>
  <si>
    <t>b'\xb3&gt;\xc0\x8f\xa5\xf7\x850\xee\xf6\x11\xae\xd5;\xca\xcaF~k{\x99{7\x1f\t\xb6\xc6\xaco\x874!'</t>
  </si>
  <si>
    <t>b'\x8bG\xa0\x10\xb26)\x14|\x8a\xaa&amp;\xb3\x8e\xd9nN\x99\xc1\xda\xdf\x91\xfco\x80$rd\xb7\x8d\xf8\xa4'</t>
  </si>
  <si>
    <t>b'\xce\x17\x1fB\x9d\xa9&gt;t\xf0\x08\x8e\xc7\t\x89\x0c\x9f\xc7o`\xedP\xa3\xc6\xe0\x84a\x8f{7\xa6\xb6\xd6'</t>
  </si>
  <si>
    <t>b'\xb0\xc4\xa0\x97wj\xa2\x97\xbc\xda\x10_\xb1\x89\xee5%0}nMJ\x0c\xfc\nF\xedi\xf6\xda\xbc\xa6'</t>
  </si>
  <si>
    <t>b'h\xf8\x9dg\xf4\xa4\x99\xd9x(\x8d\xc2i\xc6\xc2\x92\x12\x93t-t@Z\xcb\xcd0\xf9\xd7\t\xdb\x07B'</t>
  </si>
  <si>
    <t>b'~,\xc8\xd6\xe1\xda\x88p\xc7k%A/\xa7\x99\xcadr\x82X,\x91*\x94\x1b}\x83\x11&amp;D\xee\x16'</t>
  </si>
  <si>
    <t>b"\xfb\x17\xc0\xbd\x11\xff\xe4~Wp\xec\xd2%\xed\x97\xa9l\xbcP,\xda\x08u\x9exN\xbe\x0b\x1d\xdf~'"</t>
  </si>
  <si>
    <t>b"\x88E\xdc\x1d;A\x15\xe6\xd7X[\x82U9b\xfe|F\x04\x01\xa4\xb1\x13'h\xd6`\xe7\x9c#\xe4\xea"</t>
  </si>
  <si>
    <t>b'\x03\xf7=\xfd\xcf}\xe7\xdb]`\xf5\xf6-.\xd2\xf2\x12\x9f\x90\xee\xd4\n&gt;\xfcBJ\xcf$9\xcfn\xb3'</t>
  </si>
  <si>
    <t>b'\xe5\xbd\xc1GN\xf4f\x96\x8d\x9b\xa8\xb1vl\x90\x91\x89r7\xb4\x08\x92\xab\xea\x81\x06 h\xbb\x89]\xec'</t>
  </si>
  <si>
    <t>b'94\r\xecLq\x060\xc6\xc4/}\xf0\x1f\x06x\x1d\xaazW\x7f\xe6F\xce\x1aF\xcb\x81\xf25G\xd6'</t>
  </si>
  <si>
    <t>b'\x81\xb1\x87s\xb0\xdf(\xd5\x91Bq\xe3^g_A\x01`DK\x91&lt;\xe1)\x9b\xbaZ\xf2\x87x_c'</t>
  </si>
  <si>
    <t>b'\x16\x0f\xc0\r\xf4\x8aJ\xb5F\x8f\x8d\x9a\xc3&amp;\x14\xea\x06Y\xa3\t\xd1\xcbPi\xb8\xe4\xa6v\x086\xef\x17'</t>
  </si>
  <si>
    <t>b'\x11\x7f\xe3{q|\x181\xeej\xa4\x90\xc0&lt;\r@\xba@\xb8\xc0\x10\xac\x80.\x9d\xb7Y\xd2\x1b,\xffN'</t>
  </si>
  <si>
    <t>b'\x15M+\xe4(\x16\x9a.\xb3\xd0\x8cxA\x08\xaf\xc6@\xea\x18\t\xf4\xdb\x1eY\x84\x99o\xdd\xc1\\\xb4N'</t>
  </si>
  <si>
    <t>b'~\xd4z\x80\xccw\xfd.0|P\x18"\x01ne\xee\xdb\\\x01\x8d\xb0\x8aD\xd4\x98\x14\xcf0\xbf%\xd7'</t>
  </si>
  <si>
    <t>b'{\x12\xf2\xc1X\xee\xa9!4U\xce\xa7q\xc8\x19a\x18\xab"Y\x07v\x88\xaeb\xa5\xfa\xc3\x8b\x08sO'</t>
  </si>
  <si>
    <t>b'\xd4\xd0\xd4+o\xf6\x98+\xe4\xf9\xc7N\xdb\xbaw\xfb4:G\xc6\x9d\xff\xd5qr\xb9m\x90\xea\x8ez\xe0'</t>
  </si>
  <si>
    <t>b'\xb2xE\xa6\xa4\x82T\xf6S^\n9&gt;\xe8+\xbd\xbap\xda\x8e\xb4\xaf\x1e\xb6K\xb9p\x8e\x8a\xc4\xed\xa8'</t>
  </si>
  <si>
    <t>b'\x8ej\xcd\x86&gt;\xcb\xa6s\x15\x01]2F\x19\xdbX\xbd\xbam\x93\xae\xca\x96\x05\xed_\x01\xbb\xa9\x8d\xa2z'</t>
  </si>
  <si>
    <t>b'C\x05\xd6\xa8\xbd\x0ee\x1fX\xfa4\xbf\x90!;\xef\xf7\n\xc08\x88\xa1)\xc0z\xc3\xd4d\x19\xa3p\x01'</t>
  </si>
  <si>
    <t>b'\x082\xc6"\xfb\x1d\x91\x18\xfe1\xb53\xef\xfcC\x1b\xb7\xb8`\x87\x07\xc1&amp;.J\xc5\xf4WO\xba:\x06'</t>
  </si>
  <si>
    <t>b'R"\xe9\xd4\xe84\xb2\xc61I\xbf\x05\x98\xb1\xae\xe5\xb2\xa7%?\xd1\x9d\xb9Y\xb2&amp;\xcc\x94\xf5\x1bzZ'</t>
  </si>
  <si>
    <t>b'Q\xc6\x83x\xd6w\\\xa5\xc7Zy\xd2\x06\x1c\xa0\x92\xdc_\xcb\x94\xb9\x88\xd1\xb5M\xdaA\xc5\xba\xcb \xbb'</t>
  </si>
  <si>
    <t>b'\xbf}G\xfd\\ O\x1cS\x0eyn\xb3\xac\xbe\xca\x1eP&amp;N\x02\xc9\xfa\xe8v\xe5\xdc(\xc2x\xd7\xf0'</t>
  </si>
  <si>
    <t>b'|AjF\xbd\xee0\xd9\xb8\xb8\xa7\xfd\xcf\x84L\x1cX\x0b\xe7\xb7N\xdc\x98 \xea\x10\xa9\x08\xe5k\x9c\x90'</t>
  </si>
  <si>
    <t>b"\xc1H\xe6\xf3l|`\x07\xa6\x92\xd9'\xf0\xd2;\xf0\x91Qi\x93jL\x01\x0f\xc7\xb7\x96\x89\xa5\xa5\x9cc"</t>
  </si>
  <si>
    <t>b'\xe8\xb2H\x8b~os\xcb\xbb\xc7\x0f\x06S\xe3\\\xb9\x8cJ}\xeby\x89\xfbc\x1c\xa2&amp;\x02\x7f\xb6\x8ds'</t>
  </si>
  <si>
    <t>b'A\xddI\x9d\xd8G.\xc9\x98\x0c\xb0\x1d5w,wE\x1e\r5\xfe\x9b\xe4\x03j\xb8\x83\x9cKS[\x1a'</t>
  </si>
  <si>
    <t>b'\xa9\xd6\xbe!\x8c\x8c_\x90\x95\xd1\xb1\x04\xc1\x0f[\xa9Z)\xc1\xe7T\x16\xff\x8f\xf6\xf5Q\x19\\X\xa3\x8a'</t>
  </si>
  <si>
    <t>b'T\x89\x10\xcb\xb4\x16\xbc$c4F\x06\x07\x83\xbf\xf8\x04\xc45U\x91\x1a\xea\xc5T\x8f\xd5\x87\xb7\xbc\xa3\xdb'</t>
  </si>
  <si>
    <t>b'\x04\x18\xb5n@\xe5\x94\x96\x019F\x8f\x15@\x80\x18\x1ef2gC+\xcb\xb1wW\x99o\x14\xf6\xad\xa6'</t>
  </si>
  <si>
    <t>b'\xd1\x8d\t/\xb2\xc1q\xc2\xa8\xbb\xecc;iO\xfe0\xdcex\x88\xfb\xbd\x0b\xe9\xf7\x11\x1f\xee\xebU\xae'</t>
  </si>
  <si>
    <t>b'\xff\x94\xf7\xe7\xe8e\xbf\xf8B"\xcc\xe3\xea\xd3\r\x08\t\xfe|7\xeaa\x7f\x07\xc1|@f\xf3\x8d"&amp;'</t>
  </si>
  <si>
    <t>b'\x89\xbaG\xcb\x94\xc0\x89A.\x0e\xb3j"L\x8c\x88\xd2\x02O\x08_\x1b\x06\xd1j\x17r\x84*Dp\xeb'</t>
  </si>
  <si>
    <t>b'ltz\x8a?,\xcb]V\xa0\xce\xce\x80\xf5\xacq3\xa1\xac\xfb\xc9rqqd\xff\xdf\xb6K\xa8\xed\x13'</t>
  </si>
  <si>
    <t>b'\x18\x1e\x87\xf9\x8eI\x08&gt;\x88"\xe4\x0bs\xdc\xb7\xf5U\x95\xe57I\xe4\x0f\xaf[\xf7!\x13\xbe\x93\xfa\xda'</t>
  </si>
  <si>
    <t>b'e6\xe4\xbc\xf0:\x83`\xa1\xe7\xde\xd9Sv\xc1\x86\xf3\x83\xec\xce\xf3\x9d~\x8c[Bwd\xb6sr\xcb'</t>
  </si>
  <si>
    <t>b'P\xf9\x0c\xef\r\tV\x199A\x0c\x00-\x9b\x19\x11\x18R\xf5\x8eA(\x1d\xbd\xf0\x1cZ\xce\xf2\x14\xa2c'</t>
  </si>
  <si>
    <t>b'\x8d\x18T\x8b]\xc00\xc4\x15]\x1c{\x8c\x11\x0e\xa8f\x91\xa2F\xb4\xe9\x13\xa3\x17\x04C\t\xeeGu\xcb'</t>
  </si>
  <si>
    <t>b'\xfcH\xf1+\xa06\x8f\x1db\x9ae\xee\xc7\xa0v\x9b\xa4\xef\x0c\xcf\x8c\xb4\xb2\xd2\xe7\x8e\xabF\xff+\xc7\x1a'</t>
  </si>
  <si>
    <t>b'\xbblX\xbd\n1\xbf\xf4\x85\xc7\x19\xa3\xb7\xac\x88u\x92\xa6\xbc\xee~\xbd4l\x87H\x8e\xb9\xc3\xd4\x1f\x8f'</t>
  </si>
  <si>
    <t>b'\xc4\xe2m*\x8a\xf3=\xeeq\x96\xda\xe7A\xf2\xa7\xbf\x93\xf0J\rW6\x0b~\xef\xd8\x97\xb3\xfd!\x06\xbe'</t>
  </si>
  <si>
    <t>b' \xde\xcb\xfd\x90\xc0"Z\xfbCC0\xe4ca+\x92\xea\xcc\x12R\x85\xcb\xa2z\x97\xa0\xc3w\xa7\x84\x8a'</t>
  </si>
  <si>
    <t>b'=\xa0v2\xe0\xec\xb5\xc0)\xbe\x8b\xd8\x12\xf7\xfa\xedF-\xe67\xa3\xcb\xcd4c\x0f\xa9\xc4?\xb6\xcc\xd4'</t>
  </si>
  <si>
    <t>b'\x04z\x89\x13\x90&gt;\x16\xd7\xf2W\xd3\xfa~\xa2\xc4i\xaf^\xa4\x85\xd8\xb9\xea\xab\x86\xdd\xc6\xa3f\xd0\xb4\xe8'</t>
  </si>
  <si>
    <t>b'\r\x8a"+\x8b\x81p\xafi.N\xb9\x1dJ\x1f\xfbM\x83\xa9\xdd\x85\xde\xbd\x05\xd7\xecs\xfa\xce2\x96\xd0'</t>
  </si>
  <si>
    <t>b'\xb6w|\xed\\tw\xffC)\x18\xe9\xc9g\x9a\x02\xd4P\x00\x05F\xbe\x0b\xff\x8b9\xd5\xf4\x8d\xe8k\xa5'</t>
  </si>
  <si>
    <t>b'\xc9\xbc\x0f\xb3\x0f\xcc&lt;\x8fU\xa0\xdb\x137\xa9s\xaf\xc1\xc5\x83\xf6%\xedF5\xcam]\xbe\xa8\xef&lt;\xea'</t>
  </si>
  <si>
    <t>b"\\I\xf6\x19\xdbh\xf03&amp;g\xe3\xa8'\x034=g\xbb!\xe8\x01A\x04\xa6\xe2\x01\xdc=y\x08\xd5_"</t>
  </si>
  <si>
    <t>b'As\xdd\x9c\x18A\xc6;\xfdH\x86\xa3\xc2\xb4_\xcd/\x90\xff\xb4H2\x89\xa4\x0b=\x05\xcd\xe8b\xf3\xaa'</t>
  </si>
  <si>
    <t>b')\x16\xe27\xd00\x93\xca3W\xde.{\x15\x1a\x10\xeav\xa0\x8a3,\x96\xed\xc7\xd2\x04&amp;\x83^\x81J'</t>
  </si>
  <si>
    <t>b'\xe6\x18kw\x1b\xd2\xb6\xeb\xd5TGl\xc0\xdf\xad\xc6\x88~F\xdaR\xfe4}\x1b\xc1\xe9I|\xb4\xdd\xdb'</t>
  </si>
  <si>
    <t>b'\xac\x8a\x9fv\x8fT*\xe8\x15%\xd8b\x17 t\x8b\xd4\x02\x03V\xc5\xa9\xa4\xd1f\xebw\xa1\x15\x00)\xeb'</t>
  </si>
  <si>
    <t>b'\xb3\xa7\xa4\r\xfbz\xc6\xb92\xb6\xb5#\xb8\xc8\xd0~\x16S\x0bj\x87|\xa0[n\r\xa9\x10\x19\x0b\x8e4'</t>
  </si>
  <si>
    <t>b'A\xe2;-OU^\xe2\xfe0xW=.k\x7f\xc3\x93\xd5\xf4~I\xb6\xbdZH\x1d\xddK\xf7\xc8\xce'</t>
  </si>
  <si>
    <t>b'~\xcc\x9f\xb0\x96\r\x8b\xb8 \xd5\xa8\xa3r\xa2\x05\x88\x9b\xa7a\xef\xea7\xed\x02\x0cY\xd2Ly\x96\x8b\xb1'</t>
  </si>
  <si>
    <t>b',\x8e\xe1O\x1d\xa2\xcc~\xcf#_\x08*\xf6\xef"\xea\xb3\xf5\x93\xd8\xabrEO\xc97\xae"\x82\xdb\x85'</t>
  </si>
  <si>
    <t>b"\x88T\xd0R\xb35\t\x11\xbdM6nS\x83Y\xf7\xd1:\x14'\xed\xbe\xa0\xb4hY\\\xb8&gt;X\x97\xe9"</t>
  </si>
  <si>
    <t>b'f\x06\xcf\x8a\xe1\xfdRW\xf4\xbe\xe6\xca\xaf\xe7:\x93f\xb2\xd1&lt;\xca\t\xa6\xef%-z\x14J\xcc/\xfe'</t>
  </si>
  <si>
    <t>b';\xb6o\xe8\xc7+\x8d\x92t\xdbq\xca\x1e"\xb3\xaa(\xfc\xb8aS\xfd\xef\xd1\xe8Y\xfc\xa2\xd26f\xf2'</t>
  </si>
  <si>
    <t>b'\xbc\xcf\xa7~\xbbU\xa7A\xda\x9d(g\xa3\x015\x9b\x17\xa8\xcc"\x9b:\x84d0\x8d|31|\x7fm'</t>
  </si>
  <si>
    <t>b'\x81\x8fu\x02\xb48\x9a\xc4\x01\x17\xd5\x83\xfa8\xfc\xd2=\x18\xf1\x92\xc1\x16\xed\x99|\x14\xe7*/\xe4\x0cg'</t>
  </si>
  <si>
    <t>b'\xbf\x15&lt;{3*\xdb\xceF\xe5\xf3\xbe\xb3\xb2\xe4o\xf7\x9eV\xbf\xf2\xb5\x059\xbb\xe1\x96j\x8c\xb0\x0b\xe4'</t>
  </si>
  <si>
    <t>b'p\x98(#\x0cl\xec5%W\xa0\xcbwm\x7f\x11\x14\x08/\xfcx\xdd~\xd9\xd9)\xaa\x1b&amp;\xe8\x08\x9c'</t>
  </si>
  <si>
    <t>b'\xb1\xb0\xecXF\xdd \xe40\x94D\x92\xb7rx{y8@\xbds{A\xf2\xf6\xa1q\x1c\xfen\x13\x03'</t>
  </si>
  <si>
    <t>b'`|fu7\xc37\x87A\xc9]\xb3\xaa\xfak\x96 \x1eLBf\xb2\\\xb2Ua\xa7O\xb4\xe52\xd6'</t>
  </si>
  <si>
    <t>b'\xf2\xb7\xbc(f\xe1\xcd4mA\xca\xb0&gt;\xfb[\x1eC\x0b5jF\x81\xd4i\x95\xa2i(\xed\xf39\xfe'</t>
  </si>
  <si>
    <t>b'U\xd1\xc5j\xf4\x11\x98\x1b\xe8S\xea\xf3\xec~&gt;\x86\xfa\x82U\xb5\xf4\x85\xf3\xd8s\xe1I\xf8-Y\xcc\x1f'</t>
  </si>
  <si>
    <t>b'\xc1\xfd\xa6B\xfaW^\x1b\xef\xfa\xb6\x9e\x1a=m)\xc5\x0e\x89:\x99G\x7f&lt;\xba\x8ez\xabcx\xd5\x80'</t>
  </si>
  <si>
    <t>b'\\\xf2-7\xd4,\xde\xd9\xc3\xe7\xee&gt;\xdc?\xa5b\x1a?L\xeb\xf9\x00\x83ULY2\xb9\xadB\x8c\x17'</t>
  </si>
  <si>
    <t>b'!G"\xffK_\xcc-\x96h\xa6\xde\xe7\xda\xc1\x8e16(\xd0\x9b\xc2r\x1f^\r\x93\x94\xfb\x18\xe2\x06'</t>
  </si>
  <si>
    <t>b'd5\xe7\x0c\xe8\xe1`\xbd\x81eW\x08\xf9/\xea\x0b\x0bf\xbd\xd9\x1fT\xdcK\x14O\xb7\xb3Z\xb9,('</t>
  </si>
  <si>
    <t>b'\t[,@\t\xfa\xeb\x1e!\xe3W\xe6\xbehG)\x80\x94j\x82&lt;\x10,\xb6O\xdf\xd7\x89-\x9c\xd7\x14'</t>
  </si>
  <si>
    <t>b'\x16/\x1fF\xea\xa6&amp;\n\xe5\x01 b\xadO\xfd\xda\x8cH\xb9\xc8\x14\xa2r\x05_\xdc\x07\x9dv\x10\xc3!'</t>
  </si>
  <si>
    <t>b'\xa4C6,n\x088\xc5\xbd:s\n\x16\x19\x7f4\x9e\xb6\xce`\x12\x0co\x94"\xa37\xd2\x8c-ay'</t>
  </si>
  <si>
    <t>b'\x0b9\xaa|\x88\x17_e\x88\x9e\xe0\x0b\xc8\xcd\xdc\x9c\x9ab\x1b\xdbH\x9eY\xb7d\xe3\x87+\x84"\x18z'</t>
  </si>
  <si>
    <t>b'\x8fU\xf3Op\x03P\xf2\x9c\xd9@\x95\x07\xe0m\x1ff\xc4u&amp;\r\xb9\x81\xbe\xe7V/\xa0\xb6H\xa7\x99'</t>
  </si>
  <si>
    <t>b'\n\x93}^\xb7f\xe7\xffVF\x9d\x0f\xac\xc9\x8e\xd9\xeb+Ee\x98$\xcey\x8b-\xa67bj\xf9\x80'</t>
  </si>
  <si>
    <t>b"\xa1\x89h92l\xcf\xd6D&amp;\xd1\t\xd7\xb1\x0c\x91\x19\xc4'\xd6\xad\xe7R\xe5\x9cz\x8e%\xf9+\xfb\x9b"</t>
  </si>
  <si>
    <t>b'!\xce\x96&gt;[\xc08\x93\xc4r\x8f\xa6\x18C\xab4\xc9T\x89\xc5\xfbc\xec\x9f\xa3M\xfbD70\x1c;'</t>
  </si>
  <si>
    <t>b'\x9dw\xfb?\x12\xa7\x1f\xb1\xb5pI\xde\xd5v\xeb\x86\x1f\xccx`\x170\xc4\xb33\x91\x9d\x9eP\x97AC'</t>
  </si>
  <si>
    <t>b'"\xd7&amp;\xdf\xf5\xb1V\xae\x16\xf5\xf1W\xe5&gt;\x0e\xc9g\x84\xce\xb6s"\xfd\x9d/\xd9\x919\xe9A\xca\x05'</t>
  </si>
  <si>
    <t>b'B\xc0\x1bWP\xb0\xcd\x0b\x87Q\x0c\xa3\x98\x0f\xc2V\x9e\x90=\xd0N4\x9e^\xc2\xb5\\A\x85W\xdf\x0b'</t>
  </si>
  <si>
    <t>b'\x9a;[0\xba\xd5\xa5\xeb \x16\xe57\x97\xfc;\xd6\x92\xbd\xbd\xaf\xe7\x8b\xeb\x82\x08\xc7S\xc3P\x1cn@'</t>
  </si>
  <si>
    <t>b'\xfb\x1f\x91\xd2\x13\x8d-\x8c\x0b\x02\xb1\x0c\n\xbd\xa8\x83\xcb\x82\xc9(\xebVG\xa9~)\r\xe8\xb4.\xcc\xb9'</t>
  </si>
  <si>
    <t>b'n\x00\xef\x05.\xe2X\x1c\xe7"}\xfc\xef\x14\xda\x9b\xe0\xed\xb0\xd0&amp;\xda\x18`\x04\x14=\x9e\x1b\xa7\xb3\xc0'</t>
  </si>
  <si>
    <t>b'\x15&lt;)f\x03\xb0R\xd4\xb4\x92\x00\xa3\xf4\xccF\x8f^\xdc\xcb\x8b\xc1\x0ecH\xf8\x82:\x03k\xcexT'</t>
  </si>
  <si>
    <t>b'M\xef\xbeT\xd3~\xf0R\x11Y&lt;\xac\x12r\x9e2c\xc4G?n\xe5\xdaD2wy\xcf\xb2ox\xa0'</t>
  </si>
  <si>
    <t>b'\x98\x9e\xf7\xc8\x17\xd9\x11*\xb6\xc6\x1c\xce\xd4_\xf3\xd3\xd4AW\x9ckH\xa2\xbb\xeb+\xb1\xc1\x05e\xb6\xc0'</t>
  </si>
  <si>
    <t>b'\xfb\x81\x0c\x90&gt;\xf5\x10/\xe7\xd1\xb9\xe4\xe6?\xcb \xfc\xe5z&gt;\t\x87\x03\x12\xbbtq\x94\x16p\x8f\xed'</t>
  </si>
  <si>
    <t>b'\xdcs\xf4\x05\x96&gt;\x02\xd2\x81v\x81\x8e\xa1\xfd\x8d\xc4\xac\xd3(\xf3@&gt;\xc4\xad\xf7\xe7\xbd\x1d\xfc\x8b\x0e\xec'</t>
  </si>
  <si>
    <t>b'\xc2\xf3"\xa6\x82\xe2\xe7b\xd9\xd2\xb2gbg+\xda\xb5\xb0~\xea\x92\x16\\\x96%\xc7\xed\xb2\xee\xd96\x19'</t>
  </si>
  <si>
    <t>b'Z\xa0v\xd4Y\xf4\x87\x813\xeck\x18C\xd4#\xbe\xca\xf4\xa68\x19\xa7j\x07\xaa\xf9\xd4w&amp;\xba\xcf7'</t>
  </si>
  <si>
    <t>b'\xf8\xcc\xcf\x8a\xf7\xf3;/\x18Oa\x80\x8cA\xe3\x7fl\x0cp\xb0\x9aI\x92(\xe8\xbc\xa50uY\x90J'</t>
  </si>
  <si>
    <t>b'\x9f\xdc\xff\x19\xb1\x95fy\xce\xfe\xda\x11N:-:\xfa\x01\x8b9\xfe\xa5N\xb5\x10zj\x9d\xdf\xea\x96\xe5'</t>
  </si>
  <si>
    <t>b'~e&lt;\xeb\x80p\x19\x12d\xc7\xdb\xac\xa7\xf0\x02?mj\xec\x0b0\xf3\xac\xbd\xb8\x84\x14\r,\xf87U'</t>
  </si>
  <si>
    <t>b"'\xcf\x90Mm\xb1\xd3\xd0\xae\xc9D\xfd\xfeS\xe8Fg+\x07&amp;\x8e\xa0\xd4\xe0\xe4\xf7\xdeT\xdc=r\x7f"</t>
  </si>
  <si>
    <t>b'\x12\xce\xec\x07\xdbU=\xe57\xcc\x84|\xb7\x8b\x7fw\x9f\xe7\xae\x9c\xac\x08\t\x97m\xe0L;6\x82\xa5\xbb'</t>
  </si>
  <si>
    <t>b'FJ\xfd\xa7~\x19\x94\xa9\xeb\xec\x933R\xb9\xc4I\x8b\x17\x1a\t\xd7\x16\xa4\xf1\xa5EI/N=K"'</t>
  </si>
  <si>
    <t>b'\xe4&amp;z\xbd$\xe6\x14zc\xae\xfa,%m\xe6\xbd\x87fq\\\xc6\xbd=\xd6-\xb0\xe7S4\x1c\x03\xda'</t>
  </si>
  <si>
    <t>b'\x13\xcf\xe6\x0fW\xa8\x1b\xc3\xc3\xc6\xd9^UFY~\x9d\xcd)\xbbC\x0c\xfcb"\xe1(\xfd\xfd\xf4\x0e#'</t>
  </si>
  <si>
    <t>b'\x81#\x1a?:\x05\x15R$\xbc,|\xc6\x1d\xb8#\xf7\xcbK\x0f\x1c\x93Oz;\x10\xad\x91tr^?'</t>
  </si>
  <si>
    <t>b'Z{\x972\xb2\xc6\xa3\xd9\x11?\x07\xe0m\xa15\xfd\xb1\x96C\n\x83\x00\x94\x86\xe2"\xf8\\j\xd6\xe8\xd3'</t>
  </si>
  <si>
    <t>b'M\x1b\x0eHXS\xbd\xb2(\xf0`\x02\xed\xde\xc1\xe3}\xf2\xec\x99\x1c\x83\x03\x00UT)\x1e\xc6\x10}}'</t>
  </si>
  <si>
    <t>b'C\xf4\xfc\xc4t\xd7\xa5\xbe\x1b\xd5\xf0)\x06E\x11\xfc\xa0\xe6,\xd8\xc5E\xc8he.\xd1\xbbt\xb25\xc0'</t>
  </si>
  <si>
    <t>b'\r\x1c\xb2x\xc9&gt;\xa3\x11\x01Iq\xd3\x9eq6\xc2P\xc26\xe87\xf67c\xf5=\xa0\xb24&amp;\xf8?'</t>
  </si>
  <si>
    <t>b'\x13OS8\x97i\xbc\x7f\x97\xab\x10\x8cc\x89C\xfc\xd0~\xa6\xce\x03\x1d\xdb\xc2/A\xd9.\x05\xd5\x16o'</t>
  </si>
  <si>
    <t>b'\x18\xb5"\x19\xc0\xb0Fq\x9a\x91Jy\xe9\r\xa9|\x12c\x85\xb8;\xac\xd4\xfe\x1b=\xf2GT&amp;&gt;\xea'</t>
  </si>
  <si>
    <t>b"V\xdf\xd4\x85\x19\xd2\xfbk\x8d\xc0T\xd1\xa3\xfe\xc2/=\xecB\xa8m\xf5o'\xb7\x01q\x02u\xdc\x05\xb5"</t>
  </si>
  <si>
    <t>b'\xf4:\x05|\xbb\xe3\xcb\xb2l\x16p-3\xe9V\x98\x1bJdJ\xd7\x1fYW^R\x15\x96\xab\r\xdce'</t>
  </si>
  <si>
    <t>b'cP\xael\x05\xcfc\xb4e\\\xc8\x13\x85\xaf\x9f\xe4\xb0"\xb1\xfd\x9a\x95H$\xa3qV\x9b\xb1\xfdS0'</t>
  </si>
  <si>
    <t>b'\x97\x84D\x95\x90\xb4s\x1c\xaeo\x06U\xd3\x8c\xbb\xbaQ\x00\xe2?;l\xd7s\xac\x99\xab#O\x1cXR'</t>
  </si>
  <si>
    <t>b'%=7b%\xb8c\xe9\x97xp\xef\xd4\x9f\xdb}\xbd\x10\xf6\x1bI\x7f\xf9EkN)\xa0\xc1d\xe7\x84'</t>
  </si>
  <si>
    <t>b'\xed\xc7_/b\xff\x8f\xf9E\xa2\xea\xb9\x9f\xceV1\x07&gt;o\xc5\xde!+\xf4\xd3\xa6\xb7\x92s&amp;\x1e\x80'</t>
  </si>
  <si>
    <t>b'\x9b\x0e.h\x96\x86S\x9e#\xaf\xd6\xa8\xd1\xb2Yj\xb3\xeaL\xc8*\x11-\x1d\xe9-\n\x84IW$T'</t>
  </si>
  <si>
    <t>b'\xeb\x13"\xe6\x18~\xc8\xe3\xa4IA\x17\x88\xf2\xf8\xb3\xdb\xa9\n\xb1\xfa\xf1\x80\x07\xebn\x97[\x13Q]\xcb'</t>
  </si>
  <si>
    <t>b'N\xa0 \xc2\xb7\x8b\x80\xf3)&gt;\x06\xe8f\xe4|\x82: \x01\xe7"W\x94\xb3A\xa3\xa4\xfe\xf6\x92\xea\xe0'</t>
  </si>
  <si>
    <t>b'k\\W\x15\x99\xe0#\xe7\x15-\x16\x08\xef\x07K\xec\x8b\x00\xcb\xd3\t\xd0B\x01iD4\\\x02+\x13F'</t>
  </si>
  <si>
    <t>b'\xc4r\x94Pi\x1e\xb5\r_\x80\xfcrX\xce\x8a\x84NZ\x85\x82\xdaM3\xf8\xcc\xec\xc0\x8c\x96\xb40\xce'</t>
  </si>
  <si>
    <t>b'T\xfd%&gt;\xe8me\x13W\xcf\x13\xe3J\xa2\t\x9d\xdbx\xfc%\x92U\x0c\xebuPE}\xd6$y\xb9'</t>
  </si>
  <si>
    <t>b'Ip\x08k\xf8U\xca\xd3\xfc\xd1*\x96\xd2\xf85q-\xe1w\x81\xd8\x9b\xdb\xa8\x1b\\\x13?]\x8am\x93'</t>
  </si>
  <si>
    <t>b'\xb7\xd7\x87\xbcB&gt;\x0cI8\\\x1a\xa7k\xa3{\x05\xb8\xeb3\xfco\xa3\xc0\xcc\xbb\xe9\x9d\x8akH\xad:'</t>
  </si>
  <si>
    <t>b'\x90\x96^\xee\xc47zrN!\xbd\xb0\xba\xe8%\xd9\xabZ\xfb.\x1bZ\x92U\xbe\xbc\xb4Kv\x89~Q'</t>
  </si>
  <si>
    <t>b'\xc68\x84\x83\xee6\xde:\x7f\x1ec\x05\x8ej\xd0J9\xa1\xc1\xb3\xe8\xc6s\x94\x81lS\x0b\x8dN\x91\x8c'</t>
  </si>
  <si>
    <t>b'\xe6\xa5\xee\xffz\xa75Sq\xfc\xdf\x9b\xd4\x0e\xbe\xd7\xef\xe4Lfv\xff\xe2;{\x93\xe2\xf0@\x19\x17\xa5'</t>
  </si>
  <si>
    <t>b'@\xfa\x82=\xb5\xf0\x1b\xb9\x94\x95v\nj?\xd5\xc6m\x17\x90\x9fl\x11\xfe\xb4\x90_\xa6\xa1\x9e3\x1b\xa3'</t>
  </si>
  <si>
    <t>b"\xca\x94*\x0c\x01\x86\xf7\xd1\xe5\xf5\xde\x0bM\xb8\x83f'\x8193\n,\xbd\xaae7X\x82t\x07E\xed"</t>
  </si>
  <si>
    <t>b'[\xc3\x92v\x1a4#\xc0\xb4\xda\xf0`5\xfb\x92\xdf\x92\xb7\xd2\x89\xde\xb9Q"\x96=\xf1\xc1M\x9cz\xb8'</t>
  </si>
  <si>
    <t>b'z\xe3^#\xca\xca\x8ah6&amp;\n\xe7\r[3\x88\xf5\xc0#\xdfG\x94\xe5P\xfc\x1b\x7fz}]\xc3,'</t>
  </si>
  <si>
    <t>b'b8\x17\xa0\xa3KZ;\x92\xbc\xd1\xbc\xec\xaa\xb3I\xe1\xf3$&lt;\x7f\xeb\x81\xe8\xbb\x95\xac\xd5\x81LGG'</t>
  </si>
  <si>
    <t>b'\x89g/n\xe5\xc6{\xfcs\x18\x06\x97?:\xad\x14YN\xdf\x021\xbb\xf3\xa5\xb5\x8f$A\x8co\xb3\x16'</t>
  </si>
  <si>
    <t>b's\x03hZ,\xf75e\xaf\x8a\xe5\x1b*\x1c`\xfc\x87U\x16\xec\xef0\xd9\xf6{\xe7\x9b\x8c\x80-`A'</t>
  </si>
  <si>
    <t>b'\xe4d?\xe4\x90\xf8\xc4&gt;o\x90Z\x80ad\\\xbd=\x92\x86/k\xb3\x80\xfbF}]\xfd\xf9\xc5q\xc4'</t>
  </si>
  <si>
    <t>b'\x98\xd9\xd2\xc4\x9a\xa5\x14\x0b\xd6\x98n[CBD\xc4e\x88\xb5\x07\xcc.C\x95o,5(k\xcb\x9fc'</t>
  </si>
  <si>
    <t>b'\x9e\xd0=dH\xb3\xc7\xd5L&lt;\x12i8\xc8\xafK\xaa\xb5\x14m\xda\xdcBU\xf4\xade%\xef\xb2\xc6\xd4'</t>
  </si>
  <si>
    <t>b'\xcf\xd2\x7f\xec\xfc\x05&amp;v\x1f\x87\xdb\xdd\x0eF\xbbt\xb1\x07\nF\xa86\xcej\xa8lQ\x83-)\xfb\x06'</t>
  </si>
  <si>
    <t>b'.\xd7\xf7O\xd5X\x01\xe1\xec\xbeG^\xcf\xa7\xa4\xc0\nd\xc7\xaf\xc1U\xb0\xe0\xa2c\x11\x9bw\x16_R'</t>
  </si>
  <si>
    <t>b'\xca\xcez\x13\xabV\x08\xa6\xc9\x81\x99\x1a&lt;J\xdc=4\xee\xae]\x1d\xa0\x8e&lt;\x0f\xdbO\xd2\xc8\t&amp;u'</t>
  </si>
  <si>
    <t>b'P\x81\x05Z\xe8bp\xff\x99t\x88\xa5\x0bV\xc8\x01\xbd\x16\xccf\xbbx\x0ea\xcf\xbas\x9a\xa5\xb3\xaa\x94'</t>
  </si>
  <si>
    <t>b'\x0c\x94\xc8\x94.\xce2x\xed\xf7\x01\xab\xcb\x1e\xf3\xfe\xed\xbf_)v\xde\x83\x91\xeb\xdf\xd8\x86A\xca\xac\xfe'</t>
  </si>
  <si>
    <t>b'\xcc\xb5\x8d\x89o\xa7#R&amp;\xd7\xb7\x17\xa5\xdb\xf4\xca\xdf\xd1.\t\xe6\xfd}D\n\xb4\xbaW\xe7\xa6l\xd0'</t>
  </si>
  <si>
    <t>b'\xdd\x84(\xd9\xedXG\xcf\x192\x9el\xb53\x1c\xb2\xf4\xe2l_\x0bt^\xb9\xe5l\xd0\xbb-\r&gt;\x12'</t>
  </si>
  <si>
    <t>b"V\x91yP\xd5\xb4J\x97\x92\x97\xb0\n_8'H\xff\xa2\x05\xb2\xc5\x08\xc0\xfbe\xbb\xd5p\x14e0\xe6"</t>
  </si>
  <si>
    <t>b'G\x15)\xb9\xf5R;W/\xc4\x82\xe0\xa0\xd8!b\x97\xb6\xccQ\xe5\xb7\x18\xae{\xffEs\xb5\xd1\xde\x1d'</t>
  </si>
  <si>
    <t>b'\x96\x83$&lt;w+\x9b\x07\x0e\xe9\xc8\x96\x8ep|;\xd7T\xd3H\xac`P\xe0\x17\x8b\x1b\x14Mp\xd7\x0b'</t>
  </si>
  <si>
    <t>b'8\xe4\x8eJ@I\xd4\x91\xf8\xd1\xe4u/\x0c\xc6\x0eak\x01U\xe2;\xbd\xa9lW\xd0j\x91\xb89&gt;'</t>
  </si>
  <si>
    <t>b"\x1d7&amp;\x0b\x8e\x9fB\x06F\xa3\xa9\xba\x94\xa1\xaf|'pDG\xad\xfb|\x93\xd7\x0e\xc4H&gt;A\x1ax"</t>
  </si>
  <si>
    <t>b'#(\x93\x19\x8e\xd1c\xcbL\xe9\xf3NA\xa0~[\xeb\xf5k\x1e\xad\x9b\xe3U\xdc\xf89\x86\xa5oa/'</t>
  </si>
  <si>
    <t>b'\\\x9d#\xf1\xaf\xf0\x17\x1c\xb3\xa9\x11\x99\x85|e\x0e\x83\xa85\xf0\xb3p\x9a\xc1\x96h\xbd1\x80\x9f\x84\x1b'</t>
  </si>
  <si>
    <t>b'\xa7\x01\x94\xf6\xa0\xbb\x9b^\x8eT\x95U\x1c+\x1c\xaa&gt;\x06%}\xb55QU&lt;|-{M\xd5"\x99'</t>
  </si>
  <si>
    <t>b'\xd3\xd1\xc1\x9d\x18\x936\xf4\x16 \xdf\x9a\xeeC&amp;s\x8a\x16\xd3!\x95\x82g\xb3\x9ept\x0b!-\xaa0'</t>
  </si>
  <si>
    <t>b'\x8c\xf1\x89\xfd\xf0X\xf3m"\xc1\xa1\xc2vlq\x93\xe8\x06Z6\x9b3L3:&lt;\x18(\xd0\rk\x9e'</t>
  </si>
  <si>
    <t>b'}\x8364\x8e\xf6\x0b\x9bZ\xa4%m\xb4z\xf5\xe3\xbd\xd6E&lt;\xf1\x17\xa2\xf0E\x1531\xcc3\x8d\x85'</t>
  </si>
  <si>
    <t>b'z\xfb\xa0\x1b\xdd\x1aN\x89\x82\xc4\xcbE\x8dl-\xc2\xcem\xf2&amp;\xad\xef\x0cv\xb5\xa6B,\xa1\x15\xc8\xa7'</t>
  </si>
  <si>
    <t>b'\x0b\x90\xcb\xca\xba9\xd5T\xb9\xc1\x1fM\xcdf\xe1C\x84\xb2R6Qj\xfc\xfc\x08\x0c\x02\x9ba\xaa\x97\x03'</t>
  </si>
  <si>
    <t>b'[\x0cC\xaee\xd3N\xcfi~\xbd\x15J^\xa6\xafZ\x0b\x86\x91\xfec\xebx\rV\x9bv4[\x1f\xf3'</t>
  </si>
  <si>
    <t>b'\n9\xee*\x84\x9e\x93{\xef\x99\xab&lt;|Kik&amp;\x0c\xf3\x0e\xc1\xbe9\xf1\x81%\x01N\xf2v\xb8 '</t>
  </si>
  <si>
    <t>b'r\x86\xc5\x97:0gO\xb9KYr\n-P\xdd\xf7\xb9\xe3\x0b[\xef\x16]7\xab;L\r\xc1A\xbc'</t>
  </si>
  <si>
    <t>b'\x18\x9db\xbaG\x95&lt;[\x89\xffCl\x9f\x85\xedP`nm\xb2\xf9%\xc2\xed\xa2\n/+\xfd\xd69.'</t>
  </si>
  <si>
    <t>b'!l~P&gt;E2\xc2a\xa9\x11\xd82\xda\xff"\x9dj,?\xf8\xe5q\x08J\xee\xba\r\xa7\x08\xbf\xbe'</t>
  </si>
  <si>
    <t>b'&amp;\xd7\x1d\xe1\xbcY\xd9,\xaf\xb4}\xf6\x16\x84\xcbj}2Z)\xf6\xb4\xbcq\xea4\xc1\xb2\xac\x7f\xbf.'</t>
  </si>
  <si>
    <t>b'-\x93)\xe0a\xfc\x01`\x90\x92t\x17\x1a\x7f\x9a\xd1\x93&amp;\x08\x7f\xd3JFO\xd6\x83\x88\x11\r\xa3c\x8b'</t>
  </si>
  <si>
    <t>b'G\xa9c\x9a\x94\x93\x85\xb8S\xf2\xe1\xf0w\xe2\xf5*S/\xe1\x19\xf2\x05Vsc-\xf2\x9d]\xbf\x90\xd3'</t>
  </si>
  <si>
    <t>b"m\xa8\xe6\\\xacr\xde3\xc0\xc8\r`?\x9d\x94\xf7\xcaU(\xb3Y\xc8\xe9&lt;;\x0c*d'B\xd5\xcf"</t>
  </si>
  <si>
    <t>b"GDXh\x1a\xb3.&gt;\xa7\x95Qr\xb1\xa2r\xfb\xb5\xfe\x83\xca\x90\xea\xd5:\x97p{\x93'\xdfj&lt;"</t>
  </si>
  <si>
    <t>b'\x0c9"\x86\xe0\x80\xa9\xd8(\x9f\x00-~\x9fB\xcb\xd1-Ya\x0f\xd2{\x10\xe46\xc2\xef\xed\t\xe5k'</t>
  </si>
  <si>
    <t>b'\x9et\x1f\x97Dto,V\x9c\x0co\xbe+\xd1\x93YIG&lt;\x89\xfc\xc2\x1d\xb1lfTD\x13z\x88'</t>
  </si>
  <si>
    <t>b'\x11\n\x0c\xb6w\xff\xe2\xa4\xe0\x1cofCn\x07\xd8\xa1Z\x14\xd0G\xda\xa5N_}\xbe1\x9cV"\x93'</t>
  </si>
  <si>
    <t>b'\x11Q\x88\xc66\xe64\xf5\xd6Ec\x95c2\xe4D\xcb\xaa\xf1\x06\xb6\r;*\xce\x938b\xf5,`\x10'</t>
  </si>
  <si>
    <t>b'&gt;\xf3\xb4nlQ\xfa\xfaS\x0e\x81\x9b\x16\xc9y\xb3\xd8_X\x04\x13\xed\xec\x06u\xf1\xd30]\xdc:\xa6'</t>
  </si>
  <si>
    <t>b'6a\x1a\x1f\xb9eOt&gt;s\x98\x96"\x0f\xbfR\xf58\xf5?^9?)\xa4\xc4\x11\t\xdb\x1c\xf3\x8c'</t>
  </si>
  <si>
    <t>b'\xcb\x1a\xc7Q\xbd4/X}\xa1c \x8eo4N\xd7\x05L&lt;\x87\xeb\xd9s\xe9Pi-\x97\xc2\x9c\xf7'</t>
  </si>
  <si>
    <t>b'B\xca\x15\xd5\xd7\x88]\x93\xde\xfc\xc3H@\xf9}\x9b:\x1a\xa1\x90\xb9\xb3\xe8\xa3\x18\x9d\x12\xbe\xd0\xea\x82\xc3'</t>
  </si>
  <si>
    <t>b'z\xd0\xfa\xea\xbc\x8d\xcf^P\xf3U\xdf\xd8\x89^\x93p\xf5=\tJ\xdb\x11\xba\xc8\xa5xg\nc\x11\x1a'</t>
  </si>
  <si>
    <t>b'\xa5\x03\xee\\\xee\x8f\xf4\x93\xc5k\xba\xeb\xa2\xe98w\xc3^\xb3\x0ck\xb53)\xaa\xc4\\:\xe6\xf4\x89w'</t>
  </si>
  <si>
    <t>b'\x17\xb3\xc5\xab\npH\xdb\xb4\xe8\x12\xc3-\xd7\xd1\x015w"y*\x8f\xb5\xd8\x92\x1eQ\xd7\\wC\x94'</t>
  </si>
  <si>
    <t>b'@\x18.8\x88\xcf2\xb40=Lk\x08\x1dY\xe7xK\xf8\x80/n\xbeo\xb5\xc1K\xa0\xca\x93\x01\xc8'</t>
  </si>
  <si>
    <t>b'}\x1f^\x9d\xf3\xcb\x8b\xba\xe3?YCAO\x11\x9c\x0e\xe1\xdb\xdc\xc8\xcf,\x11"\xb3\x1e\xaf\xd6\xfcE\x12'</t>
  </si>
  <si>
    <t>b'\xfe\x04(\xec\x9cG\xe8X7\xb1\x07\x97\xd3)\x9f\x1f\x81\xe9\x96\xdaI\x9f\xe7|\x99\xc4;\x99)\x1d\x01w'</t>
  </si>
  <si>
    <t>b'ZwS\xceb\xe3C\xd0|\xe5\xf4TP\xe4N\xfc\xd6\xfb\xdb\xd1\xcfR\x852\xd3\xdf\x05\r\xbf\xec\x9a\xde'</t>
  </si>
  <si>
    <t>b'\xb4\\\x88\xde\x08J\xa4g\x96zun\x12\xa2\xd0\x8c\xc6\x04\xaa\xe8\x92\xc7\xad\xd9\xff\xb46VnMcV'</t>
  </si>
  <si>
    <t>b'\xcb{_\x92\x1bT\xfb1x\x04\x18\xe4Ge\x01\xe4WS\xa3$m\xcc\x1c\xbf\xcd\xe2\x03Aw\x1b\xe8\xff'</t>
  </si>
  <si>
    <t>b'\x83\xc3y;p\x82\xdb\xc1\xaa|R\xe2e|]%\xd4\xd5U\x18\x0c\x8a\xb3\n0\xfdJ\xdc&gt;\xa3G@'</t>
  </si>
  <si>
    <t>b'\x93\xf6Gxw\xec\x9c(\x98\xc8R"~+U\xfa\xb1\r\xf9&amp;\xa0\x05pw:\x86\xb7A7\xfe\x9c\x08'</t>
  </si>
  <si>
    <t>b'\xc7\xfdX\xa7\xce\xe1T\xd4\nR\xd4\x97\xc5a\x80\xd7\x87\xbe\x0b\x89\x90\xe2\x8b\xd1j\x0e~\xec\x0f\xed\xaf\xb9'</t>
  </si>
  <si>
    <t>b'\xd8\x9b\x0f&lt;\xb5e\xfd\xee\x1f\xd5\x01\x9a\xc7\xe0\x9b?\xd6\xb3j\xcb\x80\x04\x1aM+b^\xdc\xf4\xfa\xc2&amp;'</t>
  </si>
  <si>
    <t>b'\xb4&lt;\x06mm\xb0\xc8\xb0\x14D\x97\x1f\x9b5$[/~\tv\x8c\xd7;\x8aicE\xdb\xf2\xe2\xf4\xd7'</t>
  </si>
  <si>
    <t>b'\x11\xa7=?\x98]\xc6\x1e\xdb\x8c\xba\x01\xa3\xf1a\x0e\xca\x9d\xd4\x82\\\xfa*\xd5\xe0\xfe\xd6Mb\xc1\xef\xf2'</t>
  </si>
  <si>
    <t>b'\xd3\x9f\x9f\x86\x07\xec\xa9\x05\xb92\xfd=\xe9\xbf^5\x87\x90o&lt;bt\xf8\xa3\xd4,\xc3\xec\xc6\x9f7\xdd'</t>
  </si>
  <si>
    <t>b'\xea\x1b+\x03v\xb054\x87D\xd3\xd9\xb1\xdc\xb1\xddVX\xdcn\xef]\x18\xad\x87h\xb5V?&amp;\xdbV'</t>
  </si>
  <si>
    <t>b'\xbf\t\xf79\x02\x98\xdd\xf7p\xfe\rM\r)\xf3\x96Kg)\xe6/\x88\xe8\x91\x99\xc2\x91b\x8cA\xb6\x06'</t>
  </si>
  <si>
    <t>b'\\|I\x90\x05?qh$\xa9\x94Om\x1b/\xab\x1b\xf5I\xd46!E\xfe6\xdeP\x1f\xae\xf8YA'</t>
  </si>
  <si>
    <t>b'\xbc\x13\xbcA\xd7\xd6\x06\x0e\x1c8\x06\xab\x86\x94d1\xfc&gt;\x958&gt;MH\xc9 \xd1\xf8\xa0\x96\xb1[\xc7'</t>
  </si>
  <si>
    <t>b'?\xaa\x1c\xb0\x07\xeb,\xb1*bj\r\xf7\x8c\xe5$\xea"!\x80\xb4\x15\xb9\xd83Y\xc8\xf1\xaa\xd7m\xd6'</t>
  </si>
  <si>
    <t>b'\x0f\x0b\x8c\xfc`\x97\x9d0\xeeFX\x80D:B\xd1&lt;,\x81\x88\xc9\x9b\x9a\xc5\x92\x1bV\xa7\xa6\xbb\x8b['</t>
  </si>
  <si>
    <t>b'\xcf\xf7-\xcf\x98e\x08\xafTub\xad\x19\x87\x99s#\xd9\x92\ri0\x94\xa0&gt;\xafi\xcc\xa1V?-'</t>
  </si>
  <si>
    <t>b'\xb0L\x85n9G\xa8M\x16\xff_\xb4\x95L\xf8D"\xc2\x08\x01O\xd4D\xf6\x8e\xe4\xb61s?\xaf\x05'</t>
  </si>
  <si>
    <t>b'\xbd\xb7\xb2a\xbd\x9e\xc5\xdcY\xac\x94\x9fp\x13{9-\xdd\xd1\xe6Fp0\x91\xd3\xb1\x01\x18\xe4\xa6 0'</t>
  </si>
  <si>
    <t>b'\xdf\x00E\xa2\xd1\x96\x00\x88\xfa\x1d`\xc6I\x95\xb62\xd4|\x07\x9aauiO\xa3\x84\xf2\x84a\x95]E'</t>
  </si>
  <si>
    <t>b'V\xe4U\xc2Ib\xdf\\Sr\xee\x06\x94\xb8\xa2xj\x1d\xed\x97\xc3\xc6D^\xb96\xa8\xa9\x13\x0c\x88\xd1'</t>
  </si>
  <si>
    <t>b'v\x9d\\\xa9[?\x1f|6\xc8l%\xca\x94gaVn\n\xf1*\x84\x1c\xe8\xad\xb4\xe2\xf6-S\x84\xf5'</t>
  </si>
  <si>
    <t>b'\xaf\x12\xe4V\xc1\x9e\xfe%\xe8|+]\xc4^R\r\x02&amp;L\xe7\xdc\xec\xc1\x85\xb1H|zx\xfc\xc4\xca'</t>
  </si>
  <si>
    <t>b'{jT\x14JC\x8eR\xa9\x9cU\x0e\x13\xd0V&lt;2SA\x8cI\x18\x0b\xdb\x02\x13\xa0:\xc6w&lt;\xe3'</t>
  </si>
  <si>
    <t>b'\xe7(\x10_r\x04\xb8\xef\x19[\x92\x04u\x9bJ\x8c\xf1\x06\xd5^}\xc9\xc1.N\xdb\xe0K\xf8\xc0\x10#'</t>
  </si>
  <si>
    <t>b'\xde\r,\x05\xea9\xb7{\xc8TZ\x0e\xf1\xf0\x95\xe2\xf1j\xa6\x1bC\x9dc\x13]9\x1fg\x12)\xc4\x82'</t>
  </si>
  <si>
    <t>b'\xafe\xbb\x89P\x0fR\x7f\xe4\xd1q\r\x9f\xf3\xcb\xdc{\xf2\xc7\xe7\xc0\xfb*\xe7F\x04\xd6Q\xd3\xb9\xd2C'</t>
  </si>
  <si>
    <t>b'\x02\xcb\x9b\xf4\x9br\x05g#B\x02\x8a}\x05.V-\x9b\x99\x14\x88\x9a\x12\xef@:\x16B\xeb\xf0\x1bP'</t>
  </si>
  <si>
    <t>b'i\xea\xa3\x85Z\x17\x91\x0e\xa2\xe8$\xa9\xe99;\x11\xa7\xe6)\xc60B\xca?\x06e\xf5\r\xd1\t\xaf\xa7'</t>
  </si>
  <si>
    <t>b'\xf8H\x84"\x9d\xa3\x1f\xe6y9\xc1\xfe\xf47c\x13\xd4\x10\xf7.l@f\x8a&amp;\xe7R\x14\x1fH\x9f\xe7'</t>
  </si>
  <si>
    <t>b"K\x0f`\xd2\xb1\xaeHr\xc2\xf7SU\x88\x18)R\xa7\x07\x96H$P\xbd'\x0b\xa2c\x19\x03\xcf\xdaU"</t>
  </si>
  <si>
    <t>b'\x87\xc9\x0f\xd5\x15\xbe\xf2\x9b\xf9\xd8\x1eas\xde&amp;\xae\x973\x8fX\x06\xbe5C\xf6WC\x83.\x88\xd7\x9a'</t>
  </si>
  <si>
    <t>b"\xf7H(\xb1\xe7\xf4\x0e\x16\xf5\xa7\x16\x1d\xf9\x9fC\xee\xf0Cze\xe5-\xb7'\x01\x99oI8\xb9\tM"</t>
  </si>
  <si>
    <t>b'\x8c\xcb\x1b\xa5\x03\x95\xc8\xe6\x14v\xb2\xd23;\xda\xfc8\xae\x17q\xbc\x95\x97\xedbd\xfc\xe9\xa8X\x8c\xce'</t>
  </si>
  <si>
    <t>b'\xef^\xb7\xf3\x9f^q\x84\x024\x1e\xf9\x08\xfa\xb8\xd6&gt;\xcd\xea\xe3\x19U\x04\x08a\xf0\x18\x05\xc5c\x92p'</t>
  </si>
  <si>
    <t>b'Z\xd4\xc9 \xf5E\xd1\x90\x17qa\x95\x8b\xff\xe4\xe8\xee\xfd\xb4\xaa\xa9Y\xde\xdc\xf4\x07\xe0L\x17\x80&gt;#'</t>
  </si>
  <si>
    <t>b'\x8b\xda\x86\xf5[\x84$]\x11b%\xa1I\x06\x01\xef\x07&amp;\xb6\xe9\xe4k\x93\xe2\xdcA\x13\xc2\xd58\x83\x9e'</t>
  </si>
  <si>
    <t>b'\xd0\x1aK\x0c\xa0\xf1j\x0c\x00\xd8\xf6P\xaf\x8f-\xb0\x90\x17\x00\x80\x15\xc8\xd8k\x0e4:\x97\xf5\xfd\x1bn'</t>
  </si>
  <si>
    <t>b'\xc5\x9f\xbeT\x06\x1eTI\xac\x9fF\x85\xa28J\xbe\x85\xad\xb2\xfb\x99\x00V|3\xc9\x18`5`/A'</t>
  </si>
  <si>
    <t>b'\xa5&lt;B?3\x1c"\xe57\x8a\xa0\x1a\xff\x06\x0b\xf5\x13^\xab\xf5\xa0\x1aQkv\xe5\xcc|!u0\x00'</t>
  </si>
  <si>
    <t>b'\x03\xfd?a\tU\xdd\xa6\xfb8u\x05+F\x0c\xa4\xd7nT\xb9\x8f\xd4\xa6\xf5\x01\xb4*y6\x08\xb1\x18'</t>
  </si>
  <si>
    <t>b'\xa5\xd9\x19\xa0f\x8cX}?\xc5]U\xd7\x8e\xbd\x83\x0f\xe8\x84\xd2\xc4\xf0j! "\x84\xac\x1c\xcd\xd3\x96'</t>
  </si>
  <si>
    <t>b'\xb9o:W\xfb\xf0\xa8Q\xe9\xaez\xce\xbf\n\x85\xd0$\xdb ~\xfb\xa5\x9a\xa3\xa5\xac\xaeQ\xb5\x05\xca\xb3'</t>
  </si>
  <si>
    <t>b'3Y!E\xac\x86\xfc\x0b\n\xef\x08\x91~\xb4\xc6Jt\xdb\x8b\x9b\xba\xf0\xbaK\xe4\xfbk\x91]\xc4\xff;'</t>
  </si>
  <si>
    <t>b'#*S/XN\xa60\xc8\xf9X\xc3\xe4\x1a\x05\xab\x936Y?\x1e\xed\x91X\xcc\x9a\xb3\xe6\x05.WW'</t>
  </si>
  <si>
    <t>b'w\x1d\x10\x82\x82Kg\xbd\xe3b\xb9X\x15\x9e\x04\x96:T\x92\x1fy/s\xbbr\x18\xc8\x96\x92\x18\x85\xf8'</t>
  </si>
  <si>
    <t>b'\xc7i\xfa\xe7\xcc#\x12\x8e#\xf4(\x19\x90(\xa7\x08\x15\xb3\x96\x07\xc4\xae\x1e\xab&amp;\\vWd\xec\x1f\xfd'</t>
  </si>
  <si>
    <t>b'4\xf1\x96\xdc\xe7&lt;\xf1!)\xf3h\xe5\x8a\x7f\xc4\xf6\xf3\xf8E\x93\xe4\xce\xf4B[Z\x0f[lL\xf9\\'</t>
  </si>
  <si>
    <t>b'\xf3\xfc|\xd8F\xbe\n\x0c\xdd\xda\x8f\xc7\x83\xc3\xae\x06t*\x9e`\xcf@\xc9y\xc0\xe0\x16\xdd\x94X2k'</t>
  </si>
  <si>
    <t>b'7\x01\xdc\xccz?\x03AX\x1b\xaf\xec]\xe09@{\x18\xa4\x8f\x03rU\xe6\xd6L\xc5&amp;\x1f\xdf\x8f\xb6'</t>
  </si>
  <si>
    <t>b'-\xba\xef\xc7\xc4\xad\x06][\xf9U\x0c\xdf\x19\xddm\xc8\xf2\x18\x93\x00\xb5\x01\xb7\xd4\xc2\xcf*u\xa8\xb7Y'</t>
  </si>
  <si>
    <t>b'\xa0\xdb\xc1\xc4\xd9yW\x9e\xf5\xba\xe4\x0c\xbel\x95-J\xe9\xa8J\xdc\xe4\x13\x18|\x0f\xda)\xbb\xeb\xa9\xec'</t>
  </si>
  <si>
    <t>b'\xef\xdc\xb5\xb2!\xdd\xa5\xdf\x8d\xca\xc30\xfd]y\x94\xb5\xc1\xd8\x9d\x03Q\x1d_\xd0\x85\xa2\t\x90Ar\xa0'</t>
  </si>
  <si>
    <t>b'zC\x08~\xd4\x8b\x08\xab\xf7\xdc\x8b\xa7\xc0\xb5\xb3\x0b8\xe6)\x1aY\x83\xe0\xb6\xc2s\xe5z;\x87M7'</t>
  </si>
  <si>
    <t>b'\xc4\x13 \xff\xaa\xe4*\xe7\xa6.\xb8I\xf18h]\xa3\x08\x10\xfa\xb4\xc3L\xc46gp\xae\x15/e\xd8'</t>
  </si>
  <si>
    <t>b'\xe3\xfdk/\xb7\xfe\x07\x1f\xb05U\x02\xdeP\xce\x1fg\xb7\x15\xdb\xccT!\xaa\r{\x9cq\xe7\xd2C\x8a'</t>
  </si>
  <si>
    <t>b'\xfd\xcf\xea\x1e{8\x9eZY\xe6E\x97\xe3X\xa7P\xe6\x03\xa9\xf9k\xdc\xf3\x89R\xea\x1fr\x025;\xb8'</t>
  </si>
  <si>
    <t>b'vy7\x91\x7f[U\xc4u\x99\x0f\x0b\xb0\xe6\xeb\x0b\xac\xe4\x83\x9d\xb5\xf2\x02\x00\xc6ng\x0f\xee\x80Ev'</t>
  </si>
  <si>
    <t>b'\xd2\x9b\xabc\xfb%\x1e\xa1\xca#\x9cQ\x9bu\'\x1aq\x0b \x10\xb14\'\xe9,\xf1\x1e\x82\x9c\x9e\xea"'</t>
  </si>
  <si>
    <t>b'w\xd5Xj\xdb\xbe\xd1\x83H&amp;\xf1`\x0f\xef[B%\x9b\x0e_\xd1\xb5\xf29\xfe\xdc\x8e\x91\x00\x07\x9d\x8d'</t>
  </si>
  <si>
    <t>b'&gt;\xccc?\x8c\x0c\xd0\\\xb4\xb91[\xb4\xd8n\x93\x90\xca-h\x87\xc8Z\x86\xd3\x8b\xb2/\x07\x1a\xcb\xe7'</t>
  </si>
  <si>
    <t>b's\xf9\xfc\xf0\x05\n\xda=&gt;\xc6#9B\x03\xc4\xd1Ybf\x84\x18\xd6\x020\xc4.\xae\xaa\xe9\nI\xaa'</t>
  </si>
  <si>
    <t>b'N\xea=\xdd\xfb\x0b\xc3\xceR\xd1\xe9r\xf6~\x19N`7\x86\xacb\xec\x8bA_\xd5Y\x7feA\xc7\xe9'</t>
  </si>
  <si>
    <t>b'g\xe4L\x03g;\x050\xf3\x9d\xab@\x9a\xd9Kh\xec\x0eC\x04\x1d\xe0\x11\xd9\xfa\x8e \xde\xfc\xc02n'</t>
  </si>
  <si>
    <t>b'6\xfd\x01T\x07V\xbc1\x93\xb7F+x\xf1G\xc2\x890&gt;$\x089\xe7\xbf\xc0\xb1\xe5g\xc8oQ]'</t>
  </si>
  <si>
    <t>b'8/|\xcb\x95\xc4}\x01z\x04\x80\xff\x1e()k\x08\xf3p\x80M\x89|\x1d\xde&lt;\xd4_\xfc\x89$\xfe'</t>
  </si>
  <si>
    <t>b'\x06\xdbl\x90\xf1z\xfe\xabh\xf9\xa2\xa08\x10\xa1\xc25h\xbb\xa4\xf767\x1a9Md\xd6\x8c\xd5\x9d\xa2'</t>
  </si>
  <si>
    <t>b"h\xca\xaa\xec\t\xfeX\\H\xb6\xd5\xdc\x8b'\xa7\xb4s\xfc\x19\xcd\x0b\xc1\x99\xdc\xf4\x00\xc8B\xc4\xdf(~"</t>
  </si>
  <si>
    <t>b'\x0f\xa0\xed\x190Dx\x97U\xdf\xf3\x93q\x1b\x0e}P\x9f\xeeS\xa0?\x82r-^\x1fc\xf3\xefn#'</t>
  </si>
  <si>
    <t>b'\x9e\xe62\xf9E@&amp;\x04&amp;T\x7f\x17f\xb1|M\xa4\xe6\xdf\xec%:=M\x13!\x1a\xf0\xb0\x05J\x80'</t>
  </si>
  <si>
    <t>b'\x96\xcb\x16\xbf\x8c\xb2J\x91\xe5\x17\x08\x18\xb0\xbd5;\xf0Ta{\x95C\xf8\xcd"\xa9\xa5\xa8\xe0\x872\xf9'</t>
  </si>
  <si>
    <t>b'%\r4\x9f\xaf\xfa\xc90\xb8\xf9[\x06q\x92\x8e\xbf[D\xf2L\x9dY.\x8c$\xcc\xa0f\x1bN\xc1\x8e'</t>
  </si>
  <si>
    <t>b'koG~y\xa8\xa7\xbc\x0b+s`qra\x13\xf4\x88l\xa2X2\xec\xbdP\x8aw\xd5\x12,J\x93'</t>
  </si>
  <si>
    <t>b'\xa5\x03\x99\x18 J\xf3\xe9\xce\x0f\x93\x806"|\x0e\xd2\xa7u\xbf(\xeb\xd0\x16\x90\xed\xf19\xa0\xbd\xfa\x16'</t>
  </si>
  <si>
    <t>b'\xbfC\xcb/\xa0\xd1\xfe\xc2\x8d\xc0\x86S 4\xa2\xf2X-\x82\x80B\x02\xd2\xcb\xc11\x86-5-%t'</t>
  </si>
  <si>
    <t>b'\x07Q\xfa\xd4\x8d\xed\x163\x96\n@\x92\x1e?@\x84e\x94\xba),\xea\xcae7\x08_z4\xcc\xe4\x9d'</t>
  </si>
  <si>
    <t>b'=\xbe\x90\xd3 \xd5G\xce\xcf\xff\x10\xe5K\x8cV\xc6d\xb0\xbd\x014V\xb2\x1f\xf9i\x1aV\xd9W\x13@'</t>
  </si>
  <si>
    <t>b"\xc2mJ \xd0\xbe\x9e%\xf5\xf1\x8a\xffj\xfaP'\xc9\x1c6i\x17\x89\x91\x884\x15\x10H,s\x14{"</t>
  </si>
  <si>
    <t>b'N\x94\xecx\xa7\xf9\xc3\xc1\xb8\x9cX/\xfa\xc7\xbc?\xafZs\xf6q3\x8b\xc2\xab\x0fL\xb3\x05\xf9\xcfS'</t>
  </si>
  <si>
    <t>b"\x98\x04\x0c\xc6X\x10\xc9\x11R\x7f'\x01\x99\xf8]\xf1g&gt;\xe8\xda\xabs\xec;\xb0\xd4\x83\x1fYg\xb6\xb5"</t>
  </si>
  <si>
    <t>b"\xa1\x17\x91X@\x916\xec\xf1'\xe8\xf4\xa0N\xae\x9c\xc9\xe8F\xaf\xa6\x036\xbb\x0b\x9d\xb6f\xbc\x7fo5"</t>
  </si>
  <si>
    <t>b'\xd9\x15\x9c\xad\x14$\xe4\xaa\xffivi\xe4\xc4x\x9d\n^\xdd\xb8\x9e\x824\x027\x83\xf9\xb3\xbb@\xc2q'</t>
  </si>
  <si>
    <t>b"\x9b\xb7\xb5\xbd\x06\xf52\xfe'\r\x87+\xe6\xfc \x8cO\x08\x82\xb3S\xcd/gk ,\x9a\x92Z\x93n"</t>
  </si>
  <si>
    <t>b"'!Gm+)&gt;]l\xccAeK&gt;\x93\x06U\x1c\t=\t.\xea\xcb\x89\xcce$\n/c7"</t>
  </si>
  <si>
    <t>b'\xc03\x94\xc9\x96\x83\xeca9\xacp\xc5\xbbC\x03\xa7\xf6\x9a\xd2\xa6@\x830&gt;\x1brL@\x96\x85\xeb\xe8'</t>
  </si>
  <si>
    <t>b'^\x11\xc2\x93\xb6\xd1rg\xb5Yp\xa0?@\x8fq3\x82\x03\xa7\x91\xce\xfbee:z\xb0j{3\x8f'</t>
  </si>
  <si>
    <t>b'\xd9N\xd2!\xab\x8e\x98o\xf7\xca?\x9aG3v\xfd\xf2,\xfc\xd7\xbeP\xb1ZG\x1e6\xb6\xe9\x07\xe2&amp;'</t>
  </si>
  <si>
    <t>b'V\x08MA\xf0\xb3gd\xec\x122f\x86\\\x1f"\xda\xa5\x14\xab{[)(:\xed\x0f\xe4\x0f\xc3,\xc5'</t>
  </si>
  <si>
    <t>b'\x00\x08\x97\xad\x04\xfc\x8a\x18[\x83\xf9od\x1f{\x1bW,\x1d\xf2=\xd6n\x9f\xf6FYt\xfe-\x93\xd5'</t>
  </si>
  <si>
    <t>b'g)MC\x8c\x8b\xc41\xfb\x0b\x98X\xeao\xf2\xcf\x10\x18\xee\xee\xd9\x81&gt;p\x13\xf9$\xc2\x91\x03\x82P'</t>
  </si>
  <si>
    <t>b'\xce\xff\x13An\x02$h*@\xc6\xa4}`\x86\xaf\x93\xf3\xfe\x88W\xfb\xa4\xb9m\xc5\x16\xd4Q:\xaa&gt;'</t>
  </si>
  <si>
    <t>b'fj`cM\x02\xf6S\x10u\x99"7\xfd_5Un\x90\x87\xe4\xf3\xa1\xe3iZ\x08z\xb5j\x9a\xed'</t>
  </si>
  <si>
    <t>b'\x1b\xca:g\xa0\x0e|7\xc3\x06!\xbfq\xbd)&amp;\x10h\xf31\x82\x1c}\x153Dzc\x86\xb7f\xbe'</t>
  </si>
  <si>
    <t>b'\x842oi_\xb7\xa8&lt;\xc8\x01\x8e \xcb&amp;\xce~\x12\x89\xbf"\xa5\xe2\x8c\x89\xc3\xaa\xd9\xb1d$R\xbf'</t>
  </si>
  <si>
    <t>b"\xa9i\xe8u\xe2\xd9\xa4]\xa4T#\x0e\x00\xfe\xd3G\xd2F\xd4;\xf7\xbd\x1aq+\x17'\xac\xdbov\xea"</t>
  </si>
  <si>
    <t>b'\x1c\xfb\xad\xbe\x05X\xf8\x12}\xa7\x15\x0f\x13\x97A\xae\x95\xc06H\xdb\xda\x198\xc0M\x18\x8a6d_\x11'</t>
  </si>
  <si>
    <t>b',\xae\xde\r\xd1"\x12\x83\xac\x19:\xefyz\x02\x07\x1a\xf5\xc3Q\x1e;\xaa\x1c\xd9\x12h\xb5\x02A\xc9\xe9'</t>
  </si>
  <si>
    <t>b'E\xb1\xe9O\x80\xb4\x7f\x1cW\x8ck\x19\x18\x1e\xbf\xe2\xa0&amp;;\xea\xab\x8a\xe2\xa2\xe1\xd8\x01\xcb\xb5;M\xe6'</t>
  </si>
  <si>
    <t>b"3\xc6\xf8\xc5m5\xb9*\x7f)\x87'\xcf\x0e\x8f\x16\xfd\x80\x17\x91Rx\xf1\xe5n\x15\x82\xfe\xbf\x03p\x8f"</t>
  </si>
  <si>
    <t>b'\xd0\xa6\xc6hx\xb7E\xb7o[\x844E\xc8\x17\xf9U\xc3U\xe4\xfb\x88A\xf3z\xcc\xa9\xd8L\xa2\x99o'</t>
  </si>
  <si>
    <t>b'W%V`\xb1E\x8d|\x1e\xb8\x15FGU\xcc\x04\xad3\xe9\xb2\xad\t\x9e\xa33\x86J\xf4\xcf\x94\x0f\xc6'</t>
  </si>
  <si>
    <t>b'v=\x9b\xf2U\'\xf4\xd9\xc1\x85\x1c\xa8\x08\x953"Md\xd1B\xe0\xa2`s[d\xc2m\x8a&amp;\x83\xe4'</t>
  </si>
  <si>
    <t>b'?\x05 \xc8\xc5o\xaew\x92\xb0NF\xfd\xcblr\xbb\xf9\xe9\x1b\xb6\xdf\xa5e\x05\xfe;\xa5\xe7D\xfa^'</t>
  </si>
  <si>
    <t>b'\xbb\x81\x13\x1f.g\x10\xc2\xc8_\x1e\x8c\r\x90^\xf4\xfe\nR\xbb\x021\xb7;\xf1\xe2ZU\x18Vuo'</t>
  </si>
  <si>
    <t>b'\x03\x03\x8e\xcc\xd1\x13/k\x81\x84\xd7\x9c\xc9#T&lt;d\xd3\xd8\x0bb\x85\xddx\xca\xea\x11\x91G\x906n'</t>
  </si>
  <si>
    <t>b"2\x9c\x15'\x02E\x9b\x03\x1e@\x94s\xcf\xa8b\xfc\xc2\xe7\xe4o]f\xc6\x81\xb4V\xe9\x19\xf2\xb7\xba\xb5"</t>
  </si>
  <si>
    <t>b"\x1d\x8dU\xe9\x95\xb7\xea\x88\x19!\x9de\xca\xd9\xab\xe8MD\xf9\xb9\x85\x12\x12\xac \xdf\xb3n\xe3H'\xa5"</t>
  </si>
  <si>
    <t>b'\xae\xf6\x12\xf6\xcf\xdaf\x1e\xf3\xe7S\xab\xd0\xdc\x9d\x92+b4?-\xe9\xb2A\xb4{S\xd7\x13ap\x13'</t>
  </si>
  <si>
    <t>b'\xf5&amp;\xb0\x01\x7f\xecU\x11\x92[\x19\xbf :\xc4\xc8w\xef\xf7\xbc\xe2/\x93\x84/t\x84f\xce\xad\x10\xba'</t>
  </si>
  <si>
    <t>b'C}\xe1fu\xf8\xb93\xe7\xcc\xb5v\x8b/\xc3\xd5&amp;\x19\xabV\xca\x1f\xb7\xe3\xe6\xc9\xb7\x98\x95v\x9a\xde'</t>
  </si>
  <si>
    <t>b'E%\xb3k\x18\xdb\x974\\\x11\xf5\x1a&amp;\xd3\xd5^0S\x1c\x15\x9d\xfa=\xd1\x92\x94\x9ed,I\x83\x05'</t>
  </si>
  <si>
    <t>b'\x9a\xa6\xc4"^!\x96\xa9\x1c\xdeV\xd5i\xd8\x8f\xfa\x8c \xc7\x831\xcfc3\xa7\xeeHS\xd4V\xe3\x9a'</t>
  </si>
  <si>
    <t>b"(\xdfm\x97\x02\xd4\xe9\xb0'W\xa8U\xc3\xa1\xe63tyB9`d0\x91\xf2\x93\xf1[\x15\x0fj\x99"</t>
  </si>
  <si>
    <t>b'\xc0\x0e\xf7\x827\x02\xe8\x92\x9f\xc8\x86\x14dy\xee\xed\x07\xfb\xafa\x9fk\xd6\xdd\x0f\xf1R\xa9\xb2:^\x06'</t>
  </si>
  <si>
    <t>b'RV\x93*\x11G\x1f\xd9]\x1b\xa59gu1\x990\xb0\xb0\xa6\\\xd1\x92-\xad\xb0\x9dn\x04\xd2B\xda'</t>
  </si>
  <si>
    <t>b'\x83\xc0\xc4A\xb5\x98\x18l\xda\x8c\x92;I\xa1\x023\xfc\xb8\x1b\xfc\x98\x10\xc0g\xb0\xdb\xa4]\\\xb2\xaa\xc1'</t>
  </si>
  <si>
    <t>b'JX\x03\x86\xd6\x0b\xde\xae\x95\xca\r\xca\xef\xdb\xcecI\x97"\x04\n\x15\x99\x0b_\xfe\xc5\x14\x0c\xcd\x8e\x17'</t>
  </si>
  <si>
    <t>b'N\xfe\x84\x8f\xfd\xca\xa7Q\x8c\xfe\x19n~\x1e /\xdaVX0\xa6*C\xaf\xbe\xa0\x05 \xd6@\xe3\xe2'</t>
  </si>
  <si>
    <t>b's\xfb\x0b\xcf3\xac\x9c\x9e\xab&gt;\x08OG\x96\xe1\x02_u\x02kI\xb53\xab\xb6\x94HZ\x00\xfd*\x90'</t>
  </si>
  <si>
    <t>b'\xb6\x10dgDP\x10~\x9c4\x8c.\xab0\xe6y\x91\x0f\xcay~\xce\xfdu\xa9kH\x13O\xdd\xd4{'</t>
  </si>
  <si>
    <t>b'\xe9\xb7\x02N\x8f7j\x1f\xf6\x0c2\xff3q\xeb\x86\xb4!\xc3nGB#\xe8;4vQ\xddAbX'</t>
  </si>
  <si>
    <t>b':M\xd6\xeej\xbeX(\xa3/S\x18\x86\xf3DI\xdb\x18\x85\xfbEi\xe8\xfb\xc8p3&lt;\xaf\xbbp\xd7'</t>
  </si>
  <si>
    <t>b'\xc6\x1aT\xa6\x9aE\xe5\x8ca\x80\xebp3\xf1\x84\n\x12\xdb\x9e\x0c\xa4\x8f#\t68&amp;r\xbc\xba\xc1d'</t>
  </si>
  <si>
    <t>b'\x14h[\xb9\x90\xbfg\xd4\x05U6\x9e%^\xc5s`\x9d\x12[\xbe\x8a\xff"B_\xa5e\x19\xec\x1f\x8f'</t>
  </si>
  <si>
    <t>b'\xb6q3\\\x14\xb0\xcaN$oN0\xeb\x8cq\x03\xd7\xb3\xe9\x85\xd1\x04\x82\xdb\t\x08b"#\xd9QX'</t>
  </si>
  <si>
    <t>b'_B\x97U\x81-w$\xfb\xed\xe1\x99p\xf1\xc5\x9e\xf7;\xcf\x17(\xbe$*tK\x01\xac\x1f{"p'</t>
  </si>
  <si>
    <t>b'm\xf2\x1d\xba$\xa3\x95\xca\x9d*\x80Y\xadr\xe2*\x0c&gt;\xa1uc\xb8~E]c\xd0\\{L|]'</t>
  </si>
  <si>
    <t>b'\xbb\xd1^\xbe\xcc\x04\x98$\xa0\xe8\xca\xd9\x006\xe3\xe2\xd9$y\xdem=\x0cgg\xe5z\x15Y\r\x9e\x8d'</t>
  </si>
  <si>
    <t>b'\xc7\xff\x18\xf9%\xac\xa5\xedi \xbd\xd8\x18{\xbcv\t9r\xf4\x11\xcde\xaf\x178\xadg-\x8e\xbd\xa0'</t>
  </si>
  <si>
    <t>b'$\x02\xad!L\x8d&amp;\x95\x86\xb7\x99\x1e\xc7\xc5\x10\xa8*\xe6\xee@\xe7\xf4\x7fT\x1d\x1f\xba\x18\xcf&amp;8z'</t>
  </si>
  <si>
    <t>b'\x8653g\xa1\x89k\xb2\xbb\xf1\xe3*\xd9^\xd3k[5\x1dD\xda!]\xf0\xd5w=\xe2\r\x952\x01'</t>
  </si>
  <si>
    <t>b'z\x9f*\x1c\x12"\xd7\xae8\x1c\x81\xb8\xe5\x11\xa2*\xdb\xbfL\xf8\xa0n\x16-{\x96Vs\xba\x1d\xce\xc3'</t>
  </si>
  <si>
    <t>b'\xeci\xff\x83\xe8\xe8X\x00\xfcS\x05\x1fy\xb4"\xd8\xfa\xf6\xa5\x86\xceT\xd9\xa0\xdbH\x86!\xa2\xc0\xd5\x9f'</t>
  </si>
  <si>
    <t>b'{\xc7\xee\x19\xdf\x84\xda\xe1\xe2\x9b\xe2\xb1\xf4}\xa7\xaa\x88\x9d\xf4\xc93\xf2\xe9\x9c\x8e\xd0dpzU\xf84'</t>
  </si>
  <si>
    <t>b'\x93\x18@\x85\xc8`\x8c\xaf\xf5(\x95Z\xf6\xfd\xc8\xd0\\\xe7m\xa0F4T\xac\xd0:\x01\xe2\xabS\xf2D'</t>
  </si>
  <si>
    <t>b'\xe5\xae?\xb9K\x1a/F\x8e\x98\xbe\x9dyU3\x00\x19\xd9\xa0\xd2\xe7@ZF\xdbixY\xaf\xb0\x85t'</t>
  </si>
  <si>
    <t>b"+\xaf$\x9fp}3}p'B\xbfiov\xfb\xea+\x04\n&gt;\xac\xe1\xd4\xcd\xeb;\x01@o+R"</t>
  </si>
  <si>
    <t>b'&lt;\x9a\x13 \xadw\xbb\x128E^\xcc\xd0\xf3\x85u\xc84\xbeR\xa4%Z\x13.z\x9fLt\x00D\x0e'</t>
  </si>
  <si>
    <t>b'\x91:\xdd\xd4\x8eX,"Y\xe7\x8e\xf96\xbf\xdeb\x81\x9b\xcb\x0bW\xf9\xde[\xce\xc6\xd3\x98\x88\x0c\xdf\xca'</t>
  </si>
  <si>
    <t>b'\x0e\x85\xbcV&gt;\x911\x00\xe9 \xde\xc18\x0f\xd2C\x88ce\xcf\xf2&amp;\xe4\xf0y\xf8\xe5\x9b\x93f+`'</t>
  </si>
  <si>
    <t>b'\xb1z\xf1\xfe\xc8\xbf\x1e\xf2\xd2\x10\x8f\xe8/y\x1e\xdf\xb0\xd0\xfe\xe8\xad6\x89\r(\xe8\xdf\xcciJG\xab'</t>
  </si>
  <si>
    <t>b'\x9b\xff\x8b\xed\xd5\x91\x18\xb4\x9f8F\x87_3\xe6\x07\xf8\xb4\x0e2\xe8\xfa\x0f\x99|x2\x80\xbf\x7f\x8a\x1b'</t>
  </si>
  <si>
    <t>b'\xe4d\xf8_3\xdbA\xc5\x16\xf3v\xa1\xf2\xa7=6z\x18\xb1\x86\x1dQ\xec\xcb\xd0\xf0\xbf2\x9d\xf3"\x1e'</t>
  </si>
  <si>
    <t>b'Z\xd0\xa5\x8fM\x94\x80Q6\x08\xfe\xcbp\xc3+t\x9f7\xcff\xdf\x93\x19\x0f\x7f\x04=O\x86\xde6\xf6'</t>
  </si>
  <si>
    <t>b'Qfp\x1d\xeezlGF\x05xg\xd3!\xc5\xac&amp;\x02Z\x9e\xdaQ63\x83;\xa5\xad\xf6\xa7\xe7R'</t>
  </si>
  <si>
    <t>b';&gt;\xabR&lt;\x9b\xd8\xad\x94\x99K\xc5\xb6/\xf4u\xc9\xd5\x08sI\x8cSWV\x1b\xb2\x89\x9e~_h'</t>
  </si>
  <si>
    <t>b'\xc9\xef\xe1\xdfi\xa8:T\xba\x05\x1f\x1f%Q\x1fX\x12`(\xa8\xcaO5\xea\x06\x9e\x8b\xdc\x12@K6'</t>
  </si>
  <si>
    <t>b'\xfa\xab\x95I\xd00\x90\xc8\x0c\xb9\xae\xc6\xa4/\xa7\x8eL\xe1\xe4ZH\x03d\xaaP\xe2\xea=\xf1e\x0e\xf1'</t>
  </si>
  <si>
    <t>b'\xed\xb2d\x9a\x0bp\xfd\xd9\xef\xb1\x9f\x08Z\x8b\xce\x18`\xaf\xe5&lt;\xf9\x0e1;\xca\xd81\xe3\xe4\xdb\x86m'</t>
  </si>
  <si>
    <t>b'\xd2\xbeY\xe9\xae\x18\xc1t\x00.\x05\xb3\x1a&amp;~\x02\xafu\xc2\to\xfa\x1eR\tm\xa8w\xde\x963n'</t>
  </si>
  <si>
    <t>b'D\x1b\x90_\x15\xac\xa0R5\x9e\xfd\xff3\xbfL\x1e\xcd\xb4\xcao[\x1f,\xa6\xd7Z\xf2j\x94\xf1\x1bb'</t>
  </si>
  <si>
    <t>b'\xf56&gt;\tX\x891\x1ab\xc3%\x9f\xb4{\x02PcT\xde\xc2\x85\xc3\xa5\x7f0s\xa7\xa6\xb5\x08\xd1\x1a'</t>
  </si>
  <si>
    <t>b'\xd8\xd7\xf4\x11\x0cu\xc8\x0eRI\x9f\xe6\x04\xe2E\xe2\x91\x08iV\x14n\xb4\x0c\x0c\x97O\xbc\x8c:\x07\xeb'</t>
  </si>
  <si>
    <t>b'\xbd\x1e\xd1$\t\x04\xd8\xa0\x1b^\n\xc6#z-!\x0c\xe6^\xd4\xa5\xdb\x15\x8d\xfa\xfc\xe2Ur&lt;\xe5\xbd'</t>
  </si>
  <si>
    <t>b"W\xee\xee'IL\x03\xca-\xa3\xb8\xa5\x15\xe2\x04D\x18\xc4\xc32 G\xac\x11\xa9 P\xad\xc3Fu1"</t>
  </si>
  <si>
    <t>b'\x12\xfe\xed\x19\xf1{\x1e_\xfd\x8a\xd3\x8a\xeb\x93\x03@\x0c\xc7\xc7l&amp;\xe6\xfb\xc6\xbb[I\xc7\x85\x12e}'</t>
  </si>
  <si>
    <t>b'u\xe5\xe9z\xfe\x15\xfe&amp;\xcc\xe2\xdc\xf9+\xc7!\xdd\xb9I\xb0\xf7\x88A1\nC\xd1\xda\x86\x93a\xff\x85'</t>
  </si>
  <si>
    <t>b'D\x0b\xcd\xfd7tkht]\xb0\xa7\xbc&gt;\x81iEn\x84\xd8\x1b\xe9\xf6bt,\x91\xc4\xb2R6&gt;'</t>
  </si>
  <si>
    <t>b'\x94\x05\xa6\xfdO\xb3\x9et\xbd\xf1\x12pf^\x88\xabtt\xf0AU(\xd0\xd3k\xcb2\xb1\xdcv\x94\xb1'</t>
  </si>
  <si>
    <t>b'*\x11\xd1\x18\x0fm\xdbP4\xc2Q\x7f\x8d\x1c\xec\xe8Y\x01aP\x7f\r\xd4q~R\xa4\xf1Q\xf5\xab\xad'</t>
  </si>
  <si>
    <t>b"\xe2vKH\x96\x86\xef[\x7f\r`E4\xec\x87\x0e\xffQ&amp;\x04\xef\xd2\x0fuO\r$'\xdf+\xe3}"</t>
  </si>
  <si>
    <t>b'"\xf1_\x08\xb7+\x14\x8e\x0fy5\x08\xc9hX\xfa\xdcio\xb0\xdcRt\xf9U\x93]\x9a@}L\x03'</t>
  </si>
  <si>
    <t>b'\xdc\x0c\x86\x86G\xc2t\tt\x8d\x9b\xec\xd3U\x14\x13\xde(\xa2g\x17j\xc2\x88\x9b?\xd3\xb1\xda|\x10\xaa'</t>
  </si>
  <si>
    <t>b'\xb8\xf8\xdb~\xc2\xd7F\x81\x89&gt;\xbd\xb4BT\x93\xa18-}\x12\x8dEgXt\xe4\x83\xe8g\xdb[\x8d'</t>
  </si>
  <si>
    <t>b'd^\xfd\xe5@\xa3A,\x15\xd3L\xc9\x165g\x86\x169\xc9]vN\xde\x88\xce\xf1\xe4y9W \xfd'</t>
  </si>
  <si>
    <t>b'\xa6G\xa9E\xf5\x1b5\xdb&amp;A\x9d\x88K\xa2\'1f#\x8d\x7f\x1f\'\xc0\x95UF"_\xb6\x1b\xd6\x14'</t>
  </si>
  <si>
    <t>b'\x04\xd7\x9c\xa5\xd3\x05\x0e\xe7\xc0\xb0\xce\xf7c\xb9\xfa\xe1OL\x90:?\x9d\xe6{\xa7GR\x02\x9d$\xb2\x1f'</t>
  </si>
  <si>
    <t>b'c\xa7\x1c{\xa1\x1con\x13K\x00\xf3"h\xaa\x97a\xb8\x87\xde\x8e\x06\xff\xe3\xa57\x9e\x00\xe3di"'</t>
  </si>
  <si>
    <t>b'\x15\xbb\xe3}\x07NOrtI3\xbcF^\x00\xc2\\\x9d\x1c\xff;\x01w-1\xd4R\xf5\xf2\x1c\x12\xb4'</t>
  </si>
  <si>
    <t>b'l]\xb1B\xd5\xc0G\x02D\x8aW\xa0\xaa`l7C\x05kd\xabZ@\xf2IK\n5\xceW\x86H'</t>
  </si>
  <si>
    <t>b'\xcaX0%\x80\x93\xaa\xab\xcb\x16\x9f-\xd9\xa6l[@]\x82*d]D\xf6\xc0\x0e\xcc@&gt;D\x88P'</t>
  </si>
  <si>
    <t>b'\x82\x96\x85\xa1\x10M5\xfa\xb8\xc4\xb8F\x83\x0b\x86s2\xd3\xc8\x08\xd2\x05-A\x9c\xc5)[r\x8e\x8e\xd7'</t>
  </si>
  <si>
    <t>b'\xfbX\x1f\x16\xe4\xd9\xaf\x86\xc5\x9f-\x97\xcf\xcf~\x0c\xc9k?\xe74p\x03:\x89\x1dZ|XeoV'</t>
  </si>
  <si>
    <t>b'7P\xe9\xda\t\xdc\xdb\x91\x0fd\xcb\xf0\x9a\x19--\x95=8\xe7\xc9-\xbb\xc9@o(z1\xf1\x9d*'</t>
  </si>
  <si>
    <t>b'\xa27\x83\x96\xa9o\xdd\xdd\xf0s7\x10Gh\xd95\x9c\x05\x11\xfe\x8a\xb3\xf0\xb1\xd0\x05H\xa2\xed\x1d\x1a\xa9'</t>
  </si>
  <si>
    <t>b'\xbf\x8bJ\xbaV\xf2$\x06\x8a;t\xd9`1k\xa0mO\xd0\x89Z+\xa70\xea 4\x9a\xc4m\x93U'</t>
  </si>
  <si>
    <t>b'DZ\xf3x\xd0\xa8Shv\xb1\r\xf7rxEv\xe9\xa5n\xf3 H\x1aG.\x19M\xc5\xf2\xb8\x85/'</t>
  </si>
  <si>
    <t>b'\xed\xa1O\xd9m\xe8\xfe\x15\x8a\x13\xda\xc2f\xeb\xe1\xc2\xc0\xd0@\xae\xa6\xd8a@\x88\xab:8\xe0\riz'</t>
  </si>
  <si>
    <t>b"\x90\xa3%7'4WU&amp;\x17\x8e\xf7\xfc\xba\xaa\xdf\x82\xf3L\xfcg\xceF\xc1\xc7\xa8\x13\x1b\xe7\x91\xc4\xb5"</t>
  </si>
  <si>
    <t>b'\x92Z\x1b_\x051x\x07\xd9\xf6\x9dV\x1e-\xb3EG\xd1H^+\xbe*\xbd\xd5@\x17\xce6_=\xc2'</t>
  </si>
  <si>
    <t>b'\xfd"v\x9bcw\x98\xe3UL\xbc*}_z\xc9\xb7\x86\xc2\xe8\x19/\xd8\x8e\xb6\xb2\x9d\xe6\x8d\xf1\xc0\xf7'</t>
  </si>
  <si>
    <t>b"\xf8w\xdc\xf9\xb1Xe#\xa2\x8c\xb2\\T\xe2U\xc4\x00Tk\xc3'\xa1\xa4d\xad\xfa\xf0\x94N&amp;j\x8b"</t>
  </si>
  <si>
    <t>b'\x9b\x9d\x98\xfeq\x15\xd7\x01\xcd\xd9\xb4\x88\xde\xf8\xf8\xae\xc7\xd3\x9b\xc9X\x0f\xae\x03\xe3\xa8*\xf7{1\x10\x07'</t>
  </si>
  <si>
    <t>b'\x02\x00\xee\x1a\x8f\xf1\xdf\xe4\xa0\xfa\x18/K3\xa7\xdeF4\x1c\x15\xd2\x85;\x89D\x9a\x90\xe9\xec\xd4\xfba'</t>
  </si>
  <si>
    <t>b"\r\xbd\xd2{^?\x03\x96\xf7a2\x90\xdfUK\xd5b\xe6\xd96\t!\x8b\xe6'\xeb!\xaf \xb4\xf2\xc1"</t>
  </si>
  <si>
    <t>b'z[\xb1\x7f\xf8\x8c\xe5\xcaI\xfcF\xa8\xd2JF\x87Y%#\x0c\x13\x0f\x9f;a\x11\x02_\xf4\xde\xe9\xd1'</t>
  </si>
  <si>
    <t>b'\xf0\xf3Z\xda\x19^bRb&amp;\xa8\xf5&amp;\xd3\x06\xe3\x17\xf7:xW\xd8q\x877_Y\xb1\xf4\x96\t\xb4'</t>
  </si>
  <si>
    <t>b'H\xa5w\xa7[\xa8\x10\xeb\xba\x99\xb3R\xe7h\xf5\x9aS\x9f&amp;\xb9f\xee\x94_\x08\x98\x8f1nXo9'</t>
  </si>
  <si>
    <t>b" 4\xbd\xa4\x00I\xc6\x03\x10%\xdf'EX\x8f\x7fS,\xdf7O\x84\xdd&gt;Um\xe5\x1c~\xb4\xcc\xa4"</t>
  </si>
  <si>
    <t>b'[\\\'vme,\x1et1"\x86\xdf\xf6\x19h\xfd_\x9b\xf1`\x8f(\xc6\xb2Sy\xf4\xfd\x99q\xf0'</t>
  </si>
  <si>
    <t>b'\x89\x95j\xf3\x85\x8f[a\x9e\x90\xcc\x8096@\x05\x84y\x19\xb9\xa8\xbf\x9c\xa8\x88\x8e\x9b}\x99\x8d\xce\xa0'</t>
  </si>
  <si>
    <t>b'\x0b\xecI(nN^\xb9q\xd7\xc4\xfe\x99\x02\xee0\xdc\x89\xdb\xa5\xaf\xc7\xc3\x90\xd8\x99\xbb\xc9k\xb221'</t>
  </si>
  <si>
    <t>b'?Q\xdd\xb9\xd5\xb0\x95\xd1]\xda\x10\x8d7\xa8\xce:\xcc\x8b\n9\xafA\x11\xcc\x1c\xc0\xb8#\x0bU\xb8\x05'</t>
  </si>
  <si>
    <t>b'\x9f\xb5\xb9\xb1N}Fa\x12\x92\xbc]/\x07\x83Q\x9b\x987\xdf\xa6$\xec\xa9\xd9\xb1r\xde\x08/\x86\xa6'</t>
  </si>
  <si>
    <t>b"\xbd\xfb\xee:\xd4\xf9[\x9abF\x97\xbb\xbf\xce_\xd5S(d:z\xa0\xafO\xa8'A&gt;\xc8/\xb41"</t>
  </si>
  <si>
    <t>b"\x8e\x1bIE@9\xd7\xa7\xfc\x9d'k\xa18\x05\xaf\xc5\x8fCe\xe023=%hQ.\xe4\xc5}\xf8"</t>
  </si>
  <si>
    <t>b'\xb7\x08\x16{\xfaL+\x8afp`8\xe3*\xcc\x96\xc3\xeb.B\x1b\xfc\xdf1ws\x91,Xf\xc4\xbc'</t>
  </si>
  <si>
    <t>b'q\x13\x94\xcd(\xc1\xcf\x1f\xa3\x9c\xaa&amp;z6L\xdbcY@A\xca\xae\xf7*\x88d\xc0\ra\x83\xe5\xc1'</t>
  </si>
  <si>
    <t>b'Qt\x82\x1d\xed&lt;\xe4\xd5\xb2v\xb1\xd5\xad\xa5\xaf\x8a\x9d\xebL&amp;J[\x17&lt;\xc8\x17\xccB\x9c\x89U\xc2'</t>
  </si>
  <si>
    <t>b'\xc4\x1e\x08w\xbd*\xcc\xddB=B\x1a\x88H\x137/\x06\xa3\xce\x7fX+\xe6\x0e\xfd\x016\x82\x94\x9ec'</t>
  </si>
  <si>
    <t>b'\xd8\xa2m\xadw\xac\xe5"=0\x0e\xac\x8dV\xd7{X\xc9@~\x847\xe6$\xd8\x86\x01\x85\xa8s\xd0\xbe'</t>
  </si>
  <si>
    <t>b'\x8f\xc8t\x8f&lt;\xcbz\xfe\xa2\xa8\x00\x8c\x97\xb4\xe1s\xd8\xdf\xee\x9bD\xaf\x88\x19b\xe6k\xdf\xf6\xf9\xc3\xee'</t>
  </si>
  <si>
    <t>b'{6;\x14\xc11\x02\xf52\xad&lt;\x93\xec\x1ac\xfa\xf8A\x1a\x11\\u\xbfM\xbb\x9e\xab*I\x93\xde\xda'</t>
  </si>
  <si>
    <t>b'k5\x01\xe6\xa5\x0cOZ\xe1\x7f\x9b\x05\xa4\xc4\n\xbfuB\x98\xd0l\x1f\xa0\x90\x1d\xe6\xd1\x03)f\xc8\x96'</t>
  </si>
  <si>
    <t>b'\x83r\xf73\xee\xba\x9fY\x03Bz\x00\xe1.I\xf2\x19\xb6A\x1d\x061m\xf5\xdeF]\x88\xa0\xe8\xf3\xf0'</t>
  </si>
  <si>
    <t>b'\x93\xecC\xbe\xa4\x81\x88\xeb\xe0\x9c`\xd3?\xc3A\xfb\xebshv \xa9\xfbo\x002q\xbd\x90\x12\xa7A'</t>
  </si>
  <si>
    <t>b'j\xa7#}\xaem/r\xeb\xdcAL\xd3\r\xddqx\xa6\x13\xb7&amp;[\xfe\x18\x92\xc8\x8d\x97\x89\x8d\xc5\xfb'</t>
  </si>
  <si>
    <t>b'v\xf2\xaba/\x82\xed\xc6\xe4^o&gt;\xfa\x80\xab\x1dA\x1c\xe7\x00\xba\xa52U-\x1a\x95\x97\x9f\xce\xbb\x9d'</t>
  </si>
  <si>
    <t>b'P\xd0\xcc@Q\xdb\xd1#H\xe1c\x91b\x03\x1cY\xee\xeb\xca\xf2C[\xdc0k\xfd9\xc9\x1bWJ\r'</t>
  </si>
  <si>
    <t>b'OO~\xd2\xcb\xe0\xaa\xf9\xdf\xc3\xea\xf1\xe7/\xed\xa6\x1fu\xd0\x9c&gt;Y\xe7\x8d\x0f\xed\x13\x87\x813\x0c\x91'</t>
  </si>
  <si>
    <t>b'\xf4P\xd7\xbepL\xbd\x96\xeej\x85\x18\x87\xe9\x8e\xc9\x80\x03\xdd\x13\x86\xe4\x8dlh\x92\x10h\x15\x8fHG'</t>
  </si>
  <si>
    <t>b'_C\xf5\x9c\x0cY\xe7_W\x1f\x97y\xab\x17Y\x0f\xd3\x9a\x8dL\x95\ti\x9c\xe5\x94\xda\xb3\xb4d\xb2$'</t>
  </si>
  <si>
    <t>b'\x94\x82JC|\xc9u\xad\x81\xef\x08!\x9f\xc0l\x1b\xa1-\xbf\xf71=E)6\xbd\xf6\xefV\xef.\xa5'</t>
  </si>
  <si>
    <t>b'\x98W\x96E\x12c\xed\xba-\xcb\x90o=Q2r"W\xc27\xb5\x0b\x97`\xc8\x82\x05\xd9\xd9\xba\xe7\xea'</t>
  </si>
  <si>
    <t>b'\x1c%\x91\xb1\x19\xc8B`\x87Jx\xb7\xfb\xe5bh\x88\xf0\xcb\x82Yy\x1aU\x1ee\x91\x01\xed\xb6\x15\xe0'</t>
  </si>
  <si>
    <t>b'\x05\x11\xcb\x1e\xe9\xff\xa9x\xf2C\xebIwv\xd2\xa1\x04\xce\x14\x9d$\xccC\xed\xea\x92\xab\xb0\xdc\xa1\x9a\xaf'</t>
  </si>
  <si>
    <t>b'\xc9\x08\x04\x8d&lt;\x14\xa3\na\x9a\xcc\x12\xc63\x12\xd6(\\Z\xc9\x87B\x9a3\x90L?*D \x13\xe0'</t>
  </si>
  <si>
    <t>b'\xb6\xa2\xd3y\x89\x9d\xdeo\x14N/\xa3\xaf[\x14F\x8b\x90\x1fXn\xa0\xd9\xac7C=\xdb"\x1a\x8d\x17'</t>
  </si>
  <si>
    <t>b'\x90\xf0c\xda\xd4x\xf8\xec+\xf8(Qj\x05\xbdf\xac\xf9}\x8eBV\xa7\xb8\xd5z\xccp\x14\x80\x13:'</t>
  </si>
  <si>
    <t>b'\x80\xb3\xbc\xbe\x96\xfb\xd9\xd4`e\x8cj\x92\x8e\x192a2\xd2\xe1\xee\x0f\x9a9\xe5\xc0\xa8\x98\xe1\x00\xa3\x1b'</t>
  </si>
  <si>
    <t>b'\xf5\x91ub\xaa\x1a\x8aq\xdanR\x11\x96b\xae\x8e[\xbd\x91)\x1fo\xa4p\xb5B&lt;\xb7\n\xb6\x87\x97'</t>
  </si>
  <si>
    <t>b'\xf2\xd9UD\x0c@\x83R\x9f\x8f\xeej7\x88\t-\xd2\xb1\x85\xc2X\xe6\xccJ&gt;n\xc4\x8a\xd1.\x80\xcb'</t>
  </si>
  <si>
    <t>b'6.\xc3Z]\x1f\x9e-;\xa2\x97\xed\xfd}9z\x1d&amp;\xa7)\x8f\x9e\x0ft\xe3m\x93\xdc\xdb\x82DN'</t>
  </si>
  <si>
    <t>b'\x9f1\x8ee{\x1ce\x0e\xca\xe6\xd1\xd5\x90\x83Z\xa2J\xfa^\x0b\xa1\x1d\r\x8ad\x1a\xa4\xc7\xba&lt;\xa9\xb2'</t>
  </si>
  <si>
    <t>b'\x00\xf7\xb8\xc4\x18\x03\xcb\xc1\xde0\xa6\xd4h\x9f\xe9\x93&lt;$\x82\x8c\x86\xc36\x87b\xfa\xf4\x80oR\x99\xa8'</t>
  </si>
  <si>
    <t>b'3\xfc\t\xae1\xe3\x1e\tz\xd8\xe8Dw\xc1\x93\x1a \xce?\xbf|\xdf&lt;\x13\xf6\xf6\x9e6Z\x85\xf9\xf0'</t>
  </si>
  <si>
    <t>b'\xdd\xa5A\xb8xDaO\t\xd2\xf6P\x01\xc7\xefh\xce\x19\x11\xc5\xee\x8b\xcf\xca\xb1\x9a\\*\xb6\xb0e\xdf'</t>
  </si>
  <si>
    <t>b'\xe0a\xf3\x91\xf5\x0e\xe2\xd3d\x94\x13\x8d\xce\x1cV\xa3\xf2teH-\xe1V(\x97\xed\xb5i\x14\x14&gt;\xd7'</t>
  </si>
  <si>
    <t>b'\xfd|\xf3:/~\xf9\x01\xb6\x0b\x02\xcc\x18"\x97=\x97.6\xcd\x9c\xd7\xac\xc2&gt;\x81\x1du\x8c-\xa1e'</t>
  </si>
  <si>
    <t>b'y\xc0\x90&lt;c\xce$P\xfa\xb3\xa9o\xd8\xbd2\xf2\x183f\x11\x9c\xa4bc7\x1b\xf3\xf2]\xb8&lt;\xdc'</t>
  </si>
  <si>
    <t>b'\x90o:\x87\x85\x1c \xb1\xcb\xd2mLNV\xde\x99\xdb+\x9b\x98\xe3\x19\x1bz\xf5\xf0I\xc5\xc9\xef\xfe\xd8'</t>
  </si>
  <si>
    <t>b'A\xb0\xd0\x18!\x18\xc2\x02X\x10}\xd8E0L\xb6\x00\xe6pI\xae?T\xd8\xd5\x87\x11k\x13V\x99\x1e'</t>
  </si>
  <si>
    <t>b'\x03\xa8\x17\xd7\xbe\xfe\x0b"\rQ\xf5\x83\x06\xa4\x0cdW\x80\xa7\xf4\xc0AgOA_\x84\xbc\r&lt;\x12\x1d'</t>
  </si>
  <si>
    <t>b'ms\xf0\x10\x15\\\x0f&gt;6|Upr\x05\x0ei4\xd8\x81\xa6\xfb\xa7\xf8\x82BN\xc0u`\xdb7\x04'</t>
  </si>
  <si>
    <t>b'\x87\x95(\xc8\x08\x848\xd5\xbe\x9d\xbe\xb5\x7f\xc0\x90\x87i\xa6OO\xcd&lt;\xa9\xdf\x13&gt;\xbd9\xfb\x10\x92Y'</t>
  </si>
  <si>
    <t>b'W\x1eW&lt;"D\xa4\xa0\xd4c\xba\x0f\x96\'N)\xdfU\xaf\xe2\x01XLc\x11\xe3\xcf\x1f\xd9\xf17\x08'</t>
  </si>
  <si>
    <t>b'\xa6\x0e\x90y\xb3Y\xdb\xf6@[`O\x87Q\x0cQ\xc6}\xa4\xa1)&gt;p\xcf4C\xeee\xc3\x84\x1d"'</t>
  </si>
  <si>
    <t>b'I\x13Z\xd6\xa4\xf7\x07@,S\x95b\x81FT\x98\x1f\x83il\xf0\xe7V\\\x99n\xda\x05?\x17\xcbV'</t>
  </si>
  <si>
    <t>b'\xa8y\x10\x12\x9bH\xd6\xd0\xcd\xf3\x8a\n\xa1n\xb4\x10\xa1\xf6o\xbbz\xb7c\xac\xf5/\xb2\x8d/\xed\xb8F'</t>
  </si>
  <si>
    <t>b'\x8e\x03U\x13\xfa\x9a9\x9d\x98\x98\xb1h\xcc\x9d \xb9\xf2\xb1yk\xcdh\xad\xaa\xe2_kEFDHc'</t>
  </si>
  <si>
    <t>b'\xdc\xa1"\xfe\xe8\xc5\xdb\x86 \xe1}o6\x15IfP&lt;\xf4\xd4\x81\xf0\x9aSf\xa1_M\x1cq\xae{'</t>
  </si>
  <si>
    <t>b'\x87[ @\xc1\xd2\xae| \xf3*D\xf4\xe0\xcaL\x9epMM\xc2\xef\x0c\x9bB\xf4y?\x85\x9e\xea\xf6'</t>
  </si>
  <si>
    <t>b'\xa7"\x06\xc4I\x94\x89&lt;5\xde\xe7]\xf0^\x98\x05\xbbF\x19\xe9\xf5\xad.Lr\t\xa2\xfba\\\xb6P'</t>
  </si>
  <si>
    <t>b'\xa4\xb9\xe6\xe0\xf0\xe6\xb1\xfb{-&amp;\x93\xac\xfb_=N\xd9J\x9cn6 J\xee\xe6\xd5\x9b\xcd|8\xc9'</t>
  </si>
  <si>
    <t>b'\xcf\xf9\x15Z\x17\xe7\xf0\xc1\x18\\Y"\xfdJ\xc2\xa9\xa4\x87Z\xe6f\xe8e!!\xd6\xc0\x1dy\xb3\xce)'</t>
  </si>
  <si>
    <t>b"\xcf\xea\xc9\xa1\xdc\xa2\xf2,To\x83\x05\xae\x9e\xa2\x01\xf8`j\xb7\xcay\x03\x1fl\xdcVX'(\xcd\x95"</t>
  </si>
  <si>
    <t>b'\xe7\xdeZ[F\xcd\x94\x1812Fw.\x7fr\xfe\xa8|G\xe7\xddW2\xbb\xd5\x83\xb4P\x93\x88]d'</t>
  </si>
  <si>
    <t>b"\x9dTi\xfa\x08y\xab\x18l\x889\r\x92\xfb,\x04_.\xbc\x0e'\xe9o\xfa\xb9$\xc4\xfea^\x1e\xa9"</t>
  </si>
  <si>
    <t>b'\xbfS\xec%E\xb9\xa4}\xf2\x808\xa7\xd1\xe9\xde\x03\xd5\xfd\xc9\xbeWlc\\\x92o(\xc7e\xcb\x19%'</t>
  </si>
  <si>
    <t>b"\xab\xc6\r\x92\xb3\x11\xcd'\xa8\x07H\x9f\xff\xb5\xc6\xe5\x02p\xd1\x89\xc0\xac5\xde\xc2\x19f\x99\x03a\xcft"</t>
  </si>
  <si>
    <t>b'\xb2\xf1\xc6Q\xf2`\xed\x1a\x9f\xa0`k\xdf\xc0:7\xf3Q\xb0\xd3W\x99\x80\x9c\x1e\x1fRD\x00\xa0a\x8a'</t>
  </si>
  <si>
    <t>b'C\x05O+\xfd\xee\x8c\x89\x1d\xbf\x96\xfd\xf4\x95\xc0\x1b\x07\xd6q\x99"%9\xb5\xffH\xacE2\x89\xc2\xd9'</t>
  </si>
  <si>
    <t>b'R\xd5\xfb\xa0\xd4Jf6\xfeL\xa4\xb6v\x9dA\x8aB\n\xf2\xe0\xd0Q\xfb\x15h,aQ\xac\x08\x9f\x91'</t>
  </si>
  <si>
    <t>b'\x93\x8c\xef\xbb;\x14n\xbeG\xa3\x8c\x84\x12\xa9\xe4\xbf\x89\x1c;\x83\x1a@\xffR\x12^\xff\x0eL\x1b\xb4\xd2'</t>
  </si>
  <si>
    <t>b'\xc5\xae\xc3\xdf\xb1\xc6S9\x14X\xcf\xb6\xb8rKi\xfaK&amp;^pQ\xdf\x10\x19\xde\x06=\x9e\xb6\xf9\xe5'</t>
  </si>
  <si>
    <t>b'\x1c\xb6\xd64v\xd0\x80\xc1K\xd6\xb7\x1a=\xd3t\xa1\x87\xd0\xd8s\x0f\x89sT\xa2+Q:\x1e\xba\x02b'</t>
  </si>
  <si>
    <t>b'\x99k\xeb\xcf7f\x8a"\rD\xe6\x1b\x97\xbf\x82\x11\xeafdY\t\xb4M\xa4\xb9\xea&lt;\\]z\xcb\x1c'</t>
  </si>
  <si>
    <t>b'|Y\xcc\x06\xdaY\xa3\xc4\xd2\xee\xd9\xaf\xf4\xed\x85V\xa1\x13\xae\xdduH\xd9\xb4\x17S\xbcFp\x06\x99\xb5'</t>
  </si>
  <si>
    <t>b'1\xd1\x80\xde\xcf\xce\xa4\\x=\xd5\xd4~&lt;\xe8t;]\x94\x11\\{&amp;n,\x84V\xc1\xb3\xc7\xfc['</t>
  </si>
  <si>
    <t>b')i\xc9Z\r\x049W\x87\xf7\xc7\x0f\x87\xf9!\xd1#\x80;_\xc0\x87\x1b\xae\x86/\xbb~\x02i\x16\xde'</t>
  </si>
  <si>
    <t>b'm\x1c\xff\x89P\x81\xc7\x98\xb8|\xe8\xd4\x90m\x18\xe0\xf6\xec#\xe6\xf01\xc9Q\x8e\xdf\xe4x}h\xe9!'</t>
  </si>
  <si>
    <t>b"\xa2\xf6\\'z\x86Ri|\x05\xcb\xb9\xfa;?\x17+\xa4K]\x8f\x8dv\xd6-\xb3\xd9+9\xc4\xf3l"</t>
  </si>
  <si>
    <t>b'\x97\x1bD%\x98\xfb\xe0\xa6&amp;9\xcd_\xea\xa7RA\xb7\xa0C\xe5\xed\xcd\x84\xcf\x0f\x8au\x8e(S\x97\x95'</t>
  </si>
  <si>
    <t>b'\x81\x8e@\x9a"\x05\x97!\xa7\xc6\xa3!\x8f`l\x12\xf0I\xe5\xa5L\x7f\x1d\x07\x03q^\xdc\xe7\xfb\xaa!'</t>
  </si>
  <si>
    <t>b'\xc2\xaeR=\x15W+\xf9G4\x11\x03Nd\xf4\xce\x90\xe9&gt;\xc0\x94mw\x04\xb3G\xe1\xd0K[\x86q'</t>
  </si>
  <si>
    <t>b't\xe1x\xdc&gt;\x90&amp;\xff{L&amp;[\xbe\xd5\xcc\x14\x1d\x8c\xc8z\xfc\xb8~\xe3\xfe\xe8\xfa\xd9\xcc\xaf&lt;\xc4'</t>
  </si>
  <si>
    <t>b"\x9f0\x8bb\xe2\xd7\xd6\x0f\xbd\xcc\xefP\x14?\x01\x9f7\xde\x95\x17B\x91E\x00\xef\xfb\x87&amp;'~\x15\xa9"</t>
  </si>
  <si>
    <t>b'\xf8\xe4*\x8c\xb3\xfe\xcc\xc8\xa7[\xe9\xa9\xb5\xa1\xf5{\xa2\xf7q\x02\x8a/\x03\xd3\xad|.\xda\xde(!\x11'</t>
  </si>
  <si>
    <t>b'\x11=\xd5\xcb\x1f\xed_\xa8F\xc2\xafI)\xeb\xd3r\xb4pXC\xf1"\x04\x12\x1e\x19QM\x86\xa2\xe6\x0c'</t>
  </si>
  <si>
    <t>b'\xaa\xff\x19\x1c\x08\xb0\xaeS?k\xa54\xaaD\x02^\xb0\xba\xa8\x9c\x98\xad\x12\xecv\xa6\x91wv[\xbe\x10'</t>
  </si>
  <si>
    <t>b'\xba\xc8\xa0\xa8b_\xbc\xa7G\xec\xcaX\xe4\xb7\x9f6p~\x94cJ!\x05\x0c\x0c3#\xce\x19\xb1Qi'</t>
  </si>
  <si>
    <t>b'\xb2V\xa97,2;\xd3[bJ\x7f\xad/\x1e#\xb8\xfb\xcedO\xac\xcd\x0bw!P\xcb8\xb7\x05N'</t>
  </si>
  <si>
    <t>b'W7T\xb8\x02I \x0e\xc3\xf2\t\xe6mA\xda~\xdc IfL\xff\x83\xad\x06J\xc7a\xe1\xce\xda\x08'</t>
  </si>
  <si>
    <t>b"\xbe\x9b\x9dY\x92'l\xd9\x17L\x8b\x17\xf6\xf40S\xce\x1fX$\xec\xec\xd5U%j\xa7\xf8\x0bVWE"</t>
  </si>
  <si>
    <t>b'76\xd7Rr\xb9\xf9X\x92\x063?\x8c\xf0&lt;\x18\x80&lt;`$!Q&amp;A\xdb\xd0\x98\xca\xd4\xafp\xb4'</t>
  </si>
  <si>
    <t>b'\x04\xb8\x8d\xe8\x1a\xf0\x07\x9ee\xb8\xc73\xb6\x88\xef{\xd2D\x94\xfe\x1aP\xa4\xf6I\xd3\x90\x13\xa7)\x1c\xe3'</t>
  </si>
  <si>
    <t>b'\xaf_\xf9\x15/\x82\xff\x1bW\xb9\tw\r\xcb\x19g\xb1h}\xc0\xd8\x98G\x05\xc0C\xcf~\r&amp;nN'</t>
  </si>
  <si>
    <t>b'&amp;\x89\x14\tv?\x85\xf6\xd6\xadA\x1a\x02\xd5|\xd5\xbf\x8a\xbc\xe1h\xcf\xc3\xb4pG\xd9\xf3\x08\x89aG'</t>
  </si>
  <si>
    <t>b'\x90!Ab\xec=\xf2\xb7\xee\x8a;\x1e\xa4\x80\xa3\xd81\x10\x1c\xee\xfc\xa8\xb1\x0eo\xedN3\xd2\x9dP\xd2'</t>
  </si>
  <si>
    <t>b'\x8fG\x01\xd4\xab\xfa\x82\xb4Nj\xd0x\x1a\xc6\xcd\r\xd9\x8dr\xd7\x8fW\xa8\x07\xebu\xceO\xff@\xd0\x05'</t>
  </si>
  <si>
    <t>b'\x16\x1a\xdal$,\x1b\x1ad\xb3\x15E[C\xaet\xc6Aj\x8e\xcdF\xfa\xf4\x89\xc9\xe8a-\x91\xac\x03'</t>
  </si>
  <si>
    <t>b'f\xe11\x97\xa1\xe2\xac:sf\\\xc8\x90\xdb\x03\xaf\xf2hi\xfa\x80y)\xaf18\xecL\xf7\xee*\x1b'</t>
  </si>
  <si>
    <t>b'\x04\xc2\xc2\xdbo3\x1a#\xc1\x19\xaf`\x84\xfa\xf6P\xf4\xca\xd9\xe5\xcb\xf9\x88\xdfQ\xe7z \xa8\xd5\xe9\xfd'</t>
  </si>
  <si>
    <t>b'\x11\xbc]1\xe9\xf0\xec\x18\xde\xce\xc4\xc6\xfd~\xac\x97\x0c\xad[\x894\xe8\xfa\xb7\x07O\xfb\x1d\xc8\x15FW'</t>
  </si>
  <si>
    <t>b"\xa88\x80\x1d\x80'\x8e_/q\x842\x8d\xf1\xde\xf0\xfc\x9b\xa7\xd8\r\xf1\xaf\x9d\x90x\xcce\xbf\x05rP"</t>
  </si>
  <si>
    <t>b'\xf5\x8a\xbe\x9e\x85\xbd\xe8\x00^\xd2\xb2\xd9\x11iY\x15\xe0\xb8TN.\xb7\xa6\x7ff\xabE3\xa0b\x91\x88'</t>
  </si>
  <si>
    <t>b'\xa6\x99K\x03\\??y7\xa0\xa1jI\x11?\xe5\xa29\xb5 \x831\xd4~\xc9\xb0\xde\xd9\xf2\x0e\xc9\xa8'</t>
  </si>
  <si>
    <t>b'\x97\x99\xf8\x1d\x1f\xd6\xd6\xee\xa5\xa3$Y=a/\x0f&amp;\xc6\xd1\xe0\xe1\x08FA\x8f\xfaH\xce\x88\xeb\xaf\x9f'</t>
  </si>
  <si>
    <t>b'x3B(\xd7rN)\xab\xe0Q%K\x17\xc3\x99\x13X\x88#\xe2\x94c\xb3\xc9\xe3\xef$-\x95\xa1U'</t>
  </si>
  <si>
    <t>b'\xa2\x9fH}\x96=3r\x1d\xd3\xc0!Pa|\x01\x83X\x97z\xedt7\x0en\x15`\xf2\xefhU\xe6'</t>
  </si>
  <si>
    <t>b"7\xd4\xb3vic\x07j\xf6\x9dK\xe3C\xeb\xe8\x80\xf9Y'\x86\xc6\x01+\x1dL;{\xb5\x81\xc5V&amp;"</t>
  </si>
  <si>
    <t>b'\xbb-\x93\xe2uD\xb9&lt;\xb5"\x03\x06\xd3\xd8$L[h\x91\xfa\x9cv\xc8\xc3\xdaK\xee\xfe\xc6\xfdI\x9a'</t>
  </si>
  <si>
    <t>b' ^/\xd4\xe2r\xb6?@;\xb9\xd5gt\x86\xd2\xe6\x1a\x8bI%5\xd9Ks\xc0\x16\xd5\x99\x15\x0b\xb3'</t>
  </si>
  <si>
    <t>b'&amp;\xb5\x08\xf6\x00W\xb5M&gt;\x93\xd7\xf1\x14g\x9e[\xb7\xb7\xc7E\xecP\xdc\xdc\xdb\xd0\xf1\xff\x1e\x14S\xdb'</t>
  </si>
  <si>
    <t>b'\xa6\xbe\x8ea&gt;\x08Bu\xee&amp;\xfe\x08\xbc\xdc\x85\xae/B\x11\x80v\x98\xf1\xff^\xc5M\xf2\x18\x8d\x1b\xb8'</t>
  </si>
  <si>
    <t>b'g\xee\xeb~\x13O\x13\xca\xad\x11\xcb\x92\x9b\xb5k\xf8d;;q\x1f\xc8b\xa9$\xf9\x91\xef\x9eJ\x1eS'</t>
  </si>
  <si>
    <t>b'5 \x8b\xa9\x94\x97a\xc8v\xbe\x93\xb4\xd2\xa9\xc2\xfc\x10\x12}\xd3\xae\xe5\x8b\x1eX\xd9\xc4z\xfb\xb1\xdf\x86'</t>
  </si>
  <si>
    <t>b'd\x1cF\xbcs\x83\xd0A\xdcOc+\xfa\t?].\xc6+\xd1\xc4\xf4\xee\xa8\xe0@\x1d\x1f\xc36\x02\xa8'</t>
  </si>
  <si>
    <t>b'kHG\x9b\x13Z\xa8T\xf5p\xbdm\x02\x81\x84\xc7\xb83\xcd\x10\x83\xbaJ\xcce,\x08r\\n\xeb\xe0'</t>
  </si>
  <si>
    <t>b'4\xc69&lt;!\xa3*\xd7\x1d\xaa\xf1\x10u\xda5J\x80\n\x84\x12\xf3N-\x96\xe1E;\x17\xbc#l&lt;'</t>
  </si>
  <si>
    <t>b'\xf2)?\x0f[\xe3^"r\xdd4U\x1c\xf9\xba\x1b\xa4 :\xec\x85\xd9!\xaf\x03\xb2\rKy\xaf\xb3\xbb'</t>
  </si>
  <si>
    <t>b'\x08e\xd4j\xa9\x00\xb8\x1c\x95\xa4\x17H\xf2\x18\xa8\x1c3\x8bY\xbf\x850Oa$\xcf\x7fM\xed\xdb\x1dd'</t>
  </si>
  <si>
    <t>b'\x0c\xd4\x02(N\xb9US\x1c\xc5\xcdc\xa1\xd9*\xec\xf183\xfdo\x1es\xd2x\xa5\xa0Uo\xb4ua'</t>
  </si>
  <si>
    <t>b'Z\xb7[\xca{uL\xa7St\\l\xe8\x9aO\x95\xf1\x81g\xc5-\xb2\xd40\xa5\x81\x9f\x9b\x17\x1f\x0c\x9f'</t>
  </si>
  <si>
    <t>b'\xbe\x9b\xbaf[\xbf\x12\x06\x10\x10KA\xb4\xa9\\D:\xf4i\xa7\\\xddm\x9fq7\xd8\xfa\xe0\x90B\xf1'</t>
  </si>
  <si>
    <t>b'\xea\xb3\x17\x8bU\t\xabZchd\n\xbfj\x8dy&gt;\xa9\xab\x17\xa1[\x10m^\x07s\xaf\xe2\xe5\xe0\xfa'</t>
  </si>
  <si>
    <t>b'O\xf7\x1a`\xa2\xc9\xb3\xad5\x1e[\x99\xd6\xd4\xad,\xd2\x970\xcc \x8b2O|\x95\xbf\xa7\xd7\x8cK\x1c'</t>
  </si>
  <si>
    <t>b'\x87U\x9bh\x83e\x07\xfb!\xfeV]\xf7\xcfh\x0e\x00QA\x88\xd3Sh;\x1a\xfa\xa6u\x82\xae\x1a~'</t>
  </si>
  <si>
    <t>b'\x81t\xc6\xc7\x83\xbe\xb2z\x14\x06r\x7f}\xb2\x8b\x82\xa1G\x0eC\xaf&gt;\x1dv\xb3b\xb9\xa2\x89Y\xddA'</t>
  </si>
  <si>
    <t>b']\xc7\x9c\x8c\xb3,\xa19\x99\xc6\x0fj\xe5Vw\x923Y\xf6\x8fO\xf2\xaaM\xc7\xc9\x11C\xd0\x15\xa1\xa0'</t>
  </si>
  <si>
    <t>b'o\x93\xc2\x07\xc6\x15\x13\x8b\xfeJ9\xe1\x1b\xd2?\xf9f\x85\x11F6\xba\xc8\xa8\xa59$\xf0\xf7\x1e\x8b\xc7'</t>
  </si>
  <si>
    <t>b'\x9e&amp;\x07\xc1$\x95D\x01\xdd\xdf\x1c\xe8y\x8d\x01\x96r\xb3\xa4q\xc2\x834\xd7\x99\xfd\xa4\xa4j\xb0j\xb8'</t>
  </si>
  <si>
    <t>b'\xa2\xaf\x9a\x06\xd6\xef^\xd6\xf8|\xb8\xbcgr\xafX\xa6}U\xf7\xc7dP\x9b&amp;~\x9c\xd7\xcf\xae\xb1\xa1'</t>
  </si>
  <si>
    <t>b'\xb2\x1b~v\xdf\xfe.\xa9b\x95\xcaT\xf4Jd\nF-\x05\xd3\xa5)\xa6\xa8Y\x1e\xb9Q\x17\xd4-Q'</t>
  </si>
  <si>
    <t>b'\xe5\xfb\xac\xe6\x98g\x00#9\x12 \xab\xd4\x824\xca\xf52\nw\xc0\x1f\x89\x8a\xed\r\xaa\x84qc\xd5\xe2'</t>
  </si>
  <si>
    <t>b'\xa3h\xeb$\xcb\xf0\x1b\xdf\xb2\xebc\xdf\xfd\x8a\xecj\x87h\xc3\xa4\xbfH\xe1f\xc9\xc0\x06\x00?\x9f\xa5B'</t>
  </si>
  <si>
    <t>b'\xa7\xa4Y\xbcH\x88G\x0b\xe9\x987\xed\xe1\x8b\xfb^\x95\x02\x90\x93\xd4x\x8a\x8d\x16\x87\xdb\x82=\xe6\xdf['</t>
  </si>
  <si>
    <t>b'\x0f\t\xe2\x1c#\x07\xca&gt;O\xad\xfa1\xb7\x06\xbe\xe0\x9b\x08\xae\\4\xa9\x0b\x87^"`\x19\x85vo\x03'</t>
  </si>
  <si>
    <t>b'\xc5\x10\x9dU\x8bjQ\x16\x17w\xc9\x87\xac\xb8\x95U6\xd93\xdb4\x0ekP\x9f\x1b\x17\xeb\xab\n\x01u'</t>
  </si>
  <si>
    <t>b'\xab\xa1=\xb7\x7f\x994\x03#\x98\x0b\x18\xe1\xcf\xc9\xbf\xa9\x89\x95\x11\x10Ll\x03\xa0\x99y2\xd9S;M'</t>
  </si>
  <si>
    <t>b',\x83\n\x90Sm\xbd\xa0\xe5u\xf4\xcaMQ\xc8\xbd\xc3U\xe1\x14\xfa\xfc\xe2#e[+\xfc\xd7m\x88L'</t>
  </si>
  <si>
    <t>b'z\x95oB#\x9aj\x91\x8f\xb2&amp;\xb6\xe6\xea\x84\xac\x8d=\xd4\xc4\xef\x91\xb6\x82#}v\xdc\xf3\xe6\xd4o'</t>
  </si>
  <si>
    <t>b'\x87my\x80s\x9aA\x822\xab4\x94At\xdd*N\xfb\x9a\xc0\x89\x1311\x1cH\xe8[\xe0\xafvI'</t>
  </si>
  <si>
    <t>b'%\x7f\xbb|{\x96\x99\xe0\xb0!\xdc\xcc)H\x8fkB\x12\xe5\xc7P\x0c\xf0\xd5\x12\xc3\x06\x90\x90\x0e\xc2\xc9'</t>
  </si>
  <si>
    <t>b'y\x1b8^)\x8a;\x81\xee\xaaO{\x8bue\xe3\xa8\x00\xbcT\xdfo\xcd\xa3\taE\xf0o\xb55&lt;'</t>
  </si>
  <si>
    <t>b"pK'\xf5*\x9e\xe7,\x02\x96\xc4\x9c\xf4}Y,\xa1\xa7\\\x1f\xb5\xb6&lt;\xcc\xa6\x0e2\xf8\xeer_'"</t>
  </si>
  <si>
    <t>b'@!\xe7L\x8e\xc8\x7f7@\x05\x08\x97\xf9\x11D|\xd2^\xbez\xa9x\xb4}\xb2\xd2\xa5\x92\xb9o\x9c\x12'</t>
  </si>
  <si>
    <t>b'\x9e\xbe !\xbdQ\xf7\xb2\xd3\xf14\xfc\xa3\xe2\x9b\xd7\x98ilGLo\xa6\xbb-\xfe\x94dV\xa7s4'</t>
  </si>
  <si>
    <t>b'\xc8\xf2\x13}\x1eG\xc6\xb5\xb0\x90T?\x10\xb4\x92\xd5x\\\x8df\xdct.!\xab\xb8\xf3Qwf\xdb2'</t>
  </si>
  <si>
    <t>b'\xd3\xf32+\xff\xf7\xa9m\xa9\x81\x8c\xc7\x0c\x0e\xf1\x14\x9b\xb2)\x1d\t\xec\xa4\xed\xcb\xa9y\xe8\x14\x9fJ\xbc'</t>
  </si>
  <si>
    <t>b'\x93{g\x8f\xf9;\xcb\x86\x8a#;\\jvT\xa9c\xe11\x89Q\x8f\xab\xba\r|n[\xfc\xc5-g'</t>
  </si>
  <si>
    <t>b'@\x80\x191\x07\x8e\xfd|6\xdac\x89\x879\x13\x11\xc8\x07e \x8a0\xe3\x86\xa9\xd9\x1eB\xcc\xf4\x96\xc2'</t>
  </si>
  <si>
    <t>b'\xb3\x19i\x1c\x1e\xad\x02-\x9c\xf5\x8f\x7fNG\xb8\x8b&lt;%\x9d\x89\x15&amp;\x03_&amp;b\\p\x82\xf6\\\x8c'</t>
  </si>
  <si>
    <t>b'\x93\x15pN\x10\xca\xa1\xfd\xf0\xae\x83\xfbd&lt;\x87\xf5\xbea\xbda\x9b\xd9fW\xae\xc8\xecTf\x8a\xaf\x07'</t>
  </si>
  <si>
    <t>b'&amp;\x8e\xb1\xb3\x16D\xceU\xde\x84\x96\x0fr\xf6\xb1^n\xded/c&gt;B\x9b\xc0\x16\xc2(\xd5n"\xd8'</t>
  </si>
  <si>
    <t>b'|fM\xa5\xa8\xf6\x96y\t\xcf\x1b\x95\t\xa1b\xc4\xf9J\xcf\x90&lt;VU\x91\xec\xbb\x07\x84rF\xa1\xee'</t>
  </si>
  <si>
    <t>b'\x9fE1\xe0E\x91\xa4\x00|\xe8\x07\xb1\x87\x1d{\x92\x1e\xa8b\xf7E\xd2\xae\x06\x0ek\xbc\xaf\xe8\xd6\xc5\x17'</t>
  </si>
  <si>
    <t>b'd\xb8p\xad\xf8\x08L\xb2\xb9\xca\xf8\n;\xa2\xd3\\\xdf9u\xf4\xb5\xd5\xd0N\x18\x7f\xd8*i\xd8\x0e]'</t>
  </si>
  <si>
    <t>b"bC\x89\x04\xe0\x849\xad\x7f\xf8!y\xdae;\x81\xc2\xb2\xb7\xba\xec\xbe\xd2\x99\x00^'\x0c\xad_\xd1\x87"</t>
  </si>
  <si>
    <t>b'\xa1\x0b*\x1dxu\x91:\xaf\xe9\xc4\xdcN\xc7\xbc\x0f\x85\xac\xf2\xff\xac\xdax9\xba\xa3\xd01\xa9a\xa4\xdf'</t>
  </si>
  <si>
    <t>b'\xfcu*t:\x94{\x9d\xc4\xda7]\xb6&lt;\xb0i\xcdL66R\x0c\x99d\xfb\x02\xc3~\xcbt\x00Y'</t>
  </si>
  <si>
    <t>b"\x93&lt;'{\x1e\xfb\xcd\x8f\xbb\x16q\xfd{\x81N\xeew!\x1d\x14\xdbl\xaa\xe1\xe4\xb0&lt;\x9b\x89\x90\x9bH"</t>
  </si>
  <si>
    <t>b"\xe9\xf3\x9a\xecs\x8a3\xfc\x15\x19\xd7\xc1\xdc\xa2\xc3\xa7P\xfc\xa2\x87\xfa\x1b\xed'&lt;r\xf2\x91\xc0\x9di\xb8"</t>
  </si>
  <si>
    <t>b'\xb3\xf7\x94\xa1A\xee\x16\xaa\xaeZ\r8\xc0\x9e+\xd5\xa4U\xe5\xde\x04r]Di|d\x12%\xb8\xb6\xab'</t>
  </si>
  <si>
    <t>b'j\x18\xdaw\xb8\xc9`S\x86\xaa\x14\xe4^\x8b\x1e\xe7\x00\xfdx$\x05\x8f\x13,"v\x0b\x84\x9f;\xae\x00'</t>
  </si>
  <si>
    <t>b"'q\xba\xe4O3n\x90[\xac\x99J\xaf\xe0\xacN\x04\xe9\xd3TR\xf1\x98\x91\xa8\xf4v\x8fq%\n\xf9"</t>
  </si>
  <si>
    <t>b"\xe5S\xa3k\xcb\xc55\xc4\x91\xbf\xfb\x05\xb7Ro:\xf5\x9f\x87&amp;z\xf8\x8b'\xb3t\x8f_\xb7\xb4\xab["</t>
  </si>
  <si>
    <t>b'\x1a\xe9&amp;\xf8\xfe\xda\xcf\xa8\x8b\xeaG\xe2 f\x9f\x8f\xb2;\xb8f\xd1\xff`\xafp\x81\x16-C\xf6\xd6\x02'</t>
  </si>
  <si>
    <t>b'\x98F\xe53f\xfe\xd3\x18/\xfa\x01\xc3l{\xbe\x1f\xa1WjP\x92\xae\xd7T\xfeO$\xc3\xe7\xa6\x91|'</t>
  </si>
  <si>
    <t>b'\xda#[c\xde\xe8\xbfS\x89\x12\xe9r\xd9B\xf8\xdd\xc7\xd8\xe83u \x8f\xb3\xc4\xb6\xf19\xc8\xa3\x11\xb0'</t>
  </si>
  <si>
    <t>b'\x05\xe6q$1i\xc42bo0rb\xaa\xce\x96HO$\xe2\x91\x9f\xde\xb17\xe3\x85\xd4\xfe\xc8\xf4\xcc'</t>
  </si>
  <si>
    <t>b'\x036\xa5~i\xcf\xa1l\x13\xa8Z\x96\x98\xe7\x13\xac\xe0\x04\xde\x0e\x86H|"\xaa\xbc\x8d\xe6\xad\x96\xe1@'</t>
  </si>
  <si>
    <t>b'\xf0\xbe\xd4\xa0.4*\xe1&gt;\x05\xa7\x95 \xf0}(O\xfe\x90\xcf\xcc\xf0zj\x82\xc1\xf5*A\x89\xa5M'</t>
  </si>
  <si>
    <t>b'\x1a\x8a\xa3\x19\xbdS\x13\x8a\xa6"%\xc3\xe3\n\xc2 \xeb\xd8\x88OK\xbd\xa0\x96?[&lt;]\xfd\x8b\x89+'</t>
  </si>
  <si>
    <t>b'\x7f\x96\xa3\x95\xffi3l\xcf\x9c\xfa~G\x15\x89\r\xe6l/L\xcf5\xf9d\x8d\xaf\xc5\x87n\x9f\xcc\xea'</t>
  </si>
  <si>
    <t>b"e\ns\x91x'\xf4y.\xb8\xa1\r?\xb2\xac\xa0\xb9D\x98a\xfc\xac\xb0b\xe5\x85g\x88\xfe\x87E\x06"</t>
  </si>
  <si>
    <t>b'\xa8W\x10!~$w\x9ea\xa4\x07\x87\xf3\xe5=\x03\x93\x9a\xd3\xbbd\x06\xeb\xca\x9c\x950\xd9\x0c\xde_\xed'</t>
  </si>
  <si>
    <t>b'\xd0|\xe7\x97\xef\xe5\x9b\x04\x86oE\x84\x13\xce\xfc)\xc7o2\xd2\x92_\xbfY\xcfA\xce\xb9\xce\xcc\xff\x91'</t>
  </si>
  <si>
    <t>b'e\x98\xbf\xc1\x9c%\x0f\xae\x98\x1fF\xe9\xe2$\xe8 +\x93\xffk\x8c\x90do5\xday\xd2\x7f\xae\x81\xd1'</t>
  </si>
  <si>
    <t>b'\xe9\x89\x0c\x04KtF\xf4\x881{\xee\xd2$\x9f\xc3\xaa=\x91\x8e\x0b\x92W\x82\xce\xa3\xc6\xc6\x8dn\x92\xb9'</t>
  </si>
  <si>
    <t>b'xb\x97y0}%\x12\xca\xc2\xecc\x07n!\xe4(\x0c\x1a\x95\xf3\xbdb\x9d\xea\xeff\x00\xb6(\xf7\xf7'</t>
  </si>
  <si>
    <t>b'G\xfe\xcc\x8fmt\xb5\x7f\x97v\x9a\x04\x16\x9c\x86\x90\xfdr\xc1\xdfN\x06\xf3\xc3%\x94\xe7Z\x8d\x11\xabG'</t>
  </si>
  <si>
    <t>b'C\xa5\xbe|\xd7\xa5\x84.D?\x9bV\x1e\xb9\x1b!\xed~\xaa F\xda!\xf7\xdd)\xd1\x06\xb0\x9b\xb5\xfc'</t>
  </si>
  <si>
    <t>b'\xcb\x94^\xcd\x06a\xc5l\x06i\x08rhw#\x8f\x1b\xb6\x8f\xda\xebl\xe4"\xf7\xc7\x15\xf4\x81\x02&lt;\xca'</t>
  </si>
  <si>
    <t>b"O;\x9b\xecWIG\x97\x03\x86g\xe0\x9a:J/n'\xd3\xab\x9f\n\xcfF\xc0\x18\xd7Z\x9e\xbf\xf5;"</t>
  </si>
  <si>
    <t>b'\xc9\x13L\xcb\xda?\xdf\x7fY\x01Q\xfb\xed\xdb*\x9d\xb0c\xd1\xf2\x97\x1b\xf3x\xa5\xe0\xdb\x86\xbe\xa6H.'</t>
  </si>
  <si>
    <t>b'\x86\xba\xb6\xd9/|\x99\xfb\xee\xe3\xf4\xc1\xd2\xee\xb8\xf7g\xf6\xed;\xee\xd3)~\x93L\xa8%\x7f\t|\xef'</t>
  </si>
  <si>
    <t>b'\xf6\x83S:\x10h\x9d\x06\x97\xfd\xd9\xb6;\x0ep$[\xc1\xda\xa6\xa1\r\x1dBgb\x8c\x12\xd4\xe8\x91\x87'</t>
  </si>
  <si>
    <t>b'8\xe3\xda\x1b\xf3\x93\xfe\x90\xb6\x91\x05&gt;\xdc\xf4\xbf\x87\x15\x19\xb5t\xe4\xce\xf6\x17\xbe}\xc4\x16\xa8\xdc\xb6"'</t>
  </si>
  <si>
    <t>b"=\xa1\xc3cU\xb1'\x14\x15p#[\x06q\x14C\x0fSr\xedR\xce\xd8\xdaH\xd1\x07!\xc7\xc9p\x1d"</t>
  </si>
  <si>
    <t>b'P\x17\x08t\x8ac \xa4+\x06A=,67qi\xc7\xe3\x18\x08Y\xf5Xp\x15m\xc0\xfa\xaa\x82X'</t>
  </si>
  <si>
    <t>b'_\x8b\x07\xba\xd5\x9f\xf2\xf1)\xfc\x87\xd5\xdf#$\x9e\xc6\x8dZ\xf2\xf8 rK\x80\xac+\xc4\x1c\xc4\x12 '</t>
  </si>
  <si>
    <t>b'\x92\xed\x9c3e\xe3R\xef\x1a\xe7\xb4%\xdd\x97m\xef\xcb$8\xbf3^"\x81\x95N\xca\x91\x1f\x12\xdcA'</t>
  </si>
  <si>
    <t>b'\xdb%O\xa7\x05\xec\xf6\xb4\x05\xa5\xb5\x15\x10\xdc\x15\rr\xa0G}\x85Kc\xe9\x94I\xf3&amp;\x15o\xe0\x85'</t>
  </si>
  <si>
    <t>b'\x17Y\xc0=\xaaA9\\\xb8Yl\xe9\xdfg\x7f \x022.\x14\xa6\x04\x1f\xaaA\x922C\xd7z\x19G'</t>
  </si>
  <si>
    <t>b'\xd5\x9d2x\xa4\xc5\x12\x8e\x06\x07=\xb3\xfaN\xf0W&amp;Zx\x1e"\xbf\x12\xd6I\x99$\x17\r(\x1c\xf4'</t>
  </si>
  <si>
    <t>b'\x08\xb8%\x98\xbd\x08\xbav\xb2\x0b\xe1\xafT\xd6\x92~\x17\xe1\x8d&amp;\xd7j\xdd\xf6\xfaH\xcaM\xc8\x92\xba\xb2'</t>
  </si>
  <si>
    <t>b'\x81N\xc3,\x1c.f\x94o\x17\xd1\xa5\xa6&gt;\x19?}0\xe4\xf2\x91[\xd9\xd7p\xeeY\x90mQ\x15\xa0'</t>
  </si>
  <si>
    <t>b'n\xa1\xda\x99\xe9G\xd5\xcd\x0cg\x07N\xb4\\\xa7\x1d"\x11W\x0c7w\xab\x9b\xa4\xba\xe1\xb4\x9e\xa1\xba\xe2'</t>
  </si>
  <si>
    <t>b'\x9exUW\xc6\x93\xae\xa4f~\xb1\xc3\xd2\xc5\xa8\xad\x0fNm\xac-\xd7z\xc1\x86*\x98C\xedt\xba}'</t>
  </si>
  <si>
    <t>b'\x08\x94\x07\x97h\xda\x01\xdd\x84\xab]\xc5\x01\xd4k]:\xa1\x8f\xee\x8f\xfc\xcb\n#\xc1\xaa\xf8\xc7QzX'</t>
  </si>
  <si>
    <t>b'B\x96\xed\xa7,\x89\x97_n\xe2\x9f\xa5\x07 ?%y7\xce\x04\x10n\xed\xc9\x82D3B\x90\xf4N\xdf'</t>
  </si>
  <si>
    <t>b"\x0e\x13\xd2\xa8\x0fR@\xa9?\xb4C\xe9\xf2\x90H\xf0!\xc5\xd1\xbej\xbb\x97\x94\xe7\xc5&amp;\x1f\x8c\xeb\xd5'"</t>
  </si>
  <si>
    <t>b'\xb9\xa7z,\x89g\xc7\xac\xf4eY\x06\x07S\x17[\x86\x00oe\xf4\xda{d\xcb\xf5\xaf\x95\x9e\xcf\t}'</t>
  </si>
  <si>
    <t>b'\x1a&amp;\xd5ytF\xac\t@b\x08\x86\xb2qj\xfco\xf5\x8e\xd7X\x02bzm\xcf\xca\x12\xd9\tQ\xa3'</t>
  </si>
  <si>
    <t>b'l\x8f\xe4\x0b\xd4)\x1e.T\xb5"d\xea\x98_\x98B\xf1\x00Q\x1a\x82\x1b\x92\xa3\x00v\xd9p\x95\x1b\xae'</t>
  </si>
  <si>
    <t>b'\xe1=\x0b\x01+v\xce\xe3\x81+l\xcd\t\xc1\x80\xf5\xc6\x13\xac\xebe\x8c\xb3\xe6Q\x03\x89\x99\xecQj\xc3'</t>
  </si>
  <si>
    <t>b's\xa5"\x8e\xab5_H\x9f\x7fj\xbd\xadO\x0c\x83\xe3\xfc6Y3\x16j(m\xc6\xa5\xeb\x7fD\xfe\x10'</t>
  </si>
  <si>
    <t>b'\r\xc2\xbb\xc4{\x9b\x16-\x9ck\xbf\xc8\x94\xa7\xcd&amp;co\x8aC8\xe5\xd5\xa4\xdf\xae\xea|cz\r\x1b'</t>
  </si>
  <si>
    <t>b'&gt;\x14&amp;\xfe\x97DF\xfe\n\xbe\x16\x12j\xcf \xae\x93J\xcc0\xa0_\xd0\xc3&gt;\xeeGq\xbc\x83\xc5\x98'</t>
  </si>
  <si>
    <t>b'\xd0\xb8\xcd&gt;}gB\xcf\x91w\x1f;7\x93\x11m\xa4q\x98\xa0\rHn\xb0\x92\x93\xf8\x0b}\xdb\x8a\xa1'</t>
  </si>
  <si>
    <t>b'\xab\xbf\x01\xbe(#d\x87\x0f\x8c\xdfz}\x99\x9f\xefbWP\xca\x80\x07\x8b\xd86\xed\xae\x92\x05&lt;\x1d\x07'</t>
  </si>
  <si>
    <t>b'K\x91\xae\x00c|\x16{\xed\x87\xd0/\xa1\x12ENfK\xb0\xe9Y\xfb\xd4\x06\x81\x9dj\xeb\x02(\xf7Z'</t>
  </si>
  <si>
    <t>b"\xfc\xbb\xd3\xeb\xfam\x15'\x8fL\x91\xad\xa82\xb6F%\xeb\x97h\xbf\x96\xa0\xe6\xeb\xbd\x9b\xa2\x06=U\x86"</t>
  </si>
  <si>
    <t>b'\xba\xb1\xa5E\xd0p\xb2\x15\xfb\xfd\x14\xf6\x12\x04\x16j\xd2B\x19\x88\xf8\x04Y\xc5%I\xd2\xb81\x9c)5'</t>
  </si>
  <si>
    <t>b'\xe9\x1dqOZ\xf4\xec\xac\xc3~\xa3\xb0qj\xe7\x03\xc6\xd9\t\x9c\xc8\xed\x90xO$\x9a\xfb\xcf\xdd&lt;B'</t>
  </si>
  <si>
    <t>b'$\x8c\x107\x19\xb5f\x84u\x94ZL\xe1\xb8\x81\xb4\x9eUT2\xcb\xad\xc0\xa1\xe4_\xb8"P\xc4\xb4\xae'</t>
  </si>
  <si>
    <t>b"\xa4\x1fK\x90?\x13\xb03\xb5\xba;v\xd1\xf7\xed\x13Hcx\xf3gMP\xeb\xf2\xa7k\t\xd7'\x89\xdf"</t>
  </si>
  <si>
    <t>b'uJAE\xb5\xe0\x96o\x18\x0b~\xeb\x1d#\xa0&gt;\x05\xcf\x9b\xf46zy^\xae&gt;\xe1\x00;\x1c\x81\xf7'</t>
  </si>
  <si>
    <t>b'\xdeP\xdd\xda\x0f\xe4~63\xb9\x0e\x1f\xfcL\x1e\\F\xc9\x95*\xe8z\xf2\xfd\xff\x1d(\x92\x00\xfdUc'</t>
  </si>
  <si>
    <t>b':I\xcc\x15\xef\xbc\x06\x9e\xa0&lt;\xeb\x07A!\xc4\t\x08\xd2E\xc8QIW\xfc\xdf\x84\x8bx\x05\xaa~\x05'</t>
  </si>
  <si>
    <t>b'8\xfd\x01\x850*T\xee\xe4\xb0\x88e\xbe7G\xca\xf2\xf9\x8f\xb4\x13\xf3\xef\x0c\xd4\xb1\t\x9f\xd7Y\xbe\xde'</t>
  </si>
  <si>
    <t>b'\xeeldf\x11\xef\x8d\xc8\xa6)p\xab\xe7\x90&lt;\xc7\r\x0c\xd7\xeb\xd8_\xceK\x01\x0f\xb2q\xb52?d'</t>
  </si>
  <si>
    <t>b'\x11\xfb4\x95}\xb6C3F\xdb\xc3N\xb6n\x8b\x83\x19\xf6aB\x11\x13\xb9\x96~s\xd2\xc1\xfb\xb9{\xed'</t>
  </si>
  <si>
    <t>b"\xfd\x1c6\xc6'\xdaF\xb2u\x1c\x07n\x04\xd1\x9d\\\x93EJ\x91\xea\x9a\x87D\xdb\xe39\xc9\x10\xa8\xa4$"</t>
  </si>
  <si>
    <t>b'Ig\xf8!\xa9Z\x9fB\x11\xcetB\xbb~#y\xce\xd6\x11&lt;\xfc\x0b\xb0\xf9\rN&gt;k\xa8\x0b/\x15'</t>
  </si>
  <si>
    <t>b'\x06\xaa\x9e\xc9S\xf2\xdb\xfeq\x1d\xf17\xfc\xf6:\xc2\xf0\xc2c\xa2\x7fQz\x80\x08OA\xe8\x0e\x0c\x8bT'</t>
  </si>
  <si>
    <t>b'\xabr\xc6\xf6&gt;dV\x90\xf3\xb4\xa2@\x06\x92\xc6\xc8\x16\xc68\xaeB\xb1l\xd1\x03\x8f\x12W\x19\x94\xfb\xb4'</t>
  </si>
  <si>
    <t>b'\xaeIPM\xe8\x15\xd8\xabGpK\n\xfaU\x16\xab9\x853}\xdeo\xbd\x00\x90s\xf6Ur\xd6o\xad'</t>
  </si>
  <si>
    <t>b'\xbe33\xeaXI\x8e\xb3\xd8t\xff4\xf5\x18Z\xf3\x81()\x06\nI|~Z\xa9\xd4\x92\x03\x93(;'</t>
  </si>
  <si>
    <t>b'\x1d\xeb\xa5v\xd6-(\x17/+\xac\xb5ww|\xac\x95\x9eW\x9e\\r\xc9F\x11\x89G&lt;$C\x89k'</t>
  </si>
  <si>
    <t>b'\xdbR\xec\xe4\x1bb\xdd^\x0eT\xb7\xa3u"2\xb9\x0c^7V"\x8fJE\xfb\xd2\x1a\x0e.\xe2\x87T'</t>
  </si>
  <si>
    <t>b'\x02\x8b\x07\x9co!\x86v^-\xb4t\xef\xc3\xa5y1@\xce\x83\x9b{\xeae\xe5V+\xb3I\xc6\xc4m'</t>
  </si>
  <si>
    <t>b'6\xb1\xadW\xe7\xa5\x1d\x9cZ,Yf\x8d\xef\x19U\xd6\x95Z\xd7@\xba\x07\x81\x18\x03\xd0Qf\x02\x02r'</t>
  </si>
  <si>
    <t>b'~\x94.i\x88\x04 s:\x0c!\xcf\r\x97\xcb\x93)\xf0\x8c\xbe\xd0\xe5\x955\x89\x93^BS\x1e\x80\x0e'</t>
  </si>
  <si>
    <t>b'\x83\x12u\xca\x8c0b3Z\xe2\xe7\x96\xd2\xef\xbe\xcdd\x8e\xb7\xd2\xcdhe\xd2.\x82\x92\x9d\xc8\xb1`\xc8'</t>
  </si>
  <si>
    <t>b'\xe2;o\xfdf\xcdY\t\xa4\xc2\xda\x88`B\xbfc\x18.1\x17)\xb1O8w@\xc0\xb6O&gt;J&gt;'</t>
  </si>
  <si>
    <t>b';\x9f\xed\xabL\x80\xb7]\x1bGu&lt;\xcc\xbf\xc9p\x04\xd8$\x8c1cB\x98T[[\xb4\xcd\xb1Z\x01'</t>
  </si>
  <si>
    <t>b'1\xddV\xf5\xadv\x92\x13\xe2\xeb)\xed\x05\xab\xdd\x08\x11\xf6,\xfc\xad\xb8\xc0%Z6\xe1\xa0\x95\xd5\xa2\xdd'</t>
  </si>
  <si>
    <t>b'\xe9\x11x\xaa\xfc\xc9\x11\xc2\xff*\x96\x99\xb2\xc4F\xca\x1a\x0c|{\xa4\xd9\xf75\xbda\xdd\x10@\xed\xc8-'</t>
  </si>
  <si>
    <t>b"!\r7 \nJ/\x927mG\x9e\xc9\x7f\x01\\2\xf5J\x83\xe7g\xfa\x8a\n\xc9 U'2\xca\xc8"</t>
  </si>
  <si>
    <t>b'\xfb\xad\xfd\x14\xd9\xe0M\xb3T_\x86\x86\xf5\xc5\xe8\xf1\xcaS\xc7w\x85\xa1\xf0\x0b\xc1:D\xb5\x7f\x99\x07\x94'</t>
  </si>
  <si>
    <t>b'\xaf\x91\xddw\x12#\xbfO\xc2\x8d\x16"\x1f\x89v\xe5 \xe1\xefL\xc7&lt;}:\t6\x95C\x1d`[w'</t>
  </si>
  <si>
    <t>b'9\xe5\x1d\xb19h d\xf8:\r\x7f\x98;\xf0\xf0\xb5|\xe1\x94\xe9Yz\xc4\xd5q\xa8\x8b5I\x1d\xd9'</t>
  </si>
  <si>
    <t>b'~\xb5\xe1\xec\x16H\xe7\xc9{&gt;&gt;\xe53q\xce\xe1[\xb9\xb8\xabY\xfc\xa4\x10\x825\xc1\x18\x93\xf1Xc'</t>
  </si>
  <si>
    <t>b"F\xa3'G\x06B\xc2\xff\xfb\xc1\x85\x9fl#\xe7Q\xfb\x08}ulDc\x10\xac\xe6L1\xf9\x00E\xbe"</t>
  </si>
  <si>
    <t>b'\x00\xcd-F&amp;VV\r}\x1b\x06\xac\x1c^^\x13Y\xd8z9\xa0i\x1a\xbb\xf8\xa4\xd7!&amp;\t\x92{'</t>
  </si>
  <si>
    <t>b'\xfe\x96.\xda\x9f\xba\xe9\x84\xf6\xd3\xa3B\xdf\x8a\xfc\x04\xe9\xe6\xa3\xfe\xbc\xad\x90kaD\x94\xc0J\x94\xa7\xde'</t>
  </si>
  <si>
    <t>b'\xd7\r\xc2\x070eD\xa1F\x88\xf2\nF\x19\x1a\xb3@L\x84\x10\x1d\x8fP\x15\xeen\x12)\xbe\x9ax\x03'</t>
  </si>
  <si>
    <t>b'\xa3\xfeXn"\xa3\xc3\\\x00\xf0\x14\xf3\t\x82\xc4\x95\x1f\xf2\x15L%\x92\x15So\xb1*\x1e\x12\xc6\x83\xc9'</t>
  </si>
  <si>
    <t>b'Q\xca\xb2\x86w\xc9G\xc0\xcb\xd0#\xa9\xfc\xc3\xa9K9Y\x04B&amp;\x8b\x1f\xf6\x85o\xf9(C#$\x82'</t>
  </si>
  <si>
    <t>b"Ev\xfd\xe5\x1fk\x9b#\xcc'No`\x04\x9c\xe8o,w\xceclK\xef\x93\x03Nm\x84\xbc\xcd\xb1"</t>
  </si>
  <si>
    <t>b'\xfc\xd7\x02f\xc9\x94\x89\xcc\xf4\xa4\xe1\x05k\x8dYoA\x9f\x1f\x12W&lt;]\xe6\xe4\x88^\x86|Y\x9e\xe6'</t>
  </si>
  <si>
    <t>b'\xdcIF\xed\x03V\xc0n\x84)\xf5\xbcE7nP\xb4[\xeb\xf3\xff\t\xf8\xb8\xd5\x99\xd1\x00_\xf3U\x14'</t>
  </si>
  <si>
    <t>b'\x86\x0fr\xbb\xa5#\xae\xbe\x1b\xc8x?w\xdf\xbc8PA\xf6\xb6\x11\xb8p\x03Fn\x01\xad\x1c\xaeA#'</t>
  </si>
  <si>
    <t>b'-"\xd4\x89\x8fzT\x04\x182a\xb2\xb1\xc6\x158-\x81\xda\xaf\xb3\x8bW&gt;\xe2MS\xd3W\x05A\xab'</t>
  </si>
  <si>
    <t>b'\x97\xfe\xa0wa\x92\xcbuE\x7f\xca\x12\xfc\x18Mjr\xfb\xbb\x05\xf1\xf6\x89VQ\x95\xbd/TV)\xfd'</t>
  </si>
  <si>
    <t>b'\t\x05s\xb2&amp;B2\x90\xf2\xf6\xdf\x0e\xd9\xa8::\xdd\x93:q\n\xfb\xa2\xca\xb24\xf8\xe6G\xbcq\x88'</t>
  </si>
  <si>
    <t>b'\x19\x9f\xba\xda\xa4\x8e\xba\x1eT0R\x89h9kRv\x0f\x7f\x13\xfd\xff\xd3 \xccN\x0f\x89r\xec\xdeR'</t>
  </si>
  <si>
    <t>b'\xd8\xf4\x17\x9a!v\x19\x8f~\xe9\x1b\x00\xeb\r\xad\x04\xe3\xb5;\xbf{-o\xc3\x87k#\xcd\x190\xd2\xaa'</t>
  </si>
  <si>
    <t>b'\xa3\xdd,\xd0\xe94G\xef\x04&amp;\x05\x92D\xc1r\xdf\x0cj\xeah\xa1&amp;\xa7\xab\xcc!8:\x98\xf1\xf3\xe7'</t>
  </si>
  <si>
    <t>b'\x8d\xc7i;I\xaaz\xbf\xac,\x1fy\x9a\x98\x9b`\x1c\xf0}\xbc\xa5\xf0\xc6Q\xf3,\x17\xc17B\xcb\xb6'</t>
  </si>
  <si>
    <t>b'\xc55N\xe1\xae\x08\xf8?k\x17\x8cj\x1b\xe2Q\xea(\xad\xe3\x1f\xf4\xb2D=\xcf\x82\x95\xe4H\xfe\xe5\xac'</t>
  </si>
  <si>
    <t>b'\x05\x98\xabFB\xbc5\xd7\x9f\xd6\xe8\xcd\x8f\xf9\xfb\x95\x1e\xbd\x12\x1d\x03B\xa3\x02\x9f\x92\x90\xdf\x976\xc7&amp;'</t>
  </si>
  <si>
    <t>b'Y%\x8e\xfa\x83\x06-\xf7=\x9c\xa1\x0e\xc8.\xf2E\x9cC\x9da\xafI\x95\x0eZ:B\xfe\xa6\xac:\xc1'</t>
  </si>
  <si>
    <t>b"~_KC\x03y\xe2\xac\xf2\xc1\xdf\x939y\xbe\xa0'j\xb6\xbf\x01{gV\xb1\xe1\xb4\x9c#\xb0*g"</t>
  </si>
  <si>
    <t>b'b\x0eY\x82\xbf\n\xb4\x9fhp\x05\xac7\xe91\x9c\xe9p\xcdT5\xf3\xe7\xb5SMk\xdf\xaa\x07?\xc2'</t>
  </si>
  <si>
    <t>b'\x99Nf*^\x11\x08R\x8e\xdf\xf4\xaaj5\x0c\x04\x1f\xc7N1C{N\xc1V\rDF^\xb6\xfe\xd9'</t>
  </si>
  <si>
    <t>b')\xbe\x14:\xdf\xcb\x97\xeb}scUb\x7f\x06\x02{o9\x8c\xbd\xc1\xe4\xc1\xd6]\xfd\x10{r\xb2\x11'</t>
  </si>
  <si>
    <t>b'\x99B\x9f\x88_$\xd8\xb2\xa2_\x10@\xb4\xe3\xde\xb7\x06T8 z\xae\xba5\xad\x8aC\x1d\xe2\xbe\xb7c'</t>
  </si>
  <si>
    <t>b'\x02\x902\xd5\x02\x0f\x84"\x0b=\xb4\x1f\xc1\xd6o8%\x0czt\xa436\x05\xfb.\'\xf0\xf9\xe3\xeb/'</t>
  </si>
  <si>
    <t>b"\x98q\x91+'G\xa9\xc4m\x88\x0b\xbb\xb1\xf9\xb8\xad\x12\xb4\x84\xa6Y\x1e'\x0e\xeb:\x12\xb6\x91U\xdb\xc0"</t>
  </si>
  <si>
    <t>b'+.\xe5\n\xed\xce{"\x0bdp\x17\x07\x95\x06\x10\xdeF"\x7f\xb0\xa3cu\xf8z8\x1a3\xa8\x84\t'</t>
  </si>
  <si>
    <t>b'\xe0k8\x8fU\x1e\x86#\xe3MS\x01\x07C\x89q\x9b\xf7\xfe\xc2?\xff\xdf\x94efkI\x99\xa7o\x0b'</t>
  </si>
  <si>
    <t>b'Y&amp;{0\x06\xe4\x97]peM\xea\xec-!\xcdI\x89B\x14\xd1\x88\xa6\x17I\xd7@\x85\x06\xa7K\x17'</t>
  </si>
  <si>
    <t>b'"\xfeF\n\x83\xac\xe8\x0cb\r_\x8e\xf6xz^\x9d\xd7\x01-\xcb(\xe3\xa7+5Z\x0b79\xa2\x13'</t>
  </si>
  <si>
    <t>b'\x16\xa9}c\x9e\xc7\xee\x10#d\x01\xb9j}K$\xb4*\x88BV\xc4p\xe6hS\x85\xdfDD.R'</t>
  </si>
  <si>
    <t>b'\xd0\xa9\x86\xeb\xa0\x1a\xcb\n\x9a\xac\xf5\x9d\x1a\xf7`\xc4\x98-\x9f\x02\x14\xaf\xbc\x11\xc8u\xbbc\xa7\x96\x16#'</t>
  </si>
  <si>
    <t>b't^\x067\xc1,|\xc2Bq\x9e"\xc6\x8a\xd3&gt;\xbc\xa8\xfa\x17\x10v\xec\xe8\x8a\xf5\x07\x1d\xae)\x8a6'</t>
  </si>
  <si>
    <t>b'\xfd9]-+\x15\xd1,\x8fu\x89\xf3\x8b\xa9#\xe8$4\x1e\xfc\r\xcax\x9a94\x15\x8e\xb8\xaa6\xb7'</t>
  </si>
  <si>
    <t>b'O\x0c7\xb2\x97\xbb\n\xe2G\xe0+\x92\x9f\xe8\xd2\x12%\x018a\x11\xe6\x8bNY\x96OH\xef\x8d\x86\xba'</t>
  </si>
  <si>
    <t>b"\x07\xc4\xd6u\xcf\xcdC[\xb9\x9c\x97\xda\x1d\x1d\x86' Z\x83\xf4*\x7f\x13KGO|\xd9\x89\xca\xf8\xa4"</t>
  </si>
  <si>
    <t>b'\xe4\x00&lt;f\x86\xa4!\xd3\xa2]\xf4"*\xc6\x01\x819g\xbe;\xa2\x94\xc3\xe0?\xcc*\x0e\xbe\x7f\xe99'</t>
  </si>
  <si>
    <t>b'\x85}(\xae:\xca\xe5\xa7\xbb|-\xc3\x8bXssR$\xd58!\xf4\x9c#\xa0\xc5\x7fh\xbf\xb7\xca\x86'</t>
  </si>
  <si>
    <t>b'\x01\xae\xa2@\x0f\x9e\xa7C\xff\x8a\xba\t\xa9\xef\xd2\xfcA\x00\x1b\xcb\xfb1\x87\x87R/o\x1140o\xef'</t>
  </si>
  <si>
    <t>b"'\xeb_z\x12p\x05\xf7\x96\xd4.x\x1c\x8ab)\x13b\x9c&gt;H\xa0\xb6_V\xcc&amp;T\xc9&amp;\xbed"</t>
  </si>
  <si>
    <t>b'\x83\xc4~b\xce|\xd3\x0e\xff\xf9N\x18\xa0\xc5Z\x17\xbb\xbbQ8\x01\xc9\xaf \xe9\xc3\xb6\xd4B\xe5\xb7\xbb'</t>
  </si>
  <si>
    <t>b'\x08\xb7\xf8\xa5G\xe6\x13\xf6\x9c\xa6\xf9\xb9\x88\xa9\xf1\xa4\xe0\xc3T\x04\xff\x07\xd2\xbf\xa2+\x1aQ\xb3M\xdd\xa4'</t>
  </si>
  <si>
    <t>b'\xfb\xdf\xf3V\xbd&amp;\xec\x98,\xcf8\xb8\xfb\xee\xd6\xf7\xf0\xb3y:2\xee\x85\xf0yKN0Ba"\x08'</t>
  </si>
  <si>
    <t>b'\xe8\xf3\x8a"\x94\xee\xee\x18\xf44\xce\x96\xe2n\xc0\xfe\xce\xbd|\x1a@\xed\xffU`\x8b_\x1e\x8c5\x8aK'</t>
  </si>
  <si>
    <t>b"\xd97&lt;\x03\x95\xb8\xaf0\r\x0b'\xbf\xa5\xdeE\xa2\xf1P\x0cI&amp;\x8e\xe8\x83H\x13\x8b\xd7\xf0\xdc\x8c\xda"</t>
  </si>
  <si>
    <t>b'\x00\xce\xfaf;\xe3s\x0e\xbd-\x96\x02z;\xd7\xab\x953\xbe\xab\xb6\xee =\t\xb3&gt;\x0b\xf5\x80\xba\x0b'</t>
  </si>
  <si>
    <t>b'\x1b`\x95\xb8=\r\xdb\xa9\x98\x87\x86\xecrL\xf8\x90\x15\x19\x1b\x81$\xa2\x9aj\xdd{n\x1e\t\x99\x06\xf3'</t>
  </si>
  <si>
    <t>b'I@\xeb|-4Gdu\xf6H$\x9a\xfe\xa7\x94\xa5\xc2IYd\xef\x0f\xe8\x0efN\xbb3f\x04\xe0'</t>
  </si>
  <si>
    <t>b'\xeb? \xbe\x0784\x94\x08\xeaV]\xbc{\r\x08Z\xe1f\xca\xb6\xbd\xc6~\xfa\xd9\x19\xbf\xb3cW\xae'</t>
  </si>
  <si>
    <t>b'\x819\xa8\xab\x16w\xf8;\xfc\x8e\xb5$\xbc\xaa\xcaO\x8e\xabT}p^B-\x15\xd2F\xf5\x1d+/a'</t>
  </si>
  <si>
    <t>b'\xfd*z\xd0\xa3\xc6\xfa=rd\xe3(\x00Nf\xe3Q\xda\xb7(\x96Vs\x0cPd\x08WV0$\xe9'</t>
  </si>
  <si>
    <t>b'=\x9f\xee\x95`\x06/#\x9d\xf5I\x12\xd7\x96\xae\xb1\x15Q\x83\xf8\xf6\xcfO\xaa\xed0\x10\xcf|u\x1eY'</t>
  </si>
  <si>
    <t>b'dW(vD\xac,\xaf\x00\xa6&amp;\\Gw\x11W\xf7\xc8\xa1"\xee\xbeq\xda\xb2\x8b\x8a\x85\x9f\xcf\xadZ'</t>
  </si>
  <si>
    <t>b'\xc1\xa6\x98\xcd2\x8c\xd8@\x011Z\xac\xb7\x957\xc2iz\x8f\x14\x03\xc3S\x1f\xb81\x1ajR\x0b\x07E'</t>
  </si>
  <si>
    <t>b':v\x14\xd4R\xd8N\\\x1a\x19\xa3zB-\xdc$\x82Z(\xbf\xca\xd7\x83\x11\xc0\x07\xc8)\xadG\xb7\xe4'</t>
  </si>
  <si>
    <t>b'\xd6mRW*\xeb\xa5\xbf\x16=\x11\xe1\xac\x9ab\xac\x00\x0e\x9f\x9aM\xace\x8c\xef\xb0Q1\x8c\x16\xb5\xfc'</t>
  </si>
  <si>
    <t>b'\xbd\xd2\xd9C\x89\x9f\xa9\xa6}\x06(\x16\xbc|\x8b\x1c\xf19\xaa\x0c\xd6\x04d\xa2A\x9aa\x9a\xf2\xc3Ud'</t>
  </si>
  <si>
    <t>b'a!)\xbeHOj\x86\xf6_\x0eX\xf1\xe8\xbf\r\x17\x9d\xda\xbc\x84\xb2\n\x9e\n\xf6\xa2\xbc\xaa\xe3\xbb&lt;'</t>
  </si>
  <si>
    <t>b"*\xe7\xa7CxB\xef\x02\x06pT\x8bV\xfa:\xce'u\xa5\xc6\xe0\x12\xeb\xdc\n\xc4]\xadc\xa9\xd0;"</t>
  </si>
  <si>
    <t>b't\x15\x1d\x87=\xe8&gt;\xf52\xe14\x83O\x95\xc8A\x82\x9eh\xc3h`\xb9\xb47\xaa\x1cP\xe6\x1d\xe0^'</t>
  </si>
  <si>
    <t>b"\xea\xc5bK\xb9]\xe7k\xc7'\x8b\xd0\x0c\xe1+\xffa1\t3\x9cqH\xc7\x9f\x95\xef%\x87\t\xee="</t>
  </si>
  <si>
    <t>b'\xa0n%\x06\xe5\xe6H\xb9,\x982\xb4\x81\xad`#\xd5\xc4\xb9&amp;\xafLL:\x9f\xa2\xb2\x863\xb4\x89&amp;'</t>
  </si>
  <si>
    <t>b'Lg\x07\xb9Ey\x91[\xfe\x8f}\xbf\xa5\xdb8\xa1\xe1\x11\x8b\x914w\x06\x0cm$\xf5K\xcf\xfb\xea '</t>
  </si>
  <si>
    <t>b'F\xa5\x9d\xb4\xcd&lt;?HO\xb5d\xea\xf5\xa8\x98\x8e\x05\xdd\xaa\x15iw\xa78\x0ei=\xb5A\xc44-'</t>
  </si>
  <si>
    <t>b'yq\t\xb1\xd9\xd5+\xe1\xd8\xcd~\xa0-?p\xd9{\x06k\xb7\xf5\xcc(\x1d\xcd8\xe1z\xcf\x17\x8e9'</t>
  </si>
  <si>
    <t>b"\x88\x8fs\xed\x00{o5\xe7va\xd2\xd3\x83'\t\x02\xf4\xc3\xd1^\x03\x8dRv\x98\x14\xeeb\x8e\xfd0"</t>
  </si>
  <si>
    <t>b'\t/\x96\xf3{\xae9\x10\xc9]ix\x83\x1bS\xe0\xde;\xe7\xedkV\xdd\xcbv\xddl\x90\x8cv\xf1\x88'</t>
  </si>
  <si>
    <t>b'\xb43\xf9\xd7M\xd5\xdd\xa4D"\xd0\xa9R\xb5\x99w8\x84Wz\x0c\xb0\xeeL\xf96\x94\xc5\x92fx\xc7'</t>
  </si>
  <si>
    <t>b'B\xa3e\xeb\x14\xb0t\xd1M6B\x98I\x86\xdf\xec\xa4\xd4Q4\xe5\xa9\xcf\x8b\xe1Z\n\x00\xc4V\xe6\xd4'</t>
  </si>
  <si>
    <t>b'\xc6\xdb\x03\x1a\xda\xb8\xc6\xea\xeb\xfd\x12\x81\x1a\xd7\x1dN\x93\xde\x12\xc4\x90\xeb\xe0\xee\x1br\x98\xa14\xed\xbc\xe6'</t>
  </si>
  <si>
    <t>b'&lt;n\xf5p\x9d\x86\xff\xf1Xla\x97\xcd\xed\xb7wi&lt;\xcd\x0e\xba|F\xb4&gt;\xa8\xf1\x81\xa0\xf7\xaa#'</t>
  </si>
  <si>
    <t>b'\x1b\\\xae8H\x9b\x01\xb2\xc0rH?\x0b\\\xfch\x0f:POa\xc7\xdd\xe6$\x93\xb4\xe44\xc3q\xdd'</t>
  </si>
  <si>
    <t>b'#;\xd8/\xec(N,\xde\xfbS\x16a\xb23\xb2\xa9\x8c%\xe8\xa2\xaf\xd6\xefX\x15]4\xbfj\x00*'</t>
  </si>
  <si>
    <t>b'6\xb7\x92q\x98\xf9\xa4\x1e\xa0w$&lt;\xac^\x98C\x0b\xb8w\xf8j\xee\xe32\xd7\xe5\xacV4z\xd0\xc2'</t>
  </si>
  <si>
    <t>b'\x8c\xb4V\x94hS\x168\xd0\xaeV5\xf8\x8aE\x0b\xfc\xbc\x12N\xb6\x1c\x96\xd8L[\xb4\xfeI\xf5\xed\xa1'</t>
  </si>
  <si>
    <t>b'\x93&amp;\xd9,f\x1c\x17_\xe8cx\xa9\xf9~\xe4\xbb\xf3n\xaf25w5\xac\xaa\x17\xe4\xdc\x80,Hy'</t>
  </si>
  <si>
    <t>b'o1u\x1e\xfc\xe4\x13\xdc&amp;\xb9lR\xf3\x00[\x05\xb4{\x1b\xbd1\xcc_\x86\x13\xf5\xee\x18Fl\xba\x11'</t>
  </si>
  <si>
    <t>b'\x00\x80\xbfAS\xce\xe4\x19\xd9\xec"d\xe8s\xf1\xec\xd8~\x1d\x8a\xe3S\x9f\x19v\xa0\x1f\xbcF\x03HK'</t>
  </si>
  <si>
    <t>b'\xd5\xdcQS\x16io\x1a\xee\x1f\x03\xbe\x90&lt;\xaf\xa6\xbb\x99\xa2h\x85s\xd1\xcd\xe8\xea\xeb\xe0\x1a\xbdF|'</t>
  </si>
  <si>
    <t>b'\xccn\x13\xaa\xd7\x16\x8b\x8fdL\xff\xa0\xee\x81\xbezn\xe7\xae\xcal&amp;\x15\xf3Yh\x0c\x81\xb5\x7f]\xc3'</t>
  </si>
  <si>
    <t>b'\xf7\xd2\xbe;c]\xe7\xa2\xf0\x10F\xce=*\x022\xa6\x83\x14\xae*V\xb4\xc7\x8b\x1a0n$\xa0`O'</t>
  </si>
  <si>
    <t>b'\xd8^53\xa8\xb4j\xc3\x9c\xe2\xfa\xdb\xf6+\x01\xe3\x97\xf2\x0c\xec\n\rnA\x91ne!\xd9\xb153'</t>
  </si>
  <si>
    <t>b'%2\xcaR\x12\x87$\xfd\x1f;\x1e\x05\xd8-|\xf0\xc48\x1e\x16D\xfa\x93\xbd!`cw\x80\xc0SN'</t>
  </si>
  <si>
    <t>b'\xe313\xd1\x11\xeb\xa0\x83\xc2\xa7uJ\x00.=\x0b\xdb\xa1\xb4-ku$\xda\xe6f\x8e\x18\xf7Y\xcf\n'</t>
  </si>
  <si>
    <t>b'\xe2R\xe4\xa5;\x827\xaa\x1a\xe2\x89\x07F\x7f\xe7\xaf\xd9\x1e\x8e\x85m\xbfw)\x90=\x96\xc4g2\xa4a'</t>
  </si>
  <si>
    <t>b'\x11\x91n\xa2Z*\xa8\xbb\x1b\xda\xbd2\x0c8U4\x9d!I73_\xd8\xd6\x83\xc9\xb7)/\x90?\xdb'</t>
  </si>
  <si>
    <t>b'\x9a\xac\xcb/\xad\xd9\xd1o\x9f\xa9w\x97\x85\x94\r\x89\x89\xf8\xe0\x87]K3\xb00\xe1y\x9d#\xc8\xbc\r'</t>
  </si>
  <si>
    <t>b'\xf2G\xde6\xa4\xdet/\xe3\x8e\x05\x88I\xa8\x05\xcf9\xe0-3[^\xda\xbb\xa1\xa7"\x0b\xdaZ\xfe\x1d'</t>
  </si>
  <si>
    <t>b'(X\xdb\x97\xca\xe1\xfd{\xeei/\xd1\x17\x11Ba\x10\xc2\x91,\xffh+)+U\xfb\x8d9\xa2U\xae'</t>
  </si>
  <si>
    <t>b'5+~\x17y\xd5$7t\xe83\xe8\xdfl\xbb\n\xb6\xab|\xe4\xd3lw\xc1hY\x90\xe6R."\x07'</t>
  </si>
  <si>
    <t>b'\xbe\x01{YkTIo\x0b\xd3\x12\xdb+\x8cB2dsx\x96n\x95\x9f\xf4T\x7f\x88Y\xf4\x9b\xc2:'</t>
  </si>
  <si>
    <t>b'\xa8\xb7-\xdb\x06\xad\x9cStm\xc9\x01\xb3\x1b\xf0\xe9\xcbh\xbby\xae\xc22@\xfei\x99|\xfd\x95\x1c\xf4'</t>
  </si>
  <si>
    <t>b'\xc2\xaf\xcc\xd1\xee&amp;}*L#\xff\xd2\x08\x08\x84\xbel\xa5\x9e\x14Ql\x99\x02T\xd4u\x8e\xd6d\x9fw'</t>
  </si>
  <si>
    <t>b'\xec\x80&lt;G\xdeF\xf3\x1a\xf2B\xce\xcc\x0f4\xa2\xcc2!V\xb3-\xe2\xf2\xaa\x95\xfd\xf7"4`!\xf1'</t>
  </si>
  <si>
    <t>b'\x85\x08\xbfhZ \xec\x9b\xac-\x9e\x8d\xaauv/\xe0\x9e\x02\x95\x9d\xdb#\xa5\x0fB&gt;D]Pr\x8f'</t>
  </si>
  <si>
    <t>b"\x91\x0c(\x93\x19\xb0\x9d\x90\x89+,\xaf\xa0k\xf5W\xc0\xd9\x02']S|\xd4\xb69Ib`$);"</t>
  </si>
  <si>
    <t>b'\xf2\x00\n\xe4\xd3f\xeeTv\xb4\x88\xd8\x7fI\x1d2\xdd\x90o\x9e\xf2\xd9Dz\x92u\xcb]\xa3\xcc\x9e\x15'</t>
  </si>
  <si>
    <t>b'$\xc6\xb8\xb7p\xa9m\xb5\x95\x86\xa9=\xfe=\x8f\xf7\xe1`\xc0M\x18\xe4\x14\x17\xed\xf0`\rK\xb1\xa0\x02'</t>
  </si>
  <si>
    <t>b'\nwI\xbeZ\xad\xcd9\xbaTn\xa1\xd7\x96xD\xfb*\x8dr\xcat\xb0\xb9\xfa\x18\x13ap\xa4\xfcb'</t>
  </si>
  <si>
    <t>b'u!\xca\xcc\xec\xea\xe2\xe0\xd8\x10Mi\x0e\xb2~\x0e\xb8\xf8(\x0c\xe5\xda\x0f`\x10V\xfdO\xd6x+\xc1'</t>
  </si>
  <si>
    <t>b'\x80\xa6H\xb4{S\x08\x92=Y$\xd3\xf3\x05!I\x1c\xab/)i\x17"9J\xd3uow:\x04E'</t>
  </si>
  <si>
    <t>b'\x13jf\xae\xa6\xd1\xf04\xeb\x04\xe0\xac\xa5\x05\xfb\xd1\xa0\x0c8\xac\x19\xf4\xa2\xf5+\x16\xbe\xce\x85\xf5\xc3p'</t>
  </si>
  <si>
    <t>b'\xf8\xe7\x88\xe5\xeex\xd2Ww\xe1\xa5\x89\x19J\x0b\x0eF\x01\xfd\xb5\xa8[ao|\x10m $\x82\x80E'</t>
  </si>
  <si>
    <t>b'\xe2\xd0\x14Z\x91\xc5u`4v\x82\x81\x92A\xb8D{\x86R\xfd\xf2\xdb\x9fx\x1fw)0\xf1\x9f\xd9j'</t>
  </si>
  <si>
    <t>b'\x88*pi\xdb{ Q2\x95\xb65~&amp;\x90\x98\x86\xcfx\xcfx\xc1u\x83v\x8e1\x1b\xb9c\xa4\x83'</t>
  </si>
  <si>
    <t>b"\x0f\x97\xf0Q\xddi\x08\xa6t\x903\xd24.\xd1\xc9\xca\xfb\x91\x98\xd3O\xe6\x16,\xd6\x14I'\xc5y\x92"</t>
  </si>
  <si>
    <t>b'P,(\xc7B\xc4\xde\x96\x1b\x05Xzv?C\t2w\xf6\xd8\xea\x1f\xf9$\xf0\xe1\xe5\xe9\xf4\x1b\xfb\xf2'</t>
  </si>
  <si>
    <t>b'f\xc6\x83\xc0\x87a\xb4t1\xfd \x8c\xbf(\x0e\x83\x18\x90\x06|\x08\x80\xef\xaes\xcf\xe3\xcc(S\xf9\x14'</t>
  </si>
  <si>
    <t>b';\xd1\xb2\xe4\xd7\xec3\xc16\x01\x90\x14\xe0\x96H\x00\xb6\xf3@\xb8q\xe3E\xea0]\x1b\x9co\xc0\x84@'</t>
  </si>
  <si>
    <t>b'\xadYe\xff\x08i\n`\x12\xaed\x8c3\xc9\x96t\xf5\x0b\xa5\x9eq\x12\x84:I\xe7hG\x073\xe6\x08'</t>
  </si>
  <si>
    <t>b'\x07\xbb\xb7\xee\xed\x8f*^\xec\x82%\xfdc\x8d\x8f\xad\xf7\xd3b\xa4v`\xb7\x86]\xbc\x85\x92x\xf8\xd7g'</t>
  </si>
  <si>
    <t>b'\x95j\xbf\x93\x12\xa3A V\x9e\xfc\x0b\xd7QT58i\x11\xc2`C. &amp;\xcb\x86\xce~\xeb\xae\x81'</t>
  </si>
  <si>
    <t>b'FI\xf6\xd6\xa0\xfeY\x1c\xfb\xbaK*\xf2\x07\x0c\xb5:\x02SX\x89\xcdb\x82\xc7\x0fr\xf8\x8f\x8b\xf8\xbf'</t>
  </si>
  <si>
    <t>b'K^\x9a\xc0\x0bx\xe2\xcb#\t\x82\x17\x10\x99[=\x11u\x80i\xf6\xe1\xd7\xb9a\x96Z\xe5\xc2\xcb"\xcc'</t>
  </si>
  <si>
    <t>b'*?\x81Y\xf3\xf0\xa8\x11J\xa6\xe5\x90S&lt;&gt;\xa7pz\x96\x91u}&amp;\x96\xb9\xd8\x90\x97\xb4MC\x8f'</t>
  </si>
  <si>
    <t>b'b\xbc\xdeEA\xa9\xc7\xe2\xce\xc3\xcf\x14q\xe7\xcf\xafLBo\xafQzNg\x8c\xd8\x16\x12\xc4#G\xae'</t>
  </si>
  <si>
    <t>b'Y\xa7K\xd0a\xb1qu\x91X?Q\xbb\x04(\x83\x05\xd4\xe0\xfa\xaf\xe3\xcd\xc4\xe3\tZ\xce\xaeF\xffw'</t>
  </si>
  <si>
    <t>b'\xccQ1{\x02/q\x95\xd5\xeb\xe6\xf1{:c\xd2\x1c=\x04\x90\x05\x02ib\x10\xb4c[\xcc\xfdy.'</t>
  </si>
  <si>
    <t>b',\x86m\xbe\\\xe7&amp;\xd0P\xddF.\x1c34a\xdd\xec\x13\x8fx\xb8+X"\xd7\xe6v\x08\xaan\x9e'</t>
  </si>
  <si>
    <t>b'\xc0\xe5B\xaf\x1a\x00\xfb\x07C\x96_\xf0\x96\x15\xb3x\xa64Z\xf8R\xf6koh\xc8h\x93\x1cR\xaa1'</t>
  </si>
  <si>
    <t>b'\xc8\x82\xe2\x9e\xb1\x02\x85\x9c\x15zo\xde\xec\x06f\xd5CT\xffK\x1e\x1ef@k\x99\xfa\xed\x1b-\xf3\x10'</t>
  </si>
  <si>
    <t>b'\x8c\x81\x80H-y\xf0\xf1u\xcd\r\xa0$}\x03\xc4\x04X\x05sBh\xe2Kyv&lt;\x0c\x8f\xc6.5'</t>
  </si>
  <si>
    <t>b'\xf1\x8f5\xdc\x112=s\xc2\xf1\x1bzv8!z\xb8\xe6\n\x8a\tI\xfc\xc3\xb7?q\x9f\x0bS-\xbc'</t>
  </si>
  <si>
    <t>b'\x83!*\xeb1\xcc\x05P\xe4\xc2\xf8\xb6&gt;\xf8a\xe7r\xb8\xf9\x16]9\x05\xdf\xa0X\x9d!]\xe4V\xce'</t>
  </si>
  <si>
    <t>b'\xcat\xc4\x0f\x86tL\x850N\x16\xa3`v\xb37\x8fx\xf3\xec\x10\\W6H \x86\xc9\xcaY]a'</t>
  </si>
  <si>
    <t>b'\xe1\xa8\xc1\xba\x9fa\x8e:\xc2\xf9\xefpYu\xd6\x08\x99\xdb\xda\x1ffX\x8b\xa5)\xf8ZMNGG\xf5'</t>
  </si>
  <si>
    <t>b'\xb6\xba4\x9d\xa5\x11\xc5\xad6]\xf1\x01s\xcb\x9eV\x0e\xb1\x96x\xd2\xf9\xaf\x15J\x0f\xe3\xbcd\xd1ii'</t>
  </si>
  <si>
    <t>b"x]\x95%\x0c\xbf\x99'\xf9\xff\xd0\xd5\xab\xac\xabtdQ\x17\x97Af\x08\xeb\x90,\x10\xc7\xb2Dm\xf9"</t>
  </si>
  <si>
    <t>b"T\x1a\xdbH\x1b'\xa23\xf7\x8d\xa3\x80&gt;&gt;\xc9\xf1x\xdd6\xe3\x1e\x0e\x95\x92D(t\xa4\xf2Y\xec\xc0"</t>
  </si>
  <si>
    <t>b'\x00\xcc\xee\xcd\xff\xc8\xa3\xab2\x10\x83O\x83\xe8\xc2\xf0\xbaH\x1aN\xbe \xa3\xb48\xe7\xf3WQ\xb7\xd2 '</t>
  </si>
  <si>
    <t>b'\x90,\x97)\xf8l8\xd2\xbe5\x94\xc4O\xdf_n\xcb\xe7\xf19A_\x0b\x87\x85\xde\xf3\xcb\xa3q\x93\xbb'</t>
  </si>
  <si>
    <t>b"\xf2=\x04\xc9\xb1\x02#\xd6cq\xe3\xdb\xe1R4')cz\xc0\xf0Z\xaf\x98\xddL\x8a\xa5\x90}\x08K"</t>
  </si>
  <si>
    <t>b'V\xc9M\xf0\x1bV\xc0W\xbe\x06AH\xad\xdcGk\xde\xbeR[\xdfM\xd5\xd5r\x92\xf1\xb6-\x83[3'</t>
  </si>
  <si>
    <t>b'\x07\x16Mf\x92K\x96\x9f\x9e!^\xfc\xb8q!\xb7\x1f\x18\x10\xb6mw\xcc\xbdhE\x19J\x9f\xdb\xe7\xf4'</t>
  </si>
  <si>
    <t>b'\xc6\xddO\xf6\x07\x04\xe5\x1c\xb3\xe7\rd\x98\xb4L\x80\x80X\x85\x0b\xac\xf1~\x9b\x03\x86\xd3\xd7g\xf9\x87\xec'</t>
  </si>
  <si>
    <t>b'\xcb\x9a\xf7\xff\x1c\x1a\x1f_\x9f\xf0\xac\xbc+IA\xc4\x01\xc4[\x0epg\x9e\r\xfa8\x9b%aT\xf7\xc7'</t>
  </si>
  <si>
    <t>b'\xfd\\V\xb0NB[I\xc0\xb0\xc0\x16\x90\xda=\x00\xb7\xdc\x83\x9d\xc7\xff/\x8b\x9aV\xdf\r\x8c\x06}\x98'</t>
  </si>
  <si>
    <t>b'(\xc8W\xcb\xfd\xfc\xc9\xdb\xc7\xdb\xa0~\x13\x00d\x8d\x1b\x9c\x12\x02F\x9d\x90\x7f%\xcej\x86\x15\x9d\xfa\x9b'</t>
  </si>
  <si>
    <t>b'\xdcV\xa3\x0c\xff\x12\xd5\x0e\xba\xe7\xa7\xe8\x1f[\xe1C\x18\xa2\xf5\xbf\xaeW\xec\x85b\xb5W1\xba\xac\xcdE'</t>
  </si>
  <si>
    <t>b'\n\x94\xfe\x7f\xdaA\x16.\x14\xac_S\xdc\x8efOu\xe75(\xbc\xca\xa3s\xfb\xe9\x1e0\x02\xaa\x97\xb4'</t>
  </si>
  <si>
    <t>b'\xef\xe6\x1c\xbc\xa9\x13\x8e\xca\x94\xda\x88\xba\xb7\xe0\x80o\x18h\x99\xfc\x14S7\x80\xfe\x9b0\x1c\x0f\xbfK\x8f'</t>
  </si>
  <si>
    <t>b'\xda\x00vH\x1d5\xa9bt\xf4\x80\xef\x1d\x07\x9f\x17\xe3\xd0F\xeb\xc2\x8b\xfc\xef\xe5\x0fW\x9b]\xdd\x99\xf7'</t>
  </si>
  <si>
    <t>b"5Da\xd1\x19k\x03\x1cp\x86\xcf'Dl\x9a\xb8N\xc8\x1aS\xc8V\x16\x8bH\x8b\xa4\xa4\xdc%\xac9"</t>
  </si>
  <si>
    <t>b'\xd8V9\xa7{]\x95\x0e\xf1\x1c\xb6\xe3\x00\xc1\x00]\xce\xe9(*i\x88\x84a\x88-\xfd\xa2\x18\xe1$m'</t>
  </si>
  <si>
    <t>b"W'W\x96r\x9a\xd4\xea6iH\xb7\x1f\xac\x99\xd1}o\x02-M\x81C\xab\xaaR\xc1a\xf4\xff\x0e\x0c"</t>
  </si>
  <si>
    <t>b'\x0cJ\x80haF/\xde#@\x85\xd0\xd7S\xced|\x17G\xef\xf2\x01\xaf\xdey)\xc5UYw6\xad'</t>
  </si>
  <si>
    <t>b'\xb83\xe1\x99Wl\x03\xd2\xf6\xe6\xe0`7\xfbN\xde\xb2\x88\x1e\x16\xe6\xfc\xa60\xf3\xee1:\xb1\xf8T\xb6'</t>
  </si>
  <si>
    <t>b'Dd\xf1ds\x99&gt;\x8c\x008\x11\xa3\xe7\xbaPP\xfd\x8b\xe6S\xbcg \x8a\xcf\xed\xca(\xd1s\x98\xd8'</t>
  </si>
  <si>
    <t>b'#\xc9\x91\xab\x8f,\xd8\xcb\xdb\x0b\xb0Hg\x9c\x92O\xf5\xe41\x9fX\x90\x14\xa2o\xff\xe6\xd8\xd4\xc2\x8c\x04'</t>
  </si>
  <si>
    <t>b"\xeef\xb5;\xd6\xd5\xfe\xff\x01l\xd9\x0e\x143'\x15(\x05h9\xe4\x9c\xaf\xff\xac\xcf|F af["</t>
  </si>
  <si>
    <t>b'\xf9\xf2F\xdc\xf8]\xa8B\x9c\xa4|yx\xdc\x16Q\n\x11&lt;!\x19\xff\x9e\xba\n\x11\xd9\x04\xfc\xacn\xea'</t>
  </si>
  <si>
    <t>b'\xa2\xf6&lt;\x82V\xe0\x7f\x18U\x07{a\xa1c\xcc,0\xa5\xfb\xde\x177\x0bnn\xc7\x860\xb5\xa9\xc3L'</t>
  </si>
  <si>
    <t>b'\x17\xbc\xec\x12L\x17\x08\x90\xd9\xd3\x7f\xe6\xd6\xafp\x80j\x96\xfbH\xa3\xbdF\x93\x1a\xc7\xc1\xec,\x0b\xe0\xe9'</t>
  </si>
  <si>
    <t>b'\xa7\xbf\xa0\xba;\xa4\x8b\xde.\xc5r\xad\xe6\xb4\xffOCa6\x9d\xb79\x86U\xf7`\xa1\x06f%pD'</t>
  </si>
  <si>
    <t>b'\xf3\xa4\xd3\xb0,d\x08\xe7\xba\xd5\x1bz\xe1\x0f\xfc\xa4x\x81\x03\xc2\xbcu\x97&gt;CDVcj\x18\x92\x81'</t>
  </si>
  <si>
    <t>b'\x13\xc7F\xa4_\x95\xc3C)Q\xf9\xb2\x12!Q\xef\x89\x18(}\xa4\x14\x18.\x99\x93\xe9\x91\xb6\xc2\x83%'</t>
  </si>
  <si>
    <t>b'I\xe4\x1e\x95+\xfa\x1f\xc5\xa6\xc4;b&amp;\xcf!\xd3c\\+\xba\xcbs\xc4\x8f\xca(\xe3\xddp`\xdb%'</t>
  </si>
  <si>
    <t>b'\x1a\xed8\xc0D\x95t\x8b\x9d\xdf4Q\xfb\xb8\x9e\x03$\xe3 #g\x164\xeb\xa1y\x86\xd3\xe3\xb8\xe4\xc5'</t>
  </si>
  <si>
    <t>b'\x9f\xf2\xc4\xc8\xcf\xdfl\x162K-\xb3\xcc\x0ch\xa8\xfe\r\xe4\x9d\xb9\xfe\x00I\x1e5\t\x1f\x18\xd75\xe6'</t>
  </si>
  <si>
    <t>b'\xc7\xbc\x81.\t8\x14P\xd1R\xce0E\xc8\x92\xa6e\x8c\xbd\xf4\xf9\x1b\xbe\xee\xd7{\x0f\x86l\xe3\xa7t'</t>
  </si>
  <si>
    <t>b'\x1b\xc0j\xb5\xd3\x15\xeb\x03\x11\xfc\x9d\x18\x05\xf60|9*\xbbICn\xcf\x8c0Myd\xda\xd1\x85L'</t>
  </si>
  <si>
    <t>b'\x13\xec\xf2\x8b\xc0\xe9U\xdf3\x99\x0b\xc1D\xc3\xef#\x1d\xb0\xf1o(\x98\x0f\xccAx\xc4\xb9\x04\xcc\x92\x0f'</t>
  </si>
  <si>
    <t>b'\x8c\xaa\xef\xe2\xe5\xc6\x82&lt;r\xdf\x8d,B\xe6&lt;\x8e\xd6w3C\xf2i\x01&amp;lhG\x8a\x8f\xb3\x8d\xf1'</t>
  </si>
  <si>
    <t>b'\x15\x03/g\xf3e\t[e0K\xf2\x1a\x99n\xb2\xb4PI\x12!\xea\x00O\x8c\xee\xa3(a\x03\x10z'</t>
  </si>
  <si>
    <t>b'g\xa56\xf3\xcd\xb0\xca\xd2}k\xa2u\x92\x10_\xf6;r\x88\x92\x10}\xd9f\xeb\xabb\t\xa9\xe3\xc8@'</t>
  </si>
  <si>
    <t>b'\xed\x0b\xcc\x8f\x1a\x19_P~\xbf\xf7e\xd2M3Wv\xc8\xdd\xc23[\x9c\x1f1\x8d.\xe2=mZ\x00'</t>
  </si>
  <si>
    <t>b'\xdd\xd2e9\x92\xba\xfb\xdfE\xa14v\x015!\x10\xc5\x96\xeaB`\xf0\xdc\xc5\x0c\xfe\xe3[\x9ak.\xf8'</t>
  </si>
  <si>
    <t>b'$B\x98\xa8K@}\xc0@7q!\xcc\x92Q\xf5(\x99(F\xd9\xed\xd5\xb1=(/\x0f\xb7\x7f,\xce'</t>
  </si>
  <si>
    <t>b'\xfc\x16\x19\xe7\xe6u\x9cgV\x16HE!q\xc4\xb5\x9b$\x9b \x9au\x87A\x99\xe2C\xd1\xe3\x1a\xfai'</t>
  </si>
  <si>
    <t>b"\x05\xd9\x15\x07vH\x13\xecl$\x0cA\x1fpJ\xadg\xf1\x85'w\x9f\xd5\x80\xf9X\xfa\x82C\x95\xee\xac"</t>
  </si>
  <si>
    <t>b'\xcb\xfc\xd1)\xf9\xdaU\xb4Y\x12\xdf5\x08\xdfoL\xe7Yu\x87\xea]\x8d\x1d\xa4\xcc\xfe\xd7\x8fr\xa5\x89'</t>
  </si>
  <si>
    <t>b'\x06\xb3\tW6&gt;-\xd1\x94x\xe9\nTj\xc9K)\x14b\x9d\x8fl\xae\xf3k"c\x19o\xd7\xf2X'</t>
  </si>
  <si>
    <t>b'\xb2\xba\x17\x01\x94\xc6r\xb6k\xbeI\xf94O\x18\xa4l\x11^h\x06V&lt;\x11\x8f\x0f&lt;k\xb1a\xe3F'</t>
  </si>
  <si>
    <t>b'F\x1d\xc6`\xae\x86`d\xf0\xf6\xf2]\xab\xf6\xc9\x85\xd5~\xaeB$M\xfe\x82\xc9@\x9e\x08\xda\x1a0\x0b'</t>
  </si>
  <si>
    <t>b'\x0c\x02\xb2\x04\x93\x08\xc4-w0\'\xba\xbaS\x82\x91\xef\xc2\xbb\x85\x95r"Rl\xb9A\xe2T\xc1\x18\xcf'</t>
  </si>
  <si>
    <t>b'\x01\xa7\x96\x8d\x7f,X?\xb4\xed+A\x15\xadp\xd3w\xb7\xa1X\xebF]\x0e\xe6J\r\xa2t\xc5\x16\xd0'</t>
  </si>
  <si>
    <t>b'\x1bQe\xd7-\xc3cAJ.&amp;\xd6\x19N\x91\xfd\xb6Xl\xba?\x82*\xef\xa6\xf8\xd6c\xee\x0b\x823'</t>
  </si>
  <si>
    <t>b'\x06\x08\x89\xbdy\xc3W\xa5\x85\x86\xb1\xd5o\xbc\xf5\x7f8T\xc1\xee5Rk\xb1\xe6\xad$=|\xc5C\xb7'</t>
  </si>
  <si>
    <t>b'_\x11\xb29W\xaf\xec-\x1f\xc9G&lt;LH\x96\xf2\xde\xebM\xd9\xad\xdez\xb7\x7f\x10\x00\xc7F\xfc\xa6s'</t>
  </si>
  <si>
    <t>b'\xc0\xe7yM\xf4G\xb0\x80\xedv\x8eV\xd1\x97\xff2I/?\xcc\x9em\xbbt@^M\x15o\x9aG\x8e'</t>
  </si>
  <si>
    <t>b'OFR[\xb9\\\x98\xcf\xf2asA\xf4K9k&lt;\xdb\xaei\xf3\x03\xcd\xef\xbfpZ\xbc\xcd\x0e\xfd\xfb'</t>
  </si>
  <si>
    <t>b'\x1ct-\x17\x90\xdb\\v0\x8f:%\xbf\x14\xfb\x0b\x18u\xac}l\x89$LhLU\x87\xf3\xf5b\xa4'</t>
  </si>
  <si>
    <t>b'\xe2\x1c`k?a\x04\xbb\x1c`\x9f\xdbCz\xac\xac\xca\xdfk\xd5q%\x10\xb97\xb0+a\xf2G\x19z'</t>
  </si>
  <si>
    <t>b'Mg\x96\xa7\xcf\x83\xb0\xd33\xcf\x92qO\x08\x05YQ\xe9e{\x93\x97e\xe33\x9e\tn\xe4W\xbfU'</t>
  </si>
  <si>
    <t>b'\x12\xf7m k\xcdn\x8cF\xcd\xfc(\x9a\xb6\xcc\x8c\xb8\x8f\xce\xb9\x04\xcc\xeex\xdc\x86\xb9\xac@\xba6\xba'</t>
  </si>
  <si>
    <t>b'\xe0\xa8M\x15x\xc6\x15\xea\xf3.\xfc$\xf3\x94\x7f\xa3\x1fb\xd4\xd4\xf3p[R\x99\xf2i`}j\xdc\x8a'</t>
  </si>
  <si>
    <t>b'\xae 7b\xbd=R\xf4\xca\x17\xbf\xe9\x96\xbb\xf6\x12\xa7\xa0\xd9\xfb\xaf\x08\xf2\xf8\xc3\x90\xbb\xe8\xfb\x9a\x85\x7f'</t>
  </si>
  <si>
    <t>b'QP\xc2\x01\xa7\rU\xca\xd8\xbc2\xc56\x0f\xa2Q\x90\xa0\x13\xce\xf6\x08\x99#\x82\xe5d\x86\xc4\xdau"'</t>
  </si>
  <si>
    <t>b'\xdd|\xff\xc5{\x7f\xba\xb07\x1f\xb9\xc0c\xd4y\x94\x92\xe1\xf1\xa5\x0f\xa0s\x8f\x16\x96Z\x7f\xd1\x85\xde\x9a'</t>
  </si>
  <si>
    <t>b'a\x00E\x0e\xac\x0c\xfe\x04\x99s\x86\x95\x9b\xdb\xe28\xf2\x04sBwB\xc1T\xe0\xc2[\xec\xe2\xecO\xe5'</t>
  </si>
  <si>
    <t>b'\xebgL\xf2\x8a?&lt;\xd2\xca?\xd8\x08X*&gt;\xc6\x8a\xbdz\x14\xd8\xda\x03\x02k\xa4`\xe55\xee\x17\xe6'</t>
  </si>
  <si>
    <t>b'\x9fC\x8fv5\x9d,"XOb\x12\xa9\xbc\xdcl\xf0\x10E\xc7\n\xd6\t2\xd4A\xe4#\x84\xb0-\xa4'</t>
  </si>
  <si>
    <t>b'\x11\xd3\np\xa5\xb8\xbey\x83\x82\xcb\x7f\x00\xf0\xb1\xb2w_\xc5\x07\x1fUUr\xd6\xd4\xbf)\xe8\x1c\x04!'</t>
  </si>
  <si>
    <t>b'\xc2\xa0\xd0MeMzw\x122\xcf;\xe3\xc1\x94\t{{\xdf_\x9c?\xdf\xc9\x9b\xcd\xec\xc2$H{Z'</t>
  </si>
  <si>
    <t>b'=\xe7\xfe\xe1\xffe\x9f\x08\xc1\xcc\x91\xb1[\xe3\x0c\xf2X\xed\xd5NG\xad{\xf7\xee\xaf\xa1\xd9\xf0\xce\x0c\x7f'</t>
  </si>
  <si>
    <t>b'#\x9f$\x93"\t\'A\xe5HL\xdciHT\x91\xb3CZ\'S\x7f\x1d\x91\x8fk\xdfD\xb8\xe9MW'</t>
  </si>
  <si>
    <t>b'd\xdbA\x03\xd9\xcev\xf3\x18\xef\xd3\xad\x109\xe6Akf1t\xbd\xb2\x11\xac\xedu/\xca3\xccV\xff'</t>
  </si>
  <si>
    <t>b'\x8aG\xf8+\xde\xcfr\xfb\x9a\xc4%\xa3\xcb\xb2a\xa0\x06\xbbR\x90Cw\x11\xca\xf0\x91\xad\\^\xfa\x17\x8e'</t>
  </si>
  <si>
    <t>b'\x1c\xb5\xbf\n\xeeOS\xcf\x19\xc0\x0c\xea\x0fF\xcf&lt;L_ \xbcW\x03M\x05\xad\x92\x0c\xd0\xce\x05\x93^'</t>
  </si>
  <si>
    <t>b"\xd6l\xe3[B\xe9\x18\xf9m\x04\xc4\x9e\xd6m\xd7\xfc\xae\xd2v\x8f\xdc&lt;\x18\x9b\x87$z\x8cuf'9"</t>
  </si>
  <si>
    <t>b'\xe5!Q\x81\xfd/\xb5\xc20p\xea\xd1S\xa1\x88\xea\xa9\xb5\xf2\xb0\x00VE\x83\x87\xda\x15\x8eH\xdc\xf5\x11'</t>
  </si>
  <si>
    <t>b"&lt;\xe0W\xac\xd0t^\xef\x92h\x8d\x15\xdcC\xc4\xfb'\x8f!\x00\xb3c\xe4\xfc\xa1\xb5\xcd\xa1w\xce\x7f\x97"</t>
  </si>
  <si>
    <t>b'\xed\x18|.\xab3k\xb0\xf3\x91\x01X\x97\x98\x01]\xb1c\x9dN\xf4\xfa\x11\x16\x1a\xbe\xb6\xfa\xcc\xc86\x06'</t>
  </si>
  <si>
    <t>b'X\xd6j){y\xc4\xd6\x17\x8f\xa9\x9e\xa6\x1c\x1e\x1b\x9e,\xb9\xf3c\x91\x81`\x94\x91\xea)\xf02\x84\xf8'</t>
  </si>
  <si>
    <t>b'\x97KU\xa8\xea\xa4r\xb5\xefD\xb6\x8eJK\xb0\xc8\\\x86\x1d\x19/\xc8\xcf\x8e\r$(\xc5\xd2+\xcd\xcb'</t>
  </si>
  <si>
    <t>b'\xeb\xb1\xf8\xd4\t\xf7&amp;\xa7`\x1eW.N\x15h\x03\xe1\xe6\x1e\x1f\x8c\xbc\xc5\x98\x96j\xeb\x9c1\x83}\xd5'</t>
  </si>
  <si>
    <t>b'\xf0M\x1bpw{\xdb\x05r\xd4)\x9ae\xb8\x05\xd2R\x8c{\xed\x17-\x01\x14\xfd{r\xaf\xfa\xab\xf7\x87'</t>
  </si>
  <si>
    <t>b'\xe0\x9d;\xe5\x9f\x99GLH\xbe\xbd\x15\xe4\xe2\x8e\x08\xce\xb5\x92A\xfeI\xcf\xdfj\xe3p^\xce\x02x\xd8'</t>
  </si>
  <si>
    <t>b'\x8d\xc7b\xa3\xdaz0\x7fL\x86\xc4{\tBw\xe1\x96\x98\xbb\x9d\t\xc8f\x85\xa7\xa4X\xf4@i\n\xec'</t>
  </si>
  <si>
    <t>b'G\xe7\\!P\x81X\xa8\x06\xe7\xce\x153\xaaq\xf8\x0e~g\xcb\xe9\x0b/K\x99\xbbfS\xdf\x19\xe4\xb2'</t>
  </si>
  <si>
    <t>b'\x1e=\xd0\x8fRb\x989\x96 \x13\x8b\x04M\x97\xe0\x1d A\xdd%\xe43S\x0e\x90\x0b\xdb\xb7B\xad\xd6'</t>
  </si>
  <si>
    <t>b"\xfd'\xa3Yr\xe3\x90'?\x19S\xba\xf4\x7fz~\x01\xefT\xb0m\x8e\xcd^\xf6\xef\xffcq\x11\xc1e"</t>
  </si>
  <si>
    <t>b'!\x14\x0f\xa0y?\xe3V\x8a\xbd\xd64z\x95\xc1\t\xf1\xec\x15\x8d\xf4\xd8\x03\xd2\xdf\x85\xa2C\x8c\x1aB&amp;'</t>
  </si>
  <si>
    <t>b'\xf7}\xfa\xd9\xd6\xdf-\x06\xfa\xfa\x17\xa9\x80\xf9\xb1\xe1\x18\x9c\x9a\xc9\x82@7@\xc4w\xbc\x8c\xacC\x1b#'</t>
  </si>
  <si>
    <t>b'\xf4C^\xbcZ\x853L\xbb\t\x1a\xb7\x17,\xa1z\xb3\xe6\xb4CC\xb2\x04\xecQ\xce\r\xe0\xe3\xa1\x1b|'</t>
  </si>
  <si>
    <t>b'V\x869\x8b\xc7x\xe6\x0f\xael\x85\xf7^\x1f\x9d\xb9\xd2\x07\x0f\xd2\x19\x05\xdb\x87i\xe1\x1f\xbfuc\x95\xab'</t>
  </si>
  <si>
    <t>b"Ao\x97\xcaV\xad\xb4X\xc5\x96)\xdd\x9d\xcb.Y\x9d'31n\x03d\x03V\x02\xf2\xb9\x8d\xd7g\xe3"</t>
  </si>
  <si>
    <t>b'\xe4\x89\xfa\xec!E\x1a)\x0f\x94\xa4\xc9b@7\xb6\xe7\x01\xd3\x91sN\xd1;}\xe5L\xfd\xd4\x8f\xd0\xbf'</t>
  </si>
  <si>
    <t>b'\xfd\x9f\x94oH\x94\xee\xa9\xc8\x8e\xc4\xa2\x07\xbf\xdb\xb8\xa0\xe8U\xd9\xd5\x8e\xb7\xfc\x12\xa3\xfa\x8b]\x7f\x9ee'</t>
  </si>
  <si>
    <t>b'B\xdd\xa2)\x98\xb9\xfd\x00A\r\x807\x17.\xf5}\x87\xe7Z\x06\xf8iG\x8c\xb9\x94\x92X\x9d\ttd'</t>
  </si>
  <si>
    <t>b'\xb2\x7fo\xa2\xcc\xab\xc3a\xf2\xf89\xbe\xb1hF\xb1\xfa&amp;E;\x85\xfe"\xce\xc7t\x80\xc5\x84\xbe\xe5f'</t>
  </si>
  <si>
    <t>b'\x1fW1\xe6W&gt;\x13\xa4\xfelP\x97\x0f\x02\x13\xe4\x96\x8f|#\x99\x80\xfe2\xbd\xd4D\xd4\x16W\xaa\x90'</t>
  </si>
  <si>
    <t>b'\x8a4\xf9\xea\x9c\x07\x98\xccFt\xc9b\x94\xa9W\xad\xaa\x1e\xa6\xb5F\x9c\xb1:\xdf\xd2\x06\xa5\xce\xeb\xfb\xe9'</t>
  </si>
  <si>
    <t>b'\xe0\xca\xdd{L\x06\xf0e;\xd3\xfd\x95\xc0\x82i\xf1\x1cV\xb1\xc8nc\xf9\xe5\xbc\x9cd\xbb\x88\xf2\x17 '</t>
  </si>
  <si>
    <t>b"\xf9\x19S\x196\x0b\xdcU\xab\x83\x8bc\x16\x8a7\x90\xb5\xc4\xef&lt;.'M\xc2\xf5\xa6\xdbv-\xf3\x86\xe1"</t>
  </si>
  <si>
    <t>b'\xe3\xd7Cti\xae\xe0\x12\xc45\xef\xa9B\xba\xdc\x89g\x17Y\xfaZD\x9b\x1e\xd1\xa5\xf8\x88!o\xaf\xad'</t>
  </si>
  <si>
    <t>b',\x15lb\xe1F\xf0t\x18\x1d\xa79\xa82,\xc2\xcd\x8cSs\xda\x16\x84\xea\xed=N\xc7\xbe\xdb\x86\xe1'</t>
  </si>
  <si>
    <t>b'\x87\xee\xf1\xa7h:\x0c\x082\xa7g\x1c\x92\xbf\x8ftk\xc5\x8d\xf0\\\xdb\xd9;\xdc\xb1\xd8=\x1f\xcbpR'</t>
  </si>
  <si>
    <t>b'\x9b\x9c\xd8\xedO\x1aE\x7f}\xd2\xc4\xe94\x90\xdbT(\x9d\xe1\x1c\xd1\xd0\xb5S\xff\xca\xa8t\xd6\xff\xd2;'</t>
  </si>
  <si>
    <t>b'\xe4\xa3\xa9yy\xdb\x15\xf16/y.J\xa6\xd0\xf2\x00\x1d\xefO\xcc\x02\xf1\xf6\xa9WG\xaf\x19\xf1\x14\xed'</t>
  </si>
  <si>
    <t>b'\xf7R$\xdd"_\xc48\xe0\xb0\x82!\xfe\xfb\xb6\xe6\xf6\x073\xbb}\xc8\x92*~`h\xfc\x19F=\xd6'</t>
  </si>
  <si>
    <t>b'\xb1\x13\xe5E\x9f9,t\x10\x08$^\xb9\x8eXzJW`A=_\xe6\x14\xc9X\xb2\x0c\xf1\x9d\x95\x85'</t>
  </si>
  <si>
    <t>b"\xb0\xdf\xe8\xd43\xe1Y\xfa\xb6\x16\x85\xb3:Df\xc5\xf27\xc5N?\x9f'\xfcN\xf5\xa4\xca\x1c\xcd\xafP"</t>
  </si>
  <si>
    <t>b'\xe3\xa85\x8e\xd0\xfd\x88\x82\x91\xa2^\x91c\n-\xce\xf1\x80\x01\xdd;\xf5\xf0b\x0f\x89\xab!K\xb5\x1b)'</t>
  </si>
  <si>
    <t>b'io\x1b\x18\xb3Gd\nR\x8a\xfdn,u|\xac\xc0r#\xaf\x9a\xb5\xbc\x8c\xab\xdf\x10\xc5\x9d\xea\xa8\x8b'</t>
  </si>
  <si>
    <t>b'2\xdb\x0bV\x03\xdd\x90\xd7\xa0W\xe8\xfb\nE\xfc\xe1\x8bdR\xaf\x94t\xfc\xd3\xd2\xc8\xd1\x12\x86K\xbam'</t>
  </si>
  <si>
    <t>b'\xd6_\xa4\xb9\xf0\x9fK\xf9h\xd6.\xedi\xefZ\x9b\x17\xd9\xadbF\xc5\x96\x06\x1e?\xc2\xd7\x02\xa6!\xef'</t>
  </si>
  <si>
    <t>b'\xf3\xed\xea\x10\x94\xfc%n\x9e*o}\xa1U`\x92\x17\x8ff\xa0\xf6\xd1C\xe8WH\xfe\xb3\xc4S\xf4\xb6'</t>
  </si>
  <si>
    <t>b"\x16'\x9d\x0bo#1\xfc\xc69s+\xf0Sv\xb4\x1f\x9d\x90\xd6\xa7Z\xdc\xb0\xa0f\xfb\xf2G\xca\xa9\xca"</t>
  </si>
  <si>
    <t>b'|90X\x94\xa1\xea.$\xea/V\xf8\xea\xe0&lt;\x13{\x1a\xed\xd7\x12V2\xb3\x80\xaew\xa2\xdf\x11\xa0'</t>
  </si>
  <si>
    <t>b'o\xb1h\x14\xbd\xc0\xa5c\xdc\xd5R\x83\x8bA\x88@\xabl\xef]\xf0\xc7\xf9\xfd\xd6\xc2\x1b,\x80Y\xc5\x84'</t>
  </si>
  <si>
    <t>b'\xf1\xe1\xdcqC}\xd0%h\x85\xea\x86\xf6.\x0e\xb4I8N7\xbb\xc0H\xbc%\x0bO`C\xb3M\xc8'</t>
  </si>
  <si>
    <t>b'\xf7\xdbHw1\x81\x07\x0b\x119\xff\x89?\x19\x90\x17nu&amp;\xf5^\x18\x8f\xcfIs7R\xff\xece\x81'</t>
  </si>
  <si>
    <t>b'1?I+\x98\xa7\x1d\x82\xc2W\x1c\xb7\x94p\\\xf2Zv\xafpr\xfd\x9bfp\xda\x80lQ\xd9&amp;['</t>
  </si>
  <si>
    <t>b'I\xdd\x8a\x14\xa7\x9d\xea\xed+\x87l\x99\xa6\x0eV\xc7E\xbfX\xb8mR:\xf1hmM,\x80U\x18\xbf'</t>
  </si>
  <si>
    <t>b'\xd4\x07\xe3\xdb\\\ntC\xcc\x18\x14\xde\x08\x98\xf3\xe3\x92\xab\x84\xcf:\x1d\x8d\x86\xac\xcaq\x98\xd1\x89\x0c\x8b'</t>
  </si>
  <si>
    <t>b'\x10]\xc2\t\t\x1bu\xa4\x9cl\xb2\x89Y\x8bP\xc7Q\x14\x80\xae\\\x18\xc1RP\x9a\xf8h\xbc[s\xa1'</t>
  </si>
  <si>
    <t>b'cZ\xc6\x95/\x9d*V\xec\x95\xd5\x19\x94jFy\xa4\xb4\xe9\xfc!n\x1e\xf4\x80\x0f\x88vrw\x83\x1d'</t>
  </si>
  <si>
    <t>b'\xf9\xbb}\xa8\xab\x8e\x10K\x12!\xe3\x83&lt;\xf7\x02*\xf8.\xc4\xb8\xfdJ\\\xc5e\xcc\xddS\xa4\x15\x197'</t>
  </si>
  <si>
    <t>b'\x9f\x9ci\x8b\xc7\xd8)\x17\xe4\x8a\xdaO\xc6Y\xa2\x1d yj\xbcU\xcdm\xf5&amp;\xfey&lt;a\x13\x9co'</t>
  </si>
  <si>
    <t>b'l\x96\xc0\xc4\xd8\xb05\xb2\xc1\x03\xeb\x80\xf3\xa3\xcd\xb6\xa9 L{\xbb{diVM\x88"\xee\x8b\xf8\x85'</t>
  </si>
  <si>
    <t>b'\xfd\xe5\x01\xb3\x9a\x1b|\x9edi\xa8\xbb\x04n\x1ak\xe8\x11\x8a\x82$\xb3\xf6\x92\x8bt\x97v\x86\xf3\x86Z'</t>
  </si>
  <si>
    <t>b'UB\xe6\xf4\x88\x7f\xf0p\x91@:\x83\xb5\xf4\xb6Q\xc4Y\xc0\xdf\xa7\xa2\xb0\xe42%@\xc5^\x12s\xf9'</t>
  </si>
  <si>
    <t>b'\x99\xd8\xf8.\xdeM\x96\x00\xdci\x1a3\x06d1\x16\x92?\x93\xc5\xa5PRK?\xd9I~%.\xb0\x19'</t>
  </si>
  <si>
    <t>b'$.?T\x87\x0fS\x1a\xe6B\x1f\xab\xa9\xf2\xdf\x8c\xe5\xca\xfa\xa9\xcc\xb5\xcc\xf9\xc2\xceD6{\xe6\x825'</t>
  </si>
  <si>
    <t>b'\xc1\xc5:P\x95,\x10OZ\xa0\xfc\xec\xc3+De\xb5L\x86J.\xe3-x\x9d\xcd\xa1\x93K\xba\xf6\xb1'</t>
  </si>
  <si>
    <t>b'\x1bW\x18\xf2l\x0e\x03BP\xb5dm\xb3\x967\xff$t\x81\x8f\x9b\xf2\xb5\x92\xe5\xf7\xb7\x85lC\x80\xd7'</t>
  </si>
  <si>
    <t>b'L\xf0\xfe\xc8\xbe\xba1j1\xbb\xfc\x11\xe6\xf8Jc\xf4\x06\x87\xcbZ\xa4{7\x99bO?3\x87c\x93'</t>
  </si>
  <si>
    <t>b'^\xeb\xe2x\xb3\xd7\xf9\x9axjy_\x85\x8a\xb0\xc0\xe2\xfb)0\xc1\xa1I5\xba\xd3\xfe\x00h9\xba\x87'</t>
  </si>
  <si>
    <t>b'\x99\t\xd0\xaf\x14\xfa5%\xd0\xd5\xa4\x01=RT\xbd\xda\x1eg\x9c\n}\xa9\x8d+\xf4\x03\x9d\xf8C\x0c\xd5'</t>
  </si>
  <si>
    <t>b'r$\xf3-\x1a\xbd(o\xba]y\x17\x82/\xa2w3\x06Q*.\xd1\xb5D\xbf\xb5\x97x8\xf6\x13\x8b'</t>
  </si>
  <si>
    <t>b'\xb0\xd0\x08\xedP\x82\xf6\x8d,\x14\x81\t\xadM\x81\xaf\x82BK\xc8\xde\x07\xa3\x19\xd7a\xdff\xb6\xcc\x91o'</t>
  </si>
  <si>
    <t>b'\xd7\xc8\x80\x14P\xb0\xd1\xcfK\xa8\xb3\x831\x0bR^7a\xc2\x99\x90\x93\x91\x9d\xa8\xa2\xb0\xca\\\xf5\xfbh'</t>
  </si>
  <si>
    <t>b'\xa2\x8e\xf8l\x012\x8d\x02\xcb\xb2&lt;\xb3\x1c\x0f7\x14z\xf4%\xfc\xafN,\xea\xa5\x18\x9f}\x83M\xb9i'</t>
  </si>
  <si>
    <t>b'\xeaqyq+\xfb\xe8\xfa\xd3~"\xaek4\xce]\x840\xe4d{0:\x9fAX\xd7*D\xc9\x15\xac'</t>
  </si>
  <si>
    <t>b'\xd5\xccu[\xcc\xdf,-X~O\xbb]\xea&lt;%VMOW\x1e\x0e8)\xb1\xcf\x81\x01\x88\xb9l{'</t>
  </si>
  <si>
    <t>b'\x00\xac$P\x1er\xde\xf4[ \x0eR%\xc94\x1c\xb0T\x18mi\x1f\xe2;v\xaeT\xb7\xcb\xca\x82:'</t>
  </si>
  <si>
    <t>b'|;\xc8z\x99\xcc8H\xe1\x97\xb0\\\x1fT}F\xedHF}\xf8\xa5\xc9&lt;9\x0b5b9\xaf\x9e\xd2'</t>
  </si>
  <si>
    <t>b'\x8f\x1c\x87\xd7\x9a\xa1I3a\x00W\xa3\x90\x8d6\x0e\x198k\x8c\x17\xdat\xe8an+\xce\xa0xr\xdb'</t>
  </si>
  <si>
    <t>b'\x8f&amp;s\xc0*UBn\xb5\x83\xeaV\x06\xfb\xbc\xc6z\x81\xae&lt;\xdc\xe9\xc2\xb7\x87@\xf2L\xd9;\x96\x81'</t>
  </si>
  <si>
    <t>b'\\O\x96\x05yV\xd0\xc1\x05U4\xc3\xd2\xa8Hv4\x1b\xd2\xa22\xbc\x04\x8a\xd0t\xda\xa9\xcd\xa6\xb36'</t>
  </si>
  <si>
    <t>b'\xe5[\x9f\r\xf2\xd4\xe4\x05?\xa30\xd9$\xeb_:\xcf\xb3_\xaa\x16\x06\x1aax\x80\x97\xfd\x1d\x9e\x19\xb5'</t>
  </si>
  <si>
    <t>b'\xb0&gt;\x7f\xefWqxN\xf4r\x06x\xb6\xfa\xa8\x90\xe03\xcd\x18Y\x11\xbf\xfe\xda\xac\xc3\x87\xbb\x86\x19\xc7'</t>
  </si>
  <si>
    <t>b'%a\x05\xce\x19\xdf\xc6)\x16n\x90\xe1w_\x90\x1c\x05\xb0p#S\xa3\xe3\n\xf3U~\x0et\x08\x13\xdf'</t>
  </si>
  <si>
    <t>b'\x00\xe3b\xb2$Rx|\x0f\xed\x13C2c:\xe4\xfemR\xe8\x86\xa3\x95n\xa6\x02\xe3\xb8\x0ec3\xe4'</t>
  </si>
  <si>
    <t>b'\xa3\x05\x83{L\x92\xfai\x84p&gt;\xa3i^`\xad\x13\xef_\xbbCq\xeeX=\x13\xee!\xf0#RV'</t>
  </si>
  <si>
    <t>b"\x980\xfc\xb1\xa8\xdb5l7'\x93\xc2\xc0\x02\xe4)O\xdf\xb1KES\xa5W\xe3\x15\x94\xb8\xa03\xef."</t>
  </si>
  <si>
    <t>b'\x9b\x19\xf5\x94\x06\xc6\x85\xba\xae\x1a\x03\x12\x16g\xa1\xe7\xcc\x0e\xfe\xbf\xc3Z6\x02sx|\x1b\x8d\xba\x03D'</t>
  </si>
  <si>
    <t>b'\xdf\xfc\xa7\xa8\xd9$E\xbabl\xe6\xef\xa4"`hVUy\x14V\xc9e;\xde\x14\x10\x97Z\xbc\xbd$'</t>
  </si>
  <si>
    <t>b"\xce\x08cK\x11\xb1\x96\xc0\xf0\xad*\x92$C\x96\xba\x9e\xa8\xb1\xf6'\x922\x88h!&lt;G\xfb\x0b\x84\xee"</t>
  </si>
  <si>
    <t>b'U&gt;#\xa8\xd0X#EEHi\xa4\xceY]W\x82V\x911\xcb\xd0=\xc1\xf5]2}*\xc2\xf3\xb2'</t>
  </si>
  <si>
    <t>b"\x11\x0e'\xb7\xa8&amp;.\xc0\xaf\xd7\xc9g\xd1\x9eK\xf1\xf8o\xfe\xc48-R&amp;\xfeFd\x94\x8b\xf1}\\"</t>
  </si>
  <si>
    <t>b'\x9bP\xd3\x93\x19\xd6\xc4\x07\xa8\x1b02\xe8\x80\x86\x0f#\x83\xe4\x93\xf6&amp;\xf3\x80\x90vk%\x8a^k\xfd'</t>
  </si>
  <si>
    <t>b'\xf7\x17,\x82\x19CZ\xf5\x8e\xf2\xd1:\r}\x14\xdfNZ\x90\xc7\xc4\xfe\xcf\x0f\x80\xce\xe7f\x7f\xf8\x945'</t>
  </si>
  <si>
    <t>b'\xd0\xc7\xd5\x8c\xf0W\xc1\xd6\xd6%\x86:\x89\x88\n\xf7\xe9S}\x9a\x87\x02\xe5\xa0\xfe[#\xfc\x8b?p\x06'</t>
  </si>
  <si>
    <t>b'\\\xd9Od\xe4_\\\x86\\\x08\xfaY\xe4\x82\xd2\x87\xe2\xa3:\xd0\x9d\xea\xe6\x9aW\\\xc9 \x8f\x97/H'</t>
  </si>
  <si>
    <t>b'1\xce\xad\x1b\x9e\xa5\xb2\xd0\xd5-\x1c\xe2\xe5\xb0\x1f\x89&amp;\x84\x9f"\xdb\'%r\x84\xe1=oo\xad\xca\t'</t>
  </si>
  <si>
    <t>b'\x88,\xb6\r\xb3j\xea\xde2\xc4?X\x8f\xd1P=\xc8\x90\xda\xcd\x9ar`\xef\xd7\xb9s\x1f\x00\xac\x07\x89'</t>
  </si>
  <si>
    <t>b"\xca\xc1{\xb2 \nT8\x9d\x07\xe2\xac&gt;'\xe1W\x91\xa3\x00\xbd\x1e;|\xc4\x15\xd9B\xde\xaf\x0f\xef\x85"</t>
  </si>
  <si>
    <t>b'W&lt;\x8bFF\x0e:P\xd3\xec\xba\x06\x14\x91D\x00\x92\x1d\x08n\xd6Cr\xa2\x1bLn\xc2\x82\xda\x05\xad'</t>
  </si>
  <si>
    <t>b'\xad+$\xf6\xd1h\x1cyM\xcf\x8a\xd8\x02^\x81W\xd7\x98\xe7\xab\xf2j\xa3\x87\xa3\xaa\xd4\x01E\x82\xb5o'</t>
  </si>
  <si>
    <t>b'\xc8\x18\xab{\x90\x0c\xcb\xbc\x90a\x90\xcf\xb1\x8a\x06&gt;\x96\xb6\xa2\xd4\xf6\x83\xea\xf2\x0c\xfaM\xddOo&lt;c'</t>
  </si>
  <si>
    <t>b'\x0f\xc5`L8\n\x07:1\r\xb4(\x16\xdfA\xd2\xa2=\xe0%)\xa6*R9\xb4gR\n\xac\xfaB'</t>
  </si>
  <si>
    <t>b'\x9c\xfa\x12&amp;\x16b\xbd\xa6\xba\x18\xcc\xae$W\x8a\x90\xb4\x9f\xae\x10\xd1r\xef\x18\x15\xaf\x0c\xcc\xe0\x1b{\xe2'</t>
  </si>
  <si>
    <t>b'\xb1\xfe\xb9:\xa1\x91\x9d\x16g\xf9"K4k9\xdb)\x12J\xda\x1e]\x9f\xb12\xcc\xe31\xeb\xa9\xd6\n'</t>
  </si>
  <si>
    <t>b'\x95\xd8\x81\xf2{( M\x0e]u\xdb\xb8\xc7.N\xa28l\xb9\x04\x053\xac\x8f\xca\xd4\x9fd\xf4\xd7O'</t>
  </si>
  <si>
    <t>b'\x8c\x9f\r\xdb\xf8NO\xa5\xc4\x9b\xe8\xb9df\xaa\x17\xd2\xde\xd6\xbb\x87\x83\x13P\xe5\xa0\xa4#\x8d~\xa9\xce'</t>
  </si>
  <si>
    <t>b'\x8d.\xe1\x92\x8fU\xee\xa4\x0e\x0c\xb60\x03n\x90\xdes^\x84q\x9a\xcd\x85SA\x86\x1a\xc8}\xfc`8'</t>
  </si>
  <si>
    <t>b'\xfc\x01$\x93\xa0\xc6B\xa5\x97\x16\x98\x18\x89*\xdf\xbeC\xf3\xd3\xf10r\xb8&gt;\xefG\xf75\xc5\xa7\xba='</t>
  </si>
  <si>
    <t>b'\xf1\x8cd\xef\xe7\x88"\xf6\xac\x12\xb7\x9a\x10&amp;f\x11W\xb9Jp\xa2\xe6hb\x1b$\xe5\xb0\xde-\xa1\xba'</t>
  </si>
  <si>
    <t>b'\xdd\xa4\xfb\x15\x15\tM\x8e\xa9\xf7\xdf|\xfe\xc8O\xc0\x86\xf8\xe5\x15\xe1c\x90D\x17\x16\xd0F\x87a\x0cs'</t>
  </si>
  <si>
    <t>b'\x96&gt; \x04^_\r\x0e\x9fAS\xa9\xe7\x11\xc3yJ\xb4{\xa3\xbc \x88\xfc\x83\xc3hI\x96\xd7\xbb\xda'</t>
  </si>
  <si>
    <t>b'!\xde\xd2o\xe8\x16\x9f\x10UPr\xe5\x82r]1\xc3\'\xc6W\x1b\xdb"\x8c\x04M\xc9\xc35\xdd\xa1\x1e'</t>
  </si>
  <si>
    <t>b'\xba\x85\xc1%P:\xc4W\xadh\xd6\x1d\xa8\xdb\xdc\xac\t\xdf{\xe6\xaf\xfbJ\xa31D\xdd\xa7j\\(3'</t>
  </si>
  <si>
    <t>b'$\xafB\x8av\x85\x9c\xe3\xcf\xa3\xcd\xd6\x9e\xa6=\x9dy&lt;\xc2P\x1f)\xb1\n\x1a\xb2\xeb%T\x1d\x82\xca'</t>
  </si>
  <si>
    <t>b's+\xaa\x13\xe5\xbaG\x9b_\xce2\xa2\xeae\\L\x98\xaf\xbc\x13eJ\xc9S\xa2\xfa\x15\xa5t\xc17A'</t>
  </si>
  <si>
    <t>b'~\xf5\xd7\xae]W`\x8d|$?\x89\xb6\xda\xce\xe2\xfc2\xa2?\\\t\xd8\xeb\xb43\x7f\xce%\x9a&lt;\xbf'</t>
  </si>
  <si>
    <t>b'6\xfe\x98\x89\x93\x08u\xc4\x14J5\xb9\xf7\xa3@\xee\x19\xf6\xc8\x19E\x8a/kj\xb73\xb9\xa7\x14W\x14'</t>
  </si>
  <si>
    <t>b'\x14\xc6\xfb\xaf\xb4\x05zJ~\xa4\xf9S\xe3\xb8\x82\x11lw\xa7*]#\x81o\xa2y\x0b\xf5\x1a&lt;\x9f\xac'</t>
  </si>
  <si>
    <t>b'\xcd2\x18\xe6\xf5\xa7B\x07Bw{\xbfrf\x05\xa7\xe8I\xa2\xefkw\xb0\x08R\x0f\xf4\x1be\x7f\xf3\xd1'</t>
  </si>
  <si>
    <t>b'\xd8\x86\xec\xa4\xb6\xd28=\x1c\xa7\x0ed\xd8(f\x9ae\xef\x87\xc4\xa6M\xf1\xf2\x8d2XQ\xf5\x98\xb53'</t>
  </si>
  <si>
    <t>b'\xdcT\xa3\x07\xd6\x14\xe7[\xcaI\x12"\xe0b\x85\x80E\xde\x1ermD\x1dG\xeb\xad\x13p\x8a\xe5v!'</t>
  </si>
  <si>
    <t>b'B\x16\x9b\xa1v`6Q\xad\xba3Q\xdc\x9d\x9c\xf7]\xa0\x9cT\xe6\xc3\x80/\xdd6\x1dm\xe6#\x8a\xf1'</t>
  </si>
  <si>
    <t>b"\xa6*\xf4\xc4F\x88-Q6F\xe72\xbby\xa6]\x93H\xc4ce\xcec\xa2\t\xbdY\xa7\xea{'\x80"</t>
  </si>
  <si>
    <t>b'N\x83\xd8i\xd9+\x93\x10\xe5\xdb\x93\xd1J\x1b\xbc1Wa\x06\xcd\xf0\xed@\x1bs&lt;\xcd\x88,\x0c\xe4\xe1'</t>
  </si>
  <si>
    <t>b'\x92\x08\x11q\x80;\xa4\xa7?\x93\x92\x9b\x08~\xb2\x88\xb2\x06\xcd\xf1D\xb8\x10\x1a\xc6|\x94\\\xd5\xff\xc6O'</t>
  </si>
  <si>
    <t>b'\xcfC\x95e\xf9\xd2\xee\x9asHOA\xcd\xc7\xff\x9f\xbetC\xfe\xa0\n\x05\xb9\x8a\x91\xbe\x04\xb2U\x1a\x96'</t>
  </si>
  <si>
    <t>b"\x109\xe1\xb4\xcb\xd7\x0f'i\xf1Cq\xd5M\xd9M\xfah;\ne\xb8_\xbdDE\xb1\xf4\x02\n\x8a9"</t>
  </si>
  <si>
    <t>b"\x99\x9a|\xbf%Cl'c?\xf4v\xf7e^\x8d0\x82\xa7\xa4+&gt;L}\x8f\xb0\x18NtpBD"</t>
  </si>
  <si>
    <t>b'\x01b{\x1d\x91$(r\xc5{e\xd4\x1cq]r\x95\xbd\xa4\r\xf4\xf0\x80\xda\x81G[q\x8d\xc6\xd3\xef'</t>
  </si>
  <si>
    <t>b'\x808\xf5\xb8\x85\x0c\x88i\x05\xf5`\xfc\xc1\x883j}\x19\xb5P\xbb\x1e=KG(\xe8SZV$\xc9'</t>
  </si>
  <si>
    <t>b'B\xaa\xfe\x10H-\x86\xb4\xd53\x9c&lt;\xce\x1a\x1d\xa5\xdb!\xa6\x14U\xd0\xe8U%\x99\x9d\xb67\xee\xe1\xf4'</t>
  </si>
  <si>
    <t>b"MR\xa0\x19\x14\xd2\xe7\xdb\x1e;]X\r\xc7\xb3$\x1b\xddl'E\xa87\x17)3\xa3\xaf\xa6\xf3\xc5\xf2"</t>
  </si>
  <si>
    <t>b'\x93\x03\x14\x00\x86\x07`\x16\x0b\x04!t9\xfd\xb9\xdd#\t=-\x93\xf1\\\xa3-Q-\x9b\x94e\xad\x02'</t>
  </si>
  <si>
    <t>b'\xfas\xa5|b\xa1\x94\xcc\xa9\xd2\x87\x8f\x06\x1f\xc4\x06"\xaaT\x18\xeb\x13\xe02\xbf-\x8a\x8e\xe0\x1a\xa1\x02'</t>
  </si>
  <si>
    <t>b'\x8e\xcbj\x87\xc7_\xae\xdf\xf6\x14h\x19g\xcc\xcb\x9a\xe5\x81jx\x14,*\xc7\xb6\xa9\xffu~?t\xef'</t>
  </si>
  <si>
    <t>b'p\x99\xf2.!SAM\x88\x00\x89\xfc\xbf\x92\xb3&amp;T\x9d\x8c\x91\x89\x9cw"\x88\r\xa1g\x87\xe8eK'</t>
  </si>
  <si>
    <t>b'\xd5w\xf1T\x7f\x88\xcd\xe6\x0fx\xe1\xbaW\xeaE#"\xdffc$j\x98\xfe\xac\xd4\x12:dS\xa3\xeb'</t>
  </si>
  <si>
    <t>b'_\x126\xa87\xc4\xf7\x83\xcep9xxQ@U\x1bR\xa6\x0e\xd9\xac\x85\xa4(\\\x83\x026\xe1z\xfd'</t>
  </si>
  <si>
    <t>b'.\x10\xaf\xf9\x99\xc9\xff\x1f0n\x8fi\x9bDF\xd8\xce&lt;\xc35\xf0%?\xde\x97\xb4\x04\xbd\xe88:k'</t>
  </si>
  <si>
    <t>b'\xc6b\xe9\x06im\x1b&amp;\x15\xb4\xf3\x94\xfa\xf4 \xcc@\xc0\x07vN\x97:\x85\xf5\x07e\x9d\x8f\x81\x85\xde'</t>
  </si>
  <si>
    <t>b'\xc6}\xb0\xa5\xc5$t\x19\xb3\xacm\xf7\xc3\x8d\xfa\xba\x92\x98\x9fKP\x912-\xb8\xa4\xa6c\x85X\x1a\x15'</t>
  </si>
  <si>
    <t>b'\xb2\xf3\xc3k}\x17\x82\xd4\xfd~\xcb0R\x0c\xc6m\xfc\xa3\x86\x9a\xda!\xdd\xd8\xb7\xcc@+\x0e\x829\xf5'</t>
  </si>
  <si>
    <t>b'&lt;\x1fvt=3u\x06\xfb\xc5{\xfcny\xda\xff\x97\xda\x9c\xc7\x9b.^\xb5+`\xd1y\x08\xb7\xa2\x17'</t>
  </si>
  <si>
    <t>b"!\xcfg|@\x08\x9c\x9f\xc4\x96E\x99\xef\xb8\x94\xe6vI\xb3\xc3m\xecM':_\r\x8c\x95\x82\xf3\xea"</t>
  </si>
  <si>
    <t>b'\x1b|\xe79\x11\xff\xf0\xbd0r\xabq\xc6 =W\xfa\xecS\xa3y\xf7\x12}\xec\x04\xe9\xaa\xb8}i0'</t>
  </si>
  <si>
    <t>b'\xdd\x9a\xcb\xbe\xca\xa6/\x13\xb66|\xc4 \xb3\xc3\x12+U\xb8\xe0\xf1/x`\xb3\xdbD?O\xe19\xbb'</t>
  </si>
  <si>
    <t>b'\x05\xbb`o\xa8\x8b\xd7T\x88\xf6\x91\xa7\xb8\xfb\x81l1\x8e\x8a7\n\r\x1e\xeet\xb0\xdc\xee\xabF\xca['</t>
  </si>
  <si>
    <t>b"\xec\t\x90\xb0\xae\xc3\xbc\x14]D\xe1xp'\xfc\x81\r\x027\xc1\x89\x1bG\x89(\x9d\xd8Z\xa3 \xb7W"</t>
  </si>
  <si>
    <t>b'\xe7]uUU\xae\x9fX_\xbd\xba\xca\x05\x84\x11m\xee\xad\xabjs\xfe\x12s\x8eI\xee\x1c\x9bu\x8b\xee'</t>
  </si>
  <si>
    <t>b'WA\xc8]N4 /0\xe5(\xde\xd0J\x99]\x13F\xe6\xc5\x9cP4\x82\x18\xbf\xcb\x9d5\x94:\xb2'</t>
  </si>
  <si>
    <t>b'o\xffy\xb1[\x9d95I\xd8\xf7-\xae\xab\xd2\x11j\x9c\x12\xefp\xc9\x82\\\xc0\xdc\xf60\xa4\xc0\xdfT'</t>
  </si>
  <si>
    <t>b'K^\xa1c\x91\xb6\xf1\xfb\xe0\xef\xc7\x1d4\x18\xc8\xa1^g\x18\x84\xc7EM\x086\x11\xb8&gt;^\xeaLs'</t>
  </si>
  <si>
    <t>b'\xf3\n\xa9\x1a\xa5\x9fk7\xf8\xd0M\x0c"&gt;\x88\x0b%\x15\xda\xcbS\x06~x\x05P\xac\xa6q\x99|\xdf'</t>
  </si>
  <si>
    <t>b"\xc1\xec\x02&gt;\xcd\xcc'\xe7\x0e\x99\xf0'\xbbz\xba5\xfb\xf2\xabM\x1b\xe8K\x1b\xda\xb6\xff]\xb3\x8f\x82\x97"</t>
  </si>
  <si>
    <t>b"'9\xce\xdaS\xb7\xff\x8f\xa2Up\xc4\xb0}\x86\x0f$\x8az\x9c\xa7F\xa3\xacT4\x18\xe7\x15;S\x8a"</t>
  </si>
  <si>
    <t>b'7zxA,\xac\xc1\x0e\xf0I\xf6\x96c{\xa8I\nt\x92\xa6\x90\xa4V[\x1e\x1c\xb1@aG}T'</t>
  </si>
  <si>
    <t>b'\x8f\xe7\x000\xe1\xe1\xe1\xae\xe3\x83\x9a\x12\xf2\x1b\xa0\x84\xf0%\x94\xe5\x9cL\x8f\xcf\x13p\xc0L`L\xd5\x16'</t>
  </si>
  <si>
    <t>b'9\x1dz\xa4\xc8J\xed\xce"\xa3\xf0\x96E2\x06\xbdJ\x93\xd6_\'\xd8_e\xa8\xc3\x9fv\xafE\x7fP'</t>
  </si>
  <si>
    <t>b'\xf1\xf6\xba\xed\x92\xd2\xf0\x87\xb5\x97#(\x00\x81\x05\xb1\x04\xdd\xe6f\xd9\x15yG\x16\xa0\\/\xa0\xf7\xaa\xd8'</t>
  </si>
  <si>
    <t>b'\x98=\xc7\xad]\xcc\x17\xb8`8R`\xb9\xf8\xc4\xa6&amp;\xf2_\xa5w2\x11[ny\x11\x8f\xb2\xe4\xa4\x9b'</t>
  </si>
  <si>
    <t>b'\xf1w\x1c\x03o\x12\xf5\xcb\x98\r\x12\x92\xab\xc3\xbf\x88&gt;~j\xb5\xd5\xfa\x05.\x12\xe5\xba\x14\xda:E\x1a'</t>
  </si>
  <si>
    <t>b'S\xae\xdc\xda\x13\xf8\x82\xe7\xf3%\xf1S\xed\tY\xc9\x00\x03J\xe4\xfb\xdcD\xbcE\xcdQ\x14K\xdcqc'</t>
  </si>
  <si>
    <t>b'L\xe5c]\x0e\xfa\xad|to~\xce\x8a\x04\x83M\xf80/\xdc\xfaH\x18\xe6\x05\xc86n\xf5\xf4\x99d'</t>
  </si>
  <si>
    <t>b']2\x9b\x05\x8f\xa9\x97\x88\xf1l8\x95\x8a\xd3J\xbf\xbe]\xe3\xaa{\x88\xbd5\xe8\xe4\xbcp\x04F\x0e\xbd'</t>
  </si>
  <si>
    <t>b'\x1b\x82~\x03\xf5N\xfd fV\xef\xafY&lt;\x1b7\xad\xc4s:\x8e\x14\x07\xe0\xb5\xdf\xd5\x11\xf6\x8d5\x93'</t>
  </si>
  <si>
    <t>b'\xb5\xc1\x11\xf3CQ98\x05\xfd\xc4{"*\x97Y\x8d\xa9\xfb\xcb\xec\xff\xcb\x14 $\x1c2\xe0L\xa6\x88'</t>
  </si>
  <si>
    <t>b'\xd0\xe7-\xaf\xdf\xf4E\x13\xe7\x7f\xd4\n\xe11"\xa8\xf6\xe2A\xf59\xfcVE \xa0o\xd0\x1aO\x13\x84'</t>
  </si>
  <si>
    <t>b'\xf4\xc3\xb0#\xf4\xdf*\x01\x8d\xa8\xa9Y\xb9\x7f\x02v\x01\xf7\xd64\xc3\x8a\x86\xad\xad\x80F\\\xbf\x08]\xa0'</t>
  </si>
  <si>
    <t>b'\xae\xa74}F\x072O8\x9e\x08s\xd3\x02\xd6\x10\xf6\xdd\xf6p\xfc\xd4l\x97/\xc8x\xe4\xa7Mx@'</t>
  </si>
  <si>
    <t>b'\x989\x1e\xc0\xea\xd1T\xe5t4\xa6%\x80\x95\xc6\x99\xf1\x933\x06\xba\xa6{\x9c\xca\x0cU\x8e\xa7L.*'</t>
  </si>
  <si>
    <t>b"\xb3\xa0$\x03\xaa\x96\xa8X\xc9\x95\xcax\xadO\xaaFW''\xa8\xda\x1e]q\xa7\x1b\xbcTjWxQ"</t>
  </si>
  <si>
    <t>b'q\xcd\xb8h\x1d\xf31a\x02\x936\xb0\x88\xe2\xd31\xba\xfa@Q\xf1\xe6LY\x86P^=\x9e\xa9y\xc6'</t>
  </si>
  <si>
    <t>b'I!\x05Q\x9aP\x93\xf1UL\xb2m4%\xfb\xf0\xb8\xfb\xddl\xd6\xf5\x86\xdb,\xbc\x18\xa5\x89\xee\xf6\xff'</t>
  </si>
  <si>
    <t>b'\x15\xff\x9f\xc0\xab\xf9\x9c\xc3A{vk\xc1\xe9\x84\nK!B\xfe\xa4\xeb\xfe\xdb\x84\xc0\xb09\xbd\x986M'</t>
  </si>
  <si>
    <t>b'rq\x9a,|\\\x83d\x95[\xe2\x19\xc8\xa5(\xb7/B\xc85,\xe3}\x8b\xfd\xa0Q\xf9Z\xb9Q\xca'</t>
  </si>
  <si>
    <t>b'\x8f(\xb6\xd5\x0bU\x13\x88A\xef\xff&gt;\xf9\xa5\xf4.\xad\xa8\x85;n\xd0f\xbdgRV\xc8\x0b\xf3\xbf\x03'</t>
  </si>
  <si>
    <t>b'\xf7\xb7h\t\x8d \xb0@y\xc3 \x9e\xe7myQ\x83,R\xe8QL\xe2\x95}\x86\xcd\xf7\x8f\x85F\xcf'</t>
  </si>
  <si>
    <t>b't\x0e+\xd5\xbe]\x8d\x04\xadN\xee7\xc0g\x1f4\x81\xa6tP"\x8a\x84&gt;\x8a\xfb\x81\x01)Ue\x95'</t>
  </si>
  <si>
    <t>b'\x86\xc5\x92\xa6\xe3\xa2\xa1\x91\xaa\x8a.t=\xf0iD\xd1\x07\xb7VG\xd9\xae\x81\x8f7\xcb\xe2\xf2\x8d\x90\x02'</t>
  </si>
  <si>
    <t>b'\xfe \x18\xdcIz\xd3\xb1FAw\xc2\xe8\x93uX\xd0p$K\xd3\x9fI\xd4#q\x99\xf3\xd0\x802\xeb'</t>
  </si>
  <si>
    <t>b'\xb46\x0f7\xe8\x8bO]]\xa5\x97\xb3\x06N\x82\x8e\xb4\xf7VW\x0c\x13\x98\xd8\x1ff \x06^\x99\x06\x97'</t>
  </si>
  <si>
    <t>b'\xe8.\xeb\x0b\xc00\r\xf6\xaf\x8b\x11\r\x86sLj\xfe\xcbP\xa8a\xa7\xd5\x88b\xe2\xfe\xd3\xaagB\x10'</t>
  </si>
  <si>
    <t>b'5}\xa9\xba\xdb]mA\xacs;y\xba\xd7\xbb\xbd\xc1?vWH\x83\x01\xa6\xa4&amp;\xafei\xb7\xbe:'</t>
  </si>
  <si>
    <t>b"Q\x9d\xd3\xd0\xd5'\xb6\x07F6\xd1\xf9\xac\xe2M\xa4\xf3-t\xb8gI\x7fI\x13\xafR\xfc;\xdd\x171"</t>
  </si>
  <si>
    <t>b'\xc0\xebE\x1e\x89\xcb\x87\xa5\xcc\xe0&gt;\xd6D\xb0\x93b\xb8\xdec\xafM\x8d\x16\xb3\x8b\nI\xf3(m\x12m'</t>
  </si>
  <si>
    <t>b'\x83\xb3j\xed"\xdc\xf23\x02\xdb\xe8\xd1\x95\xe3u!\xbf\x03\x14\xf8\xfdt~\x11\x16\xe5z\x03ySi\xe7'</t>
  </si>
  <si>
    <t>b'G\xee\xf8\xe3\xe7\\\x07\x0bJ\x17\x91v\x94\x03\xad1s\x9f\x98\x15\xe2\x7f\x91d\xc6,\xa2\x88\xe8\xcd\xb4@'</t>
  </si>
  <si>
    <t>b'\xda|L\x837\x8c\xa0.0\xfd\xea\xe3\xfa\xb4\xa2\xfe\xbdL\x1a\x04\xd3\x11\x06\xe3\xee)Y1\xd6\xc7x\xcd'</t>
  </si>
  <si>
    <t>b'\x05\xff\x136\x98\xbb\xc3n\x164=\x00\xc4\xe86\x0f0\xa9\x188\xf3\xd5\xc3\xdfU\x87\xf139\xd15,'</t>
  </si>
  <si>
    <t>b'||^\xd3\xe1\tllb\x96|e\xc3E\xe6\xa6\xb6\x10S\x81\xbf\xe9\xbc\xab\xc0\xb1\xba\x1a\xde\x15\xbdI'</t>
  </si>
  <si>
    <t>b"\r\x96\xfe\nYf)\xb7\x15|\ru5C\x9d\x9e'\xaa\x9e\xa2\x14\xc8\xec?{\xc2\xa5t\x04\xb4\x90L"</t>
  </si>
  <si>
    <t>b'\x02\x88\xd5\x8fc\xd74z\xec\x15\x86M\x03\x84\x16C j9$o4\xf9\xbcpP)\xe9 \xf66G'</t>
  </si>
  <si>
    <t>b".E\xf2G\xe2O\x05'\xa4\x11+\xdfmP\xfd\x06\xa5\x85N%\xe1\x93\xe9 ]o\x019\x83\x8d\xcd\x95"</t>
  </si>
  <si>
    <t>b'\xc35}m\xbd\xf6\xf1\x16\r\xa0\x10\xf3\xce\xf3\xd9\x1b\xf2\xad\xf0s\xd5\xd6\x85\x1aq\x1f\x7f\xd5\x88\xf6\x86\x98'</t>
  </si>
  <si>
    <t>b'\xa6\xf4\xdct\x8feqkO\xac\x82\xd6\x0b\xe2;Zzs\xd1\x0eQ\xc5\xdb\xaf`\x05\xf7\x03\xac!*@'</t>
  </si>
  <si>
    <t>b'\x88\x04\x1fE\xfa\x02xQ\xd1\x7fu\xfa\xf3PSQ\xac,S\xd1\x04\xb3=\x80\xef\xd5q\xe3IO\xb3\xbd'</t>
  </si>
  <si>
    <t>b';w.-\xce\xa3\x1d\xe2\x1e?\xfe\x85\xfd\x92\xf59\xf9\xba\xb78GE\x1e\x1f\x93\xb8\xa6\x0e\xc6\xf6\xd1\xe2'</t>
  </si>
  <si>
    <t>b'\x17`u\xdf\xdbbDy\xd1\x86F,\xfe?R\x89\xb0\x8a\x0f\x8e\xec\x03\xf5\xbb\xbf?\x94\xb5:\xf8\xcbL'</t>
  </si>
  <si>
    <t>b'\xab\xa7bA\xaf\xc7\x85\xd9\x14\xb5=a\xf1\xdeN\x8d\xf1\xb1uI\x02\xf6e\xf7\x0b\x04\xb3cD\xa8F\xfb'</t>
  </si>
  <si>
    <t>b'\xfe\xd3T\x06r\x03`\x89\xe1\x8f\x7f\xe2u\xedX\x127\x87\xf2\xfc\xbf\xcc\x8d5\xc6\xcc\xf5Nm\xa8/N'</t>
  </si>
  <si>
    <t>b't\x1a?\x08\x87\x1f*\xbe\x8a\x02\x1dR{\xb7~7\x19\xe8\x9b\tXO\x81\xb6\x7f"\x04\n\xedMQ\x18'</t>
  </si>
  <si>
    <t>b"\xc31&amp;\xeaJ\x9d\x9f\xa4\x96'K\xc9\xc4'\xbc\x9c\xe8Ynbi\x02\x1c\n \x85i\xc6\xa4\xdd\xaeB"</t>
  </si>
  <si>
    <t>b'!\xe9\x88\xef\xc8H\xea\xe6_\x9cE5\xab\x96\x0b\xae][\xd6\xe1-E\x18\n\x88\x98"\xec\x93L\tW'</t>
  </si>
  <si>
    <t>b'&lt;B&amp;q&gt;1F\x0e\xe5\x14}\xb1\xe4V\x02\xec\t\xec\xa6\x8f\xcc#0\xc9\xda\xdc\xd4n\x9d^\xfe\xfd'</t>
  </si>
  <si>
    <t>b'T{z\x9ct-\xa3\xc1G\xea\x9a\xdf\r\xc6s-\x9a\x08\xe0\x88\x93&lt;\xa1\x0cN\xc1\x0c\xea\x08\x04H.'</t>
  </si>
  <si>
    <t>b'\xeeh4\xcf\x98\xbf4\xb9\xd6R\xe7\x81D\xfbe\xa7\xb1\x1f\xf6\x11G\x98\xb1\x92\x12\x91\x13V\x92\xe0\x83w'</t>
  </si>
  <si>
    <t>b'T\x88\xbc"u\xaf\xa1-sCb\x8d\xb3&amp;\xeb\xe3\xda\xf2\xaf\xfc3\xe0h\xf1\x9dtr{YM5\x0c'</t>
  </si>
  <si>
    <t>b'\xe1\xd1\xd5\xc0_\x84\xcd\xe8\xe1\xa1Qa7\xf8|\xe3\xe5eV\x95\xea\xccC\x86V\x1aT\x8fYP\xdd\x03'</t>
  </si>
  <si>
    <t>b'j6\xd6bh\x03\xfc\xa3\xf2\xe0\xbe\xe2\n\x93\xda\x1e\x0e&amp;\xbf\xa6\xbcE\xbc\xca\xa6\xd7s\xcf,\xd2F9'</t>
  </si>
  <si>
    <t>b'\x9f\x0c(\xe1G\xb4\xe2\xb8\xb0I\xf2\xa9u!\xb4\xbb\xa0*\x9d3\x16\x8c\x88\xec\xddw\x1e@\x9fY\xd9v'</t>
  </si>
  <si>
    <t>b"#\x84\xc2\x0fU\x01\xf6\x97&amp;5\xb8\x99\xc45\x16q\x99z&amp;\x1f\x12\xa7'\x05\xe7\xe0\x87W\x89A\xcf\xd1"</t>
  </si>
  <si>
    <t>b'M\xfa\x91\x9fO\xc3\x9eQ\xc5\xe9hV\xbc\x97@wbE\xd5Cj\xeb\xf0\x07\xe2\xeb\xa0\xe5vd\xa2\xa8'</t>
  </si>
  <si>
    <t>b'f\xa1B\xb9\xef\x95\x8a\x9b\xe8\x07\x14\x16\x1dI\x14y\xbb\xa3\xa9\xd8\x0e\x93\xab\xb7\x8e\xe0\xcf\x8a\xee\xd8\xd6]'</t>
  </si>
  <si>
    <t>b"\xc9\x17\x92\xe4r\xf1\xae\x8c\x11\xc0\xdf \xa0I|\x14R{q\xe6~TPj\x87\xf3\x07.\xc0=0'"</t>
  </si>
  <si>
    <t>b'1A#\xc1\x16\x8aj|#.\x035\xe9\x7f\xbf\xb8\xdcBM\xf6\x9e\xbf\x02\xe4\t\x11n\x95\x86\x85\xc27'</t>
  </si>
  <si>
    <t>b'5%@\xf3\xc1\x98Dt\x8c\x0cYA\xe1-\x009\x98C\x82u\xbd\x908\x1c&gt;\xad\x17_G\x80N\xcd'</t>
  </si>
  <si>
    <t>b'\xdea\xd7\xb9\x1ad\x8eg\x8a\x87\x01I\xd5~u:\xa4\n,\x9e3\xdc\x8dk1\xc9\x06V ,\x1f\x9d'</t>
  </si>
  <si>
    <t>b'0j{\xe2\x85^\xbf\xc9_\xf8\x98\xdd\xf4u-\xe2R\xa2{\xde\xb9\xfd\xb8A\xc8\x99\xc4\xaa\x1e\xc5\xdcT'</t>
  </si>
  <si>
    <t>b"\xfa\x86xk\xa1\x1d\xa3\x0b\xa1\x81\x0e\xa7\x1f}x\x9c'\x89\xe6\x95\xc7\xc8\xe6\xfe#\xe9k\x8d8\xda)\x11"</t>
  </si>
  <si>
    <t>b'\xf2\xb7?i\x19\xa4/\xae#\xba-\xf2\xd3[\xb3c\xe6\x9b\x11:\xdal\x85j\xc0F\xb1\x13[5w0'</t>
  </si>
  <si>
    <t>b'?L\xd7\xa5&lt;M\xd0\xaf,\xc6\x19\x10Zbp\xe4E\x8b\xa0\xfdF\\\r_t\xcb;\xc1\xbb\x90\xfc\xce'</t>
  </si>
  <si>
    <t>b'\x00\x97b["\xcd\xc4\xa3\xb1\x04b\xc2T\xeb%uj\x1aJ\x05\xfb\x88\xe6lV\x88nJtK\x00\x80'</t>
  </si>
  <si>
    <t>b'\xfc\xdc\xfa\xf6\xe8B1\xebh\x8e\xe2\xb7\x1e\xad\x8c\x02GP,\x91\xc5\x85\x18\xd2\x1c\x11\xcb\x94\xd3\xbc\x10\xec'</t>
  </si>
  <si>
    <t>b'0\x89\xf5\x00\xa6\x1c\x9c\x18\xb4\xbf\x87Fp\t\xa71*e\xb0\x1d\xcch\x08^\xd5\x83?\x8ey\xbd=\x18'</t>
  </si>
  <si>
    <t>b'\xa0\xf3y\xc4y\xf4X5r2\xcc\xd3y\xff\xc8\x0e\x07\x12h\x9d\x9aoN\xff\xb7,\xadX&gt;\xcd2\xe5'</t>
  </si>
  <si>
    <t>b'^\xe3\xd4\x88\xd6\x06\xbdihluZ\xb8\xc0\n\xac\x0ft\x98\x85\x036}H$\x19\xc9q\xe3\xc1/\x91'</t>
  </si>
  <si>
    <t>b'\xcd\x03\x9a\xb7T\x85\x8f\xf03n\x1a1\xb7\xa3\x81\xef\xd0\xf4\x14\xae\xe6\xce\xac\x1e\xe0!\xd4\x9e\xef \x19\x98'</t>
  </si>
  <si>
    <t>b'\x86\x8b(\xbe&lt;\xf1\x8f\xe4~+\xf3\xc9\x901;\xfb\x88&amp;\xa3p\xe9\xc6Nr\xb3\xc0\xfc\xfe\x03\x7f\xa7y'</t>
  </si>
  <si>
    <t>b't\xa4\xabj\xcee\x9e\xf6r=\xdfO\xee\xa4x\xc8\xea\xc1\x83\xcf\xa5\x18\x8f\xd8$\x8dIj\xf2`\xe4\x0f'</t>
  </si>
  <si>
    <t>b'\xbe\x15\xa9:\x01\xba~\x073\xb1\x00\xa0\xe4\x81_\xf4}\x9a\xf5#q\xe3\xa1\xa4t\x9a\x94\xa3E\xda\xbb\x0c'</t>
  </si>
  <si>
    <t>b'\xce\x80_\xee\x05\xc3\xe7\xb7!k7\x9a\xc8\xa9\x02\xff_\xc6\xd5\xd3\n\xb9]\x93\xb9\xf1\xedG_\xf9B\x8b'</t>
  </si>
  <si>
    <t>b'\xf3stj8\xd7\rPv\xab\x06S\x08\x1cT\xa4^\xd0\x0c)\xe5c\xe6\xe3^\n"Z\xa5\x11\xf2\x90'</t>
  </si>
  <si>
    <t>b'?\x97H\xccE\xa4\x81\x90BFqV\xb6v\x0c\xed\xc9\x84\xd5\xcey9}\xd5\x81\xc5\xfa\x9fZ\x1emz'</t>
  </si>
  <si>
    <t>b'+\xb3\xf4\xcc\xa3\x15\xcek\xaf\x0e5=\xe2w\xea\xe66\xdd\xa2\xee\xc9\xf9\xf7}8Q(d_\xe3{\xb1'</t>
  </si>
  <si>
    <t>b'X\xf7\x18\xf0A*\xabY\x19\x81\xef\x1e\x03\xb1c\x8f\x88,\x84$\xa5=\xe4\xd1\xbfj4w\x19\xc08\xf3'</t>
  </si>
  <si>
    <t>b'\xe2\xc0\x12\x0e\xed*a\x9f?6\xcc\x18m\x97\x18\xe8\xe2\x14\xa0\x03\x11 &amp;\xff\x7f8\x1a\r\xe1A\xbe\xf0'</t>
  </si>
  <si>
    <t>b'Da\xa0\x94\xb3\xb1\xf0\xaa,\x15&lt;!u\x05\x87i\xf4\x1dC\xdb\x9c\xbd\x99^P`\xa8\xb5\xd6#\xc2\x9a'</t>
  </si>
  <si>
    <t>b'\x033\x18&gt;\x98_\xc6\x9d\xdc\xf5\xcd"\xd4\x9ad\x05C\xac\xd5Z\xf6\xf3h\x15\x1b\xb5|\xfc/\xb7`B'</t>
  </si>
  <si>
    <t>b"\xdc]\x85\xad\xcc\x0c\xde\x95\xe9\xb8G\x90}\xf4t^+\xf5G\x1eg\xe7\x82\xc8\x16\x9a\xfc#N\xcd'\xa2"</t>
  </si>
  <si>
    <t>b'\xa8\xbe\xffK@-\x97\xd1#\x8f5+\xe8\x99\xf7r\xd8&lt;jr\xb6\xa0&amp;\x1e\xe1q\x88]\x1e\xf1\xa07'</t>
  </si>
  <si>
    <t>b"\x81\xdd\x1f\xfb\x8f\x8a\tI\x10\x95h\x1d&lt;\x8dh\xf2\x91\x939w'\xb0|$-\x06\x04\xdf\x96\x156 "</t>
  </si>
  <si>
    <t>b'r\x82\xb5\xb8\\\xec\xfd}\x99\x9e\xcc\x84\x86G\xf5~\xfb4.m\xf61\xfac\x91\x9f{)\xcc)o/'</t>
  </si>
  <si>
    <t>b'gj\x16\x10\x96O\x9cb%g\xac\xef\xb3\xe6i\xb5\x8d\xfd\xbe\x04\xe9p\xd5Nnza\xa0[\xf4d&amp;'</t>
  </si>
  <si>
    <t>b'c\xfa\xeb\xa7\xd3V\xca\xf3rr\xf0\xbb\x11\xf0\xd4e$"\x9d&gt;\xff\x12\xa2\x83\xb4\xb3\xd7i\x11\x13\x05\xe9'</t>
  </si>
  <si>
    <t>b'x\x83\xcd\xe4\x9cfO\x1f)\xde\xc8\xd5\xd5H\x89\x01\x1e6\x85x7\xc5\xefJS\xf4\xed\x8f\x99\xae\xce('</t>
  </si>
  <si>
    <t>b'\xf9\x106\x08\x89\x94\x9du\x8c;+\xa4\xf4\x08\x17W \xd78]\x0f\xac\x0eX\xd7\xd5\xb7\xeb\xccU\xab\x04'</t>
  </si>
  <si>
    <t>b'\x02g0G\x9aQT\xac7u\xcc\xbe\xb3\xa2\x90\x88\xe2\xf5\xc0\xcf\xf3i\xf1qb[\xd5x^\xc4\x08\xfa'</t>
  </si>
  <si>
    <t>b'\xc71\xd0\xa9\xb8\x92\xcaJ\x1e\xde\xeey\xd2\xa9\x1a\xe5\x99\x04(\xbb\x98?\x05z^!O\xc3\toI:'</t>
  </si>
  <si>
    <t>b'JK-\xfa\xaa?\xc97A\xfd\xcc&lt;\x81\n\xc0{\xff\xd4TG"\x8b\x99?dT\x8cF\xeb\xf3n\x9c'</t>
  </si>
  <si>
    <t>b'\x14\x88L\x8f0\x07\xba=\xd3\x923\x98\xb3\xde\xa3\xb9\x08\x8b\x18\xff,\x07G\x13\xd7\x99w\xfc@\xba\xf6t'</t>
  </si>
  <si>
    <t>b'_\xc6z+\x11\x9c\xf0H~\xc9\x8b\x9fd\xf9\xea\xb1\x14\xdau\xbdi4\x03\xd4\x02\x88\x99[\xe7n\xe37'</t>
  </si>
  <si>
    <t>b'v\x02,h\x1d\x82\xd4Js\xff\xc9}\xd4J\xca\x9b\x0fAT\xfd\xe6\xc2\xc4P\\&amp;\xbb\xb3d\x0e\x9d\xeb'</t>
  </si>
  <si>
    <t>b'\xdc\xb9?\x83\x1a\\n\x0e9\xa1\x9a;q\x90\xcf\xe5Ux\xae\xc9\xeeKb\xd3\xca\x9a\x94\xeb\x1e\xe5[~'</t>
  </si>
  <si>
    <t>b'$\xd0A8ua\xb2d\x96\xbbm\xf9\xbc\xb4a1\x98\x89\xabPZ\xa3~O\xe1\xaeQ\x85\xe2\xc2\xc0\xa3'</t>
  </si>
  <si>
    <t>b"W\xf7\xfa\x15TX`K\x17\x91\xe4dC\x83\xb7u\xe6\xf4:C?\x16\xd0\xf7\xc3(\xeb'\xdcBU|"</t>
  </si>
  <si>
    <t>b'\xdc\x87_\x18_\xea\xb3\xd7\xfaV1U\xce\xe0\x99\x80\x0b\xf33\r\x89&amp;~\x1d\xd3\xfa\x12\x14\x14}\x9bZ'</t>
  </si>
  <si>
    <t>b'\x1d\xc7\xd1\xb0\x02@\x1f\xa9x\x16\xd9\x06\xef\xe7\xac\xe9\x0c\xb3u\xe8\r\xd6\xda\x1d:m\x93M\xdb\x0fco'</t>
  </si>
  <si>
    <t>b"\xf6\xa0HK\xe7d\x81\xd0\xae\x9cd\x94\xaf\x97\x91\xfd9\xd4\xd1\x13bE\xd1'\xa1\xeb\xd9\x86f\xd2\tL"</t>
  </si>
  <si>
    <t>b'\xe0\xc3\xbf\xac\xf7\x96\xf5\xc0\x84R\x813x:\xff\x85\x03\xd2@;\x96\xe2\x84\x06\xfb\xde\xec\xa5\x0031,'</t>
  </si>
  <si>
    <t>b"\xf3\xef\xae\xc6~\x8f\x8e\xabi={]\xdedgJ\xf7H\xac~Q?Y\xea'\x14\x9fhEq\x04\xe3"</t>
  </si>
  <si>
    <t>b'O\xcd\x80\x06_]\xa1=\x1b9PK\xc3Y\x92\xb9\xe0\xc2\x90\xba\x9e\xb66\xb6\xcf\xbc\xc1\xe6\x9e\x96\xbd\x98'</t>
  </si>
  <si>
    <t>b'\r@\xcb\xf6^d\x8ex\xeb\xaf\xd1_p`\xce\x86\xc9 X\xe4\xb6C\xd9\x84\xca\x01C\xec\xe3GJ\x97'</t>
  </si>
  <si>
    <t>b'\x10\x03\x07l"Bj\x0c@\x1a\xcf\xb8\xc7\r\x83\xc1\xfd\xf7Go\xc2\xd9*Qu\xf9\x9e=\xac\xb2W\r'</t>
  </si>
  <si>
    <t>b'\x9aB&amp;\xf1\x1f\xc8Agy\xe1\x07\x02\x18]\xd1}\xe5\xf9\x19P\xf6\xab\x8fc\xb6\\\\\xbb\x9b\xea\xd6m'</t>
  </si>
  <si>
    <t>b'q\xd6\xae0\xf0P\x98\xe8\xa2\xc8D\xa4\xae7\x8c\xcco\xe4\xeb\xc4\x08n/\x0c\xbeF\xc3\xfe}\x01\x86\xc5'</t>
  </si>
  <si>
    <t>b"s\\\xf6O\xdeJ/w\x81iWH\xc4\x99\xf1\\\x96\x8c\x97'=R\xa3*\x82\x19\x030\xfdLA\xef"</t>
  </si>
  <si>
    <t>b'&amp;\xear\x92^Y\x99V\xef~\xa8\x10&amp;\xa6\xc2\xa9}\x18u\x16\xee\x8c\x9f\xcaqHy\x12\x92\x85&gt;\xac'</t>
  </si>
  <si>
    <t>b'}j\xbd\xec\r\xd7ixL~\xf4z\xe3\x0e5\x183\x02\x89\xf8\xc4\xef4\x98\xd0P\xd7\xe3\x17\xd0\xcb='</t>
  </si>
  <si>
    <t>b'\xe7~\x1c\xd2\xee\xa7\xe95h\xcc\x84G!g\x7f\x14\xb9\x9d\x13\x1c\xe4\x8csD\xb7e/.w\x06\xc8!'</t>
  </si>
  <si>
    <t>b'#t\x08\x07AE*\xb14\x85[\x88#E\x03\xd6eu\x9c\xf1U\x8b\xc4\x85\xde\x1a\xd7\xfb\xaa%l\xbb'</t>
  </si>
  <si>
    <t>b'\xbb\x07\x0e\x9c\xe6\xa9\xd5\xfd\x7f\xbf}\xde\xc0[\tPPW\xab5S:G\xf1\xf4\xaa\xf9\x99\xc4\xf0\xcdF'</t>
  </si>
  <si>
    <t>b'R#\xfb-\xbfUR\x91\xec\xb1\x10C\xf1\xbe\xcd\x13=\x9e\xda\\\xc7fR3\x05/hu\xa8\xff\xcaO'</t>
  </si>
  <si>
    <t>b'\x1b\xb2\xa71\xce\xc0e\x93\x06\x80\xb4\xdd,\xa3\x95\xfb\t\x12u\x85h.\x18PRY(2Z\xc9$\x03'</t>
  </si>
  <si>
    <t>b'\xe1p&gt;TX\xe4;?\xf7\x0fY\xa2ll\xa8\xe7\xb8I\xdd\x9e.\xac)I\xfeV9Q\xbc[a\x18'</t>
  </si>
  <si>
    <t>b'\xae\x985\x93\xfc\x94\n7\x1d\xea\x1fO7;\xb4Hl\xde\xa8\x11\xfcm\xd7\x17\xb7\x8f\x8c\xeb\xd5,t\x87'</t>
  </si>
  <si>
    <t>b'\xa5\xd4D\x99\\0\xc8\xcc\x95lKS\xbb\xf6\xd4C\x18\t\x92\xc7]ceY\xc93\xc6`\x98M\x89!'</t>
  </si>
  <si>
    <t>b'\r*\x84\x93\xdf\xa9+\x08\x19\x10\xc2wbI\x10\x902a]\xff\x01\xe9Oe\xf0\xb4\x86\xe5\xe4\n\x0e*'</t>
  </si>
  <si>
    <t>b'\x8b\xdd\xff\xd5\xf4E\xae\x15\x9eh\xe5\x0e\xa3\xf56R!\x86e\xaa\xf0\x84\x92\xff\x90\xe7\x97:\xaax?\xc8'</t>
  </si>
  <si>
    <t>b'\xb2\xc0w\xa6\\#)\xb2\x1b\xf9\xbd7B\xdb\xe9[V\xb8\xc7w\xb2\x7f\xc4\xbb-\xe9h\xeft\xed\x9f\xb3'</t>
  </si>
  <si>
    <t>b'\xc1\x99~\xc7\xa1\x94\xa9\xe7\xad\xe0\x06\xe9&lt;\xa0\xb4\x8e\xdd\xbe\xc0H*\xb3\x8d\xccB.\xcb\xc8\x93\x8c\xab\xaa'</t>
  </si>
  <si>
    <t>b'&amp;UJ\xa0(\xecF?+\x90\x99q\xaaSFD\xb1==\xec\xb4\xfb$\xccx\xd9H\xb3\xd3W\xb9\xb7'</t>
  </si>
  <si>
    <t>b'\xe16\xf0\xaa?\xe8z\x11e\x81$\xd0\x89\x88~\xb2\xe4\xd3\x13&gt;\x8cu\x19\xe3\xd1\xf4\x7f\xa1\xb3\xfbW\x8f'</t>
  </si>
  <si>
    <t>b'\x03\x14b\xf87\x047t\x01\x82\xbc\xf4\xb1G\x15A\xa2\xa78\xe5\xf8\x96\x06\xa9\x9f\xc1\xfd\xcbb\x1b,\xac'</t>
  </si>
  <si>
    <t>b'SS\x1b\xec,\x0f\xa4\xf7\xcc\xaa\xa7K\xfd\x94\xc7\x06q(A\x07\xaf\xd2\xbc\x97\xa5\xa2\x0e\xb0\t\x00i/'</t>
  </si>
  <si>
    <t>b"\xca\x0cP\x0f-'\xb4b\xd0d9\xed\r\x85C\x07\xe3}3\xf1\xf5\xca\xf0&gt;~\xaa\xef\xbe^\x9a\xc7\xb9"</t>
  </si>
  <si>
    <t>b'\xdb\xd8#\x01Tm\xf8Wg\xf0E\xc7\xf2\x83\xe6\xd8=\x1a1\xfc&gt;q\xb7D\xbd\xbb.y\xaf\x9etB'</t>
  </si>
  <si>
    <t>b'\xa8\xeek.\xa2\xf72\xe7e-\xc3\x1c\xb7\x8f\x9b\xcb\x02^Yc\xf2+\xb9D\xd4\xff\x95W\x82{\xc9U'</t>
  </si>
  <si>
    <t>b'@e}\xae\xf6^\xfcb\xc1\xc3T^\x8d\xaf\xf6L\xf6\x80\xa1\xc0\xc1\xea^\x1d\xc22\xc4\x023\xf8\xffg'</t>
  </si>
  <si>
    <t>b'^:\xf6\xd3\xd9c\xaan\x947\xf8g\x1aI \x9e\x98K\xa1O\x1b\x82\xd3\x08\xa9__\xa4b\x9f\x8f\xbc'</t>
  </si>
  <si>
    <t>b'IvcI\xbf\x0c\xd9\xf4\x8cX7\xc0q\xc0\x89\x15\xaf\x02\xb8^%KC\xf4\xb00c\x19\xb0\xadq\xfa'</t>
  </si>
  <si>
    <t>b'QT\xce\xf1\xb3\xbf\x15\xdbD\xaf1\t"\x1a\x7f\x19\xc8\x1d\xef\x95x\xbfI\xfd\xf8\x92\xe9\xdd\xa5\xe1]\xda'</t>
  </si>
  <si>
    <t>b'\xfbm\xd8f\xfeoJ\xbb\xfc\xf3(A&gt;P\t\x10\xfezhm2PY\xb1\xb2\xa68\xab=G\xf6#'</t>
  </si>
  <si>
    <t>b'\xcf\x1a_\x07FW-\x0f=\x1e6\xbd,\xe9}r\xf2\xe1H\x98\xe75\x8e\xb6U\x9cn\xe0\x18\xe8\x92\x84'</t>
  </si>
  <si>
    <t>b'\xa5\x18\xded\xddk\xc8\xde\xed\x8b:\xa5)o\x7f\x91\x8dW\xd1\xc1|\x03\xaa\x87l\xc8\x81mK}i2'</t>
  </si>
  <si>
    <t>b'\xf2Jw\xe5\x8b\xe5\x1bJa\xb7\x16\x00\xb0\x9c\xb1\x03\x87\x07\xe8\x87W\x9en\x86\xd0\x1c\xb9o\xe5\x98\x82&gt;'</t>
  </si>
  <si>
    <t>b"\x02!\xa1\x04\xd0\xfb!\\}FH(1\x84Y\x13\x1ah\xe5g\xae\xbc'\xf8\xdf \xba\xc9\x8f\x90\x8d\x9e"</t>
  </si>
  <si>
    <t>b'\ty[\xfe\xb0\xb6X\xbcm|\xc4\x14\x9a\x1a\x1dW\xf7|x\x00\x1d\x8f\x1f\x14\x8dI\xa6%\xa6,p\xb5'</t>
  </si>
  <si>
    <t>b'*\xbf@\xbd\x0bM\x08*x*_\x10\xe4e\xbdF\xf9\xc7\xbf\x11.3\x18\xef\n\xd0\xa8\xc4L\x0bx\xbc'</t>
  </si>
  <si>
    <t>b'\xa6\xf6\xe5\xe9\xaf\xf7}\xf9\x80*\xeb$3m\x15\xf5`+\xca\x90\x13\xf5?\x02\x03\xe2\xc0Q\x11\xb4|\x0c'</t>
  </si>
  <si>
    <t>b'"\xb1\x8c\xef\xb9\xa2\x12]\x96\x05a\x81g\xf8\x7f2s\xcc\x0e\x92A\xc7\xbd\x90;R\xdd\xf9Q\xfe\x9av'</t>
  </si>
  <si>
    <t>b'\xa9\xdd-\xe9\xf3\xb24\xaa\xd0&lt;\xfa\xfe\xae\xd5\t?g\x18@hX}S\x87\x05z\x19\xd7(D\xf0b'</t>
  </si>
  <si>
    <t>b'\x1bT\x1a\xa4dx\x0f\x11\x8f(\xe5\xc48\xda4je\x87\xbb\xea\xa7\x96%U\x1dT\xcc\xdf\x7f\x12\xa3\x84'</t>
  </si>
  <si>
    <t>b"W\xf9\tn\xb0\x07k\r*\xe8!\xf2BLZ\xef`\x9c\xc2\x06+O0P\xb0\x8e\xa0'\xb11\x8f\x01"</t>
  </si>
  <si>
    <t>b'{\xf5\x1f8/\xae\xb96\xb6p\xa6A\xfa!\xd9q\xa0\xbdde\x0e\x8e,\\vAX\x97YgO\xb1'</t>
  </si>
  <si>
    <t>b'\x06V")(\x04\xdfS\xcf\xbe\x04Ca\xfe\x80\xff\x10$\xf60\nIs\xcc\x9e\x8b2\x1b\x0f\x1c\x15s'</t>
  </si>
  <si>
    <t>b'\x1b}Fq\xc1\xab\x10zJ\x82Y\xfd\x10\xa4\xc8\xd5\xf8\x06\xda.P\xdfW\xc2H\x10R*\xd9 -\xa9'</t>
  </si>
  <si>
    <t>b'\xb5\xa3\x82\x06\xd0\xea\x08\xb2\xbdf?M#\x8cx\x18\x9f\xb6\xf7m8-&gt;\xc7\x1fSO\xca\x16;&amp;\r'</t>
  </si>
  <si>
    <t>b'\xfegOVX1w\x1f\x89U\x8b\xce\xeb\x14p\xb2\xdf&lt;\xebsA\xd0\x08\x85\x1b5?\x0b\xfc\x05\x14\xa8'</t>
  </si>
  <si>
    <t>b"LD\xfd\x8c\x0c\xc5\xfb\xafa\xee\xdd\x05\xd8'\xa8kIH\x0b\x00pJ?\xa5\xda\xaeP\x0f/\x9f\xc86"</t>
  </si>
  <si>
    <t>b'\xb7\x05ir\x12\xac\xcf\xae\xd2;\x0eA\xf7\x9a\x16\xfbK\t\nM/\xdd\x07\xbf)\x97\x91\x0c\xa5NWk'</t>
  </si>
  <si>
    <t>b'\xa0\xfd\xa1]\xaf{\xd0a\\\tY\xff\x80\x17\xb8\x9f\xe7\x9esMp\xc2\xa3f\xde\xf0g,Ujjh'</t>
  </si>
  <si>
    <t>b'\x86\x84ul;\x9dVbe$(\xa1\xb2bv\x10\x1b\xc23\x06\xd4\xd1\xc1\xf1WN}\x05\x19$g\xd6'</t>
  </si>
  <si>
    <t>b"}\x8e\x87\x8d\xa8\xa7\xb1\xe6\xd2r\xc7r'\xf3|\x19\x18\xdf\x9ax8\xc9\x04c&gt;#\xa5\xbe\x14\xde&lt;X"</t>
  </si>
  <si>
    <t>b'#F)\xce\x9d\xf4\xf9\xecc\x08\xa0\x02\xf5\x01\x9eS$\xc9\xa4\x9a\x96Ir*\xf5\x89pSD8\x9e\xef'</t>
  </si>
  <si>
    <t>b'\xba\xbdm\xb2\xd2s\xc9\xb4Y~\x03\xdb\xe7\x86h\xf2\x12,\xd5\x99\xd4fC9\xc2\xbf\x1e\x83@\xeb\x04\xb0'</t>
  </si>
  <si>
    <t>b'\xfe\xfb+\x15n\x8b3]&gt;{Z^\x99e&amp;\xa7\xef\xbad2\x90q\xdc\xe9%\xd9\xd2\\\xb6\x96\xd5\xbd'</t>
  </si>
  <si>
    <t>b"&lt;\x9b#l6\t9\x9d\x9e!\xd7\x04\xbba\x8au\x06&amp;(r\x93'\xa0\xb4\x84\x17\x8f\xe7p\xf9\x8bB"</t>
  </si>
  <si>
    <t>b"\x0e\x13M;\xce4\x16\x93',\xdf\x96o\xf1\x07\xabn\xbc\x13\xc7a\xb9\x02~7\x84\xcb\xa6\xb3\xf3X\xad"</t>
  </si>
  <si>
    <t>b'K\x19u\x81p\x8c\xc4\xa0{\x0f3\x1cC\xbe\x8c\xff\xa23\xa6\xdd\x92\x10\xec\x1d\xa4\x14\xb1\x86\x17\xa4 \x1d'</t>
  </si>
  <si>
    <t>b'\x03\xc7\xfa\xc4.\x8fR\x07\x07\x1f\xa4\xec\xf2:\xa9\x98\xefC\x0c_S 3m8\x13\xf236\x90dl'</t>
  </si>
  <si>
    <t>b'@O\xf7N\xb1\xad\x0f@"1\xb2\x0c\x07\xda\xf5\xaa\xfe2\xa1\xbc\r\n\xb8\xa0\xfe\\\xf0W4|\xe1\xb1'</t>
  </si>
  <si>
    <t>b"_O\x15\xf7\x87^OY\x83'\x1e\x8c?\x90(\xbd\xfe%*\xa1.\xf9\xbb\x1cSTS}\x9d\xd2\xd0Y"</t>
  </si>
  <si>
    <t>b'\x8c\xb9\xf5\xad\xdd\xfa\xc1\x05Tz\xa6\x16\x92y7\xec\xf8\x0f\xb8\xa7k?\xea\xba\x19\xf2}\xd3\xad\x04E\xd0'</t>
  </si>
  <si>
    <t>b'\xbf\xc9w@\x19\xe4\xa80\xd7H\xca~W[\x08\x11\x12\xd3\x8d\xfd\xf7\xad\x9f\xaa\xa9W\x9c\x93\x98\xe6jF'</t>
  </si>
  <si>
    <t>b'\x94\xe0=\njxlN\x86OZ\xa3\x16\xd7\x19dj\x01\x9e.\xcf\x08m\xbf\xf6\x15\xbe\x08~\xf1\xb6\x97'</t>
  </si>
  <si>
    <t>b'\x04g\xdb!+f\xb4\x04c\x85\xc8\x92\x18\xa3\xa5\xe9x\x10O\xa5\x811\xe7R3\xc6U\xe7\xb4G\xb6\xaf'</t>
  </si>
  <si>
    <t>b',\xaah\x05+\xe4\xfe\x95\xbd\x8f\xf6\x89\xf3\t\xea\xce9V?\xe74b_rg{\\\xf5\xa8\xb2@\xda'</t>
  </si>
  <si>
    <t>b'\xd5Z\x81\xb4P\xa8L\xf4\xcf\xcd^[\xbb\xbf}\xe5p\t\xbb\xacc\xfd\xf3\x0bb\xd9\xca\xb1\xa53\x8d\x87'</t>
  </si>
  <si>
    <t>b'{W\x7fEd\xdd\x04\xc1\xaa\xfb\xb4\x8c\xaa8\x85IY\xe0\x8d\xa4&amp;\x8b\x80\xbcB\x00\xf6\xb8\xbe-\x8b\xb0'</t>
  </si>
  <si>
    <t>b'\x02!\xe0\x96\x8f\xa3\x9e\xf0\xc5\xf9Y/g\xd8\x18r\xf5q\x81/\xb1\xcb\x9el7\xbbC\xb5F1e\xa0'</t>
  </si>
  <si>
    <t>b"\x00M\xee\xda=E\xdaN\x04\xc5\xd1\x06B\x9b'/\xd44gyZVw\xf9\xee\x13\xa3\xa2\xd2R\xd7\x0e"</t>
  </si>
  <si>
    <t>b"K\xdf\xab\x88f\xa1\x9a7\x97' ta!\xcd\x16p\xe8X\x1a\xe6^Tr\x1a\x8fO\x14\xd6}\x86\x89"</t>
  </si>
  <si>
    <t>b"g\xd9 !gd/\x18\x81\x95\x87\xcfb\x8f\xa8\x1f\xfa\x05\xdc\xe6\x04'}H\xb4\xc2\xd0%\xc8\xb68c"</t>
  </si>
  <si>
    <t>b'}\xbd\xca\xa2\x1d\xbde\xb5*\x15\xfc0^\x90]\xcd\x8cA\xb8\xc3\xfa&amp;\x86\xd4\xb5GG&amp;\x86\xfa\x0c\xe9'</t>
  </si>
  <si>
    <t>b'\xd22&gt;\x99\x80{4\xd0\xc6\x0b|KBu\xf6\xd7\x9cP_\xb8\xbc\xca\xc7=&gt;&lt;S\xc0\x95\x86\x12!'</t>
  </si>
  <si>
    <t>b'k{\xd2\xdd\x11&gt;\xad4\xe6F\x8f\x9e\xa7c\x1a-J\xbe\xf5QD\xaeq\x16\xd9M\xa2\x0f\xff\xf9\x8d\xaa'</t>
  </si>
  <si>
    <t>b'C|\x83\x87\xb6j|Q\x0bA(\x10zD/\xc2C\xd9w%\xe6\xd0nf(i\x9d\x9ezxh\xa7'</t>
  </si>
  <si>
    <t>b'x\xa5$F&gt;\x8fx\xc3\x86\xd5\x88\xb2m]\x8fj\xb0#\x99\x95x\xb2\x178\xd9\xfeV_\xec\x85lH'</t>
  </si>
  <si>
    <t>b'\xde\xe1\xc3O3\x99 \x89\x17\xea\x9b&amp;\x0c&amp;Tm\x91\xd7\x042n`h6\xfe\x9b\xf3\x88\xf6\xd8\x14\xdf'</t>
  </si>
  <si>
    <t>b"\xd3dS\xa5\xec/,\x1c\xde\x1e\xa7\xddW\xbaCN;\x8e@\xb4\xda\xdf8'\xad\xd4\xd2\xfc,\x18\xe4m"</t>
  </si>
  <si>
    <t>b"\xfb\xb1\xaaLM\x7f\xe3\xb4\xfa|\xca\xe4\xe1kk'\xec\xb3&gt;tQ\xa4W\x005\xbd\x91\x1f]\xaa?g"</t>
  </si>
  <si>
    <t>b'r\xb0f\xdc\xf9\xd3\x96\x90\xf3\xe1dN\xeb\xbc4\xc3]\x85\x98w\xb6&amp;\x1c\x8f\x10\x8d\xfdG\xcf\x05\xc2\xb3'</t>
  </si>
  <si>
    <t>b'\x13\x0f\x8f\xbc"&amp;%\xaa&lt;\xce\x0e$\x03?\x90\xd5\x91\xca\x08\x15\xbd\x80\xdc\x8c\x8b^O\xb0~\x12\xc0Z'</t>
  </si>
  <si>
    <t>b'\x00\xa6\xe5\xc5\x93"\xc5\xf0X\xcf\xd6\xde\xa5\xb1\xef\x90mk,\xd3=\xdd=\x14Js\xb0\xbcsD\\\xd2'</t>
  </si>
  <si>
    <t>b'7\x1f\xc2Mk\\h\xb6\xd5\x9eP\xd8\xc7\xf0\x99x\x00S\xef+p\r&lt;\xc8\xcb&amp;\x11\xaa\x1f~0L'</t>
  </si>
  <si>
    <t>b'\x84\xe7\xfa\xbbk\xbe\xedq\x1e\x9f\xf3o#2\x94\xd3}3\x91\xccO\xee\x13\x8d\x99\x07\x82Y&lt;\xdc\x00\xc3'</t>
  </si>
  <si>
    <t>b'\xe3\xa9\xf7\x9c\xe0\x962\x05H^#\x13\xb29\xa7\x9a\xd2\xa6W\xf7\xf8\xcf\xcd!\x92G\xf4gy~aA'</t>
  </si>
  <si>
    <t>b'\xf5\r\xf6\x9d\xdf*N\xb71\xee\xb8\xf7\x15\x8eC\x0f\xc6d\xddX.\xd3\xc6\xaa\xbc\x89\x0f\x9e\xc2Z\x80\xe1'</t>
  </si>
  <si>
    <t>b"\x165\xa8\x99\xa5_!j\xbb\xb1v\xe4\xfd\\\xab)6\xf8L\xf6\xb2\x9e&gt;'\xa0?\xf0\xa9t\x80\xb7$"</t>
  </si>
  <si>
    <t>b'7\\\xacy\xe1\x01\xd8U\xc9\'\x99\x03=P"\x90\xaa\xcdn\xb9\xd4\xce\x99W\x19\x80Hl\xda\x15\xe9\x81'</t>
  </si>
  <si>
    <t>b'\xb7\x94s=\x17\t\xa4\x07\x08\xcb\x81\xfd/_\x1d\xc0\xbb\xd6C\xb1\x86\xa2\x05Bln\x0e\x7f~S\xce\x9d'</t>
  </si>
  <si>
    <t>b"g}\xc5\xf9\x9b$B\x02\xe9&amp;\xe1\xf5^\xc5\xfc\x13\x9e\xe6E\x11\x1co\xdd\xcd\x91?\x93\xf9\x0b\xf8\x87'"</t>
  </si>
  <si>
    <t>b'5E\xde\xdc\xe5\xcf\xd7f\xb7\xc3\xdb\x1e\x14X?cq\xcc\xab*\x1d\x81z\x18\xe7\xaf\xcfc\x08\x82\xe7\xab'</t>
  </si>
  <si>
    <t>b'=]\x05\xe3SL\xb2c\x9d\xa8\xbb\xf7\x12y%\xa3\xc4\xd8\xed\xf8\xc4\x10\xe6\x1dc\xc4"\xc8\x9c\x8c\xa6u'</t>
  </si>
  <si>
    <t>b'\xe3l+Z2cix\x7f\xea\xeb\xd8\x985\xb7"Z\xd6\x14\x01*X\x93\xd9\x0c\xa9D\xf2.(\xc4\x13'</t>
  </si>
  <si>
    <t>b'\r\x17ozU\x9f\xf5&amp;-\x94\xe6\xc9E\xd4\x04W\xab\\\xe2\x9d\x11\x90\xca\xa5\x01\x0f&gt;\xa7\xd6\xec\xff\xe1'</t>
  </si>
  <si>
    <t>b'\x99\x1b\xb0\xfcee\x1b0\xdacuD\xae\x84%\xd0N\xcaO\xe4\xbb\xe7\xef\x9c\x1c\xae\xe5\xed\xb4ht\xdb'</t>
  </si>
  <si>
    <t>b'\xcfy\x18"\x1f\xdbFh\x84\xb9\x81\x9a\x01\xc3\xccaLGf\xca\r\x1e\xeb\xdcMZ\xcb\xab\xe3X\x07|'</t>
  </si>
  <si>
    <t>b'\x1a\xfbG\xca\x07\x1b\xf3z\xde\x0cJ\x1e\xbd%o\xa12\xa3\x19\xe3(\xbf\xbe\xb6\xa7\xff\xdfX\x8d\xbe\xd9\xbe'</t>
  </si>
  <si>
    <t>b'\xb9^\x87-\xd2V\xbb\xa3\xa6\x8b\x9a\xdd\xb0\xa4\x92^-\x97\xe9\xca\n\xad\xa0\xe4\x87@\x80c$\x95\x91}'</t>
  </si>
  <si>
    <t>b'\x06[6\xcdA\xc5\x8f\x0b\xd8\xe3\nG@\xba\x83\xd9U\x9f\x89*\t\xb8\\\xa8\xd2\xdf\xceN\xc0\xfc78'</t>
  </si>
  <si>
    <t>b'\x07k\xe7Y\x185\x06uB\xfd\xc5\x1e\xce\xe4\xb8\x1e\x86\x03\xfda\x1e\xf2\x7fx\xc5\xb4\x1eJj#\xf0\xfb'</t>
  </si>
  <si>
    <t>b'\x1a\x00\x91\x9b9-m\xb6\xb1?HP\xca\xe6\x9a\xfb\x97\x92\x15\xc7\xa3\xb3-\xbbl\x97\x7f\xbd&gt;\xadi\xb2'</t>
  </si>
  <si>
    <t>b'r\xe4\xea\x01L\xa4\xbef\x8a[\xfc\xb3\x06\xde\x04.n\xe6l?sNq\xadK\xb5G\xf3\xa4\x8c{\x81'</t>
  </si>
  <si>
    <t>b'\x8f\xa1\xa2\xca\xfc\xaeXmG\x8e\x0b\x98\x89\x05\xcd\x84v\xdc\xd1\x93\x83\x00\xee\x13\xbf\xf5\xe4\xf8\xb6B\x01R'</t>
  </si>
  <si>
    <t>b'\x0b\xb2\x83\x1e\xab\xbd&amp;\xde\xfeH\x93\x1d_\xfbI@!{\xae\xf5h\x14\xeb"\xfb\x9c5noO\xd7}'</t>
  </si>
  <si>
    <t>b"\xd1\xe7x\x8c7\x05 \xb0\xa7#-\xe5\xbf\x1e\xf9\xd1W\xe4'\x0fYsEbV\x8ba\xe8\xdc@\xf9\x18"</t>
  </si>
  <si>
    <t>b':\xd5\xdf\x97+Y$\x8c,\x80r\xf5\xac\xc6?\xd4|\xb4\xea\x86D_\xd1\xd2\xa5\xf3(Z \x10\xaa('</t>
  </si>
  <si>
    <t>b'E(D\xffz\x8a}\x7f\xf2\x10\x99G\x00\x83\xd4\xe6\xbfC4sK\x7f\xe4S\x9c\x08&gt;\xe1mg\x90S'</t>
  </si>
  <si>
    <t>b"\xc2k}m\xa14\xa4\xa2\xb6\xf5&amp;r&gt;\x98\x1d\xcbbs,\xb8\x96j\xaa\x9f\x04\x9d:ig9'\x00"</t>
  </si>
  <si>
    <t>b"\x7f\xb6\xe2\xd2\xae\xd7\x7f\x7fz\xa0\x92\xba\x0e\xaa\x1a7\xe2\x0c\x9e=\x9ej\xf0\xcf'\xb5^{2[\xf49"</t>
  </si>
  <si>
    <t>b'\x17\xf7&lt;\x03\xa8\xaa:\x8a4\x81=3\x95\xd9d\ru\xb3\xd8^\x9e\\}\x9f\xd1\r\xc8=3g\xb5\x9a'</t>
  </si>
  <si>
    <t>b'\x08\xbe\xf2C\xa7\x82\xe03\xa2q\r\xe3Y~\x02!\xe2\x93\xe0e\x0cFF\x1f\xe7\xbdH\xcc\xfa\x83g\x10'</t>
  </si>
  <si>
    <t>b'\x14\xe9G\xe7\x8b\x0f2\xe44\xb8\x06\xf7\xf8t\x04\xe9\xf6\xe3\x8d\xa1eY\xea\x83\x15\xec\xd7\xc7\xb0q{\xd2'</t>
  </si>
  <si>
    <t>b'\x01\xeb\xe0\xba\x85(\x9b2\xe0`T\xa8\xcd\xbea"x\x93&lt;\xcep\xc2jS=\x9f\x8e\xbbw^\xfbp'</t>
  </si>
  <si>
    <t>b'\xa6\xdf\xc2\x83X\x02p\x19\xb2\xbf]D\xa5\xca\xe5P\x9c8\xa8\xbc\xabb\x9b\xf0F\x90\x1a\xbb\xe6J\xea\x0e'</t>
  </si>
  <si>
    <t>b'\xfb\xd4\xa4"\xd9]\xab\x06H\xe8m\x18\x89\xaf\xba\xad\xd9Ue\x01;\xaa\x9dH\xdc\xf6\xe1\xf4\xf1t\x10s'</t>
  </si>
  <si>
    <t>b'\xa3\x16\xc9_\xf8\x8e\x97\xf8G\x02N\x1e\x9f\x9e\x97f\xa5X\xad\x0c\x8d\xa8O+w\x9bns\xd4F\x98\x1b'</t>
  </si>
  <si>
    <t>b'L\xb0#\xec\x95\r\x1d=\xcd\xe3k\x80+B\x95\x15\xba\xd4I\x92iFs\xc1\xa7\xafO\x86\xfaAH='</t>
  </si>
  <si>
    <t>b'\xbd\xf7\x0b3\x8fq\x89\xa3\xdc\xea\xe3u\xd5_\xba\x18^\xbd\x8f\x8c\xad\x9f@\x8d\x0b%\x8b\x8d^\xc5P_'</t>
  </si>
  <si>
    <t>b'\x8e\xc5\xbe\xc2\xe1V!&lt;)\xb6\xdc\xf0\xa6R\xc02GU\x00\xb8\x13\xfc\x84\xda?\xc8\x9ee2\xa33Y'</t>
  </si>
  <si>
    <t>b'\xeaT\xd8\xb1\xd3\xdf7\xa3\xc2Y\xd0z\x9b}\xc6E\x95L\x96\x99G\x05`2\x88\xe9\xcc\xa9V\xbd\x1a\xff'</t>
  </si>
  <si>
    <t>b'\x16V$\x8b}\x95\x18Rj\xce\xfb\x92\xe3\xb1l\x7f\xe9\xaaD5\xc5\xfe\xc8\x02w\xb0\xf3\x19\xa6\xde}\x0e'</t>
  </si>
  <si>
    <t>b'\xf2\xda}j\xd2_+L/\x82:\xf7\x90\xdf\xf1\xb9I\x0e\xa1\x9e\xeb\xde\xfcI\xaev\x7f\x93&gt;`\x0c\xce'</t>
  </si>
  <si>
    <t>b'`\x85\xde\x19\x8d\x12GJ\x1c3a:A\xf23\x14:b1\x9f6O\xb7\x81\xa4ZF\xbdS\x08\xb9\xdc'</t>
  </si>
  <si>
    <t>b'\xd1\xf2\x03\xc1\xf1\x18\x1fqb74P\x19\x17\xfb\xe6\\Km\x9f)D;\x0eUX\xe2\x17\xf3Sa\xb8'</t>
  </si>
  <si>
    <t>b'\x8f\xda\xac\x11\xa5\xd7\xa0\x12\x8bw0\x86\x9b~\x13\xfd\xec\x8e0\x7f\xee.\x93\x85R\xe6\xe4\xd9\x10\x89D\xdc'</t>
  </si>
  <si>
    <t>b'\xa8\xe6u\x1eo\x83\xc7;dsOi9\x99\xb2T\x9a;$dK\xb6\xd7\xa6\x0b\xb5)\x9b\xbf9\xb5\x83'</t>
  </si>
  <si>
    <t>b'}\xf6V;\x0c\x17\x03`\xe73^\x9e\x8f\xbf\x8aSB\xb8E}\x91\x9bl\x0e\xe5T\x0b\x1d\xd1G\xf0\xae'</t>
  </si>
  <si>
    <t>b'?\xf6\xac\xd4]_\x81\x15 \x9d\xc5\xe0\x82T\x15\xea\x92j\xdfs\x98~\xdb)\xcd#5\x07\x8e\x9d.\x08'</t>
  </si>
  <si>
    <t>b'\xba\x05/D8\r\x18\x17c\xa9\x83\xda4tV\xef"\xab\x1b\xbc\xb1$qD\x88\xdd\xdc\x8b\xe8\xf4\xd7\xb3'</t>
  </si>
  <si>
    <t>b'\xf7([%\xaf6U\x8f\xc2\xbf\x81\xab\xf6\xb4##\xab\xe5\xa36\x8b\x02\xac\xd1\r\x93\xe0+sS\xa2\x87'</t>
  </si>
  <si>
    <t>b' \xf2\xec\xee^\t\xfc\xc1n\xba\xa1\xf3\xcc\xa8\xd4\xa0\xb0\xae\xff\xea\xa8\t\xe2\xcd\xd0\xcam\xe5)\xb1D\x89'</t>
  </si>
  <si>
    <t>b'\xf8\x81\xcb13f\xc29\xd45^\x8c\xb2B^\xef \xd0\x8bna\xb9K\xf1C9S\xdcA\xb2\xdb\xc4'</t>
  </si>
  <si>
    <t>b'\xf6&lt;\x96R\x10(1\xa0\x8f\xa4\xc5\x91\x1d\\\xb1\x9b\x14"n\xc5O\x93%\xac\xb6\x02\x14U\x90\x10\x03\xce'</t>
  </si>
  <si>
    <t>b'e\x06/gG\xcc\x04\x8e\xa9\x07\xa0\xe4\xd9\x19P^\x88\xa6C\x99u\xf7\x0f\x15\xe9\xed\x1cp2\xfa&amp;\x05'</t>
  </si>
  <si>
    <t>b'b\xf0!\xf2\x86{\xf3$\n\x05\x95\x05\x89\xb4\x92\x8eCcc1\x8f\xf70\xc4D\xc4\xdf\xcb~\x1an\x17'</t>
  </si>
  <si>
    <t>b'\xd7-1G\xd2E\xecS\x06\xd2k`\xfaC\x08!\xed\xab\xc3wDD6\x83w=\x87\x9c\xc3\xd9M\x04'</t>
  </si>
  <si>
    <t>b'"\x19Rt[!\xf8\x15\xc8\xb3|\xe8g\x07\x9c\xd6nt\x1cj\x88\x1a$ M\xa7-\xce&gt;{\x023'</t>
  </si>
  <si>
    <t>b'R\x92\x92^\xd6q\x96\x91!\xa2\x9b\x82Y[Hw\tn\xa5O\x18\x03\xc2@jD\xea\xd3\xee\xb8U\x03'</t>
  </si>
  <si>
    <t>b'\x8c\xc2\x7f\xd6I\xfbdgCu\xfb@ZZ\xc1t \xa8\x92\xcc\xe8\xcbK\x194\x03H\x8f\x9c\'",'</t>
  </si>
  <si>
    <t>b'1\xb9h\xb1\xeb\xc9\xd7\xe4\xd9r\xab\x84\xca\xe01\xea1j\xde\x02T\xfe\xdcp\x98\xc2%\x16\xc9\xb8\xca\xac'</t>
  </si>
  <si>
    <t>b'\xe2ud),\x99\x17\xf8\x13&amp;\x96\xe9\x83\x12\xd8\xbb^\x81\x01\x87\xe5\xf7\x91\xaf/6\xc6\xadbf\xca\x08'</t>
  </si>
  <si>
    <t>b'\xedho}\x1e\x89\xd7\xab\xd09\x8f!\xe8\xb6$0P*\xfa\xb7\xfa^h\xf3%\x16}\x9dP\xe0\x07\x07'</t>
  </si>
  <si>
    <t>b'\x162\x80+\xce\xd8\xacKT\xea\x1a\xa7\x9aby\xca+ \xcd\xbb\x1a\xa4\xdb\x07\x84\x01"\xc0\xb7Qj2'</t>
  </si>
  <si>
    <t>b'h"P\xe4\x849\x7f@\xa9\xee\xbd\x82\xa6\x817K\xd2+.&lt;\x15[3r~&gt;b\xd0]j\xa2\x8e'</t>
  </si>
  <si>
    <t>b'2\xf3\x99J\x13\xb9\xb3\x1d\xd1\x9eWE,h\xe3Ox\x0e\xa2\x8f\x1f\xda\x1a\xb7\xcc,\x7f\x1cO\x9b\x8e\xee'</t>
  </si>
  <si>
    <t>b'\x81d\x8d~B\xb8\xba\x97\x88K\xc6\xd7\xfeV\n:\xff\x888\xf8H\xac\x7f\x8e\x16\xb34\xb4&amp;Y\x0fr'</t>
  </si>
  <si>
    <t>b"T'\x8d\xd7\x0cLQ\x81\xfb$\x97k9D\xa1\x12\x96\xae\xa0K\xf2R\xad((\x9fE\x04EFbh"</t>
  </si>
  <si>
    <t>b'\x9ez\r\xf7Q\x08\xfb(\x04\xb4\x05]0\x92\xba\\\x8a\t\x92};\x12&lt;\x0c\xb3"\xab\x13M4\xb8\xb1'</t>
  </si>
  <si>
    <t>b"\xa0L\xbb\xf1\x14\xd0&gt;D\x028&gt;\x12\x15\xcf\x9e\xcd\x9fh\xb9'{=\xca\x1f\xfb\xf5]W\xd5\x87\x8a\x1c"</t>
  </si>
  <si>
    <t>b'q\xc7WNhIk\xac\xc3\x95\x7f\x01\xaf\xcd\xb7.\xdeQ[\xe6|k\xab?\xd7.[L\x91Q\x8f\x89'</t>
  </si>
  <si>
    <t>b'\xf0\xb2%\xe0US~\x95kE\x12\x10T9\xa8\x12\x99r\xc5\xb8\xc5\x8a\xe7\xac\xdc\xf1\x18=\x82\x9f\xae\xe3'</t>
  </si>
  <si>
    <t>b"~=\x85\x99'\xd9\x1dz-\xb2\xc9\x13W\xb0@\xec\x96\xe0\xc8\x92\x12\xe3D\x99\xec\x1c\xa9\xd9\xb7}\n\xf2"</t>
  </si>
  <si>
    <t>b'89\xc8\x1a\xfcv\x860Svv\x8d5\x81\xb2\xca\xba\xa0\x83\x18\n\xeb\xb5H\xba\xb9\xda\x80\xd5\xa3\x1en'</t>
  </si>
  <si>
    <t>b'\xb3|\x94\xf1S[-N\xe8\x1f\xedF\x16\x8c\xe8\x9a\xb0\x8d2\xfc=\xe6cq\xf9Z\x95\x1e\xcbW\x1dE'</t>
  </si>
  <si>
    <t>b'P\xb6.\xb2\x17\xbb\x17\x99!\x06\x1c\xe0\xd8\xc7\t\xff\xf7]\x01\xe70\xbcE\xd3\xa2\x9d\xef\xac\xa7\xde7\x02'</t>
  </si>
  <si>
    <t>b'!\x0b2\xb6\xbe4\x028\x10\xe6C3Y\x86\xce\xde\xa7\x1e\xcc\x99e\xff=N\xb3\xfei,2\xc6\xbb\x1b'</t>
  </si>
  <si>
    <t>b'N\x08\xc8\xbf\xbe\xe5`51\xd0\\xs\x82h\xbd\x90N\x8dj.\xbc@F\x8e\xe3\x17Z\xb8E/\xb6'</t>
  </si>
  <si>
    <t>b'\xa4\x12o\x8a\n\xcbT\xdbl\xdb~%\t\xad|#\xbe_\xdd=qA\xe6\xf3\t\xa7\xdbE\xb8VFn'</t>
  </si>
  <si>
    <t>b';\xd8H3\x14\xc6Dzo\\"T\x9bS\x7f\xdc]\xe2\xc3+\x94\xba\x08\x84\x8d\xdd\x16\x1a[\xe8\r('</t>
  </si>
  <si>
    <t>b'\xc9&gt;&lt;\xe7\x9cd\xf9\x87\x95\xc4S\x93\xdb\x8a?\xa0{!g\xe1\xb8\x00P\xc0\xba\x85\xa9\xdf\x84\xf5\xba\xd0'</t>
  </si>
  <si>
    <t>b'\x14\x0b\xcb+\xfd\x06f\x83\x07\xf9\x89\xdeA\x9c\xfc\x1f\x96~;\xa0z\x08&amp;(/\xc2\xe1\xdf=\x1b\x9d\x11'</t>
  </si>
  <si>
    <t>b'\x9d\xbc\xda\xb9\x03\x98o(\xd1\xef{\xe1e\x94\xb4HP\x81\xd6\xa4&amp;\xa0OKq*S\xe8K=\x02\xc0'</t>
  </si>
  <si>
    <t>b'\xa3D\x1f\xa0hz[\x88\xd8n\xf7\x0f\xe4\xfb\xc9\x08nj\xa8A{{\xcc\xd3,\x87\x93G\t\xbb\x0f\x1f'</t>
  </si>
  <si>
    <t>b'\x15\xa7\xb4\x96\xc0\xd5\x90\x16Q\xa0\x07\x83\xca\x93\xac&lt;\xa2\xecTgO\xff\x92\xe6D\x81\xf7c.\xa3\x8aU'</t>
  </si>
  <si>
    <t>b'\xc8h\x8dj\x11\x03\xb0\x91\r\x8e-,qq\xe4\xe0u\xeaH\xfb\xf9%\x18\x811E\xc6\xe6"\xe7R#'</t>
  </si>
  <si>
    <t>b"\x173\x00\x11\x1b[\xd2Q\xad}\xac\xa4|\xbfrD'y\xf4p\x81|\x97\x819\xd9\xf8\x94Y$\x01\xda"</t>
  </si>
  <si>
    <t>b'V\n\x80U\x15\x8f\xd3\t\xb4Z\xb2\x9aiQ\xccVi-F\xf2\x8c\xb7\xce!\xf2xG\x98XmL\xf5'</t>
  </si>
  <si>
    <t>b'+jc\xc3\x9e\x94\x86@\x82\xce\xf7t(\x15\xf9\x84\x88"\x15\xca\x03w\xdc&amp;\x02W\xfb\'&gt;7\xf7\x80'</t>
  </si>
  <si>
    <t>b'\xfc\xc4\x84\xe7\xff|/\x15?\x8fHA\xb1="\xee\xa0n\x11\xe6i\xb2\xb0k\x8eo\x0cw\xe5\x9f\x1a\xd8'</t>
  </si>
  <si>
    <t>b'\x12\x82pAq\xdf9&amp;\x13R\x1cS?\xa3\x83+C\xe2\xa8/\x02\x17l?\xd8\xc0k\xf4\xbc\xaaoL'</t>
  </si>
  <si>
    <t>b'\xefW\xc3\xfe\x96\x10\x0f\xe9\xda6\x0bCb\x19_\xae\xfe\xec\xfd\xffX\x17\x7f[\xca\xcf\xa7\x11^\x90\xbc1'</t>
  </si>
  <si>
    <t>b'N\xa6\xe4\xfe:\xaf\x97\x07Ey\xc6\xd2\x0b\xc04\xe2\xe8\x87\x02K\xa5\xd30\x9e\xf7\xee\xae\x89\xf3br\x9a'</t>
  </si>
  <si>
    <t>b"\x8d\x05\x11\x19}\xbe\xc8~\x1d\xfa\x0b\xff\xa4\xb1\x93\x99\x19\x88\x08\x11\xe0\\u6]\x9f\x0e\xfe\xc5+O'"</t>
  </si>
  <si>
    <t>b'C\x13\xa8\xfb&amp;\xbcG\xaeOh\x05T\xdc\x9ag/\x98T\x94\x7f\xc9GD\xd4"~\x96O\xe6C\xd5\x95'</t>
  </si>
  <si>
    <t>b'jM\x98\xdc-^\xb6\xd8v!\xeb\xd5\xa3\xb8\xab\xc0&gt;\xaf\x1c\x9b5$\xc6\x14\xed6\xc5\x1c)\x061R'</t>
  </si>
  <si>
    <t>b'\xbb\xdc\xe2\r\x13g\xa1\x1f\xd0\xbbQB\x9eI{\xb0\xb9@\xa3\x81\x93\x93\x90\x94n\xda\xf8l\x08\x81\xb72'</t>
  </si>
  <si>
    <t>b'7y!y\x08$\x8fn$e]\xed\xda\xa1\x1c\x14C\xae\xf5~\xe3@\x8aGK\xe0\x04\xc1&lt;\xde\xdb\xbe'</t>
  </si>
  <si>
    <t>b"!\x8cydk\xac\x82z\xe8MPR\x85[4\x02\xc9\x7f'D\x0e\xbb\xc1\x84\xc4\xfdK/\x9ei\xd71"</t>
  </si>
  <si>
    <t>b'}h+\xe5\xc9f\xf4\x9cK!\x0b\xfa\xdf\xc9\xcc:\xb6&gt;\x90\xdf\xd1\x91\xc0\xd0N$\xe1\x06\xa6\xa1\xfb\xe3'</t>
  </si>
  <si>
    <t>b'\xe6f\xbb\x01\x94y\x8d\xf0\x98\xfb%\xc6\xd4\xfbj\x8f\t\\\xff,~G\x93\xfd\n\xd4;1\xa7p\xaf\xaf'</t>
  </si>
  <si>
    <t>b'Y\xd3\x83un\x1c\xbc\x9d\x89\xc1\xa5\xbbTb\xbe\x87\xf5\xca\xcdv\x84\xc2\xa2\xd8\xa8\x94r\xde\x91k\xab\xfc'</t>
  </si>
  <si>
    <t>b'\xcd!PY\x12\xff\xf5\xf4\xe7\xb3Z\xfeo\x1e\xe67\xc7\xd6\xccF.O\x88=IHa\x99P\x96\xf5|'</t>
  </si>
  <si>
    <t>b'z\xb1!d\x8e\xb8O\xad\x82\x89\xbcc\xe8\xaf\xfcg\xc2I\xc5\xbc\xe7\xab\x81\x15\x177\xdf\x00\xecG2h'</t>
  </si>
  <si>
    <t>b'\xec\xf1D_\x1d/\xdc\xa2\x1b\x8b\x08\xfd\xc1\x03,\x96o\xdc8\xc8\xca\xfd\x14\xb8q\xd1\x8a\xe8\xae\xe3\xcd\xeb'</t>
  </si>
  <si>
    <t>b'l\xa1\xea_\x8aZQs\xfd\x91_\xb9\x85|\x931BL\x80 \x1a\xe3\xf0\xd7\xa7|\xff\xa9\xfe\xdaB\xeb'</t>
  </si>
  <si>
    <t>b'\xff\xa9\x90\xe0c\xbb\xeb\xd0y\x9dDq\xbaAg\xde\xd3x?\x93\x1b\x11Q\xb7=1+\xcc\xfa\xaf\xf7\xff'</t>
  </si>
  <si>
    <t>b'\xc2\x15Q[n\xa6F\xd7NEWX\x85i\\\x84#\xcb\xcfZ\xea\x0b\xc2\x0c\xfb\xa6\x0b\x1d&amp;\x9d\x14l'</t>
  </si>
  <si>
    <t>b'D\x1fD\\]\x9fQ\xe1l\x17C\xf7\xb7&amp;\xaa\x11\xcbR)\xbd\xcd\xadO\x0b\xb5\xfb\x17\xbd\x1c\xf7\xae\xe4'</t>
  </si>
  <si>
    <t>b"\xb4\xf8n\xd5\xf6\x93\xf4\x96q\xe4\xa2T\x95i6\xc4\xfb\xe8\x10&gt;\x11'\xd0\xa0\xc5\x17\xe6\xb0\x1bU\x85\xa1"</t>
  </si>
  <si>
    <t>b',\xe6\xe7\xf0\xdb\xe4\xf2\xe8\xfeS/pk\xd3\xe7\x0106+ \xce\xe9\x93\xbb\xa3\x9d\xcd\x85W\t\x1c\x8e'</t>
  </si>
  <si>
    <t>b'\x02oyf\x9es{\x86;\x12aI\x03\xb5\xf9\xef/\xdc\x8a\xfe\xde\xf1\xaab\xbd\xf1\xefD0\x96\xe4T'</t>
  </si>
  <si>
    <t>b'\xf4\xfbvo{\x84\x0e\xaf\xc1\xc3\xf55&amp;"\xddv\xc7\xff\x89&amp;\xf2#\n\x0b\xcf\x85Hz\x1c\x15\xf9\x1d'</t>
  </si>
  <si>
    <t>b'\x98\xdc\xf9\xfd\x9f3\x9b\x19^\xe0[\x15d\x15\xcd[*\x05T{!\x04{2\xf3_mn\xd2\xff\x8f\x03'</t>
  </si>
  <si>
    <t>b'\x0b\x13%W(F\xa2\x9f(Ueu\x8e9V*4\xb4tW\xa8B\x04\xf8&amp;?{\x18~L/&gt;'</t>
  </si>
  <si>
    <t>b'\xc6\xb8\xc7\xbdJms\xa8\xca\xb4\x918(\x0e\xcb\xea5\xb4\xdec*\x14{\n\x9c\xa5\xc5)\x1c\xf93\x8c'</t>
  </si>
  <si>
    <t>b'\xbe\x8b\xb6/\xac\xc2\xba\n\xac\xa1\xd1\xe4\xff\x97\xedN\xb9j\x95\xd0\x83\x86]}\xafd\xacG\xb5/p\xad'</t>
  </si>
  <si>
    <t>b'U\xe5\x83\xa8&gt;\'\xb2\xa4\xbb-,\xc92/\xaa\xa6D\'\'\xe3\xa5\xf1\xa8\xb2\x9d"\xa7\x9f\xcc)\xe4j'</t>
  </si>
  <si>
    <t>b'k*5\x93\xb1e\xf2\xd1&amp;I\x92xpI\x07t\xc6b\xc9#Pr\xf9\xa0\x94\xe5\xfb\x85\xfcP\x07\xb9'</t>
  </si>
  <si>
    <t>b'kxo\x8c\x00\xa7{\xd8+\x02\x01\xc1\x00\xe7\x91p\x8b\xc3\x10&lt;\xccB\t\xb5 \x8e\xe5yK\x1b\xd8\xfa'</t>
  </si>
  <si>
    <t>b'\xfb\x89t\xe6*pVP\xdd\xabf\xfc\xc3\xd9\x86\x11\x03\xa9\xc1\xec\xb9W-\xef(yi\x9b\x12#\r\x12'</t>
  </si>
  <si>
    <t>b'\r\xac\xee\xf4H\xb4\xea\x18\xa1m \x87\xfco\xe6\xe6\xe7\xb2\xd6\x0e\xf2I2\x9b\x11\xda-xD\xa0\xa4\x8d'</t>
  </si>
  <si>
    <t>b'&amp;\x1ap\x90k\x83\xe9\xe57\xac^0M\xa63\xb48GAR\x96\x13\xc9\x1ak\x87\xe0I\xcf\x9f$\x11'</t>
  </si>
  <si>
    <t>b'\xaa\xc5e\x0e\x00&lt;\x14K\x8b"\xdc\x94\x80\x84\xef\x81i9\x86\xc8\x94\xab\xf4\x95\xddJ\xb4\x9d~\xa2\x81\x8c'</t>
  </si>
  <si>
    <t>b'\xfd\xe7\xdf\xa1&lt;\xfak\xa7\x83\x85o\x1b9s\xb0^|\x00U\x8bqG\xd1\xb0\xda\x83\r\x1b+\xbeo\xe6'</t>
  </si>
  <si>
    <t>b'\x9fo\x94\xaf\x0f\x8d\xb36H\xcc\x02\xbd\xcd\xa9\xf2XCnA\xb2\xd1\x1a8e~:A\xd57L\xe7X'</t>
  </si>
  <si>
    <t>b'nS\x15s&lt;\xb26\x0cT!\x8b\xd0\x85j\x0c\xa7+\xab\xbc\x00Qq\xde\x04\xa8\x8d\xe6\xc6v\xdc\\\x13'</t>
  </si>
  <si>
    <t>b'\x93\x87\xb8eJ\x8f\xb2\xb61\xe9\xf9\xe0m\xeb\x85\x9e1JF\xb1G#\xce\xf7\xf7%\xe7\xa0\xe5\xb4\xe26'</t>
  </si>
  <si>
    <t>b'd\x14$\xb5\xd72\xe9:\x0c\x02\x82\x85\xec\xc8\x1e\x1d\xc8$_]\x16\x14oe\xd7\xc2 Vv)\xe7\x81'</t>
  </si>
  <si>
    <t>b'\xeaM\x8av\xed\x1a\xdb\xdb\x97e\x81\n\x82\xbc%\x1a&gt;*\xdbw\xcci\x0e\x10B\x12\xb8\xa6\x19\x8e/\x81'</t>
  </si>
  <si>
    <t>b'\x9e\xf7YgK\x16\xbd\xc6\x1fL \xaa@ao&amp;Ux!\xb5\xc6\xb2w\xeaB\xac\xf5r\xd6\x1f\xba\x88'</t>
  </si>
  <si>
    <t>b'\xc8\x16?\xf9\xb6\xe8Ba\xd2\x9f\xb9L\\\xab\x02\x9b\xc9,E\xe3\x9eE1@\x8dE\x93\xf7\xf6\xc9|D'</t>
  </si>
  <si>
    <t>b'h[\xf2nW\x87{w\xdb\n\x94\xb0\x14\xe7A\x02\x1d\xad\xe2\xdb\x85\xdb5\xddy\xe6\xcb\x88Z\xbb\x1d3'</t>
  </si>
  <si>
    <t>b'\x10hI\xa1\xc8_\xdc\x9e\x98 \xc7\xff\x1d\xb74\x89\xdd\x0b/\x90\xa7\x80if\xd1\r\x19A\xc1\x90M\x1c'</t>
  </si>
  <si>
    <t>b'\xdb\xd2\xdb\x82&lt;\x81\xc0\x9e\xafJH\xc8~q\x1cg\xfaL\x05\x8f%W y\x8a\x8f\xd9\x96\x18\x8c\x9d\xf3'</t>
  </si>
  <si>
    <t>b'\x9a\xa8\x0f\xd0eY\xbf96\xa4\xcc\x93\x03#P\xcatv\x93\x8c\xf8l\x0c\x17\xe8a/\x84\x1ed\xb2\xd0'</t>
  </si>
  <si>
    <t>b'd\x83\xef[&lt;\xd0o\xb9D\xc9\xd5\x96\x07\x07\xa1\x0e\xb9\xa0\xc2\xaa9[\x0fd~\xaa3\x0e\xb2\x11d\xd5'</t>
  </si>
  <si>
    <t>b'\x90ADy\\b\x1d\x82\x93\xfaD\xf2\xa2\xcc:\x13\xd7\xce\xe9\xf7\x9b\xd6\x94\x86\xee\x7f(`bY\xa70'</t>
  </si>
  <si>
    <t>b'\xcd\xca\xe4\xff\x8a\xfa\xb7x\xba?\xe4\x11\xdb\xc2\xaf\xce\t\xb8\xad\x02\xc9\xbe\x9dL\xa6xLnivxX'</t>
  </si>
  <si>
    <t>b'\x1d\xdbs\xb3r\x8c\\Z\x95T\xf1\x04\xcfH\x05\x17\xf3{\xdc\\\xa01&amp;Gs\xe6\x1c\xda[\xc0C\x02'</t>
  </si>
  <si>
    <t>b'\x872\xf4\xa4\x04PZ!\xa8n\x1fr\xd3\x16^$@%b-\xeb\xdf 1+gv\x981\xefn5'</t>
  </si>
  <si>
    <t>b'-o(\xd0\xe2u@\xe8u\xb9\x97&amp;\xfbB\x85N\xafk=\xfeb\x8b#\xd7ye\xa2[\xadh\xa1a'</t>
  </si>
  <si>
    <t>b'\xdd\x84\x18\xff\xb2\xe5)d\r\x84\x1c\x9a9\n\x9b\xbc\xf3\xea\x89\xa7qx\x7f\xf8\xe7V*\xec\xf6[^\x9b'</t>
  </si>
  <si>
    <t>b'I\xe1\x19\x0eY\xad\x00t\x12+9\x14\x15N\xc7\xfb\xc0bZ\xa80\x1aV\xb4eQ\x1f\xce\x1d`\x8e['</t>
  </si>
  <si>
    <t>b'6#\x9ac\x9e\xc7t&lt;\xb1\xfd\xee\xb8\xf0y\xb9_\xec\x8a\x96\xe4\x1a\xed\x83\xab\xc0\xf6{\xe7\x83\xe73\xc0'</t>
  </si>
  <si>
    <t>b'\xe4\xb3Rkm\xcf\x18\xc7\xe5\xb4\xd3\xa6\x0e|q\xb3\xbb2\x82N\xba\xcf\xc5\xdb?E\xa4f\\\xa9|y'</t>
  </si>
  <si>
    <t>b'\xf9\x95\xe1\xf8 \x13A R\x99\x86\x19\xaaW\xdd\xd0\xfa\xf9\xdc\xf1\x82\xff\xcf\xab\xf0\xde\xbf\x19W\xc1\xe0\xf4'</t>
  </si>
  <si>
    <t>b'\xc4\xb5\x9f\xc2\xa3P\x14\x85\x12\xd5\xc2\xc2\x81/\x81\x9eM\xd8\x93\xaa\xb4\xf6wr\xad\xffU\xae(T\x9e\r'</t>
  </si>
  <si>
    <t>b'O\x81\xdfA\t\x9c;\x95\x81DIql\x15\x9f\xae\xc1\x10C"\xcc\xfe\x8c\xc9\x13\xea\xae\x86$\xd9\xf7\xb0'</t>
  </si>
  <si>
    <t>b'\xb3B\x81a\x83\x85~s\xea\x83; \xf5\x95\xb4\x12O\xe7\x9f\x0b\xb9{j\xf8\x10\xe6\xc6\xeb/\xca\x19\x88'</t>
  </si>
  <si>
    <t>b'K\x02\x16\xb7W=y\xc1\t57\xa4\x81\xd3+PVU\xc1\xaa\xd6\xfd\x82a\x17d\xcaF\xcd\xa2de'</t>
  </si>
  <si>
    <t>b'\xe5\x18\x1d\xbf$;\xbb\xea\xe3\xa5\xaa\xfa\xaed\xe8\xd8\xea\xa0\xd1)\xfc\xb9\x8f\x9a\xaefi\xf6\x1a\x82\xaa\xa5'</t>
  </si>
  <si>
    <t>b"\x0ew'\x0b\x8e\xf9\xd7]*\xd0\x9c?H\x06t\xbc\x9c\xf0\xcehq\xb5\xe8\xe3\xe5\xbf\xd8\t\x1a\x00\x18\x85"</t>
  </si>
  <si>
    <t>b'0\x9f[\xe2\x109\xe2y\x1f\x98\xcd\xb0V5$U\xfb\xe1\xde\x96\xff\xf4\xbcuI6\xb9LYT\xa8\x1d'</t>
  </si>
  <si>
    <t>b'\xf3\xc1\x8f"\'\xe8\xd4`\x882\x9e@\xa3\xf9\xb0\xa7nx\x9bW\x0fV\x82\'\xb8\xce\n&amp;\x97\x16!\xdd'</t>
  </si>
  <si>
    <t>b"\xf3 Q\x07\xc8\xd9\x1c\x84\xdcf\x9cd\x84\xf7=h\xe7\xaf\xa7'x\xcc\x19\xc8\xfa\xff\xe0\xd6/\xd1Tj"</t>
  </si>
  <si>
    <t>b'\xfetO?XVz\x95\xc6R\xb3\x1cn\xe2\xfev\xc2\x86\xdfG\x84\xd6\xc6k/\x9e\x12@\x90[B\x97'</t>
  </si>
  <si>
    <t>b'1\n\x0b\xf7Z\x19\x1f\x99P6\xa0\x94\xc6 8\xb5\\\xa3\x11\x13\xc6\x80\xc0\xf7\xcc\xb5\xa1\xe7i\xdf\xdd '</t>
  </si>
  <si>
    <t>b"\xce\xae\xc8\xfaj\x02\x0f&lt;\xbao'\x1f2\x08\x19Y%y\xea\xb5\xc8\xaa\xf0\x12(\x83\x1fW\xefB\x1f\x82"</t>
  </si>
  <si>
    <t>b"9\xd9\xfdp\xc4\rY\x8c\x90\x17'`\xe7':\x9fh\x82\xf0s,?k\xd4\x11\x11\x19N\xbfy\x93\x05"</t>
  </si>
  <si>
    <t>b'\x9b\xe3\xd4\xd2\x12\xcbK\x05\xc0\x1b!\xfb\x08\x89\xd2V2\xce&amp;\xca\x8ar\x03dS\xb9\xd9Z\xb7\xae\xf9\xdf'</t>
  </si>
  <si>
    <t>b'k\xb1\x849R_|\xcd\xcb6Jt}V[\x04K\xa3\xfb\xe0\xce\xc7\x1at\n\x8fm\x03\x02\xdb&lt;\x0f'</t>
  </si>
  <si>
    <t>b'\x10\xce\n\xe5\xa1\x89\x88k\x98Y\x03\x18\xe2{\xa4nwI\x15\xf7\xa9\xa2*\x87\xa8\x893`8\xd7\xe4\xce'</t>
  </si>
  <si>
    <t>b'\x12\xa18\xfan\xf8\x8b\xe5EE\xb2\xf5\x1b\x80\x05\xa1\xe9}\x10:\x10;\x13\xba\xd3\xd1\xb9\xa6hGM\xcf'</t>
  </si>
  <si>
    <t>b'\x1fq\xbd"\xc63\x1a\xbc7\xcfGy\xd1\x93hbM_\x82/\xdc\xd8\x83\xd7j\xc9I\xdf\x0c\x12&amp;['</t>
  </si>
  <si>
    <t>b'\xb8\x03\xac\xc4|)\xc4\xbf\xd3\xc5\x94t\x06\x19`l\xd6\xe2Od)+\xef\x90\x03|\xf4\xf6\xdaGf\xfa'</t>
  </si>
  <si>
    <t>b'I\xf8\xf3u$e-\xf7\xb2\x1bcO\x8e@\xe8C\xea \xb6&lt;\xb3\x10u\xd1y\xfb\xb1\xdcF\x05\x17`'</t>
  </si>
  <si>
    <t>b'(1z\x96\xf7\xec\x0f#\tn\xe3\xfbF\x93\x8b\xdeG\x86y\x87_U\x87\x81\x9a\xa6\xb0\x84\x1av\x18I'</t>
  </si>
  <si>
    <t>b'\xda\x9f\xd1\xd4\x06\x83\x93\xaf\x9f9\xf2\x7f\x04\x10\x1a\\\x90\x1e#\x96\xe0\x85\xd9+&gt;76@\x0bI\x15R'</t>
  </si>
  <si>
    <t>b'a\x92\x865\xfb\xbeigY\x03\xa5\xdc\xf3\x95\xecZ\xb8\xccSh|\xc0O\xe43\xbcI&lt;`\xf4Ul'</t>
  </si>
  <si>
    <t>b'\xfcc^\xf1\xb2S\xf1#\xefJ0t\x9fK\xfc\x7fL\xad\x12\xa2\x98\x11\x94 M\x1dS\x93\xdb\x11\x7f6'</t>
  </si>
  <si>
    <t>b'\tk\x83\xb6\xb6\x8d/H6ppC\x93\x02\x99\x94\xecT\xfc\x04t\x1c\xfb\xa3\xb3\xbc\x00\xf1\x89/\xd4_'</t>
  </si>
  <si>
    <t>b'\x03p\x04\xc1H\xacG\xa6\xcf\xb3&amp;%\xee0\x87\xedT\xd7\xee\xa2\xac,\xf1A\xb9_p^k\x92\x9f*'</t>
  </si>
  <si>
    <t>b'\x8fG\xc0\x94\xb9^\x00\x7fS@\x08q\x1e\x03\x1d\x80\x99LDOe\xe8\xac\r5\xcf\xf4\x16\x1d\xc1\xb3\xc1'</t>
  </si>
  <si>
    <t>b'\x9c\xb8\xd5\xafgF2L%\xee\xdd\xec\xb8\xba\xf0+\x0e\xf8\xa56\x07r\x102\xb7{y\xc1\xb4\xb7\xdc\xb9'</t>
  </si>
  <si>
    <t>b'{\x103\x8e\xe6\xdf\\"\x83\xd6b;\xa7L\xc6\x18\x83|\tw\x86A\xd5p5\xff\n\x84%\x89\x03a'</t>
  </si>
  <si>
    <t>b'\x1d&lt;\x88\x1a\xfe|\xf4 \xaaM5\x07\x87 \xeeNl\x02\x08\xcc\x95\xee\xd1\x7f6\xc8\xba\xa1\xcb\xb1/\xf7'</t>
  </si>
  <si>
    <t>b'y\xebN\xc0\xcboX\xf3\xf9\x17\xf2+\xf2\xc3\xd6\x82\x803H\xdb\x13\xccH\x1d\x9a(\x17[\xde\xa5D\x85'</t>
  </si>
  <si>
    <t>b'\x95\xb4\xf7\x9d\x94k\xad&gt;\x8f\x94\\Kro\x81ok\x06\x98@\x14\xe7\xc0\n\x17\xfdj\x1c\x917\xf0\xb7'</t>
  </si>
  <si>
    <t>b'\xc8\xe2\xc4o\x83l\x93+\x046\x196L\xe4\xd8\xcd\xe8\x00\xcd\x13\xe0\xe6\x11\x8fE\xbf\x88\x82\xb8\x8c\x15\x0c'</t>
  </si>
  <si>
    <t>b'e\xa6Q\xbf\x141\xb9q\xf0\xc2G\xc4\x94o\xf3\x9fo(\xe4fK^c\x17\xf5\xba\xe9\x89\xfbZ\xd5\xf0'</t>
  </si>
  <si>
    <t>b'\xa4\xdd\xbfu`,V\xa4\x83\xf0C\xfdNc\xb8\xe9\xa2m\x11\x99\xb0\xecY\xe5B\xd8\x8f4*E!&lt;'</t>
  </si>
  <si>
    <t>b"N\xa4\\g9\x89\xe4-\xc4\xbb\x81\x90K\r'(\xd2\x90\xa4p^_O\x00xy\xa6\xe8!\x0b\x9c\x9d"</t>
  </si>
  <si>
    <t>b'\xac*\xfdG\x1c\xcc%-\xe6\x1c6B\xf0S\x88}\x0c\xb33\x06\xe6\x08"\xd2\xb2-K\xe1\xa7\xcd\xcdu'</t>
  </si>
  <si>
    <t>b'\xdf\xdd\x9d\x18\xdcD\x9f$ \xecB\x9e\xdf\xdc\xce\xc9\xfd\xe2\xd5\xf0\nA\x03\xab]\xd0\xfb\xaf\xb4=\xdaA'</t>
  </si>
  <si>
    <t>b'\x9b\x91N\x19\x96s[\xd3g\x18\x1ao^|r{\xaa\xc0\xb5\xf0\x88\x1d[\x9b\x08k5\xb6\xef9\x1aT'</t>
  </si>
  <si>
    <t>b'\xbc\xa2B\xd1\x86\xc9l\x0e\xdaM\x040\x02\xf5-\xa6\xf74n\xffV\x9aK3\x00r\x03\xbf\x13\x9d\xc6\xa2'</t>
  </si>
  <si>
    <t>b"oc\xaa\x1e\x9a\xea\xb4\x92\xb3%\xba'\xf4\xc2\x1d\x89q\xf0\x80NQ\xd1\xb1\xf3\x195\x94\xbf\x00L\x18\xee"</t>
  </si>
  <si>
    <t>b'\xf7\xe1s\x14\xb7I\xdb\x16\xfbAK"\xe4\x18&amp;\xc3&amp; \xb5\\_C\x7f\x06\x98\x95\x9d\x17\xaa\x8d\xb3V'</t>
  </si>
  <si>
    <t>b"\x89}\x18\x8b'\x95J\xc0P\xad\x93u\xfa\xdee\x96n\x88'\x0c\xa7\x0e#'\xf3\xd3\xcd\x07\xe6\x06\xae\xf0"</t>
  </si>
  <si>
    <t>b'G\xb5\xc3\x1e~\x91M\x06\xdd\xaet\xb8\x0bQ\xbe$\xc9P\xb1\xe2\x18+\x9dr\xc6#Y\x7f\x84\xaf\xef\xdb'</t>
  </si>
  <si>
    <t>b'\x9aG\xe6\x9a?5\xcf:\xcd\xfd\xc6\xdf\xab\x0c\x1b\xe4\xeb\x12\xf6\x15\x9c\x87\xf3\x04\xca"\xfa\xcd\xfeL\xe2\xc1'</t>
  </si>
  <si>
    <t>b'u\x10M\x06D]\n\x153\x01w)\xc3\xce1m\xecW\xa9B]\xc2\xeb\xd8dZvS\x87h\xfb\xed'</t>
  </si>
  <si>
    <t>b'\x9d\x00\x88ti}c\xcdT\xd5\x16\xf1AT$\xf5U$\xadZ\xcc\xb7\xcb\x95\x96F\xd1\xb6\x0f;\x8fI'</t>
  </si>
  <si>
    <t>b'm\xa9\xd5E%\xb4\xf8\xe8\xb6a.d\x17\x18)\xfd\xd4m?"\'\ns\xd8\xa3j\xac\x82\xc1\xfdz\x8e'</t>
  </si>
  <si>
    <t>b'g\x16\x98r\x8a\x05\xc0!x\xe0\xe7\xe7a\xb1\xb9\xba^\xc8C\xaa\xab\xdb\x7f\xda\xb3\x93 \xd8\xcdf\xbey'</t>
  </si>
  <si>
    <t>b'\xad\xd5&lt;\x16\xcb%\xd9\xc4\xd4P\x95\x9b\x13\xc1e6%\xb8=\xdb\xac\xe0\xb1A\xaat\xa3;_\xff\\\x9a'</t>
  </si>
  <si>
    <t>b'$\x81#v|\x12\xe2\xcbb\x0fF\xc1\xfc\xa8&amp;rZ\x90\x99\x06}\xc5\xf1V\x1c\x98\xe4\x14\x07t/\x1b'</t>
  </si>
  <si>
    <t>b'\x80\xdet\xcfvW\x02\x0b^6Y\xe0\xed\x9c\xea\xb1oI\xd4\xb9\x83\x03F\xc7pA\x94\x96\x85\x92\xa5a'</t>
  </si>
  <si>
    <t>b'\x16\\\xc4\x187\xcf\x95\x07\xf0\xca\x9f{"\xcf\xbf\xa11\xa0\x8b\xf6x\xdb\r\xc4\x08v\x1e\x86,W6R'</t>
  </si>
  <si>
    <t>b'\x9b\xd4J\x86\xe3\x98\xa3\x87e\x98\x81"\xdc\x93(\xaf3\xe9\xf6\xa8\xc8\x1a\xb3M\xcfY\xb6 \xf4\xb9qs'</t>
  </si>
  <si>
    <t>b'\xad?\xfd\xfc\x81\x06&lt;\xa4\xde\x86\x8842\x7f\xa2\x12M\x90\xf3\xb4\x89P}\x1e\x03\x0f\xc2\r\xa9cL6'</t>
  </si>
  <si>
    <t>b'\x0c\x85W\xd3\x94\xe8\xf1\x95\xa3eq)\x99\xb1\x8f\xe1\xa3W\x00\x8fvn\xfd=s\x8ba|(\xc8\xd2b'</t>
  </si>
  <si>
    <t>b'\x0b\x8f\xfc\xd5\xe3\x8d\x1do\x91\x93v\x1d\xd7\xb7\x86\xbf\xa2\xe9@\xb2C!\x92\x97\xfc\x03\xcc\xa1\x1a\x02\xe2\x0c'</t>
  </si>
  <si>
    <t>b"O\x9bC&amp;\x8cYoy\xea\xae\xa8yIfQ\x10\xa2=\xd8&gt;WB\xf4S\xe7:'O\x8a\x19\xd8\x86"</t>
  </si>
  <si>
    <t>b'#\xbd\xebt\xd4\xa7\x19\xa3\x15M\xf9\xf3\x1ej\xd1M\x8fb\xe0\xf6\xf9\xfeB\rC\xb3\x0b3\xbc\xfbh\xa9'</t>
  </si>
  <si>
    <t>b'\x97]\x03\xfd=\t\\\x92\x04X\x83\xe1\x88\xb8\xc5I\xf3\xa6\x86\x8bC\x04\xd0\x87\xdc&gt;\xc44\xa6\n\xa2\x9d'</t>
  </si>
  <si>
    <t>b'_7\x90\xa2\xfep\xf2\xe1\tH\x82\xee"\x94J\x1e\xf2e}d#\xbe\x0c\xba8\xa6\x9bee\'\xb8\xc1'</t>
  </si>
  <si>
    <t>b'\xa4t(3\x1bjz\xd1\xc4\xcb\xc1b\xa4\x88\xf0\xc1&lt;c\xd9\x99\xed\xc6i\x82l\xbb_=\xbf\x10\x91\xbe'</t>
  </si>
  <si>
    <t>b'\x8d?w\x92s\x03c\xb32\xd0x\xee\x8c\xf6\x18m\xbc\x8e\x07\xdaI\xa9e\xa5UPv=\xd0I\xc0l'</t>
  </si>
  <si>
    <t>b'\xf5W\xd8\xa9\x7f\xe2%i+\xa1\x86\xa7\x89\x15\xc0^\xfau&lt;.\x01N]\x8d\x9b\x89\xf4\x9eDw\xbb\xd5'</t>
  </si>
  <si>
    <t>b'\x04h\xfeG\xb8F\xb3\x0c\xa8\x81\xdd\xbbJ\x89\xb6\xd71L\xe5\xee \xb1\xbf\xe4\x16\x03\xb08\x8e\xfc\xb7\x81'</t>
  </si>
  <si>
    <t>b'\xa9\xaf\x13\xcd\xee\x19y\xc2\xe8L\xeflYL\xb6\x83\x89\xbe\x98\xa4\x88+\x94N\xb2\x17xQ\xbdZp\xfd'</t>
  </si>
  <si>
    <t>b'j\xba\x19h\x0eN\xa8\xean\x93j\x82\x9c\x94\x87[\xb3\x99\x1d\xed0\xc0\x15\xb8\x821\x97\xe0\xe7\x8aRW'</t>
  </si>
  <si>
    <t>b'7\x14I\xa6\xf8`\x9f\xc1\xeb](H\x8a\xec\xf0\xe4\xf8W\xc6\x00\x8edGt\xe3\xfc\xaf\xb3\t\xbe\x88\xd4'</t>
  </si>
  <si>
    <t>b'3.\x06W\x92\x03\xcd\xe9\xe4\xa3\xb2\xc0\xe7Ph\xe1\xe9R*\xb1\x17p.\x90\x81\x17\x97\xb7\xdf\xec\x12\xfa'</t>
  </si>
  <si>
    <t>b'\x1e\xdbC\x1fx\x91\xfa\x96\xb9\xe3\xb8M\x81\xd6\x15\x92\xc0\x8be\x91\x17\xea\xd64\xee\xe3\xec\xaaET\x80\x8d'</t>
  </si>
  <si>
    <t>b'\x933t"\x90G\xfeD\xee\x80\xd0\xc4\xac\xfd\t\xe1\x14\xe9-\x83\x18\xc3U\xa8\x14\xa6`\xcf\x03P\xef\x9b'</t>
  </si>
  <si>
    <t>b'?\xf1\x90\xa4a\x1bO\xd4\xb4E\xb3\xa7\x15G\xec\xac\xe2\x89\xeb\x99e\xa8|\x10\xb1\xfc`\xa0\x14M?\x98'</t>
  </si>
  <si>
    <t>b'o\xcaO\xb5\x85)\x1do\x9b\xcbg\xa3G\xf0\x05\xd0\x0b\x08\xd5E9\x03\xc9\xad\x15Df.\xe0\x9c\xca\x18'</t>
  </si>
  <si>
    <t>b'\xda\xe0\xac\xe5K&gt;U\xbf\xec_T\x8b%\x91\xa3\x97;\x06\xc6\x9b\xe1\x14Z\xfd\xfe\xdbW2\xff\r\x06U'</t>
  </si>
  <si>
    <t>b'^c\xdf\xe40&lt;\xdc\xc6\xb1\x0b\xa2 \x1d3\xcb&gt;\x91\x89\xee\xd7\xc1%\xf1\rD\x8f\xf7\x86\n\xc05\x9c'</t>
  </si>
  <si>
    <t>b'\xd3\xf2\xaa\xf1\x12\xe2+\x05\\\xd2-\xd7\xc0Q#X\xe7/\xe5$\xfbA\xef\xcc\x8c\x9a\x92\x84\x8c\xb0\x8fh'</t>
  </si>
  <si>
    <t>b'\x03\xb7\xa9\xe3\x96#\xb5Z\x8b\xd9\xef=\xfab\x0c\x06\x9c\xa6\xc3W\xb2\x18\x96#"\xdb\xa5\xe1\xf0@qT'</t>
  </si>
  <si>
    <t>b'\x7f\x8d\x1d\xcc\xc5o\x8c{)"-\x94\xda\xa5\xd5A4\xb3\xa4\x7f7\x89\xdc\x8b\xf0 A\xc6\xb6@\xe34'</t>
  </si>
  <si>
    <t>b'\x9d9:\x15\x95\xa5B1\xe7"G\xa2\x1d\x16\xb0&lt;\xa8K\x88\xfa\ty\xfa\xd3s1\xc8Nqj\xe4\x1b'</t>
  </si>
  <si>
    <t>b'\x12\x86z\xc3\x8b+\xfef\xe5\x90\x80@x\x98\x89\xdb\x88\xfc\xfbB\xbdj"\xa3cSB\xa5\x8dq\x8e\x9b'</t>
  </si>
  <si>
    <t>b'\x8f\xd2\xa6\x7fS;\xad*\xf6\xbd\xe2HV\x91\xf6"\xe6\x01\xdb\xa7\x12Rp*\x81R$\xb2,*F\x95'</t>
  </si>
  <si>
    <t>b'\x9c=\x9a:\x16!\xd2a\x18Y\xb8\x19\x8br\xe8\xd5\xddO\xc1\xb0TF\xd8w8)\xb9N\x9e$\xcc\x93'</t>
  </si>
  <si>
    <t>b"\xb0\xafl'\xd2\x81\x12H\xe3\x80\x02\xc0\xc57D\xf7\xcf\xbf\x07\xab\x83\xdcEN&gt;y\x0f\x91'\\\x15'"</t>
  </si>
  <si>
    <t>b"\xbaN\xc6'x\xd9p\x8c\xce\x9c\x9e\xde\x99~\xf7Oi\xec\x0f\x9f\x06\xd0\xcc+\xc3tt\xa6j\xfa.'"</t>
  </si>
  <si>
    <t>b'\xaa(r\xdfm\xbe\t\xb0$\xf6\xad\xf6\xc1\xe8i\x9a\xfc\x82\xea$\xaf\xb1W\xb0i\xe6\x86\x04\xa6\x0e8\x0b'</t>
  </si>
  <si>
    <t>b'56=i\x03\xb1\xc8\x8e\xceJw\x98&lt;\xee\n&amp;\xdb\xf2g\x00\xe1\xd8U\xdan-A\xdeE\xd2V\xaf'</t>
  </si>
  <si>
    <t>b"\xf8=;R\xbf\x80\x9e$\xef\xb3Oc\xab\xab\x8a'\xed\x07\x84\x9a\xbe\xe8\xfd\xb9Tq#\xa7e\xaat+"</t>
  </si>
  <si>
    <t>b'3OO\xba$\x88\x1b\xc91\xd6\xa8~\xa9\x91l\nd_\x14\x14\x058;\xbbF%\x88\xecpb`\xf2'</t>
  </si>
  <si>
    <t>b'\x83P\xa9\xd5\x01\xe8\xb9\x87$\xe9\xf3\xa9s\x9c\x8dk\x05$\xbc\xfb(\xf9\xcf\x00\xed\x84\xb5\x12\x82@\xbd\x1f'</t>
  </si>
  <si>
    <t>b'\x00\xfd\x8a\xec0j\x83L\x84\x04\xa1W\xf9\x84\xac\xbc\x8f\xae:?\xd7\xc3VF\xaa\xdc\xb4\xb5/\x91nO'</t>
  </si>
  <si>
    <t>b'\xa6\xa4\xde\xd1\xc94\xb7\xa0d\x08\x8c\x83\x94\xb9\x8a\xca\xb4I\xf38\x80T\x18e\xd5\x9b\x9aU\xde\xc3\xd1\xf3'</t>
  </si>
  <si>
    <t>b"\xdc\x9ah$\xc5\x07{\x19\x8f\xf7\xfe\xc9\x91\xeb6\xd8\xaa\xcaH\x04r\xf8W\xf0\x96\x93\x10\x16\xbf'\x03U"</t>
  </si>
  <si>
    <t>b'K\xd5\xf6D\x0cZ\x16\xd3\xda\xf3\xb9c\xcal\x97\x0cb\xed\xaeF\x94&lt;vq\x8cR^qA\xeb\xb1\x99'</t>
  </si>
  <si>
    <t>b'\x17);\xeb\xfd\xcfn\x08&gt;\xbc\xd3\x97\x05\x91\x96Z\xd2p\x1f#\xd38\xd4G0\x87\xa7\x00&amp;\x9b\xf0:'</t>
  </si>
  <si>
    <t>b'\x1f\xcb\xfar\x81n:\xb5*\x11\x9c\x05\xa5\x14q{\x9a\x08\x90iyS\xe22\x07\xe6\xc7\x0c\x96\xcf\x8d\x19'</t>
  </si>
  <si>
    <t>b'(\x00\xc3\x95\x90`\xe5~\xb6\xc9\x9b\xe2\xb1}\xe9\x95\xfd\xeeg\x11\xf5\xde\x96|\xa4\xad\x84B?9I\x80'</t>
  </si>
  <si>
    <t>b'\xf0\x90\xdfl\x02\\$\xf2\xf8\xdaV\x00,+\xee\x86\x87\x08\x8a&lt;Ez\x99\x0f\x96\xfa\xb8\xf2y\xa7\x06\xf4'</t>
  </si>
  <si>
    <t>b"1\x7f\x1f\xa1\x16D\xd3'f\xfc\xf9\xd6\x8ct\xac\xd0\xc3`\xeb\xd3R\x1b\xbd\xa9\xf66\x1a\x92n\xfb\x1c\xfc"</t>
  </si>
  <si>
    <t>b'S\x1f1\xea\xdb\x8a\xfb\xa7\xe0a%\xd6\xde\x91\x07\xbdHZ\xc1K\xf53s\xd2H\xab\x9e\x9c\xd8\xd9}X'</t>
  </si>
  <si>
    <t>b"\x19#GO\xe0\x8cH\xa2\x8b\xf9DiM\xf7\xb6'\xc6\xb3\xfc\x8f\xea\xc4V\xd45\xceSR\xb7\xad\x7f\xa1"</t>
  </si>
  <si>
    <t>b'Z\xc8\xdc\xb4\xbf\x03\xfb\x81\xe9\x97\xb5\x8d\xec\xbaP\xc7\xb3m:\x10C@+\xb2\xb4O6z\xb6\xafM\x88'</t>
  </si>
  <si>
    <t>b'Y\xbf\xd6X\x00\xbb\xc3? \xb6\xc4Z\x16?^\xbf\xdf\xc1\x8f\x85\xd6H\x97y)\xcf\xc0\xff\x99\xc8=\xd3'</t>
  </si>
  <si>
    <t>b')q\x80c\x9fwu\xc2\xd8\xfar\x80x\xff\xee8X\x1a\xe5\x95]?/X\xcdzd\xdcz\xdf5\xdb'</t>
  </si>
  <si>
    <t>b'EBC\xefu\x8eR8\xdb\xef\xf4Xqxu\x15\xfeH\xf0m#|\xa0\xf7\x16\xd4W\xb4J)6:'</t>
  </si>
  <si>
    <t>b'\x00\xbd+\xb5d\x0b\x98\xd3\x83\x97\xd8\xb9I:\xdf\x83\xa5@^s\x0b\xb2\x80u,\xe7\xf17_\xde$$'</t>
  </si>
  <si>
    <t>b'\x95B\xc9q\x972\x17\xd8v\x12K\x7f\xe3r\x8b\x95\xbd\x17^&amp;\xb2g\x0eq\x07&lt;\xf5\xa4\xa07x\x0b'</t>
  </si>
  <si>
    <t>b'\xb2\x0bVU\x11\xe3Y\x134\x8fu\xcd\x95\xd1\xdf\x90\x9e\xec\xdb\x92Z\xaf&lt;\x9e\xeax\x1c\xaa0\xf0N&amp;'</t>
  </si>
  <si>
    <t>b'\xea\xdd!F\x9fB\xac\xae\xc5\x147(1Jn\x16G\x8f\xdb\xaa\xf9|\xb7\x95}\x12\xb4\xf5\xactx\xe2'</t>
  </si>
  <si>
    <t>b')r#\xeb\xdclH0\xa32\x9cO\xf7\xd3\x05M\xcf\xf2q\x83KW\x82oq\x0c\x07\xbf\xfc\x1ao\x80'</t>
  </si>
  <si>
    <t>b'\xf6b\x8cn\xa3\xc7:\xf9\x93\x84\xa0\x06\xbfr]]\xa5\xd9$\x11UX\x89p\x9d\x89/?7[\x9e\x8e'</t>
  </si>
  <si>
    <t>b'\x07\xa8h\xef\xef\xfey\xa1\x9d\x8fI\x05\xd3\xeb\x9d\x1d)\x9e6\xbe\x98\x10\xfb\xb9O\x86\x96\xec\x81\x1a\xe1\x16'</t>
  </si>
  <si>
    <t>b'7\x0b\xef\xd4\xd5In$\x14\xcb\xe6\x7f\xbfn\xcdK\x11\xe3\xe3j**Fef$FY3\x8f2\xef'</t>
  </si>
  <si>
    <t>b')\xd5\xd4\x97M\xe6\xa6\xdb\x1f\xf3\xe2\xfaI\x9e\xc4\xa8\xc4\x8c\x8d\xa0n\xac\x11\xe75H\\\x1ez&gt;\xb7\x1a'</t>
  </si>
  <si>
    <t>b'\xf8q\x84\xed&amp; \x91\xe1\x8e\xa0_:t\xe6\xc2\t\x04\xe7\xee\x92\xcf\xf4s\xa2iB\x19aH\xa9lq'</t>
  </si>
  <si>
    <t>b'\x9a\xbeGa\x1c&lt;\x11\xa7\x9d\xbf\x8a\x89.US\x14bU\xf3\x8a\x83\xa7\xbd\xae_x\x87\n*\\\xec\xc8'</t>
  </si>
  <si>
    <t>b'n\x1a\x9c:5\xae\xfa\x16\x8c\xd0s\\\x91\x14\xae\xe4\xc5|\x13\xe59\x7f\x06\xc1*\x8a\xe0\xfd\xde\x19\xe5,'</t>
  </si>
  <si>
    <t>b'\x1bLM\xb9\xd9.M\xe2\xbc\xb3E\xa7%\xfeR1Iq\x076!\xf3\xaa\xd4\x8c\xabE\x17\xc9\x9f\xb1\x01'</t>
  </si>
  <si>
    <t>b'\x8b\x0e\xdcw\xd9\x8a\xe7\xfd\x02\xee\x95\xe2\xd3\x9a\xefD\xc1&gt;\x9b\xf7\x101\xa56\xc0\x82\xd3\xd4\xad\r\x0cy'</t>
  </si>
  <si>
    <t>b'\xaa\x12\x8b\x8b\xb5\xf8\x1d\xa0\x00\xf5\x7fR\xc6a\x084\xb1 u\xd1\x19\xb5\x1ey\x1a\xff\x99\xed.IH\x7f'</t>
  </si>
  <si>
    <t>b'\xc6\x15tvb\x05c\x99\xb0G\xd8\x94\xee\xf6\x1e\x90\xe3 \xb3\xeeY\x8a\xa8r\xc5\x02\x14 \\\x0c\x823'</t>
  </si>
  <si>
    <t>b'y\x02u"z\x81\xdc\xa8&lt;9\x8b\x88p\x8e\xd1\xb5\nAf\x18\xc3\x82\x13g\x1f,\xc9F\xe4\xe9\x88\xc8'</t>
  </si>
  <si>
    <t>b'\xec\x9f\xbdpE\x1c\xa0\xf1\x08\x96\xcb\xaf\t\x11\x89\xd1\xbe\xee\xbd\xa1\xdd\xd5\xa3\xd1\xd1T\xedf\xa8\x12\xd2H'</t>
  </si>
  <si>
    <t>b'\xffnaZ\xc9\x96\xda\xc3r\xcbc\xaa\xce\xeddse\xdf\xa9\x86\x0ew\x7f\xa2/\xb5YFuh?\xde'</t>
  </si>
  <si>
    <t>b'\x1bp\x11P\xfa\xf7\xb7\x18\x0f\xa9\xb7t\x02\xacf$r\x03~K\xf8\x87?\xed\x1d\x8a\x03\xfdI\xd5sV'</t>
  </si>
  <si>
    <t>b'h\xf9}4\x17M\x9a2\x9e\x0b\x9e\x03A\x98\xe1T\xba}\xcf\xb4\x12\xd3#E\xdd\xa8\xba\x9a\xce\x1a\x83\x1d'</t>
  </si>
  <si>
    <t>b'\xb0WX\x8e\xa8\x12\x8dR*\xf95\xd9\x93h\x9c\xfbA\x9f\xa0\x045n\x1e\xb6\xb2d\xcc\xa5G\xa3Y\xed'</t>
  </si>
  <si>
    <t>b'R\xba\xf5\xb5=\xc7=\xda\xe9\xaf\xb1\xd3\xe0^&amp;X\x16\xdb\xe2\x83Mm\xee\xbd\xc5S\xda\\\xcc\xc7\x858'</t>
  </si>
  <si>
    <t>b'l\xca\x92?\xe5\xd9\x9dF\xd1\x0f\xcb&lt;P\x92\x0b\xe7\xa1N&gt;\xc6\x0f\xd1&amp;\xb7\xc3&gt;Rb\xb8\x14\xa4\x19'</t>
  </si>
  <si>
    <t>b"\x14+\xec\x8a\xdbH'L \xa5\xa1\xd7`\x17\x8eF\xaa\xd5\xad\x13\x93\xbb\x02\xd5S*\x95d\x1f\xc4=\n"</t>
  </si>
  <si>
    <t>b'\xf9\xb6\xa7\xe6iA\x93N\x8a}\x99k\xab\xcf\x81\xed\x8e\xc1\xb0\xb79!C"pg\xafk\xe8D,\x8c'</t>
  </si>
  <si>
    <t>b'\xd6\x1d\xd4Tsv\x1bF)\xd3\x8c\xb5M\x13\x91\tX=e\xe7~\x08\xdbF\x93(\xd1\x83`\xf3\xe1t'</t>
  </si>
  <si>
    <t>b'\xf8\x97\xf1\xdaWf\xc3P\xeb\xbc\xfcQ+\xc0\xdd\xacjpvI\xdcO\xbd\xaa\x9a\x9f\x90\xa3\xaeK\xfa,'</t>
  </si>
  <si>
    <t>b'!O\x00p\t\xa8X\x88\xac\x05\x96\x1a\xd2\xa8Fp,\xd8q\xf7\xa6C\x9c\x85H\x92\xe3l;\x88Q\xb3'</t>
  </si>
  <si>
    <t>b'(\xeb\x89\xa7\xab-7\xe0\xb1\x07\x1f\x7f5\x1d2*{\x84`\xff\xed\xc0~\xa8ZG\x9b\xb3\xa4\x0f\xe2\x06'</t>
  </si>
  <si>
    <t>b"\xa8s\x06;c~\x03%Y\xdd\x0b\xcd\x8e\x03\xf32\r\xd0*\x14O\xac\x89dy'!\x1f|\x00VW"</t>
  </si>
  <si>
    <t>b'U\xa50tu\x89F7\xbf\x83\xde?#\x0e\x97\xa8\x0f\xca\x12#|\xe1\xd5\x0c\x901\xbf\xc3mnE\xac'</t>
  </si>
  <si>
    <t>b'%\x99\x92\x83\x07m\xd20\x8fTn\xba\r\x8f\xe5\x9cY\xe0\x8en\xa0\xbc^4X\xce\xb7\xe5\xfd\xd6\x1ay'</t>
  </si>
  <si>
    <t>b'\x94\xd4*\x89\xf9\xc3\x93\xae\x94\xcb\xfa\x19\xc3\xec\xf1 \xd7\xf9\xd7\x02Ti\n\xd0\x1cE\x8ef@)\x11\x10'</t>
  </si>
  <si>
    <t>b'YR\xd2XX\xa4\x15)\xb3\xc7\x1a9\x17\xee\x07\xbc;\xc2Bn\xcb\xa5\xa4\x15\x16\xcch\xbe\x8bfom'</t>
  </si>
  <si>
    <t>b'\xaf\xbc\xd6\x86R\x0e}\x12!&lt;\xf4\x1d\xce\xf2;\xbf\x1a\xad\xde\xb7\xa1\x9dG\x05\x00i\xb5\x9b\xf9\x08\xe3\x1c'</t>
  </si>
  <si>
    <t>b'\xaet\x19n\xf8\xe4x}\xf1\x19\xbf\xa2q\xf3\x90[\x05\x9cZ\x0e"t\xb4\xbc;\xff\x97g`\x88\x80I'</t>
  </si>
  <si>
    <t>b'\xc0\x1c\xbdm\x92nhL\xf5\xe5m&lt;z\t\tJ\x0e\xff%C\r4\x87\xf7\xe7\\f\xc9\xf9yk\x02'</t>
  </si>
  <si>
    <t>b'\xa2\xd0\xd8w\xb63\xebt\xfb\xc4\xb2\xe3\x9e\xa3\xb3\x96\xbf\xdc&lt;\xe4\x93\xbb\xc8\x18\x89\x84CO\xd1\x99\x9f\xdc'</t>
  </si>
  <si>
    <t>b'3K\x98T\xd2\xbee\xec\x01\xc1\xfd\x9b\x10\x8c\x0c\xbaY\x1b\x98\x9f\xda{\xb6\xeb\x8cF\xf4\x7f\x89\xffq\xea'</t>
  </si>
  <si>
    <t>b'G\x8d\xfbJ\x9e\x1c\x10\xe4\xb4=\x15\x8b\xff\xa2\x0c\x96\xf1W&lt;T\xed-\xd9U`|v\x93{\x8e/V'</t>
  </si>
  <si>
    <t>b'CB;&gt;\x11\'&lt;\x9e\xeb\xd8\x98\xa4\xf8\xfe2?Q\xbdY"\x01,\x87\xac\xb5\xe2\x966\xd6`\xabA'</t>
  </si>
  <si>
    <t>b'\xc9\xa4N\x006\xb3\x8f\x9f\x13\x84\xd8\x00H\xe5\x0e\x9b\xa4\xe4y\xc9ND\xd7eWm\xa3X\xa2QSv'</t>
  </si>
  <si>
    <t>b'\xb0\\\xb0D\x828\n\xf9S\xd3\xb3\x1c\xfdF\x95#\xab\xed\xdc\xb0\xae\xa2=\xc9\xb7\xa6\xae\x02\x10\x1cU\x0f'</t>
  </si>
  <si>
    <t>b'\x179z\xb7\xdf\xf0\x19\x0c[&amp;-\xaa\xe2\xc4.f&gt;@\xd7\xfdZ\x18A\x83\xab\x8d\xd2\xba\x1e\x1b*&lt;'</t>
  </si>
  <si>
    <t>b'\xf5\xbe!D:\x84@W\xd0\xac\xfe\xf0\xca\x88\x99\x80\xcfv\x02\xe5\xe0s(\xcaR\xb3\x02\xf6\xa0\x83\xbc\x90'</t>
  </si>
  <si>
    <t>b')\xb91\x87\xf9 7\x97\x06?T\x08\xb5r\x15z=\x7f\x85\xf4\xd6\xfe\x05\xe8\x1b\x00Z_.\xc1V\xba'</t>
  </si>
  <si>
    <t>b"\xd2\xdf\xb1\x19\xc8@\xf7Wp\xc7\xd9'\xf2}\xf8\xa4\x86\xed\xf3\xdf\xdb\xae\xf03FF\x1a\x8b1\xff\x81O"</t>
  </si>
  <si>
    <t>b'\xc2\xc6\xd7\x13\xe0\t\xe9R\xa9Eh\x9ej*\xfdlJ\xd6\xa3\xff\x1a\x00g{\x8a\xe1\xc1mY\xa2\x16w'</t>
  </si>
  <si>
    <t>b'\x88\xac\x18;\xcd\xeaw\xb4\x89\xb1\xaaK\x8dUO\xa1&gt;\xd7\x02E\x80\xb7\xb8\xc1\x19\x9c+\x88\x8e\x1cV\xe0'</t>
  </si>
  <si>
    <t>b'^\x83\x01\x0e\xe2\\\x00g\x8e\xec\x9c\xf7\x99\x03s\x99\xba\x7f\x04yf\xb16Sc%GqB\x1b\xfe\x15'</t>
  </si>
  <si>
    <t>b'\x9d,\xe4f+j\x91\xe6[Oe\x01Xa#\x0c\x16\xbf\x9e\xa8\x07\x8bW\xf5\xff\x8d,a$\\\x11\x86'</t>
  </si>
  <si>
    <t>b'\xb2\x1d+\xe0\x9d\xfa\x08/c&lt;\x9b\x83@\x86\xdb\x7f\x87\xa03\x81bj\xe0\x8f8ST7\x03\\\x0bv'</t>
  </si>
  <si>
    <t>b'\xb4\x9f\xed\x84")\xa7 \xa7\x81\x99\x82+\x1a\x07;\xf1\xd0\xaaP\xf29n\xe9s\x03gv7\xe9\x88\x00'</t>
  </si>
  <si>
    <t>b'\xcc\x94_\xabO+\x93`n\xf5\xb0\xb3\x85q\xde\x86\x14MC\xfd/M~\r\xdc\x84;\xa6d]c\xf0'</t>
  </si>
  <si>
    <t>b'\xea\xc2\xab\xb8\xcaj\xcb\xaf\x19\x94\x1b\xd2N\xceD[\xa2\xea\xa9\xf5YDT\x81 \xf0\xff&gt;\x0f\xaf\x84R'</t>
  </si>
  <si>
    <t>b'\xf7Qy\x13\xe5AuY\x83\xad\x10\xaeh\xb3\xf1w\xfb\xf7\xd5\x8a:\xdc\xcf\xb4\xae\x13\xe8:\x08\xa3C\x15'</t>
  </si>
  <si>
    <t>b'\r\xd2\xac\x13e\xb4\x9cS\x13T&gt;\xc7O\xcf\xe0D\x8bk\xed\x13\xf5\xe2\xd7\xb9\xf2K\x9b\xcb\xea\x90~\x93'</t>
  </si>
  <si>
    <t>b'\x0e\xeb\xea\xcb\xe0\x1a\xfd\x8f\x13\xaf\xa45-\xde&amp;y\xe1\xe8{\x13\x0e\xc7A`\xf5mq\n\x13\x9c\xec\xf2'</t>
  </si>
  <si>
    <t>b'\x89p\xdc\xb5I\t\x12\x1e^\x88\xa3|\x1c%\xedV\x9f\xd8b\x94\xa1&lt;\xa6\x84N\xb3$o\xf9\xd3"\x02'</t>
  </si>
  <si>
    <t>b'#q{\xe5h\x08\xd96+8\xff\xfd\xb7\xdc\xfb\x19\xc5\xbf\xd2\xbc\x9e{*\xbb^\xdc\x19\xc9\xb4\x08\xc1\xf7'</t>
  </si>
  <si>
    <t>b'\x16\x05\x8e\x8fe\x8e\xc8\x122\x10\xe1\xff\xe5\xfe.3!\xd0\x80\x13\x03\xffb\xf1o\xa9\xf7B\xa7$Tv'</t>
  </si>
  <si>
    <t>b"p\x05\x044\xe7sT\x18\xec#L\x18\x0c\x16\xdc'\x04m\x9f\xea\xc6I\x88c\x92\x95\x967\xaaG\xd5Z"</t>
  </si>
  <si>
    <t>b'\x07\\;H\xef\xdd\x83\x96\x054O\xd0\xfe8= \xc4\x04\xdf\xc9\xb2\x00\x12\x8d\xf0\xe2DD\xc1\xc7\x9e\x9d'</t>
  </si>
  <si>
    <t>b'\xf2A\x81\x1a\x0c\xeag:U\xd9\xb4\xc8b\x89Y\xb2\xa0\xb4\xc8\xcchW\xad\xb9\xa57\x82\x93M\xd4\xf4\xe6'</t>
  </si>
  <si>
    <t>b'\x8a\xf2\xbf\xa9Q\x15%gHoH\x0fh\xf4\xa7\xc8^^\x90\xb9f\xf8\x8e\xa9\xd4\x19\x1e\xeb\x93\xdax\x07'</t>
  </si>
  <si>
    <t>b'\xfa%\x072z\x99\x06\xb8%\x04b\x9b\x8c\xe7]d\x99\xf0\xefN\xe1\xdb`?!\x1au\xc7\xccq\x95F'</t>
  </si>
  <si>
    <t>b'\xce\x9a\xa1\xd5V\x94i1W\re\x8d\x11Y\x8d\x8fI&gt;\xb2\xe5p\t\xa1|\x8d\xbb\xf1\x80G\x18\x87\xbb'</t>
  </si>
  <si>
    <t>b"6\tw\xee\x16i\xe7\x1a\xd0\x1d\xd8s\x95yU\xb7~\xad}\xac\xf7f\xfdF\x91v\xc0\x075'\xd0\x93"</t>
  </si>
  <si>
    <t>b'\x1b\t\x1f\x03\xd2\x9aC\xaa$\xd3|ic\x0f\xf8\x1b\xf7\xc5\x103Z\x7f\x80?\xfc\xc65\xdc\xbcK~\x92'</t>
  </si>
  <si>
    <t>b'\x1c\xb3\x1ek\x9a\x98\xc7\x1f#\tuS\x8bm?\xb1\x96kQL\xaf\xa1\xd0\xf2\x8a\x82 a\xc1\xa6\x18L'</t>
  </si>
  <si>
    <t>b'\r\xa0\x08\xe3\x18C\x1bX)\xe5\x7f\x1f\xc0\xbb~\xd8U\x18,~U\x00c\x80\xbcts\x89\x16[\xb7\xde'</t>
  </si>
  <si>
    <t>b'Z\x1ew\xed\xb8l\xa9^x\\\xdc(\xb9@\x8d\xae^p\xfaG\xc8I$\xbas\x9e\xb3Q[c\xdbe'</t>
  </si>
  <si>
    <t>b'czSrx\xa2\xd6I\xcd\x13\x1d\xe8\xa5`#\xed}\x04WBTj\xa6\x07\xbdy\xcd\xb3&amp;e;j'</t>
  </si>
  <si>
    <t>b'\xba:p\xa7\x1a5\x9d8\x0f\xf2\x11]\xd8\xc24J\x17\xc4\x89\xeb\xd8h\xf4Pe\xe3\xcd\x9a\x86\xa4\xbd\xb8'</t>
  </si>
  <si>
    <t>b'\xf5e?A\x93\xd1G;O\x9d\x8fnXT\xc9\xa0"\xc05\xe4\x82G\x94\xf9T\x0c/B\x80 \xdc\xa6'</t>
  </si>
  <si>
    <t>b'\x91~\xed\x95K$\x18\x8b\xf0\xda\xaa-r\xa8g\xb4d)\xfb.j\xe4+S.\x98\xdfr\x93|g\x03'</t>
  </si>
  <si>
    <t>b'\xdd\x94\xd5\x01hhs\x1f\x05,\x8f\x1e\x19\xa4\x05&amp;\x04\xf7\x7f\xbe\xae\x06\xe9\xef[\x85\x96\x92Tfr\xb1'</t>
  </si>
  <si>
    <t>b'\xb8\xd0uzV\xd2,\xa8B;\x1c\xf0\xd1$\xb8\xa2}\xe0\xba\x97?\x0f\xfd\x0b\xbc3\x1d\xa2\xf7)Y!'</t>
  </si>
  <si>
    <t>b'\xa3\x936\x9e\xff\xb50\x89\xdc\x99\xc2`\x8a\x04 \xe2\xac_\x18ZW\x95\xdaz\xef\xa1Sqmf(h'</t>
  </si>
  <si>
    <t>b"Nkhu\x92@1\xd5f\x82\x08\xa5\x95\x03\x8e}\x1d\x82\xd6Gah\x91\xb623vP\x11'\xfc\x98"</t>
  </si>
  <si>
    <t>b'`\x8c\x16\x0f/A%g\x94Z\xc9e\xa5\x8e\xbe\x95\x8a\x98\xc3\x922&lt;\x02;\x12\x174&lt;\xa7j\x89\r'</t>
  </si>
  <si>
    <t>b'\xf6\xb8\t\xc0-8\xa47$X\xeb#\xbbW\x08\x7f\xf1\xac]\xe0\x90\xb3K\x95\xc8\x91\x93S7H\x1a\xb1'</t>
  </si>
  <si>
    <t>b'\xaf\x11~\xbb/\x06Q\x8f\x18\xa5\xc6U,/\xb1L\xc7Xxj~d\xb6\xe0f-\xe0V\x93)\xecZ'</t>
  </si>
  <si>
    <t>b'\x02|\x00c\xbb\xb1(\xc9W\x88\n53\x82T4\xb9J\x89\xcc\xea\xeb\x9dF\xfe\xedLB\x1e\x9d\x04\x9e'</t>
  </si>
  <si>
    <t>b's[\xdb\xf6\x892\x0b\xd9\xd3U4\xc5\xd5&lt;\x91-\xc5\x8cQ\xec\x12\x98\x01@\xa2\xd8sxjq\x12\xe5'</t>
  </si>
  <si>
    <t>b'hl\xa4}m+\xc3\x12\x89\x8d\x93\x91\xb1[`V]\xf9\x04ko\x99\x8e\xeeF\xe0L\xd1\x8d\xc6\x90\x90'</t>
  </si>
  <si>
    <t>b'\r\x86\xcc\xb9L\x19\xfd\x04H\x98\xf6\xf4\x13\xfa\xc0\xed\xc9\x11\xa8p\xfd\xd2\x8a\x81\xd9n(\x98\xac&gt;\x17\xc7'</t>
  </si>
  <si>
    <t>b'\x825t\xdf4\tdp\xac\xd0v\x9cA\xd2\x0f\x85\xddU\xcd\x19\xdfE\x12\x078\xbe\xae\x1a\x9fxT\x07'</t>
  </si>
  <si>
    <t>b'\xa9T\xa0\x8d\x94T\x9b\x01\xf3\xdb\xf3&gt;/\xde\xf94\xcf\xd2.G\x07\xab\x81MC\xa9\xfc\x94~;\xaaC'</t>
  </si>
  <si>
    <t>b'\x98jy\xfbR\xf1n}#\x14_\xa5.`\xa0^e\x8d6o;\xff\x87\x83\xe8\xea\xdbH\xbd\xca\x11\xb1'</t>
  </si>
  <si>
    <t>b'\xea\xb8\n4\x00\x95W\xdc\x8c\x85\x99\xfc\xe4\x14\x0bs\x9dZ#W\x98\x8a\xefv\x98z\xcfsc\xe1\xeb\x8d'</t>
  </si>
  <si>
    <t>b'\x8e7\xb5\xb2%u-g\x94\xdd\xc3\xce\xe5Mie\xde\xe4x\x92\x84`eqbm\xd5B\xc7\xe2v\xac'</t>
  </si>
  <si>
    <t>b'\xfb\xa49\x05\xd2E\x0e\xa8\xf7%\xbd:2J\xa7 \xc2\xc3\xcc\xdcG[&amp;\xbd\xaeO{\xc4\x9a\xab\xe2\xef'</t>
  </si>
  <si>
    <t>b'\xe1w\xfb\xa0\x82vD\xef$\xf2\xa6\xed\xb7\xa4\xc3D\x84!v\xba\xc4\xd9\x9aw\xac\rJ\xef\x81\xc9\x9e{'</t>
  </si>
  <si>
    <t>b'a%\x1a2\x9aJ\x89\x12\x12\x08\xf8s\xc6\xb2\xea\xfe\nrr\xc0\xcas\xf8\xeb\xfa-\xf2)[P\xcc\xca'</t>
  </si>
  <si>
    <t>b"\xff\xf9\x02\xe2\xb0\x9b\x10\xd2\xafX,7&amp;\xee0C\xb4\xd5\xa6\x9c\xb10'\xa2\xc4\xb2\x1c\x9b\xcdYyO"</t>
  </si>
  <si>
    <t>b'\xc4?\xee\x12R\x97\xaa\xfe^7\xa6V\xf4\xef\xde 2\x08\xa6\x9bO)\x94\xb1\xaam\xe8@Y\xef?\xb7'</t>
  </si>
  <si>
    <t>b'*\xd0\xbc\xa1\xd9\xd4\xb2 \xbe\xe8\xea=\xfdjB\xe9\xff\xcd\x03X\xe0`\x0e\x0e\xf7\x02A\xfa\xb4.H\xe6'</t>
  </si>
  <si>
    <t>b' \x12K&lt;\x94\xeal\x1eL\x19\xe8YH;\xfc\x0f\x1f5\xbalKW\xd4\xbd\xc6+)\xd8\x9c\x8e\xd3\x99'</t>
  </si>
  <si>
    <t>b'c\xcb\xac6\xb2&lt;I\xbc\xc3\xd4\xe5T\xe8\x95*4\x81C\xffY\xf7\xd4=\xe2\x07\xeb\x9bC\n\xd1\xe1\x1f'</t>
  </si>
  <si>
    <t>b'\xb9p\xc9\xaf\xcbA\xcd\xc0\x83\x82\xedP\xad\xda\x97\xe8\xa8\xb17\xa3\x11\xe3\xea\xea\xef\xe2\x8f\xa6]\xfb\xd6\xe7'</t>
  </si>
  <si>
    <t>b'2\xc9\xc7Knyt\xc1W-\x0f\xdc\xdb\x1d\x9a\x8d\x1d\xcc\xd6\xe3\xb3\x9bR\xc0\xbeA&gt;\xf9L\x0e(\xd6'</t>
  </si>
  <si>
    <t>b'\x0e\xdc\xa21kS\x163\xcah@&lt;\x13k\x84Mu\xd3\xf8\xba?W:\xfb\x00\x9dQ\x00^\xf3z\xee'</t>
  </si>
  <si>
    <t>b'\xc7F\x17D\xcf\xeaQ\xd5\xc6\x8b\xaer\xc5\xa2p\x8f\xc1\xb1\xbb\xdb+\x9d\xeb\x12\x9f*\xea5S"\xca\xd3'</t>
  </si>
  <si>
    <t>b'\xf6\xaaLj\xbcb\xc8I\xfdG\xde\xe1\xe0\xbd_\xbfPy%\x0eu\x11\xc4\xa6^&amp; Z\xe3\x82\xb3G'</t>
  </si>
  <si>
    <t>b"m/\xdes\xb4\x8c\xf1T\xfb\xdd\x88\xce '\x03\x10\xc0\x9b\x89\xf0\xd0N\xb7\x08\x83\xd8v\x19\xb2\xe5&amp;\xd8"</t>
  </si>
  <si>
    <t>b"(\x85\x99\xc8\xfc\x86\xbf\xf9\xee\n\xdc9Z%6\x07\xadq\xa7\x00@d&amp;\xe1\xd0^z~'\x8e\x15\x0b"</t>
  </si>
  <si>
    <t>b"\xfd\xef\xf0\xa32\xd4M\xf9\xf6\xf3\xd8'\xaa#\xdd\t\xe42\xdf&lt;\x90\xdcR\x8c\x18 8D\x9f\xbe;\x93"</t>
  </si>
  <si>
    <t>b'S\xe6\x85\xe7E8\xe5A\xf5\xd7\x18\xae\x03\x83U\xd7\x1f\x99\xca\xc4\x80\x02\x08j?gX{&lt;\xef\xa2&lt;'</t>
  </si>
  <si>
    <t>b'\xc3c\xdaV\n\x11\xf2+\xb0!)\xf3\x9a\xa6&amp;\xde\x96\xc2\\e\x88\xe9\x0cS\x06\xdf\xf7\xcd\x19b\x8cQ'</t>
  </si>
  <si>
    <t>b'\x17\r\xe0\xb9\xd6\xad@\xc6\x83s\x088\x9c\xec\xee\x89(\xac\xa9 \x07H\\#\x13\x93\tWQT\x02\x89'</t>
  </si>
  <si>
    <t>b'&amp;\xe7\xbf\xf2\xd5\xe6\xb1\xe2m\xc9\xb29Y&gt;CH!|&amp;\x13K\xa9\x9e\x04{\xeb^\xdd\xf0\x86u3'</t>
  </si>
  <si>
    <t>b'3\xaa\r\x15\xde\x81\x7f|\x01\xa8\xc2\xbd\t\xc3\x93\x93\xbb6&amp;\x05\x8bv)\x1a\xe4\x05\xaf\x82\xfa\x01:M'</t>
  </si>
  <si>
    <t>b'j+4\x9b\xf8m\x90\xcf(x\x8d\x8eZE\xd8\x98,Xaj\xfbx\xa3V\rz\xd9\x85\xd4 \xd2\xd2'</t>
  </si>
  <si>
    <t>b'\xdf\xfd\xc7\xdddr\x11\x908\xb44\x06x\xb7\x86\xf7\xc2u\x1d$(\xc00\xd3?\xc9&gt;w,\x18\x88\xfb'</t>
  </si>
  <si>
    <t>b'\xba\x862(\x8c\xb3]\xd4M\xaf0\xee\\\xa4\xecO\xa3\x14\x8fH\xa6S\xd8\xcf\xb7nsl\xb8g"\xd7'</t>
  </si>
  <si>
    <t>b'\x1b\xcdt\x06\tw\x08x#5\x17 Z\xc3r\xc3\x82\x8a\xdf\xb5p\x82\x0e\x06!V=4\x19\x8b\x103'</t>
  </si>
  <si>
    <t>b"@\xf2\xf2\xf5,\xad:\xc5$2\xf3\x9a\xe8\x98\x08\xad\x96\xd3\x86\x7f\xe8'\xb3\xd2D\xd8\\\x03\x89\xcd\xe7\xaf"</t>
  </si>
  <si>
    <t>b'Q\xf4\xcd\xb2\xa7\x0b\xfb\xb7u\x00\x15(\x01\t&amp;\xd4\x10\x81\n]S,\x9eeu\xbe\xbb\xc1n\xad"T'</t>
  </si>
  <si>
    <t>b'\xfd\xaf\x16\xe5X\x01\x8e\x19-r&lt;u\xea\x86\xd8\xd5\x85\x86\xae\xc7(M\xfd\xd9\x10\xba^Uv\xc2\xc5\xdf'</t>
  </si>
  <si>
    <t>b'\x87j/\x08\xf8\xa1\xb3\x05\xb1\xbah\x15I\x9c\xb25\x14q\xeb\xc8\xb2\x0b\n\xda\x8f\x80;\xf8\xde\xa5\x80N'</t>
  </si>
  <si>
    <t>b"\x1d\x7fL\xdeCd\xf0j\xd4ro\xcb\xad\x86\xbfk\x11Q\x05\xcc\xe4\xa0'\x95\x92\x93\x8c\x0ci\x9ct\xa7"</t>
  </si>
  <si>
    <t>b'\xa7\xa1\xc0b\xeb\x19:\xa7W\xcf\xad\x83M\xa1\xd2\xac\x05\x1f\x83\xc0\xf9`\x96IR\x93\xfd\xcd\xeb2\x06+'</t>
  </si>
  <si>
    <t>b'l\xf4\xb4/\xa2\xdb\xa7m\x83a\xf8\x9bD\x12-\xc0\x8b\x93E\x08\xe1f\x97\xc7\xc7)p_\x96]\xb1`'</t>
  </si>
  <si>
    <t>b'm\x9d\xe9\xba\x840\xc4T\x9d\x8f\x08\x91\x11\x03\x00\x84y?U\xe4\x8d\xbc\xca\xad\xb6d\xa8\xef\xc6\xd02\xf8'</t>
  </si>
  <si>
    <t>b'\r\x94\xec\x04\xfd\xf2\x9cZ\xff\x93\x19{\x14\x90\xa4l\xd3\xbdbP2C\x8b\xaa8\xd9\xfe&amp;{\x83\x1eq'</t>
  </si>
  <si>
    <t>b'\xfdH\x066\xb9\xe7\x05\x18\x19\xb6\xb7k*\x000IEn\xedI\xba\x9e\x8fi\xc82?\x86\xa4T7='</t>
  </si>
  <si>
    <t>b'\x0c\xc7E\xe0[\x8c\xd5;s\xb8\x92|\xf8NQ\x04D\x93\x85x\xec\xa3\xe9vf\x13\xf5w_!\xdf\xda'</t>
  </si>
  <si>
    <t>b'\x81*\xb4A5P\xbb7ix\xe3o9O\xe9\x11\tb2\x98\x95\xd7K(9\xe4\xc4ur\xd5\xefi'</t>
  </si>
  <si>
    <t>b"\xc9\xfe\xe4P\xcf].\nhw`+o2Ay,\xc6:v\xb1\x83X\x8d\xe8T8\x19u\x01'\x1c"</t>
  </si>
  <si>
    <t>b'\rH|\x08[f7\x95\x16t\xccM\xdc\x06zw"\x8e\x19z\x02\x0b\xb0\x06+\xdcm\xbf%\x89\xef\x93'</t>
  </si>
  <si>
    <t>b'^\x9fu\x9ep\xb9\xcb3\x06`\x03y\x83\xf5\xfejn\xea\x0e\x8b\xb5$\xee\xfe\xc6&gt;\x1c\x92\xd5P~\x8e'</t>
  </si>
  <si>
    <t>b"\xf0m\xe2\x19&gt;\xd6\xa8\xb2\xdc\xf0\x9c\xe3\x81\x8e$\xc3\xd5\xc2s\xba4i\xb5I\x886#\xa5\x99'&lt;\xa3"</t>
  </si>
  <si>
    <t>b'\xc3L\x99\x94\x80\xd5\x1b\xea[\x85\xc0&lt;\xd0\xceG\xea\xc5\xf9\x05\x16\xacYn\xbd\x1eU\xde\xf1\x99vu\xd2'</t>
  </si>
  <si>
    <t>b'\x82\xd8\x89^\x07\x7f\x19&gt;k\xebt\xb2\xe1\x95\x08b\x15\x97\xe1\xb1\xc1\x80\xc5&amp;Lw\xb9\xbek.\x85"'</t>
  </si>
  <si>
    <t>b'\x119\xd9h\x9d\x7f\xe2\x11\xc0=;\x8a\xfa\x8d\xa1\x03\x8c\xf3|^\x13\xc4\xcc&lt;"\xfb\x1e\xb9T\xdd\x16\xcc'</t>
  </si>
  <si>
    <t>b'\xd4\xff*=&lt;Oz\x01\xdd\x9c\xfd\xe0\xc4wNqs\xaa\xf1\xf2\xc0\xc4\xcfj\xe4A\x92\x19\xa4\x17$\xe4'</t>
  </si>
  <si>
    <t>b'\x96kh[\x1d@\xb9\xd3\xa9\xebozMS\xb7\xab\xe8\x9ap\xe0?7\x8a\xc4\x9eF\xdd\xb0U\xfd&lt;\xad'</t>
  </si>
  <si>
    <t>b'\x85`J(\x13\xc6M\xd8\xb96\xa1\xa8W\xfa\xff\n\xd4\xa4\x0e\xc9\x81&amp;\xce\x86b\xae\xd0!\xbc\xaf\xbe\xa9'</t>
  </si>
  <si>
    <t>b'h\x85y\xec\xb8[\xba\x98\xda\x8aM\xd3Yu\xd9\xed8&amp;Mr\xb8\xc5\x0e\x01u\xa1\x86S\x98\xdf\xcd\xb8'</t>
  </si>
  <si>
    <t>b'\x04#\x1b\x0c\xe3\x9f\xdcNmnw\x940\xda\xbe\xd25w`\x01&gt;\xea\xeb\x06\x87\x1b\\\xca\x1f9gl'</t>
  </si>
  <si>
    <t>b'C\xafG\x83/d*\xabc\x0c\xc4\x82\xf41\xbb\xda\xc0\x99\x97\xd4\x9f\xc4}\xc9`,\x07\xd0\x81\xdb\x12I'</t>
  </si>
  <si>
    <t>b'C\xdc\xd4\xaa\x1e\xb0\x8c\x0c\xe48\x17\xf3\xfdK\xdf*\x99\xf0\x90$\xcfg\x80=\xb9\xe3\x8d\x8aC\xaen{'</t>
  </si>
  <si>
    <t>b'C\xbc\rc8H\xda;!}7A\xbf\xc2\x99\xdcw\r\xd6=\xdd\xe9\xccg\x87#/8;\xbbso'</t>
  </si>
  <si>
    <t>b'\x9el\xa5\xe7\x9c\xd6\x7f\xff\xbe\x11n\x02]#\xac$\x1c\xfc\xce`\xa5\xcf$\xfd\xfa(\x97_\xfa\xd5{\xee'</t>
  </si>
  <si>
    <t>b'\xbb\xd0\x94I\xe0\xabp\xcc\x93|:\xff\xa5X\\p\xf8n)J\x01\x8fp\xd6q\x8e\x80\xe9Cy\xe9g'</t>
  </si>
  <si>
    <t>b'\x9f\xbd\xdc.\x01\xd9\x82.q\xa8\xd4L\x91r#F\x0b\x97\x162\x91 \xe1\x14\x12\xb3\xc5\xd3\xeb\x03\xef\xb2'</t>
  </si>
  <si>
    <t>b"\xe5\xca4\xdf\x17\xba'\xa9)\x7fYY&gt;\xa6)%\xeb\xebm\x80\xab\xb8\xf4\xb3 \xe6\xf0\xc1\x82fqc"</t>
  </si>
  <si>
    <t>b'\xeb\xf4lt&lt;T\xa1\x85E7a\xe0\x17\xd9\xb8\xc3a\x94\x94\x10\xc9\x83\xb1\xf7\xfe\xb4\xdf;\x89\xd6CQ'</t>
  </si>
  <si>
    <t>b'\r\xbbI W@\x15\xdb\x0b\xd6\x80\xd7\x0b\xe7\x08(n\x10\xa5=\n#8\xd2\xf5\x9e\x01\xfb^\x1c:\xce'</t>
  </si>
  <si>
    <t>b'\xaa\xb7\x98Z\x84\xfb\xb4\xb4\xe1\x0e?\xfa\xc4\xdd\xd8\x00\x8f\r\xec\x10|\xff\x03j\xcf\xc4!)L\x11Y\x96'</t>
  </si>
  <si>
    <t>b'\xf6\xd4MY~v\xe2\x93;\x02\xaf\xca\xa8)8\xcfw\x03 O\x04t\xff\xcd:Q\x9ek\xf7\xf7Y\xd5'</t>
  </si>
  <si>
    <t>b'\x08\xab+7.\n\xdex\xd4%sf\xbe8\x9e)\xb3~`-1Z\x123y\xaaM\xf63w\x97\xb4'</t>
  </si>
  <si>
    <t>b'\x94z\xeb\x01t\x1bRP\x98\xc9\x876\xb9V\x82\xbd\xc0?\xb3\x07\xc6\xb1\x96r\xb0\xbe\x8bYt\x8f\x7f\xc0'</t>
  </si>
  <si>
    <t>b'^\xf3n7CW\xf6O2[\xb0\x0c.\xa1\xfe{\x95\x17\xc6\x92M\xb0\xaf\xf6Faf\xac\xfa\xb4\xfdO'</t>
  </si>
  <si>
    <t>b'\x9a\xc2\x17\xb1n\xfbkRIb\xbdH\xc6\x16\x19\x1d\xee\xc5\xb3\x00#\xf2\xaf\x05\xb4\xb0,\xa4\x16vI\xe9'</t>
  </si>
  <si>
    <t>b'yD\xb5\xf9\x07p\x9c\x17\xe3f\xd8\x99!6\xaez{y\xee\x0e\x18[\xea\x88\x07\xeb\x88r6\rk\xb6'</t>
  </si>
  <si>
    <t>b'9s\x98Qx\x80^\xff\xd6\x96F\x9c\x1c\x91"\x87:\xcck\xae\xa7C\xa2\xdd\xb7\x82\x1a\x94\xaf\xfe\x8f\x16'</t>
  </si>
  <si>
    <t>b'x\xb0n\xdf\x05x\x87\x97m\xed\xce\xe2]\x91\xb0\xb8\xc0Nf \x04\xbb\x08\x17\xd6no\x19At:&gt;'</t>
  </si>
  <si>
    <t>b'\xcc\x01\x14\x07.\x1f\xd0!\xf7\xe3\xa3\xb7\x07\x13c\xd7\r2kX\x00\xb7\x85\x1c=\xdaJo\xad\x98\x8a\x16'</t>
  </si>
  <si>
    <t>b'\xc9 \xc3\x80:\x07&lt;.f.\xd9\x11\xe4]\x99`H\\\xadqt\xee\xa9\xa0\xc3\xe6\xa4\x82p\x0b\x17\xe9'</t>
  </si>
  <si>
    <t>b'C=\xb3\xe2\xd3\xd8\xe3.I\x82u\xe2\xd8\xb3\xf3O\xd9\n&amp;\x10\x0b\xc0\xb7Y\xf9\xa2\xee\x0fE\xfa&amp;\xfc'</t>
  </si>
  <si>
    <t>b'0p\xb0\x90f\xdf\x15OqSn\x84F\x99o\x15\x01\xe2^\xc6$n\xad\xce_z\\\xfb\xbf\x8d\xd1\x8a'</t>
  </si>
  <si>
    <t>b'C\x0cBf&amp;N&lt;\xc5\xb1\x8e\xc8u)\xd5\r\xf7\xd9h_\t\x7fkG\x968\xf7\x82]\xb4\xb8\xd4\x90'</t>
  </si>
  <si>
    <t>b'\xe2\xaa\x80\x1c\xc5\x0e&gt;v\n&lt;\xea_S\xc0\xac\xe2\xbbtQ\xca\x18(\xa2\x03(\x1d:\xb6\x9ez?\x95'</t>
  </si>
  <si>
    <t>b'\x07\x11O\x07BA\xbb\xee\xb3\xb9\x12\xa2Q\xe6\x02BW8\xc7\x84\xf2\x8b\xbarZ\x8b\xa4\xab\x97;\xca8'</t>
  </si>
  <si>
    <t>b'%\xf2J\xf9\x0b\x95f\xf1\x8a\x00\xbaE1\xb9&amp;\x9e\x8b4\x1ey\xcc\xdf\x03Lo4\x03 \x81r\x06\xb4'</t>
  </si>
  <si>
    <t>b'\xe0\x17\xecB3\x04-%\xf3&lt;\x05T\xf2\x8a\t\x9e\xe2\xb3i\x91N\x949\x8f;^\xac\xf3\xe86\x93\x87'</t>
  </si>
  <si>
    <t>b')\x861\xd5\xe3zg\xc5(\x10\xdd\xba\xb7\xbf/\xef\x94LX\xf2\x1c\x00\xccn\xfa\xa2U\xfd\x00\x9e\xfdY'</t>
  </si>
  <si>
    <t>b'\n\x88\xf9\x05\xf9E0\x9chc\x1e\xda\xfd\xa9T\x0b\xf5\x03\xf6P%\x02\xa0\x1cxh\x9a\xae\x91\x7f\x97\\'</t>
  </si>
  <si>
    <t>b'\xd0\xa2\x92\x8d\x1d9h\x0es\xae\xa9U&gt;"\xce\x06\xd3\xb6!\xc2\x0f;\xdfz_x\xe5\x1d\x1f\xe3\xa7\xe9'</t>
  </si>
  <si>
    <t>b's\x11\xbd&lt;|l/L{\xb4\xfb\xbc$\xcdv?wE\xb7\xe0\x10\xb3H\xee\xa4\x81\xd9\xb4\n\x1e1t'</t>
  </si>
  <si>
    <t>b'\x86L\xb3U\xfdQ\x02A\xc9\xfb\xd2\x1cemhHe\xb5r\xd6\x92\x01@\xca\x14*\x9c\x18\xcaBxR'</t>
  </si>
  <si>
    <t>b'Q\xbda\x0c\xe8\xcdk\x18mZ\xca:*\xa2\x1e.\xd9\t`\xf3\xe8|m\xd3\xbf\xad\x9fq\x8a\xdcX\xef'</t>
  </si>
  <si>
    <t>b"\xd1\x18\xa1X\xaa+}5\xa7\xbc\x9dR\xc5\x1e\xc2\xca\xbc[m\t\xfb\xf93\xf2qss\xdf'\x8c\x18s"</t>
  </si>
  <si>
    <t>b',\xe46N\xa8C\x7f\x1a\x05\x8c\x99&lt;\xc6\x01\x95&gt;0\xb6\x96\xefaI7a\xa9\xc4\xe2\x89I6\xb6&lt;'</t>
  </si>
  <si>
    <t>b'\x14B\x03\x11\x89\xd9 G\xf9\xba\x87\x8d\xa1\x17O\x03\xfe\xbde\xf6W\xfb7\xefP\xd7f\x95H,"\xf1'</t>
  </si>
  <si>
    <t>b'O(\x94\xbe*\xe6z\xfc\xcb\xf3QhO5\xbd\x06Q\t\xe5\x0b\xf8\xc0\xa1\x15\t\x02\xc0\xce\xa1\xa7mi'</t>
  </si>
  <si>
    <t>b"\xbfl\xb7\xf5zB:\x91\x15\xa3L\xbd+\th`\x9c,\xe83S\xa1\xcc\xe7'\x17_\xe4\x96\xa3\x90%"</t>
  </si>
  <si>
    <t>b'\x17A\x0f\n\xd6\x06\x8d\xcb\xbe\xdb\x10C:f~\xc0N\x88\xd0\x91\xeb\xfb\xdf\xca\xa8\xf2\x7f\xb3\xae]\xee\x82'</t>
  </si>
  <si>
    <t>b"\xa6\xd3d\xcf6\xdf,$X0\xd2\xa9\xf1\x19\x9b\xa5'\x0c\xb4\x83:\xb5z\x93L\xe3\x05\xdf`\xdf\xdf\x19"</t>
  </si>
  <si>
    <t>b'-\xc4\n\x81W\xd6\xb6\xa0\x1a&amp;XV\xe7\xedQ\xf5\xf0\xa3\x12\xd3\xef\xae8\x01_]\x89%\x96\xd78C'</t>
  </si>
  <si>
    <t>b'\x91q\xab0\xcc#(\x1d\x88\x87\xbb.\x8c\x92;eo\x97\x9e\xe6\x96\x05af3\xffxD\x88]\np'</t>
  </si>
  <si>
    <t>b'F*\xa7*\x12*\xdd\x0bM\xce\xb7\xfd\x16\xe5\\A*A2fI\x83\xfa\xbf\x0e\x8dVJ\xc2\xad\xda\xd0'</t>
  </si>
  <si>
    <t>b'\xcbU\xd0&lt;\x8e\xd9\x18\xdb\xbd\xdd\x97\xc3\x1e\xed\x04\x1a\xd8\xfb\x8c\xf1\x18(2vu`!\xcc\xae:\x03\xa9'</t>
  </si>
  <si>
    <t>b'\x90\xea\x8c\x83\xb7G\xb3Y\xaa~\xf9\x81,\xc8\xa9\x18J\xcc\xba\x8c\xd3i^"\x12\xca\xca\xd9\xbe\xe0\xfaw'</t>
  </si>
  <si>
    <t>b'\t\x13\x16\x9d\x1c\xb0DI!\x9b\x0e\xb4\xe7\xe0\xd8Cp\x9d\x95\x14\xad\x94\x00\xe0\x17\rFD\x99(@z'</t>
  </si>
  <si>
    <t>b'\x12\xc5\x83#\xd5\x82\xacam\xd0\xee\x01\xaf?s \x02\xa7\xe9\x1c\x903\xf7a\x82\xb1\xf9\x90:\xfb#\x14'</t>
  </si>
  <si>
    <t>b"\x86\xcd\x82\x81\xb8\xee\xf6\xfal+\x80\x9d\xcb\x86\xaekX^\xf8\xc3NQ\xadaH\xcc'65l\xbf\xbd"</t>
  </si>
  <si>
    <t>b'\x99;\x05\xd4\xf2\xfcS\xc6\xeb^\x08x5d2\xc1m\x9bv\x03\xc0\x0b\xd9K\xb6m/y\xadQ\xb1\x1f'</t>
  </si>
  <si>
    <t>b'H\xb3\x9f\xae=\xbf\xed\xdcDe\x97\xf5\xed\xfaV\xec\xe0\xda\xf5*\xa3\xf0E&lt;\x05\xd4\xcdAJ\xaf_\x11'</t>
  </si>
  <si>
    <t>b'\x7f\x85zC\xe4\xa8\x1dq\xc3\xa0\x89+\xe9:$*\x81\xb2\xc6\xb7]\x0f\x8d\xa7\xc9\xb0\xae&lt;q\x8f\xa2/'</t>
  </si>
  <si>
    <t>b')\xd8\xbfMA\x15\xf8\xcfn\x10h\xfb\xeb5\xbcc\xa9E\xc3nz\x9c\x84}\x06\xdeo\xb9\x19b;\xb7'</t>
  </si>
  <si>
    <t>b'\xb1\xfd\xb1\x8bk$\xa1\x8a1\x8b:\xf5\x11\xda\xc0`\xe6\xe6:):\xbbt\x91\x02b\xae\xa5\xaeDd\xf8'</t>
  </si>
  <si>
    <t>b'\xa3[^}\x8f\xecJ&amp;{[\x81\xd1,\x11\x10\x83\x8c\xcc7#D\xe89&amp;\x00Y \x9b\xe0;\xcf\xcc'</t>
  </si>
  <si>
    <t>b"\x9e0\xc7Q\x9f\xd7\xd3\xdc\x10\x8b\xda\x0f\x8e\xe2\xf5F4'\x0fi8\xe0$lp}\x01\n\xc1m\x07\xd3"</t>
  </si>
  <si>
    <t>b'\xca\xca!,\xfe\xd1\xb2\x0c\xce\x1by\xa4u\x88\xf8\xe4\xea8\xa4\x01X\xf5\xb7I\xc3\x04m]e\xef/\xfc'</t>
  </si>
  <si>
    <t>b'D\xeeh\x12\x16\xd3\xc3\xdb\x90\xf1\x96\x19S\x13\xe4\x95\xf8#\xf5U~\xd0fU\xc1x\xde\x01\x05\x08}\xc4'</t>
  </si>
  <si>
    <t>b'\xa4\x10\xd6\x10\x88.~\x92\xd8qH\xf1\x8c\xd0\x96\x89\xa4\xcac\xa4*\xd9&lt;\x1e\xe1\xa8@\xf9\x81$\xc6\xeb'</t>
  </si>
  <si>
    <t>b'\x1ft\t\x150\xf5\x84\x13:\xf5C\xdf*M\x03|\x04n\x8f&amp;&lt;.B6\xa84\xb2\xfa\x17\xf5t/'</t>
  </si>
  <si>
    <t>b'\x0b\tW\x8e\xbb\xfb\xee\xff_\xd0\x16\x00\xa7y\x7f\x14\x89\x04\x18;^\x04/\xa8\xb1\xa8\xbb\xb6\xb0B\xfd\xfa'</t>
  </si>
  <si>
    <t>b'F\xd7iJ\xe2"\x1a\r5\x99\xb8v\xc4y\xf9yY\xe0\xf6\xa09\xfe\x1c|w\xbcq\xf0\xdd\'.#'</t>
  </si>
  <si>
    <t>b';{\x9e\xf0\r\x96\xa4I\x85\xf8.\xe8\x18FD}\xfdW^\xb2z}z8\x06.\xa7\xdd\x07%\xbd\xd5'</t>
  </si>
  <si>
    <t>b'\xd5\xed\xdf$G\xc5\xf9\\\xff\x0e\x13\x94\xeb\xb7\xf1\xbel_\xac\xb2j\x97\x13p\x0f\x0e(\xceaY\x14c'</t>
  </si>
  <si>
    <t>b'\xda\xdd^\\\x92\xa3\xac\x10\xe3\xae\x8d)\xd7V\x1d]\xd8q\xca\xc3h\xfe9\x0e\x1e\xdc\x12\x822\xc6=\x1d'</t>
  </si>
  <si>
    <t>b'".\xa2\x90N\xc5&amp;E\xdb\xf81\x95b\x0c\xe5\xe7\xa2B;\x11\xba\x8e\xf4*\xa10\x9eF\xc5\xe7$\x99'</t>
  </si>
  <si>
    <t>b'\xf1T\xcc\x92\xa0\x84\xa4\xac\xe7\x8c\xb1\x7f1\x0ci\xb1\xb7\x81\x891\xe7nk@\x97N\x08\x8b!:\xea\xf1'</t>
  </si>
  <si>
    <t>b'\xaf\xf2\xa7\xa4\xd5\xa57\xd6\n\xdf \x19\x04\xa4\xc2f&gt;\xb7\xda:\xce\xd9m0\x97~D\x04\xfc\xa7rg'</t>
  </si>
  <si>
    <t>b'\x16\x1e\tQ\x94\xe6\x1c\x8d\xa4\x8e\x9e\xf3\xb3rky?\xd4\x0c86)\xa2A#E\x83\xf7~\xfe\x83\xaf'</t>
  </si>
  <si>
    <t>b'48\xe0\xcco\xb5P\xe7\x8a2\x817\xb6dbQ\xf5\x1e\xc4NdP\x92k\xf2\xa6\x8a@\x94\x00\xc2\xa9'</t>
  </si>
  <si>
    <t>b'S&lt;X\xe5\x87\xd6Q\xaao\xea\xfe\xd0&gt;:jO\xeb\x9bo\x94\x1c\xe9`:\x11Y\xdb\xfb\xe8\xd1\xef5'</t>
  </si>
  <si>
    <t>b'_\xe6\x0fJ@\xdb\x88\xf8(~j\x8a\x82B1m\xa0\xd8T\x90\x1e\x8e]\xdc\xba\r\x8cq\xd3x\x7fJ'</t>
  </si>
  <si>
    <t>b'9d\xe3\x98\x16P\xe9\xed\xabp\n\xd3\xb4\xc7`}\xb9\x1b)\xa1AdD\x19\xdd\xd2m\xbf\x81\xc1\x9c&gt;'</t>
  </si>
  <si>
    <t>b"R\x8e\xc2\xc0\x1c\xdc\xab/\xa8\x85\x83\xc4\xb21\x9b;\x18\xa4\x94\xd8x\xf6\xa8\x8c\xf1\x0f\xd6',\xf8\xc7\xee"</t>
  </si>
  <si>
    <t>b'I\xbb.\xa3\xd7\x8c\xaa\x7fF\xcb2u\xed\x98\xeb{\xf5\xd2\x19(\xa1\xfe\x9c\xbb|\xee\xc9w\x01\xbf\xd5\xff'</t>
  </si>
  <si>
    <t>b'N5A\xa4\xa0e\xa5lR\x9bI3\x93\xdf8\xc9\xe5\x95\xe85u\x84bO\xc9\x92\x11&gt;VL)\xfe'</t>
  </si>
  <si>
    <t>b'\x03I&amp;\xf1/\xde\xb0\x9c6P;\xca\xdc\xe7\x8cD\xd3\xc6(\xf3o\xa5h\xe7\x9f\xb9]\x0e\xe1\xa7\xcca'</t>
  </si>
  <si>
    <t>b'M\x7f\xa6Qp\xc9\xda\xd1f[$\xe2P\xd0\xc1&gt;\x06O\x81;\xa2\xb4\xc3!;!\xda\xb9\xa2;!\xde'</t>
  </si>
  <si>
    <t>b'\x97\xc5\x95\x06b5\x1a\xae~\xf62\xf6p\x94\x9f6\x8e"\xdd\xc6N\xb6\x8a\xb3\xe5\x05\n\x8a\xd9\xf3\\\xa8'</t>
  </si>
  <si>
    <t>b'\x87\x88-\xab\x8e8\xfa\xe3\x9a\xd7\xea(\xd6m4\x94\xd3\xf7a\x83(\xe3IK\xf5\xe1a\x00@!$\xeb'</t>
  </si>
  <si>
    <t>b'm|*\x8f\x03\xf3k9\x7ftL\xafF\x8b\x89\xc5\xc6!\t\x94\xa1\xde\xb9\xa9\x85\x99\xc8\xc7\xa0\x12\xe35'</t>
  </si>
  <si>
    <t>b"\x019S\x98\xa9\x16r\xf2\xbf'\xcae\xab\xd7\xc4\xfb\xfc\xff\x92\x9c\x0f\x87\xbd\xc0e\xb2\xa5l_t\x12\xf1"</t>
  </si>
  <si>
    <t>b'M\x1c\xb2\r\x14\xfah\x8cJ[\xed\x05\xf8\xf9n2\nhOM\xa6\x16\x10\x82_\xc4Oa_\xd6Cz'</t>
  </si>
  <si>
    <t>b'\xe5gxq\xf4{\x98Z\xfe\x16\x06\x00\t\xdb$\x19\xe3\xc6\xab(m\x0bq5\xd3\xc0Hr\xc5_\x84\\'</t>
  </si>
  <si>
    <t>b'\xd2T\xb8&lt;\xaf8\x0bv\xbd\x17\xaa\x1e\x83\xd1\x04\xf3&lt;\xea\x8c3\x84\xd2\xc5\x80\xeb\x13\x1f\xa9V\xa5\x96t'</t>
  </si>
  <si>
    <t>b'#\xaa\xe8\xc7V\x188\x16\xbel\xb1WM\x8e\xc5\xc7 0k\x9e@\xf9\xdd\xe6\xe5\xcd\x06\xb9\x1f\x0c\x18\x99'</t>
  </si>
  <si>
    <t>b'\t\xb1\x1d\x18\x7f\xad\x9a\xb8\x15\x93V\x19\x8a9\x98E\x88\x85P[)\xdaL\x95\xde\x04\xc2\x1b9\x94O.'</t>
  </si>
  <si>
    <t>b'2FeJ\x94\xa4\xb1\xe9\xcf\x00\x83\xf6\xc0c\xfa\x1apY\x1d\xf9\xdb\xe3Vs\xc9\xcaa\xa0D9\x94\xbc'</t>
  </si>
  <si>
    <t>b'\x00$\xb3\xd6\x1a_\xdf\xb0=7\xbf\xbaf+\xfb\xed\xab\x88s\x01w0\x18\x9e\xa4\x0e\xc9\x8a!\xbc2J'</t>
  </si>
  <si>
    <t>b'\x14P\x13_\xc4\xc0\x17\r\xed\xa8\xa0\xf8\xa0\x10\x97U\x95=\x9f\x1d\xccm,Gw:\x80\x0f\x0c%\xaf&lt;'</t>
  </si>
  <si>
    <t>b'\xcfo\x11~\xc8Q\xe0\xbe\xdc\x9a,S\xa3\x90\xa5\xc5Q&gt;\x03\xce\xf5\xe5T\xe63t\x8f_\xe1.\xa0\xd7'</t>
  </si>
  <si>
    <t>b'\x8eP\x9b}\x17\x7f1\x1dhSxdp~\xd1s+\xb2\x06;R\xcd\xb9\xf9\x1a\xe5\xa9:\x15v\xe8K'</t>
  </si>
  <si>
    <t>b'\t\xd1`n\x91\xc9wL\x94q\x17\x14\x9bO\x19\x05G\xe34\xe6\nU\xcd=\xaa}\xedL\xba\xbc\x1b\x0f'</t>
  </si>
  <si>
    <t>b'\xb9!\xbe;\x16\xf0Lz\xa0\x8c\xc2\xe2\t\x1f\x1b\x8a\xd0l\x1a(f\xcax%Y\x1f+G\t\xc1\x8e_'</t>
  </si>
  <si>
    <t>b'\x1c\x8a\xd1\xee\x8dN\x13Sr\xce/\xe7H\x1bj|I\xd4P5^R\x89\xe6t3_\xad\xcd!\xcd\x99'</t>
  </si>
  <si>
    <t>b'\xb6\xaa\x91K\xc0\xf0\xf1\xd3\xc6\x82(U%M\xd83\xc8aou0\x85\x9e\xc3CN=mo\x984\x14'</t>
  </si>
  <si>
    <t>b'\x01\xbd\xc5\xc2\xde\xd0\x95\xd0d&lt;\x8ef\x17\xb7]lHgX\xa4\xe1#^^\xd4k\xa2\x870\x9e\x03]'</t>
  </si>
  <si>
    <t>b'~ri\x10k\xdb7Hh T\xc3))\xdeT"\x14\xe1f\x8d\xfb\xa8S\xb3\xb5\xf8Z\xe8\xd3QW'</t>
  </si>
  <si>
    <t>b'\xc8\xff\xd7\xe5\xe2!\xd4^\xad\x8f\xa2&amp;\xccG\xd54\x88\xc5\xa6\x08N&gt;\xa2\x834\xdd\x9d\xe4&amp;\xf9d\x0b'</t>
  </si>
  <si>
    <t>b'\x0c\x92\xb4\xe0\xc0\xfc\rGbkQt/RW\xf1sFL:\xdb\xd37\xf7\x0c\xa1\xe5\x81\xa5%+\xb9'</t>
  </si>
  <si>
    <t>b'\xd0\x9c\xaah\xaf\xaa\xaa\x89\x83\x1a\x99\xc9\xf71og\xae[\xcfs}\x11`V\xe9\x1ar]\x9e2\xe4\xa1'</t>
  </si>
  <si>
    <t>b"!\x962\xf0\xaeR43\x9f\xdc\xa8s'\xb8LN\x8eHJ\x1f\xbf\xcf\x80\xf9R\x13e\x96\xd7\xd7\x1d&gt;"</t>
  </si>
  <si>
    <t>b'}\xaa\xd8\x8b\x8b*\xe2\x9d\xd6\xc0\xe6p|\x03+\xb1d1\xdbP_\xce\xbdT\x06t\xed\xeb\xed]\xb4='</t>
  </si>
  <si>
    <t>b'\x18\x02Cb\x8b\x1f\x1f\xb2\\&gt;\xd18\r1\x17Vl\xe8w\xf3U\xad\xd7Y\x17\xa9A\xbb\xad\xf2\x87\xae'</t>
  </si>
  <si>
    <t>b'\xb6\xc2{!\xda\xdf\xcaK\xf6\xfd\x94Y\x91T\x8d\x11\xa2\x8bW\xfeY1\xc8 \xe2G\x1a\xe2F\x9e\x85\x1c'</t>
  </si>
  <si>
    <t>b'Z$&amp;.\xe6\xcc\xd3\x86\xecV\xcf\xce\x87\xc8\xd3\x84}\xc5\xa6\x99\xe8t\xe1\x8b7\r\xc6\xac\xd4\xe8\x9fM'</t>
  </si>
  <si>
    <t>b'\xdb=ul\xb0\xb2\xe1}\xaa\xf9}\xe9(\x84R\x9f\x80E\xdf\xf8\x81\xdcda"!\xa4p\'\x8d\xfe\x1f'</t>
  </si>
  <si>
    <t>b'\xc0u\xf6\xdbv\x88&gt;\xb5\x05\xec\xb9\x9a5\xd4B\xeb\x96\x8f\xd7u\x95$\x9f\x14\xae\xb4pY\xa4\xc6\xd1\n'</t>
  </si>
  <si>
    <t>b'\x9a\xc7\xb0|\xf3\xe6\xb3r\na[\xb9\xb0\x0c\xbe\xd5\x90\xc6\x8c8*-\xaf\xd1\xef\xb9\xfeQ\xc9su\x83'</t>
  </si>
  <si>
    <t>b'\xf0\xb93\xce-r\xab\xe4\xce\xc6\x05\x8c\x1e\xef\x83\xb3O\x97\x08\xeeu TB@u\x04\x1bt\xb8\x99\x8c'</t>
  </si>
  <si>
    <t>b')]\x0cU\xcb\xa7\xe9\x07\xf0\x82\x8b\xb0tQ\x1f\x96\x88\x81&gt;O\xe4s\x00\x94\x9e\xd41\xd0\xe2\xa1\r\x80'</t>
  </si>
  <si>
    <t>b"\xfe\xd3\xc4Uok\xd2\xc8U5\x19f\xcaX\xfcc\x07n\x98\x15b\xca\xf7\x92-\xaa+\xc7'%Z&lt;"</t>
  </si>
  <si>
    <t>b'\x18\xfc\x82\xd0D\x92\xe4\x95\xef\xb7Kc\xd5\x8e\xaf&lt;\xf1\xb1\xf4"\xe5\xa0\xe6y\xc5\xe6\xe0q\xfe^RK'</t>
  </si>
  <si>
    <t>b'B\x8eL\x0c\xd2*\xcag4t\xe4`\xf2\xee\xce\xfa\xdeH"\x036g\x98\xa8\xf2h\xa8\xe7\xc6\xed\xe6o'</t>
  </si>
  <si>
    <t>b'\xdf\xcbo\xb1\xae\xaa\x17%\x1f\x04m\x96T\x14\x00$\x0cC\xd4b@]\x8b`\x15H\x03\xce*e\x85='</t>
  </si>
  <si>
    <t>b'D\xd1ASN^\x8d\x89\x96\x0f\xf5c\xd7\xb3\xb1\x94\xf4\x19\xc6\xa7[,\xb9YVT^c5\xf5\xc4\xc5'</t>
  </si>
  <si>
    <t>b'\xec_\xbe\xb4\x88lU3\x14\xf1\xe5\xea\xde\x03V\x7f\x98\x84K&lt;v\xea\xd3\xc6qI\xd8J.Q\xeeQ'</t>
  </si>
  <si>
    <t>b'\xf4\\\x90\x19\xc2\xf7\x8e\x8bu#[/\xaf\xa2\xd7\xc9\x98Ad{\xf0\xb6\xf6F\xce\xf5q\x17H\xdb\xaeC'</t>
  </si>
  <si>
    <t>b'\x0f&gt;\x94\xb9n|\x96BMH\xcf\x1c\xabow\x99uOj\xec\xach\x04ywr`\xdd\x1b40\xfc'</t>
  </si>
  <si>
    <t>b'C\xc5\x9a\xbe\x03\xce\xfa\x1f\xfcQw\xfa\xa2\x1ag\x13\xe2`\x8e\xd8\xaa6\xfa\xfd\x06\xe9P5\x17*\x90\xc8'</t>
  </si>
  <si>
    <t>b'\x04\xf2\xb3W\xcd:&gt;\x91n\xe9\xa4\x7f\xfd\x93\x9d\x91\xba\xe3\xdc8TG,G\x1e\xba\x90\xc2\nX\x9f5'</t>
  </si>
  <si>
    <t>b"\xdd\xe6b\xbc\xd7\xbcN\xf1\xb9\x189\x84\xb5X\x15\x9ec\x8f\x8be'\xb6\x10x\xf5\xd6\x18\xea\xb7\x0b\xad\xe5"</t>
  </si>
  <si>
    <t>b'\xf2r-3j\xe6\xcd\xc1\x0bN]\xc8X\x19\x8f`\xa9\xb6\n`\xbb\xd8\xac\x15\x8a\xfa"\x8a\x94\xb8\x9b\x0c'</t>
  </si>
  <si>
    <t>b'\x19G*\xfbO\x95\xd0\xf0\xce%\x1cXY\xc6\xe55y\xc26\xc1*;W\xec\xa7\xd3Q\xb6\x8b\x1b[\x1d'</t>
  </si>
  <si>
    <t>b'Y\x0b_\xab\xab\xcbLA\x89\xed\xc1,\xd4\xb1\xbbw\x07\xe9\\Cf\x17\xa1c\xa8\xa7z\xd0\x96\x17\xc5\xab'</t>
  </si>
  <si>
    <t>b'1`w\xffs\xd25\xf5\xbc{u&amp;\x93@2D\xf86\x8f"\xa4\\p\x9c\xf0i\x7f\x8c\xb2\x15\xaf}'</t>
  </si>
  <si>
    <t>b'\x01s|\xe6o\xe3Q[\xfc\xd9\xd7d%\x9b}+\xa4\'\x06\xa52\xb9 \xd7"\xfd+t~\x96,q'</t>
  </si>
  <si>
    <t>b'\x8eK\xef\xb0\x99\xe9\xd2[\x84G\xf0\x0c\x00\x89\xf9qx\x9eEwa7\x8cJU\xaa\x88\x96E\x11@\xf0'</t>
  </si>
  <si>
    <t>b'C\xaah\xeaY9\xfc\t\x0f$\xa3w\xab\x8db\xbejnC\xef\x08T\x85\x10+\xc7j\x8b\xde\x16$1'</t>
  </si>
  <si>
    <t>b'\x07?\x1f3L_\x03\x9f\xd1 a\xf7\x9f\x03\x9e\x1c[\xfe7\xc3\xe6F\xbe\x97\xad\x1dP\xd5O\xe0\xba\x7f'</t>
  </si>
  <si>
    <t>b'\xe2d\xce\x15\xbb\x87\x8d\xe0\xdcT\xfbD\xc9N\xc5\xc4%SoC\x98\x81K"h \xb1\xff\xca\x9faS'</t>
  </si>
  <si>
    <t>b'\xdc-1[/L\xf5Q\x17\xa2\xeb~iD\x83\xe95\xe8\xe6\xc4\xce\x1b\x07v,k:A\x18\x9e\xddw'</t>
  </si>
  <si>
    <t>b'\x89\x15kZ\xa3:\x0b\x98$E?\xb9\x02-\x04\xc9\xc69\x0fT?6U\xaf\xe9\xa0\xfc\xc3\x07~Z\xd8'</t>
  </si>
  <si>
    <t>b'\xda\xd0\xf2e!L\xdc\xef\xf6\xbb\xe9C\xd5C4\xbc\xa9b\xd1\x0b\xfa\r}\x19\xacS\xce\xe7\x87\x8f(h'</t>
  </si>
  <si>
    <t>b'\x83\x88\xcd\x0c\xf6B\x0b\x8c\x0e\x97\xcd\r\\\xc0\xee6i0\xaa\xc5\x13\xbc\x9c\xd1\xd6\x89\xb8\xed2I\xad7'</t>
  </si>
  <si>
    <t>b',|\xd8\xcc\x88\xaf`\x1b\xfb\xf50g\xe7lBY\x1f\xc7\xa0\x89\xcfk\xa7\xd0Q\xf2g\xe7\xb0\xae\x91}'</t>
  </si>
  <si>
    <t>b'uk\xf7\xcd"4\xbd\xd4\xbe\xc4\x9c2\x92\xba\x00=fB\xbdO\xd7\x14\xd2\xe3v\xb8F\x93\xa6\rab'</t>
  </si>
  <si>
    <t>b'*\xb9\xebxYC\xadd\xd7\x85\x16\x9bFO\x9e\xa5\xd9\x81h=JCUu\xfb\xb8P\xb7V\xa1H\x04'</t>
  </si>
  <si>
    <t>b'vk\x1c\xb7\xaf\xfe\xbf\xac\xbf\xf1\xb3l\xbb\xf6&gt;5ss\xb9X&lt;\xa4\x844\xa3\x9f\xf6\xccO$\xcc\xff'</t>
  </si>
  <si>
    <t>b'.\xd5\xfbI\x99l\xcf\xc3\x00\x18\xd408\xb31\x9e5\x9f\xa0\x85p\x8bS [!7\xa8K~\xf9S'</t>
  </si>
  <si>
    <t>b'j\xf59\x8c\xe2\xa1P\xab\xf2$\xa6\x11z\xbf\xfc\xa8\x1d\x11[\x18\xf6\xcb\x8e\xb1\x12\xca\xbd\xba\xb3\x12T\x8e'</t>
  </si>
  <si>
    <t>b'n\x97|\x0b\xfb\xea;$\x1f\x85\x99\x13o%ncA\xe35\x1b\xe7&amp;\xe6\xa8xW\x00ns\xf0\x9e\xb1'</t>
  </si>
  <si>
    <t>b"\x81\x97.|\x8b\x00*\x9e\nY\xda\x975'|\xa5s\xc4@\xa2h\xe9\x12\xbc#\x97\xfc\x9e\x8f\xf4\xac\xc6"</t>
  </si>
  <si>
    <t>b'\x00\xa7\x15&lt;\xe1\x1e\xd2\xa6\x1f\x81\xf0.\x9d,B\t8\xbe\xa4\x08\xaf\xcf\x1btF\xf7\xe7\x9c+\x1f\x92\xf6'</t>
  </si>
  <si>
    <t>b'\x80\x02\xd3\xf4+\x05\x1b8\xc83\x9aU\xc8\xa0\xc5\xf8\xd5\xa7&gt;\x86\xd5\xce\xa1C\xa1\x89\xf4\xb5\x11\xca~u'</t>
  </si>
  <si>
    <t>b'm\xa2\xde\xe0\x12v P[4\xf4\x81|\x11=\xc5\xe6\x80\x0c\xadI\x84\xe9\xfe-\x11\x9dN\x06\xb7L:'</t>
  </si>
  <si>
    <t>b'j9\xb4\x15\x93\xb32\xf0\xe3\x0cw\xf4\xf27\x0b\x99a\xb1=\xd9\xd1D-9\x92`Y\x0c\x19Z\x9f9'</t>
  </si>
  <si>
    <t>b'\x10\xf475\xcb\xd8q\xd3\x8e\xc3)\xad\x9e\xbe3/\xd9\x90\xbb\xa4\x95\xbe\xf2\x0c/)B\xe7\xb9\xb0\xae\x1a'</t>
  </si>
  <si>
    <t>b'\xf5\xa21U_zoY\xd8\x13\xf6\x14\xa1\x01\x8a\xcf\\ly\x98Z\tQ\xa7\x89\x17V\r\xb0\xd2g\x13'</t>
  </si>
  <si>
    <t>b'\xfe\x8d\xfb\xca\xb0\x92s\x7f\x0cz`L\xa8\xb1\x82\x8b\xe2\x89\xd3\x95_\x89\x00k(\xe1g\xcd\x19\xf5\xdf\xac'</t>
  </si>
  <si>
    <t>b'\xec\xf4\xa5\xc8:\x16\xb0\xcf\xaf\x9dk34Jj\x90\xe9\xfc\x0b\xf5\xcf\xe6s\xc8X\x89\x8f\x89\xae\x9eJ\xad'</t>
  </si>
  <si>
    <t>b'\xef\x83/\xc6\xddAO\x93\x02=\tM\x10\x86\xbf(\xb7\xb6~\x98\xfa\xc0\x10X\xca\x0f\x17\x82\xc6&gt;A$'</t>
  </si>
  <si>
    <t>b'\xae,+*a\x88:t\x8c\x19dwR\n\xaf\x8cq\x84\xffA\xb56N\xe4\xed{\x08y\xc3\n%\xf2'</t>
  </si>
  <si>
    <t>b'\x91\xd5-\xca`\x11\xb2\xe5\xff\x1a\xd9gGr\xe2@k\x19\xb4\xb2c\x05\xed\x98}\xaf\x8a\xc1\x00"E\xc8'</t>
  </si>
  <si>
    <t>b'\x96\x00\xa8,K\xd7\xf4#\x8f\xc6\xf3$\xa1\xc2\x11\x16&lt;\x11\xe7$\xd7\xa9\xf6\xa5\x04FQ\xff/\xfc\x99\xef'</t>
  </si>
  <si>
    <t>b'y\xa6\x156\x973\xf5vy\x14\xcaR\x02J}\xbd\xaa_\xcaH\xf8(\xa0N\xf8\x9f\xa7\x96\xe1\x8b\xbc&amp;'</t>
  </si>
  <si>
    <t>b"\x83]Sv\xc9W\xff:F'O\xf9\xc0\x1aKLS\xbc.\xa3\xc2CDy?\x85\xc6\x9c\xe8bFA"</t>
  </si>
  <si>
    <t>b'\x85Up1\x8d\xfbC\nw)\t|ma\x83\xe7X\xa9?\x06\xe5\x06\x1f\xb2\x99\xf1\x886\x8c\x14\x1d`'</t>
  </si>
  <si>
    <t>b'\xad\xad\xe7\x88-\xa5d\xfd\xd2\x81\xcc\x81\x18\x94\x1f\xd8\xba%V\x89JS\xc3r\x0e a\x0f\x14\xa7\x8e\xe9'</t>
  </si>
  <si>
    <t>b'L\xc0m\xd3\xe1il7\xbc\xd5gx8vpthV\x01\x96%\xa1\xbd^\x7f\xb02M\xb1f]u'</t>
  </si>
  <si>
    <t>b"X\x1f\\I\xc3)\xdc'\xce\x8f\xda\xd9\xad\xa4\x9e\xfd\x1f=\x05\xe8u\xf2\x85#\xe0`\xbak\xa6\x9b~\xce"</t>
  </si>
  <si>
    <t>b'\xbb\x19 \x16cM9u\xa1\x19\xbe\xa2dt\n\xc5\x15\x14\xffqHy\n\x97\xc7\xc1\xb2S\xf6\xfb\x9f&gt;'</t>
  </si>
  <si>
    <t>b"T\xbb\xe4E$A \xb1'S\xda\xf9\xc2\x1b\x9b8Lq#\xf8\xa7\xea_\xaf\x85\xa8o\xa1\xf69\xad\xd9"</t>
  </si>
  <si>
    <t>b'\xb3\xaeJ\xa5d\xd3X^\x13\xcf\xcb\xec\x04\xee\x00\x1e)\n\xa2\xd1\xcc\xbaL\x17\xca`Q\\\xa6W\xbdz'</t>
  </si>
  <si>
    <t>b'\xc3\x87\xd0\xe2hE\xbdla\x95\x11}\xda\xea\r(\xf4\x05\xe6\x1e2\xd9\xa7p\xa2\xd9\x80\xf0\xba[gL'</t>
  </si>
  <si>
    <t>b'\\\xae4Lu Q\xf1\x92z\x11\x85\x0e\x0f\xd6\xa2\x8c3&lt;\xfe\\w`\xabW\x8a\x9e\xc3\xa4\r"/'</t>
  </si>
  <si>
    <t>b'\xe8\xe4\xa6\xc5\x16\x94Aw2\xd6\x9fL\xa6\xae\xa9\xfez\xde2c/#\x82\xe2\xff/\xea%sAf\xae'</t>
  </si>
  <si>
    <t>b'\x94qf\x96\xf7\xa5z\x7fR\xc5\xb9\x1a\xb0\x13z\xc0\x0c\x14\xeb\x19\x0c=W\x1b9"\xbf\xa2`*\xd82'</t>
  </si>
  <si>
    <t>b'\xb3\xf5\x82\xaf\xe1\x8c#\xa0?\xe8\x88`+\x96\xbc\x80B\x7fM\xd3\xd5\x16\xd7y\x80\xd8\xac\x16\x87\x1d\xbc\xda'</t>
  </si>
  <si>
    <t>b'\xf4\xc2\xff\x99\rr\xce\xe5\xcfl\x81\xe2_\xbbR\xebG\xa7\x95_O?\xf9,\x91\xb3\x90\x94\x9c=Z\xc3'</t>
  </si>
  <si>
    <t>b'K\xeb\x99\xf4o^\x00ys\x8e\xbb\xca\xff\xdd\xe0\xa8\x92@\xfbwD\xa8\x90\xa7\x80\xf5\x1faD\x98\x83\xd3'</t>
  </si>
  <si>
    <t>b'\x9e\x9f\xaaz\xcf\x8f* \xe8\xce9%|\xc2\xc3hU\x98\x07\xfbC\x1a&gt;\xaflv\xa9\x8c\xc7i\xa1\xbc'</t>
  </si>
  <si>
    <t>b'\x06,\xd7N3~\xce\x10\xc7\x0e\x98\x83\xf1\x81\xaeB\xe3H\xac_t45!\xe1\xa4R\r\x99\xb1\x86f'</t>
  </si>
  <si>
    <t>b'\x8b\xa5@1)\'\x94\x16\x98\xa5\x12\x996\\1\x12\x93\xe8\x8f\xfc:Qk\xdf\x10^\x94ZscA"'</t>
  </si>
  <si>
    <t>b'X\x1e\xb3\xf4\xe0\xaa\x14\x84\xb0\xa0\xd03\xaf\xabc\xde\x14\xfb\xbd/\x02u\x9f7\xab\x96X\xcc\x7f\xf2\x93f'</t>
  </si>
  <si>
    <t>b'\x91+\xb1_\xaf\xaeR\xa5\xa3\\\xbd\xb0\xaezd\x92 _\xb1\xa9\xa0\xe9*"K\x107\xf8\xd0]\x98\xb9'</t>
  </si>
  <si>
    <t>b'c,\x0f]\xa0\x9e\xe4Pm \x81\xb1\x84}\xf0dy!\x08_\xdf\xb9aq\xc4\x91|\x01{\xdc\x88 '</t>
  </si>
  <si>
    <t>b'\x00\xdd\xb9\xec\xacL}\xf4Z\x10#\x11\xd6\xba\xd5\xc3\xfb\xbf\xd1(\xe2.\x14\xb5P\x0b\xb4_\xf6\x88\xff\xf7'</t>
  </si>
  <si>
    <t>b'\x02\xac\x10\x94\x15Z\xb2\xecFFq\xf9\xf8ymI6i!\xa3\xcb2\xa8\xf5\x04=\xbc\xbe\xa9W2t'</t>
  </si>
  <si>
    <t>b'\xd6\x1aI\xac]\x82\xea\xc7y\xf8\xf8\xd2\xd8\x8c\x19\x7f\xbe\xa9V\\\xc6\xb7,\xd6\xf9Em\\\x08a\x87n'</t>
  </si>
  <si>
    <t>b'Ug\x1cn\x18\xbe\x8a}c\x92\xf5\x1b\x0b\xf28\x95\x9c\xafq\x1f/1\x82`_\x14\xef\x8f\xb4\x05\xe1\xac'</t>
  </si>
  <si>
    <t>b'\x1a \xe2\x7f\xa2n~\xcb\x91\xb5\xb2\xf3C\xddFH.5#\xed@\xcf\xba-\x82\xa6\xcf\x9d\xaf%\x92\xd3'</t>
  </si>
  <si>
    <t>b'\x8e\x8f\x08r\xcf\xb1"j\x15\x93\xd5\xddW\xbd\xd5\xfc)q\xeb\xd7\xfb\xbd\xd2WW\xb7\x07\xc2Uf\xc4}'</t>
  </si>
  <si>
    <t>b'\x91\xe9&gt;\x88\xb8\x97\x8a\x88M\x97\xfc7\xbf{\xbd&gt;T\xf8\xfc\xba\xec\xd1\xc3`C\xe1\x19\x9f\xa9H\xe2\xe2'</t>
  </si>
  <si>
    <t>b'G\xabx\xfb\x87\\\x1bF\xab\xc3\xdb\x82\xdc\xe7\x88\x19\xa2\xb0\x83"\xa4\x80jT\xf3\x8f\x83\xc8\'\xa7X!'</t>
  </si>
  <si>
    <t>b'e\x81\xc2 \x95\xae\xaf\xc8\xdc\x97\x8b.\xb6T\xb6\xe2w\xd5\xea\x05\xe2\x07\x00L\x00\xf9\x92\x10\xee=\xc4w'</t>
  </si>
  <si>
    <t>b"\x19]qk\xd6\xac7\x95\xbc\xa9\xda\xcc\x80S\xc7\x94\xb9\r\xb9^\xd1u'z?\x03\xf9\x97To\xb1\xf5"</t>
  </si>
  <si>
    <t>b'\xb7\x9b\xbdNH\x92\xe6\xeb\xb7\xc9\xcb\x0f\xb4\xde\xd2\xcbs\x8fbj\x8ej\x01\xff\xd5\xf1\xaa\r\xe5T\x11\xab'</t>
  </si>
  <si>
    <t>b'\n\x1e\xb4\x9c\xb6\x80\x00\xd9\xff\x0e?\x19\xc0B\x7f\nU\xad4\xbe6%-\x07\xe5\x98pI\xdf\xe7\xe6\r'</t>
  </si>
  <si>
    <t>b'\x0e\x9c\\\xb1\x91\xa6dv\xed\x14\x8c\xeaX\xc7\x85Ox\x94\x16"DoY\x84\xd6u\xca\xfe\xe4R\xba\x8a'</t>
  </si>
  <si>
    <t>b'\xcf\xea8\xa9I\xf2\r\xef\xda\x1d\x03\xbb^\xf7Y\xa0\xa9id\xaf \xd6{\xb6\xdd\xc8\xc0\x18\xce\x10\xaf\xac'</t>
  </si>
  <si>
    <t>b'\xdaLo\xab\x81u\xa1\x18\xac\xaf\x02\xcb\xa8\x8f\x97]t\x80#\x93\xd9\xa9S\xb2\xd7\xbcp\xb5V\x8c\xd0\xbc'</t>
  </si>
  <si>
    <t>b'T\xe6%\x0bl"\xf1\xfa\xcf\x9e\xfc\xca\xb2\xe0Z\xb56,\xf2\x0c\xe5&amp;\\\xdb\x02c\x0c\xc30\x1ciw'</t>
  </si>
  <si>
    <t>b'/\x9b&gt;\xf7~\x0e\x13\x17\x7f\x99\x88\x9eS\xca\x935Czt\xe0\x8cf/\x9e\xe9{h\x1b\x99y\xb1\xee'</t>
  </si>
  <si>
    <t>b'\xdd"B\xc34\x03/[\x07L\t\xb5\xb8\xbd\x1c\\,a\x84E&gt;\x89\xdf\x9d\xd9\x13\x9c\xd8AY\xad\xfe'</t>
  </si>
  <si>
    <t>b'\x860a&amp;\xa0Ac\xe7;1EOm\x02\x8e\xc9\xa8\xe6\x81\xc4\xcb\xac\x12\xaf\x7fA_%e"\xcc\xc3'</t>
  </si>
  <si>
    <t>b'\x93\x86WcV\x90*sN\xba\xcd\xaeP\x8d2C\x11\xf8\xec\xa4\xf8\xc2\x18&amp;\x10?\xf8F\xe5g1\xfc'</t>
  </si>
  <si>
    <t>b'\x81\'\xb7\xaf\xdb\xa5\xd0?"\xc4\t.\xf8\xdcy\x1e\x11Fh\xcbg\xff/\x8e\xb7\xe7\x0b4\xf1\xc7.\x95'</t>
  </si>
  <si>
    <t>b"P\x8d'\x16'\x14\xb6#\x9b\x96\x05g&gt;\xf0F\x18\xedy\x1a\xa62\x12Y\xfce\x8a\x8b\xcf3\xc0\xbe\x17"</t>
  </si>
  <si>
    <t>b'\xd0\xa4\xe9\x82Km8\xe2\xa2\xd0\x90w\x99 \x1d\x1a\x85\x84\xf7\xd1_\xb1\xcd\xa5\x14bd\xa7\xfd]\xa7\xb7'</t>
  </si>
  <si>
    <t>b'e\xb0_#\x9a\x1bkk$\xf5\xf3\x0c\x88\t\x9f\x80\x82\x8bMp\xd8\xb8\xf3i\x1c\x7f\x89\xdd\xfb\x93\xa4Y'</t>
  </si>
  <si>
    <t>b'PNV\xb2Z6\x81\x82d\xe6O\x83\x1a\xbe\xd7\xb0\x9e.*\x98:l*\xd1R\xa7I\x12\xba\xff\xc7\x93'</t>
  </si>
  <si>
    <t>b'?1\xb9j\x9cW\x16\xfc\x87h\x88\x14\x02\xb8(X\xdb\x11:Q\xd9\xe4\x1c\x01\xf3V\x94\xdb\xa6\xca\x01.'</t>
  </si>
  <si>
    <t>b'\xc4uH}:\xc8g\xaf\xfb\x9e\xff\x8f\xa0!\x97\xeb\xa9\xda\xc8I\xee\xa8\xb4\xb6\x80q\xe2\x95EM\xc1|'</t>
  </si>
  <si>
    <t>b'\xf7n`\xc3\x01!\x9e$\xbbKZ\x84p\x99\x0f9_\xdb4\x82\xc3\xc4\x18\xe9]\xaf\x99a*\xd8%\xe5'</t>
  </si>
  <si>
    <t>b'\x87\xbd\x88\xaa:\x95GD8\x10`SwV3g\x02\x96\xb9\xf7\xf6\xfd!\x9b\x82\x89\x1c&lt;R\xb6\xabd'</t>
  </si>
  <si>
    <t>b'F\xba\xa2\xb0\xf4gq\xffI{G\x10\xd9\n\xa9\x99\x16\xb1m\xbe\x17i\xbcc$~5\xa1\x01\xee\x9f"'</t>
  </si>
  <si>
    <t>b'\xa0\x9e\xb9\x15\x1d\x9e"\xbaB\xf8\xd8{\x8bo\xdfq\xf6\xa4\x13\x9c\xad\x92*\x9aF\xb1q\x19\xaa\xc3\xa6\xaa'</t>
  </si>
  <si>
    <t>b'TFE\r\x06\xe7\x06\xa3\xf3\xd1\x8dO\x10}\xfe\x1c`\xc9\xb3.\xdd\xb4_\x99\t\xbc\xab\x8c\x08w\xc3\x99'</t>
  </si>
  <si>
    <t>b'\x93\xac\xf9,k\xb7\xbd\x9bOE\xc7/\xd8M\xbel\x05\xba\x99\x9f9\xd8\xab\x98|#y\x9bwl\xaf.'</t>
  </si>
  <si>
    <t>b'\x92\x84E3\xe7;\xc0\x06^\n\xbcK\xa9\xf5\xbf\x19\x164E\xf8\xe7W\xba\xbf\x8a\xe3\xbfM&amp;k\xb1C'</t>
  </si>
  <si>
    <t>b'mVne\x12;\x19\xfa\xa4\xedga\t \xfe0Z\x8f\x9a&gt; \xc9\x83m\x03 n\x03y\xd5\xa2\x9f'</t>
  </si>
  <si>
    <t>b'\x92Y\x1c\xe7\xd4\xc2\xbe\x05\xf3\xb3Z&lt;Sq,(\xb6\x86\xc0g6\x08w\xff\xa5Ws6\x8f\x9b]\x1c'</t>
  </si>
  <si>
    <t>b'&lt;Ze\xa1\x9e\xcf@p\xcf\xb6\xf1\xd83\xc1d\xf6TlUg9;\xa0\x0c\xb5\xc8\xe7\x08\xf5\xe4\x8br'</t>
  </si>
  <si>
    <t>b'\xa5\xd2\xc7\x03\x88\xbb \x1d\x13L\xe6\x96\x03\xc4\t\x15\xa8\x85\xf8\xa4]\xaf\x95 \xf7\x14\xdd@\x02c\x8f\xef'</t>
  </si>
  <si>
    <t>b'\xa5\xcd\xd88\xe8.q\x10\xebN\xe36\xe6\x7f\x06O\xe5.\x01\xb9Q\x9a\xbbJ\x11\x00\xf6O-U\xf8^'</t>
  </si>
  <si>
    <t>b'\xed\xec\nV\x1c\xbd\x99!\xa15F\xe1\xe2I\nt\xe9U\xfek6\xd9U\xa3\xdc\x17X\x86\x08\x16\x1d\xf5'</t>
  </si>
  <si>
    <t>b'\x02@\x9a\xb4cqX\xfc\xf3\xdf\xc5T\x17\xf1SR\xec=5[\x87\xbf"\xe1\x97\xa2\x97\xdf@\x99\x19\xaf'</t>
  </si>
  <si>
    <t>b'\xe7\xaa\xb6\x0b\xf7\xad\xf7K\xe7&lt;\x7f\xff\xd7{\\t\x16;\x88\xcep+\x1b\xf6\x9b\xca\xad,c\x8fD2'</t>
  </si>
  <si>
    <t>b'y\xa9"l\xf6\xf4\xae\x1b\xc3D\xf2 1\x7f\x13\x9fG\xa1\x90\xbf,4`\x92\xefq\x96z\xa4\x8e\xb0\xef'</t>
  </si>
  <si>
    <t>b'\xa8\xafC\xec\xb9\x97\x0b\x03cf\x86&amp;\x8f.3Q\xb4\xcbUc\xe8y\xa5r/W{\xc9\x06\xcc\x0b\xfd'</t>
  </si>
  <si>
    <t>b'\xe5\x94\xcb\x07X*\xea\x08@\xb4`\xb5@\xc0\xb1a\x92w\x89D\xa2s\xff\x9d\xbdo\x97{\x14\xab\xa8t'</t>
  </si>
  <si>
    <t>b'\x0fk\xa3\x0e\xb0\x81H\\\xa7\xca+\xb2\xbbq2\x1b\xe2\x01\xf0\t\x89\xd1\xa7p\xe4\xce\xbe\x9b\xe7\xb9\x1e\x08'</t>
  </si>
  <si>
    <t>b"@\x98\x1f\xea\xd9r\xd0r\x82B\x8d\xc4'S\x11T\xde\xd9\x9dX`\xf4\\\xe8\xbeB\nA\xdc\xd4\xdc\x01"</t>
  </si>
  <si>
    <t>b'{_\xa3\xf4\x8b`\x84\x98Wm\xfeF\x8fJ\xa9\xfdT::\x049\xf8.v\xa2\xfe!NX\xf6\x95@'</t>
  </si>
  <si>
    <t>b'\xe3\xdb\x95\xb0\xe1n\x84\x81Aa\x95e\xd9\xab\xe4\x85A/\xab\x91(\n\xd0\xd5\xa1\xe8]y\x15\x8a\xba\x9a'</t>
  </si>
  <si>
    <t>b'\xc9)t^\x10\x8c\x1e\x15\xc0f\x0e\xa7\xceU\xfd\t\xd1\x1a-\x08\xae\x15a\x05T\xbb7\x13\xf6\xeau\xec'</t>
  </si>
  <si>
    <t>b'9\x9e0\x81\x10\x95.%\x1b\x91\xf5\x0b\xac\xdc\x04\x03&amp;\x1fc\xbea\x19\x16\xc2=\x07!\xd0E\x1c\xd8m'</t>
  </si>
  <si>
    <t>b'\nd-Mi\xac\x1c\xc8\x1e&lt;1\xeb\xed\x1cC\x8e.\x90/\xb6=\xf8\x1eY6S\xff\xc4\xc2(\x91a'</t>
  </si>
  <si>
    <t>b'\xb0\x896#\xa7?\xc8\xd3\xc9\x80\x1b\xc5\xdd\x13\xef\x99\xa3==H\xb6\xde\x1d\x12P\xb8\x18\xbf\xb22\xdb\x10'</t>
  </si>
  <si>
    <t>b"\x9a7l\xd1U'\xf4\x7fy\xe5O\xbd\x9fnr\xa4\x9c\x87_\xa0\x96\x1e\x8fa\xcfv\xe3tJ\xb4\x03\x01"</t>
  </si>
  <si>
    <t>b"\xea\xeaZ\x97\xb2'\xa6\x9d9\x90v\x17\x0b\xda\xc8~\xc9V\x19\xa5\xc5R\xddf\x01\x04\x85\xc4\xffD\xc0\xb9"</t>
  </si>
  <si>
    <t>b'\xca\x11nZVT8q\x1f\x859\xfe\x83\x9d\xc2G\x8d\xd9\x05\x152$\xd0DV\xaa_r;\xd4\xa8\x10'</t>
  </si>
  <si>
    <t>b'\xbd\xf2,8q\xdaR-\x89\xd4G\\\x1ei%3\x15\xd5\x9c\x9d\xb4|\xbd\x16;\xcd\xc2{\x1f9\x15T'</t>
  </si>
  <si>
    <t>b'"\xb9\xa6]\xe57\x97\xc89\xdc\x9d\x90\x87L\xed\x8co\xa1\n$\xa2\x9ea\x9dM\xeb\x7fT?\x88\xf9\x12'</t>
  </si>
  <si>
    <t>b'7\xafT78s\xa4\x89\xe4a\xba\xbf\x07H+\x8ey\x89\x0f\x9d\x8a\xf29@\xe5):\xcau48\xf7'</t>
  </si>
  <si>
    <t>b'J,\xc3\x0c!{\x08\x86Y\xbb\x01p\x16\x98\xfd!A\xe7\xe4^\xfelH]\xd4E2\xfe\xcf\xd6\xbc\x02'</t>
  </si>
  <si>
    <t>b"\xb6&gt;\xc5\xc5\x92kE\xe0\\3h\x9b\xcbD5\x87\r\x0bnA\xff4H\xf0)(\x83\x92\xb8\xe0'\xec"</t>
  </si>
  <si>
    <t>b'\xd9\xb0\xa3~mOOir\xf2\x08\xff\xe2\xb7\xc3\xa4\xa7\xb1x \xf0D\xc8f\\\x04\xa3\x99\x19/.\xfc'</t>
  </si>
  <si>
    <t>b'\xdf&lt;\xaf7\xdbu\x94\x98\xdc\x1dW\x97WB\xf3\x8f\xd2\x86\xf4}\xa5\xb2\xefm\xd8\xeaMFG\x80=]'</t>
  </si>
  <si>
    <t>b'L\xed-\xa5\xe4\xdcwu\xe35\x96C\xc5\xe6.Qqa\xcc7\xf26\xe6\xa4\xb9\x0e\xb4\x88\xbc\x0cf\x08'</t>
  </si>
  <si>
    <t>b'\xc6vG1\xe3\xcc0\x94\xcd\x84[\x02\x0b\xb8z\nJ$\xd1\xaea\xb5\x7fC\xbe\xa4;p42\xde\xd6'</t>
  </si>
  <si>
    <t>b"\xb1\x11\xf3B\xc5\xf1\xf64\x9b\x0f&amp;\x1e,\x92\xb4\xd09\x93\x98\x98^|9\x8b\xa8\x92\xe2\x14\xe5'\xc2:"</t>
  </si>
  <si>
    <t>b'\xb1\xcf\x7f\xf4B\xb8*\x02\xdb\xf5\xee\xfa\xdeN\xe1\xcb\xf1\xb0\xbeV/G\xc9\xd4\xc9 \xd5j\xde\xe81f'</t>
  </si>
  <si>
    <t>b'\x07\x89\x92\xce\xbd\xe3\xde?\xc1\x99&amp;kc\x183`\x94\x85c\xab\xd4\xe8X\x08\xdb\xc2\xb0\xea!\n\x1d\xbd'</t>
  </si>
  <si>
    <t>b'n\xb6\x81\x01\xb0\x8bO\x06Z\xf2\xc6\x98\x82F\xc0\x89\xf8\x95\x0bU\x0f\x1d\xfb\xfb\x06I\xb4:\x9bc\xda\xb1'</t>
  </si>
  <si>
    <t>b'\x0f\xbe\xcf4\xfe\xeb\x81\xb8\x91\x98\x8e\xda\xb86\xc3N0?`p8\x16i\x0b\xc2\xd9\xc5218&lt;\xf6'</t>
  </si>
  <si>
    <t>b'\x96\xd7\xc6\xbc\x03\x07\x03\x8dh\xe0q\x96\x8a#\xce\xfa\x04\xad\x17\xbaY\xc0\xcb8H\xe4\xb8\xf8T$ZJ'</t>
  </si>
  <si>
    <t>b'Go!\xba7\xb0\xf3\xe4lN\x0f\xf1k\xe5\x9d\xbe\xb8\xc6B\xafU}\xa4G6\x16\xf9\xbcA\xd1&gt;\xe0'</t>
  </si>
  <si>
    <t>b'\xe6\x0c(\xf9\x80i\x98y\x176TZ\x9a\x04z/\xa8v\xf2\x03\xcf\x9c\xab\x05\xcd\x9e\x04g\x82\xb3PJ'</t>
  </si>
  <si>
    <t>b'(z\xea\x17\x01\xc1?\xf8\xa6X\x81vl\x81\xf7\xcd\xa6\xcc\xe3\x94\xffC} \x1aW\xc6\xcc\x0c\xdd\xcaf'</t>
  </si>
  <si>
    <t>b'oL\xa6\xe0\xc1p\x00K\xa2\xf6F\x12\x95;\xf9\x8e\xcee&gt;\xfcU\xbe\xd3\\\xff\xa5l\xfd\xbd\xed\xbfk'</t>
  </si>
  <si>
    <t>b'\xa3\x007\xd1 W\x83-ZM\x87\xc1u~\xa3\x13\xa0S\xf9\x90\xa81?}\x19\xda&lt;0\xd1\x19]\xef'</t>
  </si>
  <si>
    <t>b'q\xd6\x13d\xdb\xe5\xb3\xc7,6@\xd6\xd4\xb6\x98!\x82\xb5w\xed\xbf\xa3_\xf5\x0b\xa8\xf3\x1d\xb3\x19e\xe9'</t>
  </si>
  <si>
    <t>b'e\xfd\x02\x92\xe6\xcaf\'P"E\x8e\x90b\x87\xe1\x8e\x14\x95+\xdd\xf7`\xf3[\x03\x1c\x1a\xaf0\xcak'</t>
  </si>
  <si>
    <t>b'\x1b\xbc\xa4T\xdcX\xed\x84\xc3\x89\x18/1\xb5\xbb\xbc\xe8t\xe1mo=X\xb8q\xa3\xad\xa9\xc7\xfc\xdb\xec'</t>
  </si>
  <si>
    <t>b';\xd2N`A\x94\x17\xe4\xc0Bs\xcf/e\r\xff\x84(\xa5\x7f\xbf)\xd6\xaf\xed\x129\xc6e\x13K\x1f'</t>
  </si>
  <si>
    <t>b'\xad\x9f"\xb9\x00=\x13\xfa\xa6q\xbf\xf5\x8de\xa3\xba\xcc\xc7yR&amp;\x82\x1er\xbdT\xe6\xe1\x0b(\xd5\x8d'</t>
  </si>
  <si>
    <t>b'\xe7\x11\x118\x83nsd\x9e\xa26\xa1\xe23\x82\x85\x87x\xd0\x1a\xf6Ho\x052g\xb4\xf6\xd6\xe6\xe8\xea'</t>
  </si>
  <si>
    <t>b'\xd7\x97\x05]\x99}EB\xd7G\xb3\x1d\xfej,\xdd\xe1\xd0\x82&lt;\xbd&lt;\x84\xc9)\xd7z]\xb0\xa6\xa6\xe1'</t>
  </si>
  <si>
    <t>b'T$\x92\xe7\nhZ&gt;\xcbo"}!\xc9\x9d\x05\x98\x01\xa4H\x85\x13\xce4\x14&lt;\x99\xd9\xfeR\xa5\x11'</t>
  </si>
  <si>
    <t>b'\xf5m\x91+\x11\x05 \x955&amp;b\x91\xa8\x87\xd6\xb0{\xf3\x8e\xb9\xf2\xf6Mr\xcdB\xa6\x13\xa5H\xe7\xd9'</t>
  </si>
  <si>
    <t>b'\xe4(\x99[\x86\x8d2\xa1q\xcf\xeb?\x96\xe1\x0c\x98\xbdz\x16 \xdbJ\xadC\xcf\xc7*\xda\xc6\xb6\x98h'</t>
  </si>
  <si>
    <t>b'\x05\xca;N\xab\xe5\xe8\x86\n\x89}\xc7Q\xc7N:V\x83\xea\x02\x84\xe5\xec&amp;\xbf\x19lS\x0f?L&lt;'</t>
  </si>
  <si>
    <t>b'\x8c\xb6\x06\x06\x0f\xf2D\xc9X\xf4\xed\x8e\x11:\xe8\xae\xe4\xd7\xb0\xb4mfX\xe21\x98\x04U4\x85\xd7\x96'</t>
  </si>
  <si>
    <t>b't\x98\x9bV\xb8\x84g\xb0i!\xee!\x0c\xa7\x89r\xcc\x82\x1f\x84%0d\xfd\t\x9d\xf7Nd\r\xd9\x0c'</t>
  </si>
  <si>
    <t>b'\x9c\xe3!N\tz\\\x163!crm\x96!\xdf\xa9\x85\xc0SI|HA\x10\x83D\xa3\x1a\x9b\xaf\xfb'</t>
  </si>
  <si>
    <t>b'\xa2\xec\xc7\xb4\xf5\xc0\xd5\x8a6o@#V,\x99\x8e\xda\xc3+\xed\xa7W\xdc\x8bIr\\\xfe\t\xed\xa3\xbc'</t>
  </si>
  <si>
    <t>b'\xee\x067*\n\xb7\x82\xe1\xe9\xff2\r\xda\xad\xba/\xc7\xfa\xebB1\xd3\x98f\xda\xd6F\x84\xb5\xd3\x95\xc2'</t>
  </si>
  <si>
    <t>b'i\x0e;\xa57*3\xf1\xcb\x97w\xdc\xb8\xa5gf"\xabrF\xdbo\x85x\x03\xa8\x0c\xcb\xa8\xfe\xe1\x80'</t>
  </si>
  <si>
    <t>b"\x82\x00ll\x1c\x81\xdd\xf2\x975\xf7\xc0\xa8\x02y\x82\xf2]\x0b\x86\xee*\xeb\x17\xe9\xe3'\xdb~Z9V"</t>
  </si>
  <si>
    <t>b'\x17\x9b\x8f9\xc9X\x10^F?*1\xb9\xe2\xf1_\xf8_*T#\xd3\xe1\xc8E\x0c\xbd\x97\x87fc\xdf'</t>
  </si>
  <si>
    <t>b"\r~\x91\xa7,\xf9'\x88\xc5\xe0\xb3\xb8*\xfa\xff\xeaQ\x11Gk\xfa\x1c\x7f%\x91k\xa4\x9f\xe4k\xd7\xb4"</t>
  </si>
  <si>
    <t>b'0\xee%\xd8\xad\xf2\x10\xe4\x1f\xeb\xac\xfe\xb1i\xad@\x10\x82\x91\x1b\x84\xb2\xa2\xec6\xef\xdf\x187\xb8\xd4\xcc'</t>
  </si>
  <si>
    <t>b'H\xcf\\;\xd2&gt;\xdam}\x7f\xaa\x85$6\xa6\x0f\x18&amp;PH\xe1\x91\xc4\xfd\x17\x96Jx\xcb\xab\xaf\x9f'</t>
  </si>
  <si>
    <t>b'\xfd\rGE\xfb)/\xa5\xdf?+j\x1a\xb0\x10\xc5\x94y\xc6\xd2\xa2\xf53Y M?S\x967\xbe\xb1'</t>
  </si>
  <si>
    <t>b'T\x0b\x8e\xd7\x05\x8e\x08\x1dS\x01\xcd\x1aH\xbbb\xd1W\xc1\xa26\xf5M!\xd3\x92\xaa\xdc\xf9\x13N\x99x'</t>
  </si>
  <si>
    <t>b'\xea&amp;\xc16\xae\x07\xfc\x0f\xc1\xf6\x1c\x05&amp;\xadD^l\xd7\xec&gt;\xf2\xf5\xf5\x91\xcf&lt;Q}!K\x88\xc1'</t>
  </si>
  <si>
    <t>b'yT2\xe331\x95\xaf@)]_\xf4o\x00\x99R\x15\x07\xfc\xa4HM\xeei2\x91\xa1\xf5\x93j\x11'</t>
  </si>
  <si>
    <t>b"'N\t\x15k\xe7\x98\xfc\x9a\x80p\xbds\xd8\x96\xfc\xf4B\x8f\xceZ\xe4\x85\xca\x98\x14\x9c\x9c\xf7\xc9\xc4\xa4"</t>
  </si>
  <si>
    <t>b'M-Utf\xecLQ\xdd\xe8[\xdcFQ\xc0a?\x02\x03\xff\xbd\x81\x17\xd8\xd3\xe1\x17F\x9f\rR\xc5'</t>
  </si>
  <si>
    <t>b'\x89\xf0\xf8F\xb8\xaa\x06\xe6\x01\x04\x9a\xc5\xb1\rp2\xe1/\xae\x8b\x93\x08\xe0\xa8jW\x0f\xd4\xa8\x12]\x18'</t>
  </si>
  <si>
    <t>b'\xcb\xc4\xdd\x1d\xcb\x0b,t\xaa\x8c\xbe\x83V3\xce\xfa\x16\xb3\x9c-\x04@%J\xa0\x9f\x08n\x81&gt;\xae/'</t>
  </si>
  <si>
    <t>b'4Q\xeey\x95*\xe3\x14\xad\x87\xacJ\xe3\xbf+\xfa\xf9\xc0\xce\xcd9\x10\xa8Ke)]\xfc\x1d\xf1\x82\xba'</t>
  </si>
  <si>
    <t>b"\x98\x0f3\xafg'\xd1\x81\xdaeagqXE(^\xfbh\x12\x15s\xb5-\xc8\xf5\x98\xa6&lt;\xda\xa5\xce"</t>
  </si>
  <si>
    <t>b'\xc9\x1e\x8c\x86/\xff/\xb4\t\xd9\xe5k\x82\xaa\x8c\xb6\x13*\xe6\xb2\xe1\xac?\xf7\x86\x82\x08Y\x93\xd6\xc3e'</t>
  </si>
  <si>
    <t>b'\xf6\xb6\x9b\xfe\xa5\xa9\x88=\xec\t\xa3V\xfa\xcb*0iJ\xba\'9\xe2\xeb\x15\xb4t\x19\xb1"e\x8co'</t>
  </si>
  <si>
    <t>b':\x85\xb0"gj\xf1X\xbc\x95\x8e\xe3\xa2z\xb7\xf5l\xaf\xf0\xf4~j\xa3\xa7\xfc\x9c\x8f\xde\xf6\x82\xeau'</t>
  </si>
  <si>
    <t>b'\xa2`)\xa7\xba\xf0\xb8^\xbem\xc3\xe9\x96`C\xbb\xea3\x1c3)\xc6*\xcbng\xa6\xcb\xfa\xf2\x12\xac'</t>
  </si>
  <si>
    <t>b'm\x9cR7\x17V\x00Q$\xab\xe4\x07\xf6\x02\xf9C\xc0\xbc\xfe`\xb6\x97\xc2\xc8"\x05\x87u\xaa&lt;\x90\xa8'</t>
  </si>
  <si>
    <t>b'\xa1\xfb\xc7\xdf\xc6\xe9\x13&lt;\x1b\xf5\x1b_S\xb8\x9a\xf7\xfb!\x18\xc6O\xf4\xfd\xe1v@\xe1s\xcf\x8d\x0c\xf0'</t>
  </si>
  <si>
    <t>b"\x80\x02d*nr\xee\x0f\xb0AB\x88N\xea\x13\x0e/\x86\x8c\x93s\xf0u'\x02\xf5@\xeac\xe6Ru"</t>
  </si>
  <si>
    <t>b'\xc8C\xd6\x81\xed\xc4\x08q\x80\xcal}&gt;\x85\x89\xb0\xe3\xb7Q\n\xd24\x1c\x91MW\x0e\xea@\xd1\xba.'</t>
  </si>
  <si>
    <t>b'Nj\xf5yq\xb1B\x1fD\xa3\xd9\xc9\xb0\xc5\x86\x80q\x97\xd3\xae\xba\xc9\x9b\xa7\xaa\x80\xee&amp;7\xc9\xee\x17'</t>
  </si>
  <si>
    <t>b'\xa0F\xa2\\\xd3\xc7Wa\\X\x12\xba\xf3\x9a\xb3\xdd5m\x19\x90\xa0\xb8\t\xe4\t+AM\xfa\xdf\xfe\xd9'</t>
  </si>
  <si>
    <t>b'\x82\x81-7\x8e\xff\xa3\xef\xd7\x18s\xd4\x86\xe9y5\xca\xfdC\xb4\x0f\xd5\x17b\x1a\xa3\xa0\x0ct\xad\x0e\x95'</t>
  </si>
  <si>
    <t>b'O\xea\xf5*Kj|\xc2\x82kuIQ@\x89Ph\x95\xb7\xf0\xe1\xc4Lu\xdf\xd79\xc1H\x1fc\xf5'</t>
  </si>
  <si>
    <t>b"z\x84\x81\xc0\x02\xef\x10\xdc\x19\x07a.\xd2(&lt;5\xcb\x07\x91\xd0Y'D4\xb0n\xe6\xa5`wDT"</t>
  </si>
  <si>
    <t>b'\xda\x1f%\x11\x9b\x94He4P\xbb\xb8.\x86t\x9aM\x9c\x98w\x05\xb6E\t\xd5\xa6\xa1\x8d3j\n='</t>
  </si>
  <si>
    <t>b'}\x06\xca\x95\xc3X\xab\x0eW\xe6s\xaa!\xc5\xd0\x1e\x83\x89\xb94v\xe6\x17\x90\x809\x1e\xe3\xaa4\xd9\xac'</t>
  </si>
  <si>
    <t>b'\x04\xa6\x05\xf0\xaa\xad\x86\x00K\x929\xf3,J\x8a\xab\xa9\xa2\xdf\x0cJ\xad,\x94\xeaf\xf7\xba\x0b)\x1aa'</t>
  </si>
  <si>
    <t>b'g\x0c\xddc\xaa\x97\x1f\xa6A\xda\x10\x01\xfc\x0256-\x9a\xcb\x84pxZP!\xf3\xe2=f3t1'</t>
  </si>
  <si>
    <t>b'M \xd8\xd0Dc\xdd\x1d8\xa9\xdd\x9e(?\x0e\xa0m(\x9b\n\xf3\x03\xde\xdc\x08\xed\x03/\x17;\xbb\xb8'</t>
  </si>
  <si>
    <t>b"3\xd4\xe9\xd6'\x02mVS\x1b\xa9D\x8dU\x7f\x15\xabp\x88\x0c\xa5+)|\x17~\xc2\xdd\x97\x94\xb0\xa7"</t>
  </si>
  <si>
    <t>b'K\x92 \x1a\xe55\xba\xe5}\xae\xf0R\xd4\x89\x98\xe8\xb4O\x87|\xe8UE;\x82|5j\xf8\xfa\xd8A'</t>
  </si>
  <si>
    <t>b'\x80GnS\x90\x11\x01$\x1a\xb3m\x0fB\x8b\xd9\xff\x8a\xa89\xd6\x8c:\xcc\x11\xa5&amp;\x0227,U\x13'</t>
  </si>
  <si>
    <t>b'\x88\x1e\\M\x8dj\x91\x03\x8d\x87m\xa9\x93\xfe?\xa9\xd1q(\x10I\xcf\xc3\x83\xdap\xbc\x0e\xbajb!'</t>
  </si>
  <si>
    <t>b'cRx0\xac*\x17^\xf3\xb8\xf6\xa4\x93\xef\x14\x07\xa7\xed\xbf2,\x1d\r\x8f]\xd6\xc5\x86*S{\xcc'</t>
  </si>
  <si>
    <t>b'vQqd\xcc\xa7\x1d[9\xea/P\xb7a\x99\xb1\x85&gt;\x8c\xc6\x84\x11I\xd65\xccD\xbc{w\xc4\n'</t>
  </si>
  <si>
    <t>b'K\xac\xffT\xf5FB\xd7\xe1\xb6\xab&gt;F\x9c\xf62&lt;g\xdc\x83l\xf4\xa2\x1d\xd9\xc0\xd4C\x03\xe8\x1d\xd6'</t>
  </si>
  <si>
    <t>b'\xd0\xe4L^\xa2\\*\\\x8dLB\x87!F\xdac(\x8e\t\x15{\xe9zu\x00\r\x15\x97\xa6\xfdgr'</t>
  </si>
  <si>
    <t>b'E&amp;\xdfKHq\x14\xf1]T\xfe\xc5\xd6\xf4\xf1\xb1\x9f\xef!\xfe\xfe\xca\xb6\x1aX,$\x8e\x98K\x04\x07'</t>
  </si>
  <si>
    <t>b'\xbd\x1e273\x94\r\xea\x909J\xaeT\xa7{Yt\xdfz\xa2:\xa9\x1f8\xda\x19\xe4\xd6"ul\xf4'</t>
  </si>
  <si>
    <t>b'HW2\x19m\xc8\xeb\xc5\xafJ"\r\xa5\xabY\xfd)[\x954\'I\x9b\x9f\xff\x0f\x05\xad&amp;\x8f\x96\xbc'</t>
  </si>
  <si>
    <t>b';t\xc8\x8fX\xa0\x86\x03\x19*s\x11J6"\xf0_\x10(\xfd\xaf\xd9$\x08\xb3X\xb3\xff\xd0Mw?'</t>
  </si>
  <si>
    <t>b'm\xce \xd0\xef\xd7kp\xe3g;\xa0n;\x82Gqz\xf4\x13\xac\xe5\xd2O\x8dv\xbfJj\x01\x04p'</t>
  </si>
  <si>
    <t>b'6\x0e\x10\x11\xady\x05c\x1c\xfa&amp;\x89V\xdb\xde\xb4\x8c\xd7\x82.\xcf5\xcbW\xfd\xb7\x14\xb8qn7\xc6'</t>
  </si>
  <si>
    <t>b'\nn\x8f\xf2~\x9dt6{\xf0\xca\xcb2\x1f}\x99\xf3\x8c\xce\x8a\x1a\xb2y\xb6\x10\x1d`\xe2\x82\x9a%W'</t>
  </si>
  <si>
    <t>b'\x03K\x1d\x18\xbc\x9d\xaf\x92\x10{\x99@M\xf2\xc7\x0b\xa0\xeb{\x84\x8d\xb3\x832\xbeI\xa3\xaa\xbe\x0b5\x9c'</t>
  </si>
  <si>
    <t>b'\x87\xaa\x89{\x94\x08\x07\xc3g!_\xa7i\xa3\r\xcc\xc5\x9e\xd9@\xd9Q.A\xa4\xc9\x16X\xea\xb45\xeb'</t>
  </si>
  <si>
    <t>b",\xf7\x9e\xf0N\x8fc/\xf6\x15\x19\r{\xb8~\x1ep\xd3\xf8%\xc9s\xddR\xf2\xf5\x99\xa2\xa6\x1c$'"</t>
  </si>
  <si>
    <t>b"V\xabY\xb93\x16'\x9dH\xe8\xc2\x90I\t\xe8\x83K\xbd\xd7\x8d\x7f6\x1d3\x18-\xe7z\x1c\xf4i\xca"</t>
  </si>
  <si>
    <t>b'\xcd\x8c\x96\xfb\xda=\x827\xb1\xb1W\x13A\xb9\xde\xf9sR\x05\xa3\xb9\x9c\xa1\x98\xe9n\xc8\x8f3\x14O\x10'</t>
  </si>
  <si>
    <t>b'y6\xf2\xbb\x80%\xdfT_\x9b\x13g\xa8)\xd0&amp;\xf0l\xc1\r7\x9b\xcf\x08\xb75\xad\xfb\x88\x99\xa1\xbb'</t>
  </si>
  <si>
    <t>b'\xe9(\x08.\x8f\xb0\x01x\xb4:!"/G\xe0\xdcl\xfd\x03\xba\xdcu\xa8\xe8^.Y\x15]\xcd)\xa2'</t>
  </si>
  <si>
    <t>b'O*y\xd3L\x86\x01-G\xa0Ev\xb9\x80!@\x1f\xacC\x82\xe5\xbd\xcc{a\xae\x8c\xd1\x0f\xd7\x0ev'</t>
  </si>
  <si>
    <t>b'EaT#\x89\x0e\xa4:\xebF\x17$"\xbd\x00\x9c\xbb\xc9\xf4\xf9\xc3\xac\xfc#P\x074\xea\xb5\xce\xc6\x93'</t>
  </si>
  <si>
    <t>b'`\x83\xd8s\xcf\x8f\xef\xb2b\x1d\x12/\xe9\x13&lt;p}Td[\xb2&amp;\xacj\x19\x8ax\xe0\x16/\xc5z'</t>
  </si>
  <si>
    <t>b'[\x95\xe4\xc2\xe0Z_K\xec\xe4\xfe\xf1*\xcb3\x1ef\xba\xd6\xa2\x0e\x9a\xa9c\xeaM\xcc;\xeav}\xef'</t>
  </si>
  <si>
    <t>b'\x88\x0f\x9c\xad\xd4W\xc5\x8e\xfcA\xea$h\x1f\xbfh\x01\x94\x1bF\x10\xb1y\xe7\x13\x9d\x1b\xeb\xf8\x96$@'</t>
  </si>
  <si>
    <t>b'\x8c\xa3\xec\xe5\xaab\xd0\x14\xd4~\xd0\x83@g\xb4pzf6Q\x02\xad\xeeFz|\xcdu\xdc\xad\xeb@'</t>
  </si>
  <si>
    <t>b'h\xa2s\n)\xe4\x14\xc5\xfc,\xc5\xbb]hJ\xe3V\xb6\x12\x8f\x84\r\x18\xdcc\x16e/\xb2\xb0{\xd3'</t>
  </si>
  <si>
    <t>b'7)\xa3*%\xa02\x877c\x92\xaaJ\xd7l\xee\xd2\x08J~z]\\3A\xaf\x90\x0b\xc2$=\x8f'</t>
  </si>
  <si>
    <t>b'\x94 Q\xbb`\x1e.\x88zVz\x1d#\xb2\x08\xf5eRn\x8bAib(\xaa\x03U\xdf\xcbr\\\x85'</t>
  </si>
  <si>
    <t>b'_\x08f\x086Bh\xbfaZ\tH\x1f_&gt;\xad\xdd\x04\x86\x1f\xcd`\xe8)\xf5\xcfd\xb4xz&lt;\xe7'</t>
  </si>
  <si>
    <t>b'\xcc\xae\xb9\x9c{t\xd9\xeeK\xb4E\x9a\xb5\xe7\xcc\xcd\x8a\x9b\xde;\xb0\xfa\xc6a\xd1\xb5#\x05\x83t,\xac'</t>
  </si>
  <si>
    <t>b'\xe3\xf5\x9d\xdd\xa6q\xa2t\xd6\x7f\xbf\xc1\xb5\x02\xc4\xa4X\xf0\x92\x94\x91:v\x1dY\xb3\xbd\xbfD\xd9\xd9B'</t>
  </si>
  <si>
    <t>b"\xdd'\xbeX\xa3r\xbf\xf2\x1e\x19\xb0\x18\x06B\xe0\xda\x7f\x1c\xa2\xfaI\xb4\x01\x06\x90\x1e '\xb9\x11j\x86"</t>
  </si>
  <si>
    <t>b'z\x94\xf5\'\xc8%B\xe1d/YN\xbe\xdc\xbc\x83"3\x8arRN\xa1\xc1\xf39\x0b\xb2A\xe3\xb5\xe5'</t>
  </si>
  <si>
    <t>b'\xcd\xdc\xc6\xc7\xbe\xc3\xf3\x1bS\xb5\x0c#B\x8asF\xfa\xe1\xff\xf2F\xdb\x87\x07\x11\xb8\x16\xab\x04\x10\x7fv'</t>
  </si>
  <si>
    <t>b'|\xad\xc1F\x87\xc6%\xfb&lt;\xd5e\xd3\xb3\x96\x8cM\xd7\xea\xbeJ0P\x99\xfd\xbd\x05\x83;\x99\xc7NK'</t>
  </si>
  <si>
    <t>b"Dc\t\xb6\x05\xf7\xf3\x86oE\xff\x95\xdah.\xf4T\xec\x9d\xaf\x9a\xe9\x19'\x87\x17\xf2\x84I\xcf\xbd\xeb"</t>
  </si>
  <si>
    <t>b'X\x9b\x14~%\xbb\x17\x89\xcc\xf3\xbb\xb2\x19}c;@\xaewK\xa3,[\xbd\x12m\x04\xa9\xae\x0f\x10\xcc'</t>
  </si>
  <si>
    <t>b"\x7fa\x84\x92'N\x11e\x16\xda\xe6\x1a\x81\xe7\xb3\x9b\x98\x1cN\x88z\xc3\x1e\x1e\xd3\xcc\xdf\xef\xa7\xd4m\t"</t>
  </si>
  <si>
    <t>b'\x82XV#~m\xa6\x9d&gt;\x87\xee\x04\x96\xc5\x84P=\no\x1d\xae\xdc\x9ei\x83\xcf\xf2h\xb3\x98\xb1\x08'</t>
  </si>
  <si>
    <t>b"\xb2*\xcc\x85\xeb\xb9';\x89j\xcd=J\xef7\xea\xc7V\xf5\xafq\xe6\xc0s8\x82\xd5(\xf0\xd0\x00\x08"</t>
  </si>
  <si>
    <t>b'\xf3R\x11\x04\x90d..wB\xf5Z\x93@\xc2)i\xcb\xde\xec \xc8c\xedx\xcd\x93H|N\xe1D'</t>
  </si>
  <si>
    <t>b'\x8c\x03\x89\x9d\xa8\x07+\x9f;\xd7\xce\xae\xa4\xfaP\xb1SC#B8\x9b\x9f\x94\xad\xa9C\xba\xdc\xbd\xbd!'</t>
  </si>
  <si>
    <t>b'f\xb8q.\x82\\o\x003\x90.\x8f\xb1RJ_S\x98Rve#\x16\xad\xee\xc3\xc6!_\x17\xab\xec'</t>
  </si>
  <si>
    <t>b'\xcfis\x13%\xacq;\x9f\xb4\x99\x10V\x12\x13/cg\x9eb\xa1\x10.\x03\xd4\x9f\xf8cE\xa9w\xa1'</t>
  </si>
  <si>
    <t>b'\xb0\xe8\x17,\x01\xc0\xcdJT%\xa6\xf8{*/\xe9\x1f\xa3q~\xd9s\x85\xbf^\x00t\x80\x02\xd7\x88)'</t>
  </si>
  <si>
    <t>b'\x19+\xf0\xd5\x1c\x86\xa5j\x9aY\xbe\xa4\x1bxj/\xc0\xce\xed\xcc\xbc\xeci\xf0C\xd7\xdc\x1b\x9b"\x15\x86'</t>
  </si>
  <si>
    <t>b'\xa4\xd2\xde\xf4\x0e\xd6\xf0\xa3\xdcA\x8b\x8aMN\x9c\xaa\x18\xcd\xcf\x07\xb1J\xb1$0\xe8|\x7fCw\x18G'</t>
  </si>
  <si>
    <t>b':\x08\x8d\x1e\xfd&gt;\xc1W\x88\xcc\xc1\x19\xad\x8b\xbf@\xb1\x02`p\x0c)\x17\xc1x)\x16q\xa0\xa0\xae+'</t>
  </si>
  <si>
    <t>b'\xc9\xdc\x16\n\x9fX\x03\xe1pH\x08\xe7\x9f\xe6h\x04\x11\x9bZ7d\x1e2\xc7\xef\xd2\x1d1\xdc\x99\xc6w'</t>
  </si>
  <si>
    <t>b'K\xd5\xf2K\x91$\x0et\xdf\xf5 \xd7\xd9\x07Q$\xa0\x8d\x07\xcd\x03\x07Sqv1\xaa\x9b\x07\x89\xbb\xed'</t>
  </si>
  <si>
    <t>b"\x97A\xd1+\xc8\x9d{.\xf9\x14'B\xc0\x10\xbf\xf2\xb3X0p\x82\x0b+\xa4\xc0\xed-\xb3\xcb\xef\x91\x9e"</t>
  </si>
  <si>
    <t>b'\x1f (X\xfdu\x8b\xd4\x01\x91\xbf\xa7\xcb\xb45\x9aZ\xa5\x83\xd2N\xa9E\x90\xf7?\xda\x11\xc5\xfa\x9at'</t>
  </si>
  <si>
    <t>b'F`#\xd9\x00*F\xb4&gt;V\xc6I\xc4\x9b\xeaQM\x11\xdbP5E\x0f\xd9o\xe3\x9f3\x13[\xa2*'</t>
  </si>
  <si>
    <t>b'Z\xe6\xc6\xea\xbb\x02\xd7\xa9}\xa6\xd5\xf3\x8a!\xcf\x99\t\x8cl\xbf\x9bO\xd8\xf8I\x83\xaa\x9e\x10\xa0\xd4\x81'</t>
  </si>
  <si>
    <t>b'5\x9d\xa3\xa4\xb1E\xad(\xd5\x9a\x16\xd9I\x01a\xf6\x83J\x92\xf3(o\x13\xc1\xe3qR\xae\t?\xe7Z'</t>
  </si>
  <si>
    <t>b'\x7f\xf7\x9e\x17Q\t@Tq\xa0$\x05HH\xd4\xa77\x05T\xf9&lt;\xb1\x19`\xb1\xba\xc1\xc6\x01`S\x98'</t>
  </si>
  <si>
    <t>b'\xa8\xd4`\r\x0c\xb2UU\xe7\xd5\xe0]\xad\x9ai\x83\xb3N\xb3\xac\x87\x97"1Q\xf1\xf3\xa1\xaf\x93&gt;:'</t>
  </si>
  <si>
    <t>b'@\xb2\xaa\x9a\xda\x82\x19=\xf6\x97\xf8\x833u\xe7K\x02 \xb0\xce3\xb3\xe7J\x85\xa2,Sc)}/'</t>
  </si>
  <si>
    <t>b'i\xb7\xb6q\xf1\xf6\x9bW\xd9\x96\xf99\x93\xb1\xa1\xdd\x19#\xed\x01\x03\xe0\xf3\xd6M\x7f\x12b\x12V\xf7\x84'</t>
  </si>
  <si>
    <t>b'\xe4\xc5\xd5*TsbZ\x1f/r{\xbc)\x9aaz\xbf{\x8abIRgT/\ni\xe9\xae\xa3q'</t>
  </si>
  <si>
    <t>b'h\x91t\xd3(\xebDq\xf8{\xb8$u\xa6-\x886\x91\xe9\xf2\xbdh\xa6\x17\xdc\xcec\xe6j\xa1\xee\x9c'</t>
  </si>
  <si>
    <t>b' \x8fp\xad\xc0w\xc5J\xc2Aj\xdf\xcf\xd1(\xda\xe7vXt}HEhI\xe8t\xb62\x88\xb8\xa3'</t>
  </si>
  <si>
    <t>b'\x1as[\xe9\xae\xfc4\x8e\xea\x9fEe2\xf6$\xa2\xec\xea\xee\xc8\xef?\x81t@\x9d17\xfb\x8fVV'</t>
  </si>
  <si>
    <t>b"\x91[MR\xcf\xe5J4\xd6?\xf3\xbb\xb3'\xb08\xe6%\xc0\t\xa85\xc6\xe9\x92\xcd\x1f7\xb6\xed\x95\xf7"</t>
  </si>
  <si>
    <t>b'\x88\xe0c\x80\xfb\xda\x07\x8fE\x03\x89\x89\x01X-\xca&lt;\xc2\xb3\xe5\x06s\xb9/\xd7\xc0v\xc6\xd7\x8b\x99\xd3'</t>
  </si>
  <si>
    <t>b'9\xa4\x960\n\x17\xb0\xcd\x87E\x9d\xdb\xf1\x18@\xeb\xb5pu\x9f\xaa}\xc3\xff\x940\xb8-/K\x91\xbc'</t>
  </si>
  <si>
    <t>b'\xd6\x05\x85t\xae\xaa\x1d\xcf\x93\xfb6\xc5\xe6\xe4\xb2\xad\x1f\xa1\xe9P\x06\x1b\xe3\x0b\x02\xbb\xee\x96D.K\xdb'</t>
  </si>
  <si>
    <t>b'mS2\x82\xb0\xef\xc3\x1c\xc8\xfb\x17\xf0\x0c\x13\xeb\t6\xec\xaf!J\x83\xcf\xa8\xbd\xa9N\x18\x0bl\xa8\xf6'</t>
  </si>
  <si>
    <t>b'\x7f\x88OE\xe0\x83\xa0\t\xe5\xcfk\xf7\x98,\x934;\xf5\xb1\x19\x05\x0be\xd8A\x19\xa2\xc4\xf7\xd0\xcb\xc1'</t>
  </si>
  <si>
    <t>b"P\xa5\xff\xb1~k\x9e\xa2\xc1\x9c\xf0'\x89q\x05\xff\x96U\x9az`\xaayYe%G\x97\x03%\x13%"</t>
  </si>
  <si>
    <t>b'\xf2\xda"U\xb2\x8dz\xb7\xd1\xb3\xa1\x81\xbdA\xa6\n\x97\xa7\nZ\xb8x&lt;\x07|8"\x8c\xc1\xaf8\x18'</t>
  </si>
  <si>
    <t>b'Br\xabp\xd6T\xd1\x83\xf8\x8bA\xdf\xa5Vc\xd3\x15M\x89\xbegT,s*U\xf0\x8f\x1e\ri\x0e'</t>
  </si>
  <si>
    <t>b'8?\xc0\xc0\xd2\x9f\xea\xe8\x10P\xc9\xb0\x01J\x91\xa5\xb4\x9a\xe43\xd7\xf6\xbf\x9afS\n4&gt;\xb4fQ'</t>
  </si>
  <si>
    <t>b'\xcf\xc0\x16I\x96Y\x7f((:\xca\xdeu\x93_\xec:\x11W\xf7"\xa5\xc8\x10*0\xad\xcd\xcfR\xa1\xe6'</t>
  </si>
  <si>
    <t>b'Q\xe1\xc0z5\xb5k\x16~\xb6F \xaa\xe2X\xdfv\xcf&lt;C\xf33h\xae\xc0\xe3 @\xd41\x1f\x8f'</t>
  </si>
  <si>
    <t>b'L\xd5\xe2q\x06\xed\xe4\x91\x19\xeb\xc5\xcc\x7f\xc0\xbd\xc6\x93LM\x16Q~\x94P\xa7\xb0k\xc1\x9b\xec\xf6('</t>
  </si>
  <si>
    <t>b'f\xe9\xeb?}b\xda\xadD\x14A\xfc\x9f\xfc\xd2cA=\x9d\xf1W\xa6\xa6\xac\x80\xde\x18\xff\xc4\xc8\xdb\x7f'</t>
  </si>
  <si>
    <t>b'#Y\t\'\n@"\x83\xe14\xfag\xd5\xdd{\xc8\xf0\xc6\xeb:\x17.\xe9&gt;k\x99\x93\x19\xbd\xa3\xdd\xf3'</t>
  </si>
  <si>
    <t>b'\xefh\x0f\xd6\xb8\x08\x89k\xc4\x15\xad\x921\xa5\x0fA\xa6M\xaa\x07\xc9\x88\xd7\x9f_\xc4\xf5`\xf3\xd2\x8a\xa2'</t>
  </si>
  <si>
    <t>b';x\x1aV\xbe\xb7\xe1\x14\xde\x1d\x15\x8c.M\xa2\xe9\x80_L\xaf\xccM\x88\xf2\xdc\xe9R\x14\x93r_|'</t>
  </si>
  <si>
    <t>b'\x13@\xe8l\xff\xdaF/2\xb1\x97XY\xe7\xa7\xa1\xd6#\x15\xb9 *9\x96\xb1;\nz\xd8Vv\xe6'</t>
  </si>
  <si>
    <t>b'\xaf*7\xfd6\x86\xc1\x81Xk\xa4[\xab\xe2dp\xc7\xd0\x8aO\x80}\x9cpu\xe5\x96\xb4\xe1\xb7&amp;T'</t>
  </si>
  <si>
    <t>b'\xeb\x08&lt;O\xc9\x0e\xb9\x18\x8b\xd6\xcdf[/v\r\x10\xbb\x94\xa7I\xe8\x89\xe8\xe4\x1b\xe6\xe0\xce\x03\xf3/'</t>
  </si>
  <si>
    <t>b'2\xfb]t1\x0e\xd5\xfbC\x0c\x85R\x99#\re\xc7\n\xa0\x08\xba\xb7\r\xefL\x0f\x04\xfa\x99\xba\xb8\xa7'</t>
  </si>
  <si>
    <t>b'\x96|l\xe9\x8eV$\x91\xdb\xc0e\xd0o\xfd\x02N4"\x82@\xbb\x86\x8aV\xd8\x1c\xbe!\x11\xbf\x8f\x0f'</t>
  </si>
  <si>
    <t>b"\x1f\xf5.\xcb{y\xf0?X\xccPf\xca\x06\xdf\xda\xa5\xa8\x05O\x80'\x86\x06\xd6v\xb5\xbe\xd9\xads="</t>
  </si>
  <si>
    <t>b'\xd1m\x82\x04\x08\x1e\xd7M\xbc\xfe\xec_\xd6\x97\xc4\xeeb\x08\xfd\x977\t%Cs"m\x99\x91\xb7RY'</t>
  </si>
  <si>
    <t>b'\x1c?\xaa&gt;\xb8\xe6\x97\xc4\x89kC\x8c\x17\xb7,L\x8d7\x8bL\xa1\xf4\xb2\xa8\xf8\x0eYh\xe2\xcd\xbb\xa7'</t>
  </si>
  <si>
    <t>b'\xea\xca\xce\xbf\xed\x9a[\x06\xfc?\x91\x82\x96\xed\x9e4\x9e\xe0~U\x12\xf3\xab9?\xd2I9.\x0fT\xd3'</t>
  </si>
  <si>
    <t>b'\xc6TiM^\xc4\xe0x\t!\xbd\xaa\xea\xd0u!\x19\xbfd&amp;\xdb\x93\xf2f:\xa3\xf9\xdab\xb0\x91$'</t>
  </si>
  <si>
    <t>b'\x93\xea\x13Q\xb63\xa2SER5:\t\x9afT\x93\xf8\xeei\xdfm\x98\xa2@P\x99\x1e\x9a\x0cg\x16'</t>
  </si>
  <si>
    <t>b'\xce\x012E\xa8\xbb\xa2d\x8c\x96\xf7X\x9eK\xfdU&gt;\xeca2\x86IL\xbe\xf81n\x91\xba\x82B:'</t>
  </si>
  <si>
    <t>b'\x86\xf7(\x19\x9bT\xac\x9e\xc4\xd4\xe0\x16\x04\x1c\xe8\xa1\xcal\xca\xf1DJG\xda\xd8\xd5\xb9\x7f&amp;7\xbc2'</t>
  </si>
  <si>
    <t>b'\xee\xcc\\\xea0\xcd\xcb\xa3\xb8\xc9\x93l:\x86\xecj\xf9\x86\t\xe15/\x10\x94\xe2p!\x9c\xb7\x93\x04u'</t>
  </si>
  <si>
    <t>b'\xa9\x97\x8f\xc8dJ\xbc\xeb3\x85\x82\xadr,\xf1\xdb\xe5\xa3l\x9e\xb0\x0b\x908\xa6R\xa6Bud&gt;\x90'</t>
  </si>
  <si>
    <t>b'\x93\xb1\x94F\xd7\x9b\xc7r\x8c\x12\xafx\xd1&gt;o\x97]\xaf\x97\x87\xf0\x87\x93]P\xd1&lt;\xf6\x1c\x0e\xc9\xb9'</t>
  </si>
  <si>
    <t>b'\x15\xa1\xc9\x05)\xc0v\xab3\xd4ojn\xec\xea\xa53y0\xad3^\xce\xf6\xba"z\xdfuU\xc4\xcd'</t>
  </si>
  <si>
    <t>b'\xfe7\x14a\xd4 \xa4\x9b\x8f\xca"A\xca\xc8\xb6\xe1\xdc\xedL\xd5\xbbj\xd7)U\x9e\xebK\\\xe2\x1dB'</t>
  </si>
  <si>
    <t>b'\xa6\xc1*/W\xa0H\xef`\xfb\x86\xd2\x99\xd4b\xdb\xac\xc5I\xbb\x07\x85l\xdf}O\xbdTW1\x82\x08'</t>
  </si>
  <si>
    <t>b'\xbd\x88\x97-\x94\xbf*O\xf6^ovwZ\xc4\xbe"\x02N\xd6`\xe6\xf6V\x98/\xb7\xa3\xb3AY\xdb'</t>
  </si>
  <si>
    <t>b'\xe2\xa4\xf3\xa3e\xf3(lp\x1a\x89\xdf\xbc\x9a\xc7\x07\x8a\x13\x95\xdb]\xbd\x97\xbd\x1e\xdcwt\xd62%\xaa'</t>
  </si>
  <si>
    <t>b'\x08Y\xdd\xd5|D$\xa8\r\xb6\xd3(\x94a\xa1\x7f\xa0J^\xbf\xc5O1\t\x8c\x8bz\xe81 \xe0e'</t>
  </si>
  <si>
    <t>b'-\xd0r\xda\xa5\x9a\xf8E\x0e#\xd2`H\xf3\x07\xd8sf\xc0Y\x9aDo\rc=\xafJ\xc6\x12\xd4\xca'</t>
  </si>
  <si>
    <t>b'\xb3\xc7\x1ds\xd8r\x0f\x93\xba\x0emP\x13z*xk\xa1\x9a!\\K}\x9a\x045\xca:/N\xe5Z'</t>
  </si>
  <si>
    <t>b'q\x16\xbdK\\\xad\x844\xf9\xb2^\xbc\xf7\x81\x8f3P\xd0\xf7\x15\xef\x11\xaaF\xcc\xd3\xc2?\xb2Yp\x82'</t>
  </si>
  <si>
    <t>b'\xed\xe3\xd7\x9dz\xfc\xd14z\x84\x02$\xd6\xb0\r\xfc"\xeb`\x8aK\x1d\x94n\x14\xdetv1\xa6\x7f\xc7'</t>
  </si>
  <si>
    <t>b"\xcc\xdc\x9bE.BR\x9f&lt;wZ\xb9v\x0b=h\xb7\xa4~t\xf5\xb9Ku'@\xc94|\x1d\x18:"</t>
  </si>
  <si>
    <t>b'\x81TpU\x13\n\xd9\xeb\xb9\xbas\x95C\xad\xa4\xbd\xef\xc6\xef\x03\x96&lt;\xa7x\x82G\x9ajB\xac\xdb\xb7'</t>
  </si>
  <si>
    <t>b'x\x11\xf7y\xaefp\xcb\xb4\xdf\xb8\x98\xe1\x85\xc0l\x1e\xaa\x03\x88hqrG\xda\x0c\xa8\xbd\xc7\x87\x08\xc3'</t>
  </si>
  <si>
    <t>b'i\xc4\x93\xdd\xe6\x0cn\xdd\xaa\x1b\x94\x93}F\xad\xf5:\xd7m\x1a\xb3\xc3\x81W&amp;\xc5\xe9?8\x97\xf3I'</t>
  </si>
  <si>
    <t>b"='\xaf\xef\xb6\xe1!\x06\xf1\xc8,\x1e\xe3\xb2\xde\x00\xc3y\xee8\x18\xd9\xd7\xed:\xa2\xdaj\xd6\xed\xea1"</t>
  </si>
  <si>
    <t>b'\xe5P\xf4\xe8\xf4\xcb\xdd\x978\ro0\xe9r\x9f\xed@\xe7\x9e\xc2\xc6\t\xfas\x0c\xf1\xfav?u1\x85'</t>
  </si>
  <si>
    <t>b'\xac\xed\xf4\x8c\xc1\xd5+\xd6\xe6\nW\xf4\x07py\xe0\xadg\xaez@\x18&amp;c`\x86\xfd\x99~b\x05('</t>
  </si>
  <si>
    <t>b'\xb4\xe6\x83B\x884\x8c\xe1dg\xa8\xb1 \xdb\x83z\x0c\r\xe2Vv&lt;\x82dI\xc2\xcf\xf3\xd6\\\tF'</t>
  </si>
  <si>
    <t>b'\xe1\xb7\xf8\x8c\x143\xd5T\xf7+so\xcd\xb2\xa5`\xdd&gt;\xdao\xd0\xd6\x06\xc0\x82\xdd1w\x1b3\x8b\xbc'</t>
  </si>
  <si>
    <t>b'M\xfa\xcd\x16\xe6\x9c\xed`\x80\xa0\x10\xa5\x80\xcfi\xf0qd\xb8\xabJO\xa7;\xc6\r\xa64\x99v\xee\xde'</t>
  </si>
  <si>
    <t>b'-\x03(\x9a\x8a[\xe0\x9c\x0e$&lt;}r\x86\x0f\x1e\xef\x87\rdFo=\xb5\x17\x9a\x141\xfe?\xc7\xec'</t>
  </si>
  <si>
    <t>b'\xb1w\n]8[3\x13\x03\x93\xe5\x07^\x0ci\x0e%\xc8\xbf\x97j\xf1\xe3l\xda\x86\x1f\x1e&amp;v\x97\x95'</t>
  </si>
  <si>
    <t>b'\xb6\x84/\xfe\x7f\xae\xef\xaf\x7f\xcd\x82\x1e\xc8\xfas\xce\x17\xd8f\xbd\xeb\xf0z\xfciO\xa0`\x17\x8f\xaf\t'</t>
  </si>
  <si>
    <t>b"'\xc2z\x91\x17\xc0,bU\xcaq{\xbal\x7fT^:8Y.\x87\xf2\x9a\xcb\r\xd0C\xd9\xbd\xffk"</t>
  </si>
  <si>
    <t>b'\xd7oH\x1d%\x15(\x17\xdc\x1bm\xc2\xce\x9c\x0b\x15\x7fR\xe3\xa4\xe1auS\x86&gt;TLYS\xe5\x98'</t>
  </si>
  <si>
    <t>b'xK\xbb:\x19yL\x90\x82-\xf1\x1b\xb8\xfd\xd2@\x16\x9f\x05\xc8+\xc8B\x9a\xf6\xda\xae7-\xb3\x98\n'</t>
  </si>
  <si>
    <t>b'\xda\xf0w\xd6\xc5\xe9\xd8`LV\x89\xe3\x0b\xbc\x9b7\xef\x11\x10\x89\x05B0\x11Y&gt;\xae[\x11om\xa9'</t>
  </si>
  <si>
    <t>b'vl$\x8f\x08\xaf\x83Xm\xb7}\xab\xfd,#-\xd1B\xc6\x1a_\xab\x80\xfa\xee\xe3?\xdeyW\xd3F'</t>
  </si>
  <si>
    <t>b'\x9b\xb08\x13v\x9b\xdd\xa8E\x10\xa3\xb6\xebN\x89\x93\\\x91Yz\x00 \xcf\xec\xe8\x8f\xa8\\{\xa9!\xc7'</t>
  </si>
  <si>
    <t>b'\x9co\xcd%8\xc0\tl\x14\x9c\x17a=\xcd\xffb\xa2q\x96\xa46\x80\xe6\xff\x19\x0bX\xdc\xb5\xebda'</t>
  </si>
  <si>
    <t>b'A\xeb\xf6\xbc\xa3Nj\xe4ad\x91`\x16\xf2\x97\xf2\x11\xc6;(mL-\x99\xa1O\xb9\xcd\xbd\x9b\x97\xe8'</t>
  </si>
  <si>
    <t>b'\x08\xd9\xf3w\x12\xd5NM\xa8\xe2\x8f\x1d\x0fO\x14\x8912\x96\x1e\x1dR\x19\x0e\x87\xcee[\x99\xee\xedU'</t>
  </si>
  <si>
    <t>b'\xc5\xb3\xd8P\xfa\xbdF\x9fiXC\xb1\x1c?\x86\x84X\xb6\xa0\xd0{\x1d\xc5\xd7\xd324\xf1\xb7\r\x03\xd0'</t>
  </si>
  <si>
    <t>b'j\xb0\xd6\x92u\x8cY\\s\x1f\x93Qz/\xca\x07\xfd\x83\x18\x88\x98\xef\xef\xec\x9fJ\x1c$\xc2\xfd\xae\n'</t>
  </si>
  <si>
    <t>b'CA\xd9S\x02\x826L\x0f~\x8f\x8d]Q\x02F\xf7R\x01\xfe\xffB\xd6\xfci\xf0\xa9!\x8e\x81\xfb\xe9'</t>
  </si>
  <si>
    <t>b'\xa30N\xb2\xe1\x8d\xbe\xdeA\xc9\x14&amp;\xd8!i\xe7f\\\x98\x802\xd8%L\xd1\x87\xb4\xb8j/\x0cD'</t>
  </si>
  <si>
    <t>b'\xe28\x95\xde\x0c1E\xc68\x00\x87\x9cJ\xba$\xad\x1f\xa4\x84\xadO\xfa\xeb\x85\xd2\xf7\tU\xf0\xad\xb0\xdc'</t>
  </si>
  <si>
    <t>b'\xd0\x89\xbf?\xe50\x9f\xdd,\xfd\xdbC\x10\xe6|s\xcf\xdc\x00i\xfa\x9d\xa4\x90\x8b5\x0fp\x9d(\x8b\x12'</t>
  </si>
  <si>
    <t>b'q\xacQ\xd5\xa3\x1c+\x87\xca\xba\xe0\xeeY\xd4\xd5\x97\x1c\xc4l\xef\xa6h\xcc\x1ej@%$\x99\x18\xe1\xb6'</t>
  </si>
  <si>
    <t>b"\x9b&gt;\x90\x81\xc3\x9f\xc6[oy\x84\xc6\xab\x1a\xee\x9c\xb5'\x14\xc5\xc5E\xe7p(%\xbfN+\xc8\x06\x8f"</t>
  </si>
  <si>
    <t>b'\xaf\xd3\xc6fa\xc1\x88_\xb5\xe5\xed\x95\xa7\xaf98}\xb9\xc8\xd2\xd6}\xb3z\x83\xd0\xd9\xaa\xaa\t\x1e\xe2'</t>
  </si>
  <si>
    <t>b'I^\xfe\xb6\x7f\xb6\x82N|\xbb\xb7\xc6\x8a\xbd^\x14\xea\xacs\xde$\xde\n\xe5\xf1X\xc7\xb5+\xa7\x8b\xfc'</t>
  </si>
  <si>
    <t>b'\xf6\x1a\xc8\xe0\x84\xb4\xe4\xa3Z)q\xd9\x94\x8c\xa5%66\x95\xc0\xa1\x8a\x853[(\xd7\xf8\n\xa1\n\xb6'</t>
  </si>
  <si>
    <t>b"\xe0'K]v\xb0T\xf0OA0\xc5\xceY\xf9G\xa4\xdeW-\xe2s\xf4\xd0\xef\xc0\xa6\xe29\xe8\x85}"</t>
  </si>
  <si>
    <t>b'\xd7a\xb6\x90\xd0\xff\xda\xdb\xad\xcdA\x1b\x8c\xa2\xcb\xa2\xdeaSw\x96\xa9\xe4\x07S\xb6\xc3Bb\x06\xd5Y'</t>
  </si>
  <si>
    <t>b'\xb2\xf1U\xa4\x1b&gt;\x93\x83v\xd3\xadZ\x02\xaeI\x9d\xfa\x18\xf8\x9bWP\x97\xba\xc7\xd19\xb8\x02Zf\xfa'</t>
  </si>
  <si>
    <t>b'\x19@&gt;\xde\xa7dB\x16\xee}{\x11\x06\x92\xa4\x96\x90`\x9c\xf4\xee\x14C\xa07\xa1\xe7#82\xc3\xca'</t>
  </si>
  <si>
    <t>b'\xb8\xfa\x0e\xf2\xa0\xf8\x9a\x8cBU\xec\x1a\x08,]\x9eW\xa0\x1b\xd3\nlj\x917tv\x9fJ2\xf8\xd2'</t>
  </si>
  <si>
    <t>b'\xd8\x13\xb5o\xcb\xb9\xd4\x0b\xbe\x14\xbb\xe6\x80\xa3\xc13D\xae\xa0\xfd$\xed\xfd\xa2\xef.\xae\x1a\x06\xa2\x15\x1b'</t>
  </si>
  <si>
    <t>b'p\x14\x11\xb3\xd6F\x8a-\x1e\x0b\xb8\xcbI\xa6\xad\xdc\xc7{G\xc7T\x00*\xdc\xd3\xb2\xff\x12R\xe6&lt;\xb2'</t>
  </si>
  <si>
    <t>b'$\x88\x16\xf5\xf7\x8al\xc3\xb5&lt;q\xd1\xc8\xdc}\xb3p\xc8,\x8b\xdf2\xe7@\xaf\x92\xe2\x02\x98S\xec\xa0'</t>
  </si>
  <si>
    <t>b"\xcc\xea\xad\xf2\x02\xca\xc8\xd6\xbc\xc9\xa2\xa4\xa4=\x05'\xb0Z\x99\xed\xfe\x1c\x14\x00\xfd\xfc\xf6Y\x13\x89CS"</t>
  </si>
  <si>
    <t>b'\xb8T\x97\xecu_\xb4\xa7\x1d\xcbK\x9a86\x94\x1a\\\xa4L\x16T\xcc5\x07\xb1Et\x89vPA\x97'</t>
  </si>
  <si>
    <t>b"\xfb\x1af\xb3\xef&gt;L0E7a]\xcd\x1e/{e\xb4\xd5\x03\xec'\xf6\x8fm\xea\x95\xbfK@ \xb8"</t>
  </si>
  <si>
    <t>b"S.\x8f\xe2\xbd\xd0W\x9b\x98\xe7\x87Kk\x98L4\x8a)}_\x1e\xfc\xd9\x9ct7\x11\x15\x0c'}t"</t>
  </si>
  <si>
    <t>b'\xaf7\xc2e\xc2\xe9\\\xbf\xb3\xbb\x9a\xcb\xf4\xb7s\xbf\x94{u\x00\x18&lt;\x1foo\xe4\xe0\xee\x01\xf5QY'</t>
  </si>
  <si>
    <t>b'\xeeZ,\xb6\xa4\x83\xce\xdd\x98wd$\xf5?\x8a\xa9\xe1\x1f\xfe\x1a\xb8c\x16\xec\xba\x9b]\x9b~\xbb\xaa\xf7'</t>
  </si>
  <si>
    <t>b'\xf7\x110\xcfi\xebj\xe0E2\xd6\xcb\xa26:\xf6\xe9\xb1q^\x1cO\x14\xf0\xaf\x11S\xb6\x10k@\xf1'</t>
  </si>
  <si>
    <t>b"\xaf\x91R\x9d\xfbr\xf6\x08k\xf9\xcc@\xad0\x9c\xad'\xfcE\\\xc6\x94\xfea\xcd\xc7x\t\x12$\x81\xd7"</t>
  </si>
  <si>
    <t>b'\xc11IWi\xb1\xf4F\xf2\x87{\t+\xa1\xa7w\xfdXO\x15\xf8\xa4\xeb\x84\xa1I\x114\xbf\xb0\x93%'</t>
  </si>
  <si>
    <t>b'\xb9\x9a\xc8|\xf6\xdf\x9fB\xb6\x0e\n\xb5\xfcZ\x82\x1f\xb0\xa4\x85\x86,Q\x90f=\xe2W\x94L\xf1*\xb0'</t>
  </si>
  <si>
    <t>b':\x8a\x1c\x13\xd3\x80U\x89\xbc\xff\xe6\xc9\xb8\xce\xce\xf3\x8d\\K\xbc\x7f\xd60\x96\xa7~\xc0\xb5\xd2\xf8\x93n'</t>
  </si>
  <si>
    <t>b'\xc1\x9c\xa3~Z\xe4B\x06\\\xc1\xb3\xd9k)}\x95\xda.&lt;\x05\x88\xb9=\xa8\xd6NX\xce\xd1\xd9A0'</t>
  </si>
  <si>
    <t>b'\t\x8e\xc5.\x1by\xa0!\xceW\xec\x9e|\x95\xd1G\xfd\x13\xe7\x9e\xca\xdfo\x0c\xd8\x8a\xf8\x18\x1e\xe0\xb8R'</t>
  </si>
  <si>
    <t>b'\x14z\xfd\xaf.\x8c\x0bH\xfb(~\x8dJ\xf7\xc32\x93\xdc\x7fw\x1ac\xb30\xd3\xda\xc3p6775'</t>
  </si>
  <si>
    <t>b'\xa7cu8}t\x8bN\xb1\xdc\xfcc\xa1\xc1\xc6\x18s"\x03\x95g%\x18 \x04BP\xb7b\x8d\xec\x87'</t>
  </si>
  <si>
    <t>b'\xdcp\x17`\xf6=\x80\xc3X\x8e\xd1\x0e\xee=\xfb{\x8f\xc1w\xa3\x81\x07jG\xbfVj\xc6a7\xdd\x8d'</t>
  </si>
  <si>
    <t>b'\xd4\xa2\x8b\xb4Eg\\\xd9\x87\x0e;\x9d\x8e\x9a\xbc\x01\xd1\xe3:w.p\x83\xa2\xdb\x86\x94\xcc\x83\x11\xd8\x81'</t>
  </si>
  <si>
    <t>b'r\xe6\xe2\x96\xb6\x12\xa5\t\xb3\xdfR\xc8\x1b\x96H\xf4\x84\x04x\xce\xb9\t\xef \x12\xd6\xe5\xb3G\x85.\xff'</t>
  </si>
  <si>
    <t>b'@\xf6\xbe\n\x84r8V\x84\xe55\xa8\x881:\xbf\xe9\xadT?_K\xf6\r\x92K\xf6V\xf2*\x00B'</t>
  </si>
  <si>
    <t>b'JC*\xc5\x8fD\x00\xf7I\x94M\xe5-/A\xe6Z=_\xb8\r\xaa#an\x02\xc8\xcdv\xe3Tb'</t>
  </si>
  <si>
    <t>b'\xa6\n/\xcb6\xf7|\x1c\x7f\xd1\xf1\x17\xff\xea\x9f\x064\xf2h\x04H\xc2\xf1K\xb6\xa4\xf9\xca\x98nQ\xc3'</t>
  </si>
  <si>
    <t>b'\xe9\xd1\x9d\xf9\xb2^\xa3\xee\xaa+|\x84o\x81\xe2:\xc6\x89\xcd\x85\x8e\xa2\xbd\xc1\xb9qV\x86g\xea+X'</t>
  </si>
  <si>
    <t>b'\\8\xa3\xd4\xbe\xf3\x048\xa6\x95\x90\x10\x91pG\x9aDt\xe5\x7f\xd6y5~V\x00U\\\x82\x01s\xca'</t>
  </si>
  <si>
    <t>b'\x02\xad\x0b\xcb\x1e\x19\xef\xbe\x8aC\xa0\xed\x94B6\\\xf7\xe9\x9d\xaf6\x8b\x9a\xd6\xcf\xe5\x06\xc7\xbc\xc4\xcdy'</t>
  </si>
  <si>
    <t>b'$\xdc\x1e\xee\xf5\xa9\x83X\xa9\xe1\x14\x1au`\xff\xe5L\xc2{Swn\x05\xcc,\x9a\x8e\n&amp;\x04\xad\xe1'</t>
  </si>
  <si>
    <t>b'\x1c\x0fs6\xc5\xb2t\xe9\xf6\t\x8dbk\xbe\x11\xa2\xcf\xed\xef\xd2\xc0;%\xb6\xdfPN\x8c\xb7\xed-\x94'</t>
  </si>
  <si>
    <t>b'f\xff\xcc,\xb8\x95\x9c\x146\xd8\xe1k\x059\xadP\xad\xc8\x97F\xbad\xa8\xc9a\x11_\xa0 v/c'</t>
  </si>
  <si>
    <t>b'\x8b\xe6\xf4\x84\xb1\xdefc\xf6\xa1V\xdd\xde\x0319\xf8\xf2\xf7T;\x81\x11\xe7\xa4k\xba\x84\xb0[t\x9d'</t>
  </si>
  <si>
    <t>b"\x011S.O\xb0\x7f\x04n\xda'8\xac\x86\x17'\xc6\xbf\xc4\xfe\xf9\x0b\xbf\tp\xc5\x9cz\xae_\x7f\x08"</t>
  </si>
  <si>
    <t>b'\xadL\xa6\x16\xa5\x01\x16\xc8\xe8\xa2\xaf\x94\x12\x16\x1b\xfaXT\x19\x16\xf4%\x13P\x16\xa3\xe7\x8e\x12Q\xa4}'</t>
  </si>
  <si>
    <t>b'\x1a\x80\xfb\x99\x9a?)\xfePZ\xd6\x83{g\xe6;\xd6\x97\x1d\x7f/\x00\x12\x8a&gt;\x88[\x92\x83\xdd\xba\x1c'</t>
  </si>
  <si>
    <t>b'L\x92\xec\x12\xc5\x9f\x13\xbf\xc7r5\xaan\xd8X\xf6U\x9aA9\xf7\xe4L\xe5*\xb5\xb5\xc8\xb1&lt;pQ'</t>
  </si>
  <si>
    <t>b"\rP\xec\xf0\xfeu\x04\xfauh\xf9w1G\\\xa8O\n\x7f.{.\x9e\x8f'\xcd%\x15R\xb5Z9"</t>
  </si>
  <si>
    <t>b'\x14\x99\x18Ko*\xe9\x93y\xaf\x1e\x8ec\xf4\x128\xb2K\x98\xdeW\xfa\xe0|\xe7\xee\xdf\x06\xa4vPW'</t>
  </si>
  <si>
    <t>b'\xe7\x19\xe8\xec\xb1\xbf\xee\xd8\xb7\xea\xc4\x7fQ\xd4\xfb\xbb\xee\xc6l\xec\xe6:~\x17\xa0\x1e\xf2$\xafF\x00\x1e'</t>
  </si>
  <si>
    <t>b'\xee#\xb3\x80\x00R\xa4=\xfb\x8c\x86\xe1e\x1a\xc2}\x17%\xa2~\x8dg\xd1\xfb\x846\xf7\xb3)\xd1&lt;\x93'</t>
  </si>
  <si>
    <t>b'\xb2\xf1\x0b&amp;\xb8;\x12^\xdeo\xdeA&amp;\x15\x93\xc3\xcba\xab\x1a?&lt;\xa0\xcb\x03\xdda\x172\xe4Y\xfb'</t>
  </si>
  <si>
    <t>b'O\x89+\xc4\xb3\xe6\xbd\x02\xe2\x8b\x11{\xb0\xdb\x87\x16\xeb\x03!\xe3t\xc7 \xb0\xa34\xaa\xb5\x1a\x7fjn'</t>
  </si>
  <si>
    <t>b'R\xcf:\xc0^\xee\xaa\xb5\x8cj\xbe\x04G$\xdd{\xd4\x1d\x86.\xce/0E\xb2 \xcc\x80\x04\x04@.'</t>
  </si>
  <si>
    <t>b'\x86\xb9$F\xaa}\xaeP\xccW]\x8f"\xdf\xfa&amp;\xdd\x13\xd5I!\xa2\x97\x1e\xa4\x88\xe0\xb9y#5E'</t>
  </si>
  <si>
    <t>b'\xd5\x8a\xaf"\x97I?q\xc3\xed\xbd\xc3\xb4\xa2+\xb8(\xca\xcc8\xf3\x1fB\xa1\xef\x0b\xef\x85\x08\xdd\xe1\xf0'</t>
  </si>
  <si>
    <t>b'[\x13\x03\xb1\x8fq\xe0\x83\x9e\x1c?\xd5a\x8d\x10T\xaa\xa6X\x95(\x94\xcbY\xf5L6R\xa5\x97\xaa\x9f'</t>
  </si>
  <si>
    <t>b"'\x99S\x839\xddQ\xe8.\xef&lt;\tMx\xb4\xdf\xcdYT\xe7\xeb\x0e\x17j#\xdd\xc8\xc2\xc9(\xf2\x9f"</t>
  </si>
  <si>
    <t>b'\x18f\xe4o\x1e\xb4\x894\x1e\xda\xa9\xcam\xb3\xec\x10Q\xf41\xc1\x12E&amp;\x81I\x90\xf6v\x0f\xa3&lt;\xd4'</t>
  </si>
  <si>
    <t>b'8{E\xba9\x11\x02\xb7\x95,(\xfd\xeaND\xb7#\xe3P\xa1Wg\x89\x80\x1bY4\xaf\x96\xe3\xfd\t'</t>
  </si>
  <si>
    <t>b'\xf8;\x10\x02\xf8/\x7f.\x12\x19VET\x84\xc60M\xb6\xa3\xeet\\\xb29\x84P\x11\x80\xc9\xc9\xff\x80'</t>
  </si>
  <si>
    <t>b'\x07\x08\xba\x9e\x9b\x04\xf0c?u\xf6z\xdf;\x9a\xdf\xeb\x84j\xf2\x12q\x19\x8f\x05E\x86J\x8bu\xd0\xa2'</t>
  </si>
  <si>
    <t>b'oQ\xb62vL\xc5f\xd7\xb4sWl\xf2fu\xd1\x8b+3\x0fs\x15x\xf1\xff}B\x95\xdd\xf9D'</t>
  </si>
  <si>
    <t>b'W\x0e\xed\x9b`pf\x08^\x8d\xca\xcf\n\xab\xd8\x8d\xa9T\xc4\\\xab\x8atb\xe4\xa7u\xe0&lt;\xff\xe5\xfe'</t>
  </si>
  <si>
    <t>b'-\x93\x07"\xc7\xe0\x83\xa4\x0f\xe0\x19*\xfbd\xfcq\xbc\xd1v%\xf0\x93#S\xd7&amp;\xf4\xe5\xe68\xdc\xdd'</t>
  </si>
  <si>
    <t>b'8H\xa2\x8a\xca\x80\xcf\x086@\xe0\xa3\xf3 ?\x91\xcd7\x8e\xc3g\x17\x83I7\x04\xb4"\xb8\xf7\x8e\n'</t>
  </si>
  <si>
    <t>b'0\xa3\xa2\xa6O\x18;\xfc~\x8ev\x163\x81\x02"l\x98-\xc9\x0cV(d\xbc\x85\xbc\xea""\xbf\x98'</t>
  </si>
  <si>
    <t>b'\x9d\x9bP\x97\xabB\xce\xac\xfa\x03\xd3\xd02]G\r\xb8\x06Fxt[[{\x7f\xe2yN\x96i6\xe9'</t>
  </si>
  <si>
    <t>b'\xef\x9a\x95\xee\xd9\xaa}B\x02H:4\xcb\x7f\xc2&lt;\x8aI\x8b\x01,\x1a\xd8?u\x88X\x0f\x9a\xef]%'</t>
  </si>
  <si>
    <t>b'\x1a\x16\xcd\xd7K\xe7\xbdz\x84\xe8\x8c`\x91\xf8\r\x96\xd6\xbf\xa3yG\x92r\x91\xbc\x9e\xbf[H\x1e\xa6\xa7'</t>
  </si>
  <si>
    <t>b'\x92\x17\x1f]\x0bEF3\x8c%\x10\x8e\x84\xebsF\xd9\x0f\xc6\xfe,w\xbb\x9f\x078\xa9\xb1 1\xdf\xdc'</t>
  </si>
  <si>
    <t>b'~)\xf7+\xa8\xd8\xf2\xe5r\xbf\x03\x1c\xea\xa7\xb8,pj\x11[&gt;\xba1)\x86\x12-\x9f\x81\xf1\xf4\xf6'</t>
  </si>
  <si>
    <t>b"d\x02\xea4!7\xd3\x18\xed\xfa\xa5\xad\xb1\xf1\x834\xca\x16`\xd8\x82SJ\x1e\xbc\x9a\xe9'o$\x93\xae"</t>
  </si>
  <si>
    <t>b'b\xae\xfa-g\xad\xe9\xb1\xca\x9b%\x9a\xa0%1UC\x13\x1f\x8c\x93\xf5\xd1k0\x95L{\x94\x0e\\G'</t>
  </si>
  <si>
    <t>b'\xfaZ4\xa9Z\x13Y\xc0,\xf4\xf4\x8c\xacj\xbb\xc0\xe9\xd2\xcc\x83\xa7IF\xd4+r\xf4\xa2\xd3nR0'</t>
  </si>
  <si>
    <t>b"\x89Z\x86\xd5'\xaerv\x81\xe8\x08\xdb\xca\xa5Yn~\xf9\xa8B\xa0\n\x80\xbd\xc4\x03Q\xd0;\x96S\x94"</t>
  </si>
  <si>
    <t>b'\xfa\xef\xcc\xcbM\t\x96\x13\xfb\x13\xa8\xa0{\x1f\x81\xb1\x13\xf8\x80\x0f\xa4\x1a)\xfb\xf3\x9bs\xb5{\xc0C\x91'</t>
  </si>
  <si>
    <t>b'\xa1\x94kT\x89\xc7\xd4\x93\xa3\x9f\xe6\x02\x9eK\xfc\xa1\xdd\x90\xfc\nM$\x8d\xe6\xbb\x9f\x8a\xef\xd7%\xc5^'</t>
  </si>
  <si>
    <t>b'\x82\x18\xdd\x96f\x03,\x8f\xff\x99\xeb/\xe7\xbf\xcbO\xbb\xdb\x1a\xcf[\x9aK\xf6p\x89\x94\x99\xae\xc7q8'</t>
  </si>
  <si>
    <t>b'\xd1\xbe\xc4\xb7d\xa7\x1e\xfb6^\xd8\x8ayv\xf2-#\xcbY\x18\xea+\xd3\x1d\x88\x05\xeaG\xd3x\x8d\xf6'</t>
  </si>
  <si>
    <t>b'\x80\x8e\x1c$\x91&lt;\x0c\xdd\xe9?\x189\x81\xe4l\xed\xcf\xbby\xcf\xefta(\xaak\xf0*\x0b\xe8\x1b\xcc'</t>
  </si>
  <si>
    <t>b'\\\x15\xd7\x03\xed\x8a\x88\xfd\xc2\xafs\xc9\xee{\xacQ\x19\xca~\xdd\x19\x9e\xd2)\x00\xa3}\xaf\x87\x0e1\x05'</t>
  </si>
  <si>
    <t>b'\xd5\xbfc\xb5\xc0r\xcft\xf5l\xae\xc8\xb6\x9a\xb4\xf0tj\xf8#\x07\xc9\xb7\xc8\xa5EM\xb3\xd3a1G'</t>
  </si>
  <si>
    <t>b'\xe0\xcc\x86\xa1\xd1\xbd\xa8[\xa3\xb6y\x11O\xbd\xfd^wGI\xbc\xfa\xb4\xaf\xb7~\xa9\x03\xd7\xecc$\x0c'</t>
  </si>
  <si>
    <t>b'\xf6Z\xe0D\xb1\nk\xb25n\xc4\xc8\x8as\xe9&gt;\xceY\xfe\xaft\x13\xb9\x8e#\xbf\xf9\x85Q\xfe1&lt;'</t>
  </si>
  <si>
    <t>b'\x8d\x0b\x1c\xf6\xd6\xc2\x94u\xec\xed\x15E\xc8V\x88\x02\xccw\xf2\xda\n"&gt;\x19\r\x9cU\x11\x97\xf3\xca/'</t>
  </si>
  <si>
    <t>b'9\x1e\xdbkI\x90\x06\x86\x80\x1d\x94N(\xe4\xaf\xf0\x9b\xc9\xc5(w\xac\x0c\x83\x01\x18\xfcG)\xda\xaf\x97'</t>
  </si>
  <si>
    <t>b'\xf6\x0c\xb1/\xa6\xdc\x02\xc8\x99\x1a\xd7\x9c\x1d"\xb65\xff\xefZ\xc6\xa0C\xd4kr\x04#\x00\x8f\xa1\xaeg'</t>
  </si>
  <si>
    <t>b'\x8f\xd1\xed\x9e\x19\xa8l\xe8`\x9e\x17W\xe8Y\xe8\xfcU:\xaa0\xfdI\xda\x12\xb0\x99\xdd\xec\xf2\xf7\xe7\x9b'</t>
  </si>
  <si>
    <t>b'\x00\xa5\xb4\xc7\x93\xecv\x0e\xf0\x05\xfbS\xa0G\x99\x16\xf0\xe4:!\xf1\x9eNB\xf4N\xacX\xf6|\x8c\xd7'</t>
  </si>
  <si>
    <t>b'\xa7\xce\xbb\xc5\x9f\\L\xe6\x9ea\xa9\xb0\x93j\x91\x1d\xe50}~\x90a\xb85\x08\xd1\xeb+T\x8d\xe1J'</t>
  </si>
  <si>
    <t>b'_K\xd4\xf4\x95;\xce\x0e\xaaW\x99\xe1@~&lt;\xe0~n\x9ck\x85)\xc0\x81\xb0\x8eUZ9Z \xb5'</t>
  </si>
  <si>
    <t>b'\xdd\xa3@\xa7&gt;\x1bL\xae\xc1Q\x87C\x80\x1aS\xcc)\x14\x8a\x99 \x17\xc4Ai\xff\x83\x01o\xc7\xccO'</t>
  </si>
  <si>
    <t>b'\xf0\x8a\xd0N\xdc\x99\xb2H\x82\xf2\xc4\xe6H\xb5\xea\x11\xd2\xfe\xc7q\xbbDTH\x08\xe4\x04;}Dv\x93'</t>
  </si>
  <si>
    <t>b'\xf0\xe8\x1b\x05_o\x14#\xea\xa4+U\xbb\xadR9&gt;\xe6\x14\x03\xa2_M\xd2{qL &amp;\xf70t'</t>
  </si>
  <si>
    <t>b'\x1b\xaf\xbbH\x1d\xa9\x10\x14S3\xef\t\xd2-]\xbc\x93\xa15\xe0\xa2\xbc\xa5\x19\xd5d7\xc9\x87\x0f\x8b\xa4'</t>
  </si>
  <si>
    <t>b'\x87\xff\xa6\x82\xafBy+Zp+=i\xa7r\xe6\x8e\xd3[\xd5\x0f\xefY\xfd\x9cE\xe1\x05\x88\xb6b\x86'</t>
  </si>
  <si>
    <t>b'\xe3\x1dA\xf9\x9d\xad\x8b\xe6r\xc0~k\x02\xef~u\xea\xe5\xbc\xfe\x00\x87\xfa\xac\xff-A\x19lp\x00\x12'</t>
  </si>
  <si>
    <t>b'\x95\xac\xcf\x01\x13\x13\xe6&lt;V\xba\x16\xde"\xe6\xc0\xd0\xbf\x89\x7f\xd1\xb2\x05\xfa=\xb0\xb5\xfa\xb6)\x1bof'</t>
  </si>
  <si>
    <t>b'\xce\xd9\x85P\x8f\xb2\xad-M\x0ci~\xbb\xbbjIz"ah2\xdetW\x83\xff`;Jj7\xeb'</t>
  </si>
  <si>
    <t>b"\xcd\x9fAO1\x89C\x98\x8bJ'\xbb\x9b\xf8l\xce\xf3 \xf4&gt;\xbb\xd2\x99Ud\xc2\x94\x05r\x00\x85p"</t>
  </si>
  <si>
    <t>b's\xe3^;\xb0\x98\xbe\xf3\xe0\xc2\x89\xd6\x84L\x85dV\xd2\x87\x84\xf4\x98\xa8Py\x90\x8aGT:\x9de'</t>
  </si>
  <si>
    <t>b'k\xdd\xa73za\x8b\xb0\x00,\x99ZG\xc1\xbbJy\xd5Grvs_K\x00ct\x82\xbeI\xf2\xd9'</t>
  </si>
  <si>
    <t>b'UV\xdcL\x95\xff\xdf\xfe\xb1\xf0\xb3\xd9\xf9\t\xac@\xado\xe3\x9a\xe2\xf5&lt;_"/\xd7h\xae\x86\xbd\xac'</t>
  </si>
  <si>
    <t>b');S\xe6\x87E\x8c\xd1\xd7\xff\x05\xe2&lt;U\x00\x93\xc7K\xf8~e`\x82\x84\x8dC\xac\xc04e\xb0j'</t>
  </si>
  <si>
    <t>b'\x1c,\xad\x1b\xa5\xe4&gt;#\xfb\xb3\x12\x02U&gt;\x855\x9f\x04l\xcaYEu\x00t\xe7\x9e\xe8\x01\x1c\xd6J'</t>
  </si>
  <si>
    <t>b'\x82\x12\x83+\xd0\x9c\xd3EH\xf4\xbegB\x1a\xfc\xda\xa9\xa3\xb9\xf8\xdc\xf4\xcd5\\\xd3\x07T\x85\x98h8'</t>
  </si>
  <si>
    <t>b'\x80\xaf\xbe\x19\xf4IfT\x10{cz\xab\'\x9c9wo\xf47)\x06\xb8\xa8:\xf9i\x18"\x0ci^'</t>
  </si>
  <si>
    <t>b'\x06\x08&gt;2\x87{\x0f`"t\xc1\xec\x8f\xea\n\x89\x03K\x1d\xe3\xd7\x0c\x93\x928\x85b\xdb\x16\xb1d3'</t>
  </si>
  <si>
    <t>b'\x88\xfd\xcc\xe0\xedp&lt;R;L5\x07P\xbb\xa3\xec\xe4\x0e\xfd\x1b|\t\x07~O+\xc3\xc6\xed\x08ie'</t>
  </si>
  <si>
    <t>b'\x89\xcb\x8a\xe0"\x0e\\\xf2\x0bA\xc1\x94/0\xafn8\xce\x8e\xc1\\\xab|\xa4\xb2\xf15\xa0Z\x04\x85\xe8'</t>
  </si>
  <si>
    <t>b'_\x14\xfd&gt;\xdeIQ\xae\x7f\xe4i(\xe9%p\xa2\xa4\xac\xfe\x84\x8feg"r\nw\x01\xd5\x8a\x01\x84'</t>
  </si>
  <si>
    <t>b'\xf9A\xe1@\xf9\xfd\xc5\xe3~\xfd\xd2\x18\xcb=\xc6\xc6jj4`\x89)\x1c\xf7!\x08\xda\x14.\xb1j\xc7'</t>
  </si>
  <si>
    <t>b'\xdb\x97,\x8d\x96\xeb\xd3\xc2_Y\xc6\x8f\xfb!\x9b\xbe\x92"\x94O\xce45\x90 @!&lt;~\xf3F3'</t>
  </si>
  <si>
    <t>b'\xbd\xf8\xdaL\x9aR\xe1\xd1\xc1a7\xe0\x07\xea\xb8Q\xed\x93\x84\x88\xa7v\\"W\xfb\x13\x88h\xce\x7f\xbc'</t>
  </si>
  <si>
    <t>b'\x9d\xcc\x83\x96\xef\x16u\xfe\x15?WzJ\xb3\x8f\xc8\x9dHl/}\xa8`nIs"\xf7*\xce\xc6\xc2'</t>
  </si>
  <si>
    <t>b'\xa2]\xf5"}\x9eu\xa2\xbd\xf2\xafs\xae\xe5\x97\xa3\xa6\xa682\x17\x9b\x93_r\xccqv\x0c\x11\n\x14'</t>
  </si>
  <si>
    <t>b'\xfa T\xba\xa9|\xe2\xa6$\x8dE&gt;\xfa\x80\xf4\xe2\x15.[\tF@!q\x00\xbb\x8fsA\x88\x93\t'</t>
  </si>
  <si>
    <t>b'wqT6\xc7\xcc\x94\x9f\x8f0\xaf\xc9\x8c\xa9\xd4\xa7\xd7Ze&gt;7\xb2\x1a\xa6\x14\xa4j\xd3\xc7E\x94\xd1'</t>
  </si>
  <si>
    <t>b')7\xb5\xd2)\x81\xd0\x19F\x8b\xcd&lt;\x94\x1a\xf4\x7fy\x86\x84\x03\xc1i&gt;bzb\xcc|P\xd8\x1a3'</t>
  </si>
  <si>
    <t>b'\x94Z\x1a\rqe\xd6\x977-T\xd7\x1b(?=\x02[\xb3@L\xddb\x8b,\x1c\x972\x8e\xad\x82\xaa'</t>
  </si>
  <si>
    <t>b'\xfa\xf4\xc7\x08%\xd1\xba\x87\x96\x94As5\x14\xaer\x03\n\x03\x1d\xe0|S+\xb1\x15\x8eAnl\\\x08'</t>
  </si>
  <si>
    <t>b'\xe5\x0c\x92\x15$`;p\xb7\x13\xff?\x18qVi\x054\\\xab\x82\xf9iv"\xf3*\xc8\x81\x9cih'</t>
  </si>
  <si>
    <t>b'\x02\xbb\x17\xea\xa0N\xc2\xc0[\xb2\xe3\xcd2\xc4M\xd7j3x\xba\t$f@+\x82\xcd@rq\xf2\x19'</t>
  </si>
  <si>
    <t>b'\xb6\xb8Gr\xbe\x99\xc5\x97v\xf1u\xf7\xdd@\xf0\xf8\xfdf\xcf\xbd\xf4\x9eFv\xfb"\x8a\x0b\xec\xe5vb'</t>
  </si>
  <si>
    <t>b'\x03L,\x1c\x05\xb1\xb5\xb9\xdcVC\xa8\xf9\xb9\xcb\xb1\x1d36F\x9e\x9b;?8y\x1ey\xc1\xc3\xb3;'</t>
  </si>
  <si>
    <t>b'\xbc9+\x9bp\x80\rMG\xaf\xadur`9\x992\x02\xac\x8fD\xb9\xb6\x11\x0c\x81c\x823\xa0]\xd5'</t>
  </si>
  <si>
    <t>b'\x82o\xdc\xac\x9a\xd3\xae\x03\xbc?Aa\x99\xfe\xe1\xcenhRa\x01%\xe3\x88\x9e)\xcfa\xb3K\x10\x8d'</t>
  </si>
  <si>
    <t>b"\x01\xf4B\xb7\xb4A \xd8\xfe\xb7\xde\xb5?'\xd4;\xea}\x18\xa1[5\xc0\xdd`Z\x8b\xe3+o\xd2\xc7"</t>
  </si>
  <si>
    <t>b'\x9b\x9a\x7f$\xef%|\xa6\x7fP\x07\xf7\xee\x19*\xd9\xef\xc0\x1av9G\xb5\xfd`\xc0+\x81_E\x042'</t>
  </si>
  <si>
    <t>b'\xa3\x92q\xeb\xfeMH\xadT\xba\xf41\xcf(\xff\xbf\xf8\xb2\r6\xeeT\xc6\xa16\xb7s@\xae\n4\x03'</t>
  </si>
  <si>
    <t>b'\xc3\xb1\xb5we5W\xd5\xb8%p-\xaer\xdc\xed\x07\x99\xea\xb8)\xc8\xde1.\x18\xdag\xc27\x80\xf0'</t>
  </si>
  <si>
    <t>b'\xf6\xd7\xb3O\xb4\x11\xd4\xfc\x98\x81\x89Cy\xf6n\xbfE?\xf2\x8b\xac+;\x1a\xa1\xb2\x9c\x95\x12$\xcew'</t>
  </si>
  <si>
    <t>b'\x1bq\xecF\xe7(\xa5\xed\x1f\xf7L\x9f\xe3&amp;$\xd6N\x91Xq\x8d\x92\x13fR\xee\xfcP\xbf(u\xff'</t>
  </si>
  <si>
    <t>b'\x9b\xddw\xa1\x0b\xebh\xb6\xa4\xc7\xdc\xcbI$\x91\x8a\x19)\x8d\x08\x99\x18\xc2E\xc0\xfb\xd3\xa6\x1a\xad\x12Z'</t>
  </si>
  <si>
    <t>b'\xbf\xa4\x192}{\xe3\xaa#\xfbO\x84\x92\xbdG\xa1b&lt;\x8a\xb6a\x0f\x07H\x81\xc6y2\xec7\x08\xf0'</t>
  </si>
  <si>
    <t>b'\x14\xec\xbf\x97\x1fK\xc6\xd3|\xbc\x1c\xf4r0\xea\xe2\x85J\x8d\x13\xd8V\xbf\x06\xe2VZ\x1b\x95\x1d\xbb\xf5'</t>
  </si>
  <si>
    <t>b'\x0b5\xbdO^\x80Z\x1c\xd7\x8c\xc1\xc3\x98\x0f\x01\xfe1*|!\x9a6\x9c\xbcx^\xdf\xe3e\xafN\x9c'</t>
  </si>
  <si>
    <t>b'\xf1\x17t\xc4y\x05\xdb3vS\r\x98\xe5cE\xb5\xffG\xcb\xec\x1c\xe8-\xd5x\xbb\x8e&gt;/\xd3\x81\xfa'</t>
  </si>
  <si>
    <t>b'`v\xff\xf8x\x0csk\x8dR\xdf3\xc8\xda\xbaJf\x86=\x1cw\xff\x92eF&amp;\x82J)\x9ci\x1c'</t>
  </si>
  <si>
    <t>b'\x8a\xa3\xba\x9d\x9bF\xe9\x02\xe6\x96\xe7^J\xd5O\x15\xfd5C\x8e"\x17\x96Q\\\xcb\x8e\x99\xf2\xc1Q\xc4'</t>
  </si>
  <si>
    <t>b'\x9d\xe8\xa9f\xd7\x87y):\x8eJ\xe5\xd8\xb3\x01\xc7&amp;\xdc)\xa0C\xab+S\xbe8\xe0\x81y1_\x1d'</t>
  </si>
  <si>
    <t>b'*\xf7I\xf6\xbb\x8a\x0f\xb4\xdb\x12\xa7\x9fZ4\xaa(&lt;Q\x0b\x8f\xe8\xe8\xee\x08v&amp;n\xc0\xf8[\xd7P'</t>
  </si>
  <si>
    <t>b"\xb8\xa3\xeb\x07\r\xd8\xcb\xbe$P\xcd\x9a\xbe\xac\xa2V\x83\x1d\x90.\x99\xd1\xceH\x82z,'\xc6\x9a(F"</t>
  </si>
  <si>
    <t>b'\x0f+\x8d\xa2\x13N\x01\xbc\x85\x91\xb9-\xad\x8c0\xf2$\xadR2\x05\xc2\xcc\xbd\x9e\x97\x84j\x08\n\x86\xce'</t>
  </si>
  <si>
    <t>b'P\xf9-\x99\xca\xfcXw\xca\xb0\xb7i\x0e\xf9\x94\x8c\x97\xd59\x96\xe1\xc6\xcc\xa5o\x9e|\x7fM0c\xc3'</t>
  </si>
  <si>
    <t>b"\xb9\xca'\x0f\xf0\x87{\xb5\xe9&amp;\xff\x9e\xfe8\x80\xd0\x07aw\xfa\xde\xfc\xadO\x944o!}!@\xaf"</t>
  </si>
  <si>
    <t>b'|\x1d\x8c8\xd6\xa9\xdeDD\x99\x96T\xe2F\x90U*x|\x82\xed\xc7\xf7\x124\xedGY\x1a\xf1;\xf7'</t>
  </si>
  <si>
    <t>b'_\xde\x9a\xb8q\x14\xac\x1a\x83\xa2aesd/\xc5\xca3\xfbf\x119\x04\xa9\xc7\x80I3\x11\xe7^\xa9'</t>
  </si>
  <si>
    <t>b'\xd2\xeah\x16h\xed\x96\xb7\xc7\x94\xd2\xdf\x1fn\xfe\xaaY5\x95\x9c&amp;Wo8\x06\xe5\xa6\xa5\xfa\x1a\xdc)'</t>
  </si>
  <si>
    <t>b'\x10\xf9\x84s&amp;\x92\xd6t\x93\xce\xd5\xed\x06\xe5\x19\xafR\x06Y\xa3\xbc\x0c\x86A\x10s81\xea\xe8\xaa\x9c'</t>
  </si>
  <si>
    <t>b'\x84\xd4\xbf\xba\x19\xcaH-\xbf\t\xfb\x8e\xd4\xf0|"kewJ\xbb\xab\x8b\xa2\x8c\xa0\x0e\xd9Ge\xf2i'</t>
  </si>
  <si>
    <t>b'\xb4\xeb%\x1d3\xc4|2\xab\\\xe8Y\xb5P*\x92\xcc\xf5m\xaa%\xefUz\x16\xe8\x83\xe6\xfa\x0f\xfb@'</t>
  </si>
  <si>
    <t>b'e\xdb!k\xdb\x0bj\xb6\xcf\xe4\xcc\x89\xa9m\xcdA\x9b0\x14}\xa0\xf7\x02K\xec\xacN}\xa2O\r\xe2'</t>
  </si>
  <si>
    <t>b'\xaf\x17\xff=\xfe\xd7\xea$\x86-\x0e\r\x14\x82P\xc7\xec\x82\x02\xa9\xe66)b\xc5\x03\xa64X\x96\x07h'</t>
  </si>
  <si>
    <t>b'R\x10\xbc\xed\xd9&gt;&amp;\x02\x98y\xce.\x07\xf8\xd7\x9a\x86\xb9\xe5!&lt;\x90\xa6n\x88\xb3\xaf\x06#\xdbI\x85'</t>
  </si>
  <si>
    <t>b'\xed\x87$\xe7\x8d\xa8\x01\xe1\xe8\xd6\xaf\xa7\x83\x14\x97Ss,BFc\x01\xbe\xee+3\xa3\xe9\x9c\xc5\xb4;'</t>
  </si>
  <si>
    <t>b'owU\x88\r\xe8}x\xb0\xff\xff\x04G\x8a\x8a\x06\xc7\x92\x1f}@\x8d^\x81I\x1c\x04F\xdea]\x17'</t>
  </si>
  <si>
    <t>b'\x96\x99\t\xe5\xa1\x86xz\xbeG\x84\x9a\xce\xb64\x18\x96:\xd4\x1e8\xa1\xf4\x83\xa1\x0f\xc7\xd5\xc6\xa2\x05\x9d'</t>
  </si>
  <si>
    <t>b'\x10\xf1a\xaf\x9aJ\x05\xda\xd1D\x9f&gt;\x89\x83c\x7fn:\xf3\xcb\x9e&lt;\x9a\xd4\x1d\xb4`K\xfc\x15\xe3\x90'</t>
  </si>
  <si>
    <t>b'\x96j\xc2g\x02\x82\x97\xa4\xe3p\xdf\xdd\x0c\xf1\xee|\xe8\xb4/&gt;\xd7N\xf5]N\xe5\xc9\xe9\x95d\x06&gt;'</t>
  </si>
  <si>
    <t>b"Q\x0b\xf3\x8f\xf9\xa0\x15\x8b\xb1\x11\x92rV\x0bc\x16\xe8\xba6\x89ul\x01z\x84\xebmC'\xc7\xba\xa8"</t>
  </si>
  <si>
    <t>b"\xdf\xf2\xd1\xae\xea\x12f'u\xe6\xd5)&amp;\xd1S\x07\xd4\xc0\xf9\xcc\xe0\x05\xaf*\x14\x9fK\xbe\xaaB\x87\xc9"</t>
  </si>
  <si>
    <t>b'\xe5\x0c\x86\x9dH\xc7\xe1\x8f\x15D\xfb\xa5\xf3\xa1\xe1w\xc9\xd9\xff\x99\x9e\xc0\x85\xce\x9d\x01C\xeaCMv3'</t>
  </si>
  <si>
    <t>b',\n\x10\xe3\x97\x9fk)\xf9\x85\xf9\x05\xef\x08d\x97Ha"\x86\xa0\xe0\x8d\x18\x7f\xbcc\xe2\xe6\x11\xaf\xce'</t>
  </si>
  <si>
    <t>b'\x0f\x15\xb6\x94{\xd1^\x1a\xf2\xcc\xd2\x0f\xb3K\xf1\xf9\xff\xe9\x06\xea\xce]0\xef\x03\x1aWH\xfa\x92\xb13'</t>
  </si>
  <si>
    <t>b'&lt;z\xbc\x12\xd5\xb2\x94\xdf\xa7\xe0I\x04\xd7\\\xe3a&lt;;\xf5V\xedU\xd7\x17\x1d\x89\xd68]^\x9f\x1b'</t>
  </si>
  <si>
    <t>b'\xd8IQ\xb4\xb3\xc5`\xe4\xc8\x19\xeb\xc6\x02t\xee\n\xd5\xd8\x085\xfd2\x95\xf3\xd4\xf7\x1f\xa8\xaaO\x04K'</t>
  </si>
  <si>
    <t>b'\xbc\x0e\xf5\xda\xd7r\x01\xbf\xb5o\x06\x8ey\x9aX@1W\x85&gt;\xbb;\xa8^Y\xac?\xd2\x85PM\x19'</t>
  </si>
  <si>
    <t>b'641\xea\xc9\xd6\x91BU\x9b\xcc\x88L\xa8\x13\x06\x92\x7f\x16N\x96\x8b\xf2Mx\xf9\x00\xc1s),1'</t>
  </si>
  <si>
    <t>b'\xecZ\x97\xcd{C6g\xfcj\xd2\x8f\xfb\xfc\x91\xa0M&amp;\xfc\x14,S\xf2l\xdcoA\xf4\xcf-G\x95'</t>
  </si>
  <si>
    <t>b'\x00#\x95\x08f\xe8\x83\x92\x00Q(\x9bu\x85\xd1\xf5[O)\x1a\x96ZD1\x96\xe6\x00\xd3O\xca\xc5B'</t>
  </si>
  <si>
    <t>b'\x18r1\xdfoD\x08\xbd\xe5\x1f\xca\x05\xe9\xed\x02\t8\xc9\x19"\xc4|\xd4Ab\xecY\x95\x9b\xfb$\xbe'</t>
  </si>
  <si>
    <t>b';6\x1ae\xc9\xd0\xe2\xd7\x0b\x0b\x92\x1e\xa4%9\xa3s1\xe6\x9b*U\xc6\x00\x98\xb4\x92\xaa\xdalwO'</t>
  </si>
  <si>
    <t>b'\x17u;\xb7\xa5&lt;&gt;n\x8b#zt5\xc9\xde7\xe6\x02\xa8\xbd\x9ef}\xe0;(\x8e\xa2\xf4\x8f\xcb\xc2'</t>
  </si>
  <si>
    <t>b'\x157\xbdV\x92/}\x1a\xe4\xa5\xb2u\x1c\xdc6\xa3\xcbi\x88\x00\x15n\xdc\x9d\xa0\xe3&amp;\xe0;&gt;t*'</t>
  </si>
  <si>
    <t>b',\xcbL\xf8_\xea\xf2\x7f&lt;\t{\x7f\xa4\x9c\x80\x9e\x99i\xf0\xb5\x83\xdd,\xd2\xc4\x86+?LE\xaab'</t>
  </si>
  <si>
    <t>b'\x0b\x14\xfe\x8cZ\\_\xa5\x862\xd3\xbbH?|\xff\x17\xec\x05\xa3_\xd6b\xad\xd4\x0c\x80\x99y\xdbl\xed'</t>
  </si>
  <si>
    <t>b'\xcd\xecy:\x89U\xa3\xe2\xd7,&gt;\xc0\xdcm9\xd7\xd4\xe7\x94\xa4\x8c\xa3\x13\xdaY.\x19\xad\x17\xd5\xa2\x10'</t>
  </si>
  <si>
    <t>b'r\xec\xde\xcb\xf9v\xee\xdcE\x92o\xad"D\xa6%\xd2\x98\xe8\nI\xfe\xc0\\\xec\xad\xf9YT\xa6TM'</t>
  </si>
  <si>
    <t>b'\xe3\xf1\x05\xa3=\x94\xb7m\x82\xb5\x08SW\xd8\x93\x14&gt;W\xb7\xb8\x05gt&amp;\x8a\xe3&amp;\x02\xb7{@\x81'</t>
  </si>
  <si>
    <t>b"v\x9d\xdf\xbf2\xee\xf9\x01\x14G\xbf\xe9|\xfc\xd0\xf0\xc6\xf1\x80\xdbA\x11~\x8e&lt;F\xd1\xf4\xe8'\x85\xd1"</t>
  </si>
  <si>
    <t>b'\xb2X\x18\xf6\xcd%\xb7\x01\xb5\x88\x10Br\xc1\x83`\xa6?\xe4i\xcb\x07\x159\xce\xde]M\x93\x04%\xbf'</t>
  </si>
  <si>
    <t>b'l\xa3#\xe3\x10\x93\xa1\xcf\x1c8]\xa4\x93\x1a\x00\x86\xea\xe3\x99\xb9\xfd\xeeB\xae\x17N\xe8 \xf6s\xc0M'</t>
  </si>
  <si>
    <t>b'\xaa\x1d\x96W\xc5\xe0\xba\xe8\x8d\x9aVL\x8fK\x1d\xe6\xca\xceBu\x9e\xff\x01\x018\x9e\xb6\x14-\xa8\x95O'</t>
  </si>
  <si>
    <t>b'\x0f\xc3\xab\xa8\xbe\xe5\xf5\x18\xefo\x9b\x8c\x10\x81\xfaK\xbf|^\x93\x0c-\xc8\xd2c,\xb3\xc5\xe7\xeb,\x91'</t>
  </si>
  <si>
    <t>b"\xe7+\xe1\tt$MWs+\xd1\x87\x17\x9d\x8e\xb8Td'\xa1\xf4d\x07bAc\x02\xdaEoZ\xeb"</t>
  </si>
  <si>
    <t>b'I\xffa\x93\xf9\xb1\x02"\xe8\x19\rrt\xd9\xe8E\xc5;\xce\xbc\xbd\xd7\xadW;\x0b\xa6o&lt;m\xc3\xcf'</t>
  </si>
  <si>
    <t>b'\xde\x01o^\x81k\x07\xe2\x00\x86#\x1b\xc4\xe07\xb5\xd2\xa6\x05\x88\xe0E\xd3\xa3\xd75]\xcaz\xf7~\xed'</t>
  </si>
  <si>
    <t>b'\x17\xa8\xe7\xdc\xe3\xaaT\xad\xeb\xc1\xc2\x0bl\xf9G\xd3\xc2\x99\xf5\xd4\x19&gt;\xc8\xc2\xe1\xf8QD\x11\xfe\xa5\xd4'</t>
  </si>
  <si>
    <t>b'\x124\x9cH\xa6[@\xf2\xe5\x18u&lt;{Q0*\xd5\xac\x18@\xde\x05U#\xa4\xd8\x1e\x84\xadFZ\xc0'</t>
  </si>
  <si>
    <t>b'H\xf6"\xa0\xb5\xfa1iI\x06\xdb\x1d\xe9\x90\xe8\x9e\xech\xad\xf9\xfcG\x9a\x11\xdey\xb4S\x02\x1c\xeb,'</t>
  </si>
  <si>
    <t>b'$&amp;\x17c\x8esdq\x97\x84P\xbd\xf5\x87\xf4\x8d\x02\xb1\x07{?\x87\xb6\x93X\xd5e\xb7B\xed\x0eA'</t>
  </si>
  <si>
    <t>b'2\x97\xd3\xadJ\xb8i\x97\xcbe\xf9.\x8f\xa5\xdf`K\xca\xde\x83\xbc\xfb\xb2\xcb\xe1h\xc1&gt;\x9dI\xa4('</t>
  </si>
  <si>
    <t>b'\xb6I\xc5]\x01:\x90\x13\xabe\x00-\xd0{pFY\x12:\xd1\xe8\xd7\x95\x9c/"\x06\xe9ZQb\xc6'</t>
  </si>
  <si>
    <t>b"V\x1a\xd1\xb4\xb9\xd5\x1c\xb1lw8'\x9c CIc\xf5\xe4gB\x08\x83\xfd\x9dm\xcc\xa9\x9a\xd2\xf4\x0b"</t>
  </si>
  <si>
    <t>b'\xe7\x00\xc5#,\xeaG\xdep]\xf1-s\xe1\x0b$.&gt;C]?\x1bP\xb2\x00\x9f?\xa813Y_'</t>
  </si>
  <si>
    <t>b'\x16\xea\xf9?\x02!\xfc@\xdd\xd8\xa6]\\\x8e\x96\xb5\xa4\xf4\xbd\xf0\x01\x8bE/z\xf0F\x1d\xc0\xcb\x01\x8f'</t>
  </si>
  <si>
    <t>b'E\xa6\x9b\x0e\xdem\x05\xe3\x928\x1c|\xdb\xd7Q\xc9\xe9\x88\x87\xb6\x1f\xd9@x0\xf8G1\xff0\x04$'</t>
  </si>
  <si>
    <t>b'\xa7\xb3A\x8e\xf0\xa6\xd12*\x1e#M;\xe0\xb6d\xfe\xaf\xf9WvP\x10Y\x91\xf4}\xc6n!\xe5\xee'</t>
  </si>
  <si>
    <t>b'S\xdc\xd3\x1ai\xd7CH%\xb8\xabM\xc9Uk\xe9\xf7,\xdb\xd3&amp;c[\x86\\^\x1f\x0c\x92H\x8f\xfc'</t>
  </si>
  <si>
    <t>b'\xea-\xd3\xbd\x91F\x18\x0e\xf1,ujR\xc8\x91}\x8d\xff=\xf5&gt;$\xd9\\O\xe9e\xe7\xd4tt\x0c'</t>
  </si>
  <si>
    <t>b'\xe2N\xb1\x1a&lt;\xb2\xe2h\xbf\xba\xec-\x01\xf3\xc0\xc4\xe9\x9c\x18i\xf3\xa1b\xc4\x19\xe02E:I\xa1*'</t>
  </si>
  <si>
    <t>b'A\xb8\x9b\xd7-h\x0e=O?R!\xce\xa5jM\xd8EI!\xbe"\x13\xdaz\xcc0\x96s\xe0\x12\x99'</t>
  </si>
  <si>
    <t>b'\xf8N\x8d\x87\xd5R\x0f#4RX\x16\x19Z&amp;\x84s\x01\xb3+_\xbd\x17\x8c\x01\xf8\xf3AZ~\xe5"'</t>
  </si>
  <si>
    <t>b'r\xa8\xd7\xc0\x1e\x14\xf6\r\xa8\xb4\x00\xe5\xd6\x01\x7f\x04]\x99\x02|]i\x15S\xa2\xfff\tP\xda\xda^'</t>
  </si>
  <si>
    <t>b'\x9e8XN30\xbc\xf9H\xc8\xd0-\xae^K\xc1\xdfmY\xff1\x16\xa9\x82\x80\x0c7\x12\x88\\/L'</t>
  </si>
  <si>
    <t>b'r\x15\xf1?\xffw\xe2\xcc\x9c\x8f\xba\x87\xffv\x82\xb5c\x9a!0x,\x960&lt;\xcc3\xb9,\x1d\xc7\x19'</t>
  </si>
  <si>
    <t>b'\xcb62\x9a\xf6\x17\x93\x86B\x0f\xab$7\xe2I\xfa\x06\x1d\xb3\xee\x98\x9e\x07#3\xf8\xd8\x84\xa8\xd1?G'</t>
  </si>
  <si>
    <t>b'\xe7N\x94zvF\x08D\xa5\x10\xeb\xcf \xcb\xb8u/\x15\xb0\x84\x1c|%\xdcu\xb0hh\xcfn\xe60'</t>
  </si>
  <si>
    <t>b'\x87\xf4\x1da+\x8dy\xc9n-=\xb8\x8d\xf1\xa7\xe3\xf8(\xf1\xd0\xe3\xeb\x0e\xfcra\xa9p;\xdaj-'</t>
  </si>
  <si>
    <t>b'}\xa7c\x15\x10\xfd\xa7,\x10]!s\xc5\x1e\xfdW\xd03D\x13\x01RW\x10\x83.\x04\x18\xbe\xe8\x90\xc6'</t>
  </si>
  <si>
    <t>b'\xee\xe6!L\xca\xce\xbe\xc4\xc4zY\xe1\xc3\xd86]\x95\xdbZ\xf7\x0f\x8dg\xee\xffHV\xf0f.&gt;e'</t>
  </si>
  <si>
    <t>b'}\x92\x86\xbd\x14\t\x91\x04\xb9Xud&gt;\x95-\xf8/\x10\x8d\xa8\x95\x14!\xb3\xb0\xf6\xc4)\xeb.H\xdf'</t>
  </si>
  <si>
    <t>b'\x81\x13\xfe\xe6#J \x85(\xa4v\x16d\xd3bCWw\xf0\xa2\xc7t\xa1_\xadh]\xbf\x14\xe9\x90\x86'</t>
  </si>
  <si>
    <t>b'\xd7L\x0f\xf4\xdb\xe7g\xa1\r\xe7s\xb0F\xcb\xef\xc8\x1e%wL\xd2\xf4\xa28\xd6ud\xe6\r\xab\xed\x13'</t>
  </si>
  <si>
    <t>b'\xc0Y\x90\xa6Em\x90YC&lt;\xa9\x12\xd2\xac\xa7\x96.\xc9\xa0yl\xd0\x98\xdd*&gt;g\x18\xd1\x81\xa8^'</t>
  </si>
  <si>
    <t>b'\xe9\xc8\x13^\x0cW\xb7\x9dr\x1b\xe4\x8c!\xfb_m\xca0\x1d:\x8c\x9bQF\xbe[r\xc7L\xa2\x11a'</t>
  </si>
  <si>
    <t>b')\x06\x91M*\xe3\xfa\x84w\xde\xa2M\xae\xbb\x9a\x8f\xf6\xd0\xbd(\x02\xd7\xd3\xd5LF\xbaz\x9b\xfa\xd6f'</t>
  </si>
  <si>
    <t>b'+&lt;j\x1f\x1f\xa2\x1f[\xea\xb0\xc9\xc3\xf2\xc3\xaf4\x17\xa1\x83o\xaa\x0e\xbb$0\xf6\x06c\xb8\x80\xe2:'</t>
  </si>
  <si>
    <t>b"\x98\x1b\xb8u6P@\x12~\xf5G\x93&amp;\xcd\xef\xa7\xc7\xcdh\x1b'\xc60\xf9\x94\xf6\x0e\xf4\xef\x06\xfb\x02"</t>
  </si>
  <si>
    <t>b'_y\xf5!\xed\xe5\xc3\xe2\xa7\xf1p\x16|\xc7\xccN\xdb\xb4o\xe9\x82\x04S"?\x81\xf464\xdf\x83\r'</t>
  </si>
  <si>
    <t>b"\xe9L\x14`'\xf2\xf7Y[\x9bd\x11\x9c\xca\x08\x1fB\t;\x13\xdf\x15\xce\xc1\x05\xd8\x0e\x83\x9b\xe7N_"</t>
  </si>
  <si>
    <t>b'\xc8\xd9=.\xddI\t\x19\x02@\x05\x05\x0c\xf8\x9cTv\r\x94&gt;\xe9:\x12\x98\xf9\x7fh\xfe\xd6\x0e!\x00'</t>
  </si>
  <si>
    <t>b'j\x1e}\xe1\x18\xc4\x16A&lt;\xcb\xf1\x0e\x84\x0b\x8a\x91\xb0\x9cI\xacn\xefsV\xb8\x9c)\x98&gt;;\x14\x16'</t>
  </si>
  <si>
    <t>b'T\xc6\xaf\xa8\x9f\xf8\xf2\x8e\xe1f\xa3\xf1e_\x03\xe0Q\xf3\x01a\xb5\xb8\xd4\xe2\x83O\x0e\x05\xa2\x8e1I'</t>
  </si>
  <si>
    <t>b'3u\x1d\xcc\x8fP2|\xad\x157\xd5\xc6X\xbev\x89\xd2\xba;\xc7\xca\x05?\x9dIZ\xb1\xf3\xa4\xd1,'</t>
  </si>
  <si>
    <t>b'\x0b\xf2i\xad\xc4=)5B\x9d\xd4\xec*J\xaa\xfaw+R\x81\x009d\x85y\xae]\xb1\xf5\xf3\xab?'</t>
  </si>
  <si>
    <t>b'3)\x82\xb1\x83\xe5\x03\x15!d\x8a\xfeY\x04m\xdf\x94\xe4Q8\x93\x90\xc6\x06K\xb3\xd9,07f\xc7'</t>
  </si>
  <si>
    <t>b'K\x95#1_\xf7\xf3\xc3\x0fQy\x90\xbd\x14\xa8L\xf5RH_ZN\xfb\x19\xdc\x18\x95\xfa\xa1\x7f"\xd5'</t>
  </si>
  <si>
    <t>b'\x06m\x0b\x89\x16(\x06\x82\x14\rJ\xa6tU\x85q\x99\xa5aG\xfd\x815%\xc1\xcf\x87WR\rY\xf8'</t>
  </si>
  <si>
    <t>b'\xf0\r~\xdc\x12\x89cS\x8b2%E\x8c-&gt;\x0fC\xce\xc2\x95\xfa\x16\xd1\xda\xdf\xd4\xae\xef\x8f,y\x07'</t>
  </si>
  <si>
    <t>b'\x94W\xd7:\xe3\xadipY\x83\xe2L\xcf\xd0\xc6\x0e`\x8b\x87;\xba\x06\xff\xa1\x9dJ\xc3\xb3\xc3[\xcc0'</t>
  </si>
  <si>
    <t>b'\xde\x03D$\xa5\x9f\x1a0\x10\x9e\xc7*\xc4\xa7\xef\x92\xa3)\xd0\xa5\x12\x9e\xf5\x16#\xfaNs\xd7&amp;\xa5\xe1'</t>
  </si>
  <si>
    <t>b'\x7f\xcb\xb5~!\xe2\xae+\xbb]\xfc\xcb6\x00\xde\x19\xde\xc8\xe9.\xdd\xf3\xa9\\g\xe6\x18\x16p3\x83}'</t>
  </si>
  <si>
    <t>b'\x00\xd8+\xc9u\xbdD\x98[g^\x12\x8b \x80\xa4\x81\xd3d\x98\xba\xc8\xa3\xe9"\t\x12Z\xe7\n\xe8\x07'</t>
  </si>
  <si>
    <t>b'\xc6~\xb6\xf4V&gt;xkc\xe6\xb2\x9b\xdb\xa5{m\xf6 \x11\xb6^\x7f%\xe3@\xb4s\x07\xa86E\xc3'</t>
  </si>
  <si>
    <t>b'\xf88\xc0\xa2\x12\x81\x10\x01\x9e5\xb3\xe3\x84g\xd0D\t\xd5,\xce\x00S(g\x15+\xfa\xcc\xa2\xb7\x94d'</t>
  </si>
  <si>
    <t>b'\x18\xe3\xe7w[4\xdd\xf8aE\xa0\xa8L\xf6\xed%\x06\xddy("\x1d\x17E\xf7#&lt;V\xaf\x05\xaa?'</t>
  </si>
  <si>
    <t>b'u\x02\xfa\xbd\xa04\x1e\xeal\x81n\xf6\x9a\x12\x02\x97m\xa8\xdd\xadD\xed?\xc7\xecp\xcc\xab\xdc*\xce\xdc'</t>
  </si>
  <si>
    <t>b'\xe2.\xecHX*aU$\xe9\x9a\xfbC\xc8\xd5\xa5\xb1\xf9N_\xa0\xdfL\x7f\x7f\xbaJ\x14\r\x9d/^'</t>
  </si>
  <si>
    <t>b"='\x8e\xbd\x0e\xf1\xc3\xd2G\xc4U\x11vR\x1b:M\xf2\xde\xd2\xf4\xdb\x9d\xa9n\xc8\xda\x80\xc3\x19\xa3f"</t>
  </si>
  <si>
    <t>b'\xd8o\xa7x\xafVz\xba"\xbby\x13\x02\xf2w\xdd\xc2\x93\x189\x0f\xd2s\xcdx\xf5\xc9\x85\xb3\xf9\xc2\x89'</t>
  </si>
  <si>
    <t>b'\x8e\xe4Q\xcf!2\xa3#D1sa\x02\xd2a\xc6\xcf\xd0"\x02\xd2\xd4\xd3\xc4\xc3tU\x8by%J\x13'</t>
  </si>
  <si>
    <t>b'\x9a\xb9\x14:\xbem\x88\xf6\xc9\xff\xc8\xd1h~\xa5\x7fu]\xcd\xf0A\xe7+G`\xfd\xa6~u\x8f\x8d\x9b'</t>
  </si>
  <si>
    <t>b'\xd3\xa55\xa1\xf6C\x1a4w1\x1c\xa7e\xed4\xfc\xfd\xdd\xda9&amp;\xed\xd2f\xb1\x13\xcc\x92\x89\x92\xe3V'</t>
  </si>
  <si>
    <t>b'\xacc\x13J\xecX\xac\xe1\x9c\xa1\xdc\xf6E\x14\xb4:\x7fP8n\x07\xa9[M\xbbh\xe2&lt;\xbd\xac/\x10'</t>
  </si>
  <si>
    <t>b'fX\xc5~aA\x1a\xb5-\x88=V?F\x10]\xe0\xc0\x8b\xa4\xdd\x0fH1#\rKJmL\x1d\x9b'</t>
  </si>
  <si>
    <t>b';\xa2\xc5\t\x1e\xaa\x17\x1a\xf43\x15*^\x04:\x87\xeb\xd9{/\xc7\x90Z\x19\x99F\xed^\xfa=\xc4\xa8'</t>
  </si>
  <si>
    <t>b'W\xef:\xf5+D\xa9d\xc1d\xcb0\xb34Z]\x8e\xd7\x03\xc7\x90\xc9\x9f\xb4\xbcB\xa3j\xac\xef\xc8!'</t>
  </si>
  <si>
    <t>b'o\xa9\x94s\xaal\x18\x10$.liZ\x0b\r\x99\xf0\xef4\xde\x18_%Gw3\x99\x95\xad\x1b\xc97'</t>
  </si>
  <si>
    <t>b'\xb3(\xdf2\xac\xd3OC6\xe8\xfb\xc8 \xeef\x8d\xfe\x85Y\xf9,F\xac}_\x8ee\x18\xf3\x14*\xc8'</t>
  </si>
  <si>
    <t>b"\xb2\xcf\xb2\\'k1\x8f\xfa\xd9&amp;E\x7f\x94\r\xe4^\xb2\x0c\xa5\xa8\xf6-\x11GOl5\xeb\x8b\x139"</t>
  </si>
  <si>
    <t>b'Y{E`&gt;\xd2\x1d\x98\x1fc\x12\xa6ME\xebx\xb6dd\xfa\xeb\xd5\x0c\xa2C\xdd\xbd(/-kA'</t>
  </si>
  <si>
    <t>b'\xd5\xd7\xc0\x8e.&amp;\x8b\xb7l\xc0\xec\x8fg\xa4\x07\xa5\xd7\x93q\xe2\x82\xc9\xa5|0A\x1d\x14B\xd3|\xe0'</t>
  </si>
  <si>
    <t>b'\x19R*iU0P}\xc5\xd1W\xae\x17\xe8\xc4\x1b\xbf\xb4\x88,\xc4\xd0ugG\x97x4}$\xa80'</t>
  </si>
  <si>
    <t>b'?\xcc\xb8?\xfc\r\x9e]\xc2\x92C\x94G\xefq\xd0W\xdb\xa62\xd8\xa9qK\xf9\xda[z\x12\x86\x9cr'</t>
  </si>
  <si>
    <t>b'S\xed\xf0\x1d\x82\\p\xa2\xd2\xe2\xab\x1c\xc1\xd9\xb8\xf7\xc4\xd7\xfe\x1a2\x1a\xd8\xaf-\x19\x19:\xe6\xa5\xd2\xda'</t>
  </si>
  <si>
    <t>b'\x1c\x1d\xcb\xc7o#9\xb2\xec\x7f7\x08\xdd\xb3\x15\x89\x8a\x01\x8b tkk\xa1\x89LD\xbe\xee\xd4\xbd\xc2'</t>
  </si>
  <si>
    <t>b'\xccq\x06U!\x8f\x90\x18\x8eE(&gt;\x14&gt;\x17@\x00#\xeadM\x9b\x02{\xd9\x05w\xd6\x7f6\xfb\xb8'</t>
  </si>
  <si>
    <t>b"c-[\xf4N\x88Tg\x9cKUT\xf0'L\xe9\x1d\xd9\x04\xbb\xec\x92)\xac_\x13\xac\x8a\xc1n9\n"</t>
  </si>
  <si>
    <t>b'0\xfa%4^\xe5\xc0x\xbe\xfdi:9\xe4R @|\xb4?+F1RC\x8e\x84\x9e\xe4\xbe\xb9\x1b'</t>
  </si>
  <si>
    <t>b'\x00\x82\xb6\xee\xc8\xdd{\x8az7\x08y\xb2\x81\xec&amp;\x08\x85\x92\x8co\x80!\xdd\xcf\xc9\xd4\x07f+\x13\x9a'</t>
  </si>
  <si>
    <t>b"q\xfd\x07Y\xdeN\xfa(\xed\x18'-^\xad\x0f8\x05k\xa2\x07\xdak{\x87#k\t3\x14\x18P]"</t>
  </si>
  <si>
    <t>b'\xdb\xef(\xb3\xee\x0b\xef2\xc9X\x06\xd6\xa3\xe6\xf4\xba\xb3&amp;k\n0\x90P\x12\xc5/\xb4\x1a#\xa6H\xd9'</t>
  </si>
  <si>
    <t>b'D\xea\xb9\xf0\x01.\n\xb1\xc4\xf2N\xf5/\xf2\x01\nYl\x02\xd4\xdf\xbeD\x0by\x1b\xbe\xb1\xdd|-\xa4'</t>
  </si>
  <si>
    <t>b'\x0b*Tl\xddb\x17\xack\x16\xb8\xe9\xba\x8b\x15\xd6a\t\x99\xca5\x1c\xa59\x02UJ+\xd22\x88z'</t>
  </si>
  <si>
    <t>b'\xf6\x12 \xa8\xa1o\x10\x89\xf3\x06\x04\x06\x12_\x13\xba\x01!cxn\xcfE\x82\x07\xd6\xe3\x83\x90\x95\x9dz'</t>
  </si>
  <si>
    <t>b'\xf2\xc8Jt\xeerbV&amp;\xa4\x1d\xbb\xd5\x05\xd1\x8bd+\xbc\xc4\xdd\xcb\xbe\xaa\xf2&lt;h}k\xffl\xb0'</t>
  </si>
  <si>
    <t>b'\x16_\xd6\xef\xbd\x9f\xa5\x9b\t?\xd0-\xa6\xfb\xe4Q5D\n\x8f\xaf\xd20o\xe6\x8e\xd3\xcb\xf6c{G'</t>
  </si>
  <si>
    <t>b"\xa2\x02m5zef\xc3'\xcc\x98\xee \x82#{\x91\xd6\x15'\xcec\x06\xa2\xe3\xf0\x97X\xf9\xaa,\xd2"</t>
  </si>
  <si>
    <t>b'1\x1fL\x18*\xc7\xf6t\xe7\xb8}B\xe8\x891\xa3\xc7\xb8\xbd\xe3D\xdc\x89\xc6\xf3\x03\xba\xb4\xc4\x0c;d'</t>
  </si>
  <si>
    <t>b'q\xd1\x02\xaam\xa4m\x89C\x12\x04f\x94f."\xb3\xa1\xf7\x06\xbd\xec\x03&gt;|\xd7\x12\xa8l\x00\xcc#'</t>
  </si>
  <si>
    <t>b'\xe2\x95\xa7\xe8\x18\xfeS\x07\x18\xd0\xd0\x11\x0b\xa58q\xed\x11v\x8czX(\xf4\x93\xa8\x94\xb4e\xd5z\xa6'</t>
  </si>
  <si>
    <t>b'\x1dA\xbf\x11g\xcfSE\xe5\x88\xcfT~\xad\x95[\xd0\xf7\xccT\xb5\x10Z\xc2\x0f\xcd\x1d\x07Ry\xcfF'</t>
  </si>
  <si>
    <t>b'\x85\xdc\xa2\x12D.a[\xd38\x00\xcbI\xd8\x1aY\xe4\x8a\xb0W!}\x0f/\xb7"\xa7\x10\xd6:\n\xe6'</t>
  </si>
  <si>
    <t>b'\xa9\xbb\x81\xbc\x7f\x1f(\xe7\x05\x83\x96\xdfA\xbc\xb5U\xef\xb9\xbb\r\xb6\xa9\x0c\xb9\x12\xf3i\x96_\xd7\xed;'</t>
  </si>
  <si>
    <t>b'\xb0\x1a\xc3\xaa\x98q\xeaSW\x16\xfd\x1eH:\xcbs\x1aboP#\xe2\xf9\xc8z\x17\xc9\xad\xa0\xba\x16\x14'</t>
  </si>
  <si>
    <t>b'\x99;\xe4\x98\xb9Z\xad\x8e|\x86\x82~\xbc\xd3\xaaS\x94\xac\xd0\\\xb2}\xe7@\x9e\xbf\xd7\x14\xf3\xc0\xa7\x04'</t>
  </si>
  <si>
    <t>b'\xc8g}\x08\x18\xf2\x11/\xd8\x7f\xa4\xae\xff\xd6M\xf0\x9f\x95\x9a\xb0\xf0\x9e;\xd4\xce;Z\xff\xfa\x01`\xda'</t>
  </si>
  <si>
    <t>b'\xb8^\xdbq7:\xf8\x97\xeei\xd8\x8e\x7f\xbd|\xb1&amp;\x94\x94\xb08\xbb\xd9\xb8\x9b\x0b\xc2G&lt;g\x07\xc5'</t>
  </si>
  <si>
    <t>b'\xe01*\xf5\x18\x0f\xf2\xb4\xc9^e\xfd\x95\x1e\\\x04}\x86%T\xa7X\x9e5r\xdc\xcc\xf5K\xf6s\xc3'</t>
  </si>
  <si>
    <t>b'"\x8d)\xf3M\xbeh\x9d\xe5\xb2\x95\xe6\xa3a\x8f\xc9\xd8\'\xa3YfIu!\xcf\xb3H\xf71"\x93\xed'</t>
  </si>
  <si>
    <t>b'\x88k\x02\xa6N\xf1v\xc2\xa0\x8bs{\x99~\xf2\xec\xb1~\x1eI7&amp;\x88\xf6\xfe\xe7/\xa3Y\xb9A\xc4'</t>
  </si>
  <si>
    <t>b'b\xbex%\xdb\xb7\xb3\xaa\xf3Us\x0c80\xa4\xaf\xd0nA\x89\xa7\xaf\x7f-N\xb2~%\xcb\xfa\xcb\x8c'</t>
  </si>
  <si>
    <t>b'\xa2\xa0\x0e\xea\x8e\x04\xd2\x1f\xb5\xc8\xea\x1e;I\xba\xc8\xbf\x1dNHD\x98(\x7f\x0b\x80\x8d)\x88\x15\x94l'</t>
  </si>
  <si>
    <t>b'\xec\xcf\x06\xaa\x1ah8\x86\x9c\x13&lt;\xd5\x82\x0cy[\xe3y\xc3]\xa4\xb8\xa7\x8fr\x84\x89\xe7\x9f\x96\xe2\x0f'</t>
  </si>
  <si>
    <t>b'\xeb6\t\x85+\xe9\xc2&lt;N@\xdb\xf6\xc0\xfa\xc0\x14`k\xff\x04\x9dv\xada\x0c\xd0\xbf\x95\x05\xf6Y\x13'</t>
  </si>
  <si>
    <t>b'\xbe"j\x99^\xd7M\xc2\x1cU\xc6=\x05;2\x9fGv\x8b\xb2\xdd\tS\x0f\xa5Y\x01o[G\xd5%'</t>
  </si>
  <si>
    <t>b'\x00\x95\xf0\xab39E\x01R\x14!9K\x15\x16\x12\xccbZN\x84"LAV\x8d\x03\xd2\xbc\xce\xf0\x90'</t>
  </si>
  <si>
    <t>b'\xa5\xfc\x8f\xfe\xb0\xaf\xd9p\xf2m\xa8&gt;\x05\xb4\xd4NU\xa4\xc6\x90\xcc\xe1\xb2\xe5.\xc4\xe61Np\xc4q'</t>
  </si>
  <si>
    <t>b'\x89)\\KR\x84V\xc7\n\xe4\x89\xeb\xab9\xb1\xa8K\x89?\xea\xd0\xd85a\xcd\x95\x00L\x86\xcf\x8e\x88'</t>
  </si>
  <si>
    <t>b"\xc5\n\xae(_\xd8\xb7\xef\xe6\xf6\xa1wP.&lt;\xbe\x089\r}wWZB)'\x9e\x98\xc1Ro\xe1"</t>
  </si>
  <si>
    <t>b'S\x03\x86\x90\xe3K\x8b\xeat\xc7\xdf\x9c,\xc1\xb2\x81\xdfF\xbd\xe9\x15\x9a\x13^q\x1dH#\x91\xed\x94A'</t>
  </si>
  <si>
    <t>b'\xf8=\x15\xa5go.NI*s\x9a\xfc\xd0\xcfh\x86\x01D\xa8\xfc\x80Za\xcc\xd4^G\xac\xaf\xee\xee'</t>
  </si>
  <si>
    <t>b'\xb5V+\x89\xb1\xd4\x06\x9fZ-\x97w@|P3a|\x97\x16\xaf|*d\xf1\r8\xf3\x8cM\xd5\xe9'</t>
  </si>
  <si>
    <t>b'\x12\xe2}\x8c%5\x1f\xcapr\xc3\xb8\xda\xb5\x18\x9d\x9d\xde\xe7\xf6:\x82E\x0e\xa7be\x11\x1f\x97l\xcd'</t>
  </si>
  <si>
    <t>b'%\xfc\x08\x99\xf1\x87\xf2\x96g\xfb\x82\x12\xefp\xe8#\x1c\x0f\xe3\xa7\xcbC\xc0\xf4\xd2\x05o&amp;L\x8a\n\\'</t>
  </si>
  <si>
    <t>b"G:\x99\xf0\x16\xf6\xee\xb2i\x91\xc0\xc6\xbf\x85\xd2\xa3\xbd\xa4\xd5\xfb\xc7\xd8\x04'j0\xcc\xf0\x9f\xdd\xc2\x9e"</t>
  </si>
  <si>
    <t>b'.\xd1\x8d\xf6\xc4`\xfaV\xf0\xfbz\xbd\xfaZ\xd4\x9c\xa8\x81\x94f2MY\x993y\x11W\x90"\xaff'</t>
  </si>
  <si>
    <t>b'%xk\xba&amp;\xe6\xd6uu\x7f\xf7\xb5:\x07E\x1ak\x0b\xbe\xe9\xd7\xe1\xf4"\x9c&lt;\x0c2\xbd\xae\xbf\x1d'</t>
  </si>
  <si>
    <t>b'\xebc\xe7\xe8\xd7\xa5\xfeh\x16y\x15\x17\xb4\x88\xb0\xae\xbe\x0f\x83\xde9(5\x86\x7f/t\x8b\x1f\xa1N;'</t>
  </si>
  <si>
    <t>b'6Fk\xee\x9b\xe5&amp;Z2\x93\x96\x8b\xdd\xd5_\xad,M\xba\xa9\xf1Ym\t\x8d\x0c\xef\xbdm\x1f`\xab'</t>
  </si>
  <si>
    <t>b'\xec?\x7f\xbb\x90\xfa\x99{\xb5\x14%\xbc@\xb3V\xad\x04aQ\xbez\xea)\x9f\xd6\xd1\x9d\x8a\x84\xf1\xe1}'</t>
  </si>
  <si>
    <t>b'\xe1\xe5\x1b\xc0\xfc\x9c\x1a\x91he\xbe\x15\x97\xb1Ig\xcb\xbb5?\xd2\xb2\ng\xa7i{\xde0\x95!\x90'</t>
  </si>
  <si>
    <t>b'\x91\xa4\xf0\xf7k0\xea;\xbc@\x964\xffcq\xacY\x82\xcc\x02\x07\x8c\xc8\xdd\x08q\x05^\xb5\xb1\r\xfa'</t>
  </si>
  <si>
    <t>b')\x9f z\x1d\x8b\xa3\x12!y\x80\xbd\x19\xa7\xb3\x1b\xbb\xc2( \xf9L\xf5U\xa7o\xddL\x05~\xd9\x88'</t>
  </si>
  <si>
    <t>b'\x9d?F:\xc74\x86W\xfa\xed\xedb=\xb2X8p,OY\x1b,\x1d\xdefz\xbe\x13\xd5W\xa8)'</t>
  </si>
  <si>
    <t>b'S{\x13\x14O\x19#u\x80\xa1?\xc4`\x02\x90\x8bb\xc5\x15\xc4\xf08\xa8\xbb\xcf&lt;k\x9d&amp;\xb9uN'</t>
  </si>
  <si>
    <t>b"^'\xe5\xc84\x9e\xa0\xc1\xe0\x0f2\xe6IC_\x90\x1a\xbb!\x04\x08Q\x16\xbdXd7@\xfc\xdfiw"</t>
  </si>
  <si>
    <t>b'C\x87\xac\x88\x9eP\xff\xbe\xd8=\xe6\xc3\x88\xeaZJk\xa8\xaf]\xfe\xcf\x9b@\tI\xcf\x13U.v\xcd'</t>
  </si>
  <si>
    <t>b'f_\xd4E\x10\x9fx\x94\x17\x18\x9c\x01\x0cXq\x1a\xe3\x9d\x93\x14m\xdds#\x94:\xbd(\xdf+\xe1$'</t>
  </si>
  <si>
    <t>b'\xcb\xb8s\xec\xa3\x03\xcf\xfb\x03\x8a4\x01\xff\x9d\xcbP\xc8\x9a\xe2\t\xc5\xad\xae\x08M\xd6&amp;\xac\xfdq&lt;l'</t>
  </si>
  <si>
    <t>b'4\xd6S\xb3\xba\xb7\x99\xde\xc1I\xa68"\x90P!\xcc\xc3\xe3n\xab\xf0\xda\xd0O\x1e\x143\x96\'E\xa4'</t>
  </si>
  <si>
    <t>b'\x82(\x04\xf7\xf7\x89 \xf2\x14\xe3~\x14\x1fg1\x90\xc2\x9ds\xc6\xb6\x8a\xc5m@v\xd5\xbc\x82b\x9b3'</t>
  </si>
  <si>
    <t>b'\xcf\x08\xf94{NHoj\xb5H\xe2\x9b\n\xd0\xf5\xd6Dtm\x1bK\x98%\x95Z{\x13\x89\x8d\x8aX'</t>
  </si>
  <si>
    <t>b'f%\x00\xf2\xc5\x88\xb8\x14t\x04\xd8\xd5\x10,@n\xee\xa9&gt;K\xa7\xb1\xd6\x16$\xe82\x98\xac\x05\xa7C'</t>
  </si>
  <si>
    <t>b's\x1d\xf7\x9e^\xf7\t\x80\xc7\xcfX\xd2SA\x1bb\xbb\xc9\xaf"\\)\xd6\xb7\xdf\xda\x0b\xc6!v \xa0'</t>
  </si>
  <si>
    <t>b'&amp;\xbe\xb3F@\x9e\x9f5OCM\xa6\x85\n\x8c\xb4\xc9Hl\xba#\xf2\x87iY\xf6?2\x98\xd7\xceN'</t>
  </si>
  <si>
    <t>b'U\x1f\xc9\n\x96#`\xbb"0w\xdb\x0f\xeb\n\xd2\xfb\xcb\xea\xd9~\xd4\xf4f\xf0:\x86\x08d\xd4\x17\x0f'</t>
  </si>
  <si>
    <t>b'\x86\x07\xe8$\xf2\x96\xcb[]q\xc8\xa0W\x92\n\xe5\x1d\x1d!a\xf9\xde\xf2\xb4{;d\x81\xedz~\x9c'</t>
  </si>
  <si>
    <t>b'\x1a\xe6\x89D\xf22\xe6_\xe3\x85\xfe\xfb\x99\x1c{\xf3\xef\x89\x8e\xcc\xfe\x97U\xdf$\x1b\xb7\x0eI\x16\xefZ'</t>
  </si>
  <si>
    <t>b'\xb3\xc2\xd6\xc9K\xb7C\xda\xb1Lm\x12/\xc3\xc8\xa3\xf5\xa7#\x19\xcbQ\x99\x12;\xaeJ\x84\xe7\x98\xd3H'</t>
  </si>
  <si>
    <t>b'\xb8\xb6\x9a\xac\xf1C\x1c\xcc\xcbtKS\x95\xb5\xffU\xe7\xed\xbf\x9a#\x13#\xe1$\x95\xe1\xca\x19N\xa8\x81'</t>
  </si>
  <si>
    <t>b'\t\x01\xc9\xaa[]p\xbb\x05Jd\x83\x8a\xae\x89q5Rb\xce\xd4\xbfg\xda\xe1\x0f(R+\x1f\x0e\xba'</t>
  </si>
  <si>
    <t>b'\x0e\x87F\xf0\xa6I\xc4z\xb2E\x0e\x9b\xb2\xf7\xf18\x8bPScs=\xa0\xfd\xc6\xcaI\xc9\x7f\x0c\x86\x13'</t>
  </si>
  <si>
    <t>b"\x8a\xa9\xd2\x9eTp'|r\xc0.3\xbc\x0c\xe6r\xbfw\xdf\x85Td\xbf+i;\x80\xc2\xbab\xb7\xa9"</t>
  </si>
  <si>
    <t>b"S\xcf\x88\xa9\x88\xd6)\x9a\xe4v\xbe\xf6c\x05j\xb7\xe3\xbe)'\x8a\xe8\x03Z\x1c\xd3`A0\x8c\x12\xb5"</t>
  </si>
  <si>
    <t>b'\x1f\x19\xe3E\x07\x1d$:Z\x16\xf2\xe3\x0cr\xe7\xc1\xa0\xb5\xb7\xeaQ\x00A\xfe\xa3:\xbaf\xceo\xfc\xdb'</t>
  </si>
  <si>
    <t>b'\xa4\x07\xa5\x86R\xcd\x8b\xf6x\x19\x97"Di\xe8v\xd4\x06\xce\n\xabB\xfc\xfd\x8d\xda\xe1\xaa+\x87\x90\xe6'</t>
  </si>
  <si>
    <t>b'EB\xa9\xc0\xb4\xed\xb0+\xe6\x02 \xc3T\xe6`o\xb2F{\xa4\xdb\xc8Zs`\xcf\x88\x16x&gt;&gt;\xfd'</t>
  </si>
  <si>
    <t>b'M\xcd\xd9\xf8\xd7\x97\xe0l4\xd9C7\xfd\'&lt;?\xde\xc6$\x04D"\xf0\xfa\x12\xb3z\x909H\n\xad'</t>
  </si>
  <si>
    <t>b'\x1ay&lt;J\xbcX"\xe7\xee\x1a\x1dn%\x13\x0f\x1a\xe0\x9b\xa0H!\xc3c\x95\x88B\xbdP\x84|_\xd3'</t>
  </si>
  <si>
    <t>b'!\xe7\x8fx\x1e\xc7U\x13\xd3\xa0\xb3\xae\x17"??\xc7=\xfaD\x88\xb7Q\xac\xd7\xd6\x85h\xfd\xda\x13\xd8'</t>
  </si>
  <si>
    <t>b'\xf9]Y\xd5\x89}0\xce\xf9A\xdf\x00l.\\\x9a\xd2y\xfb\x89\xffb&amp;3|\rl\xbd8\x90\\\xfd'</t>
  </si>
  <si>
    <t>b'\xc7\xe5R\xca\x06/\xf0q\xd6\xd5\x84\xbc\x9e\x00\xf6\xfb6\x93MOzA\x17Z}\x15\xf6v \xca\xafi'</t>
  </si>
  <si>
    <t>b'\n\xb7d)E&amp;\xf7\x9d\\l\xc1\x9bgS\xd2\x9b\x0b\xcfR\x12f\xca&gt;\x15\x19&gt;\x85\xd6\xa7\x8aQ\x9c'</t>
  </si>
  <si>
    <t>b'\x84\xc4/c\xe8\x8d\x1c\xee\x18\x89\xac\x81\x99\xa1\xa8\x9b\xc8\xfd\xafZ\x9b\x89F\x0e\xa1\xc4\xfd\t\xee\x11~4'</t>
  </si>
  <si>
    <t>b'\x1c\xd0|\xaa\x08\xdby\x14\xc5\xe92wq\xd5\xa6\xb9\xb2\xa9\x7f\xbdHGM\xc5\xb2\xc9v\x08w\xb0\x83\xff'</t>
  </si>
  <si>
    <t>b'eL\xba\x08J\xb7)\xe3\xff\xd7\xeb\x9e&lt;\xf1\xa4j\x0b\xc6o1#\xa7\x87\xd3S[C\x0b\xae\xd7\xf7\xa3'</t>
  </si>
  <si>
    <t>b"\xd4]:x\x0f\xbb!\xb3\xbc\xde\xda\x1e\xcd\x9e\x80DT'\xea\x93\x1f\xfb\x96\xaaj}\xe0g\xbf\xddT\x15"</t>
  </si>
  <si>
    <t>b'\xe7\xc1\r\x9a\x00\x15c9gs\\V\xafO\xffG\x1e\xd46\xd0\xf0\xa7\xb7|L\xd7\x1c\x13UJ\x9dD'</t>
  </si>
  <si>
    <t>b'\xb5\x9e?\x84|\xcd\xe7\xb7\x15\xc63\x15m\xe5\x87\xcc$\xb3\x17\xf4\xdc\x9dt\xa5\x9a\xbe\xf7\xb2{\x0b\x08 '</t>
  </si>
  <si>
    <t>b'\xc2K\xf8\xe8\xf0/\xb1\x82-l\x06\x02\x03\x90~O\x92{\x0cS\x89\xfa&gt;\xfc\x86\x86;\r\xc4(\x0f\xde'</t>
  </si>
  <si>
    <t>b'\xa2\xa1K\xdc\xb4*\xa2\r&gt;L\xac\xfe\x9d\x15\xabFa\xa0\xc5\xd5\xff\xc1g\xb3\x03\xd5\x98+1{\x00\x0b'</t>
  </si>
  <si>
    <t>b'\x8c\xa7)\xbc\xdd\xda\xc8\xdaN+b\xf1\xf5\x8bb\x16zD\x87?\xf9\xd0\xc5\x91\xbe\xdb4\xef\\\x01i\x9e'</t>
  </si>
  <si>
    <t>b'\xd9\x8b\xdc\xa0\n\x94\xca\t|\xea\xca\xb1&amp;\xb0\x89:S!&amp;\x9a\xd6=\xb3\x13PH\xbe;e\xa6\xfe['</t>
  </si>
  <si>
    <t>b'\xaf\x80\xb1\xdb\xccA53@\x885\x80\x05\x81C\xda\xdd^\xd0\xb5\xa0O\x99\xa8!5\x8e\x1bFO\xa9e'</t>
  </si>
  <si>
    <t>b'\xdf\xa7\xe5\xbaz2\xac\xbf\x85\x9c\xdf\xaa\x81\x83\x04\x96Ph&amp;\x1f\xf7j\xe6BF\xa8@\xbf\xcf\xf9\xda\xb3'</t>
  </si>
  <si>
    <t>b'\xb1\x8b\xae\xb4\'`\x8eO\xdcrR\xe1\xa0P5&amp;\xcd"\x1e!\xb7{Vk\x89\x9e\xf4\xc2\xeaE6\xe7'</t>
  </si>
  <si>
    <t>b'-\xddey\xec\x16\xd4\xc2\x0eG]\xb0\xec^M#kk\x08\x90\xee\x9bb\x99c\xfd[\xca\xd7\x83\xeb\x84'</t>
  </si>
  <si>
    <t>b'\x9d\x81x\x9145\xd6Hg!\x85\xab\xaa\xede\x85y\xf9S,\xde\xd6\x88X\xc6C\xf3\x0f#%\xe6='</t>
  </si>
  <si>
    <t>b'\x81\xc8,@\t-J(=\xb5L\xfa\x8c\x11\x83J\xc7\xf6`\xa0\xad\x0c\xd9\x03%\x9beQ\xd8S\xf7\xff'</t>
  </si>
  <si>
    <t>b"\xf6r1\xb7\xdbe\x92\xfd'\x01t\xa5\xfe.\xdbZ\xce\xa7/.\xc3^.r\x87\x1fE\xe7`\x08y?"</t>
  </si>
  <si>
    <t>b'\x15) \xc7\x93\x06qA\x8f\xf2:qGX\xe4R9\xd9\xab\xf56s\xae\xfd\x16\x80\x8b\xe2\xca\xb5\xa3w'</t>
  </si>
  <si>
    <t>b"\xe8\xcc\x14\xbd'a\xaf\xae\xe4\xe5\x8d\xfcY\xb9\xf6\xde\x9e\xb9\x92\xeb\x18O\x01\x9bx;\xcfk\xfa\x8b]\xeb"</t>
  </si>
  <si>
    <t>b'\xff\x904\xa0\xdc\xfc \xaaY\xb4wL\xf3EG\x99N\xe8\n\xdd\xc8\x03c\x00\xe4PG\xdd\x8aY\xc3\xb2'</t>
  </si>
  <si>
    <t>b'?&amp;\xbd\x8cL9\xc7\xbb\xb8\xefS\xe1\x86J\x90\x88\x92b\x85\xc4\xc3\xff\xa5\x15\xd4x\xea\x91\x91(,e'</t>
  </si>
  <si>
    <t>b'b\xbb\xa64X\xc4\x8c\x89\xaeN\x99\x89\xce\x08\xbd\x19z\x1e}\x8c\xd4\x88j\x9f\xa6\xca\x969\xf0\\\xc8\x90'</t>
  </si>
  <si>
    <t>b'T\xe3N\x89\x85\xf1\xb6\x19=\x1e4\xa4\x13\x7f\xf6\xd1\x9a\xec\xb1[Rh\x0b\x14\xcdl|\xca\xaf`|]'</t>
  </si>
  <si>
    <t>b'{\xc4\xf9\xbe\x07\x9e\x16\xf4{\xe1\x04\x1b\xf81Z\r\xcc\xe8\xa0\xbd\xb5\xbe\xc8\x1bV\xb5o\x8e_\n\xb6J'</t>
  </si>
  <si>
    <t>b'\x82\x08\x8c\x1fXr\xcd294\xc3,_\xc7\xba\xa5\x9e\xea\\\xb6\xfa\x99\xf7\x97\xb1\xa2\x87*{\xe9\x8f\xa0'</t>
  </si>
  <si>
    <t>b'\x1ap\xb9\x14\xe2\xce\x9a\xef\xcc\x0c\xac]?#LIgq\x1er\xdc\xc3nG]qG\xedD\xeb\xa3\xe0'</t>
  </si>
  <si>
    <t>b"\x14\x11\x1b\xfd\xe3\xc3\x9co\xbe\xb7\n\x0f\x12\xd3\x04\xf7\xc9\xf1H\xd1\x19\x8a\xea'\xd0\x0b] \x07D?\xb1"</t>
  </si>
  <si>
    <t>b'R\xc2\x90\xb7}js1;\xf1KEd/\x9f\xdd\x19\t76\xdf\xb90\x1a[\t\x83zq\xe8\xd8E'</t>
  </si>
  <si>
    <t>b'\xda\xda\xc7\xc9\xd9\xadkN\xa7yD\xe3F\x1baluX\x0bC\x1c1\x95s\x94\x98`M\xb0\x9f*\xd2'</t>
  </si>
  <si>
    <t>b'SGz4U\xe9C\xc4\xa3\x81AS%F\xffm\xda\x05\x9cF\xfe\xd1\x83\xd4M\xe4\rlh\xfc\xe8\x9c'</t>
  </si>
  <si>
    <t>b'\x03\xf0\xd8\x19Z\xf4K\x97\xf1\xee\xdei\xedO\x1f\x03\xc7\x958HD#D4@E\xc1D*c\x12\x90'</t>
  </si>
  <si>
    <t>b"(\x7f\x92\xec-\x7f\xd3\xf9\xbb\x19\xec\xa7G32g\xa4O\xce5\x93\x9d\xd1y\xde\xdek' \x9bp1"</t>
  </si>
  <si>
    <t>b'\x16\xa8\x9bN\xe3\xbe\xe1\xcfU\x7f9\x18_X\x14\x87{\x86\x8e\xe5&lt;\xbc\xa8\xaf\xb6\xa7\x92\x10\x80\xf6\x94\x13'</t>
  </si>
  <si>
    <t>b"\xa6di\xf1|4\xa8&gt;;IG\xb6'\xa8D\x1d\xf4\x89\x9c\xb0\xa1v\x112&lt;\xb2\x91\x9b\xc9z\x15\xba"</t>
  </si>
  <si>
    <t>b"\xad\xca\x13\xbd\xa7\x1aq'\xa4b\x9fv)Q\x8b\xbc}\x85\xe6\x81\x8e\xfdb\xc8\xea\x92b\xbd\x1bO=\xa9"</t>
  </si>
  <si>
    <t>b'\xe0\tn!\x13\xe4\xc5\xcfVS!E\x81\xed\x82\xeaU\xe8\xe8q\x08\xf9\x91\xbb\x14\xee`\xc0\xda\x9e$\xe2'</t>
  </si>
  <si>
    <t>b'\x8f\xfb\x87\x86\x07_;\xf9e\xb3\x07\x86r\xe1\x9f\xa7}\x17\xc93q\x83\xdb\xd0\x98\x01\xa0e\xd5\x9d\x8dy'</t>
  </si>
  <si>
    <t>b'\x08|\xaa\x8f0\xf3eE\xffH\xf7\xe7j\nO&gt;9D\xf53\xe8|\x81oJd\xfc\x97\xda\x8f\x8f\xaf'</t>
  </si>
  <si>
    <t>b'#\x81\tNm\xbe\x8e\x01\x11\xc2\xf4\x05\x0er\x94\xd1]\xd4G\xbd\x14\xe2\xd4 a\xfb\xfe9\xe9\x1a\x9f\x05'</t>
  </si>
  <si>
    <t>b'Q\xb9W\xab\xbb\xf3\xf3\xb8$Y\xfao"\x98^y\x97\x01:5\x1c\xc6o\xab\xfbEc\x08l\x1fp='</t>
  </si>
  <si>
    <t>b'\xbbv\xabyk\xefb\x9al\xd0\xa4\x8fd\xf3\xc5\xde\x10\xde\xff;J\xd86bQ\xd3J\x07\xf9I\xb2\x96'</t>
  </si>
  <si>
    <t>b'\xdfl\xa2gC{D\xea\xc1\x07\xdaG\xe7\xef\x0cH\xafI\x9d\x12z\xcf_w\xf4\xc1e\x99M\nR\xb6'</t>
  </si>
  <si>
    <t>b'\xfa\xc4\x88tcrQ\xd6\x87\x0c\x06\x01\xcb\xf7\xe5\xf5~\xb1`\xc2\xb4\xf3\x1e\x88r]\xae\xa4\xceS+:'</t>
  </si>
  <si>
    <t>b'\x8b\xaa\xec\xf7\xb7\x92j\x18\xa5\xa0\x9f4\xfa\xaf\xe9\x1da\xf1\xea\x01]\xee\xae\xaa\xb8\x02\x18N\x94\xce\x0b}'</t>
  </si>
  <si>
    <t>b'p\x16\xcd\xf8\xb2N\x17\xe3K\x9c\xcb\xad+`C\xfd\xd7\x9fg\\\xfc\x90\x0cU\x92I[\xd7\x1e\x03\xb7\xfb'</t>
  </si>
  <si>
    <t>b'\xc5E\xffL\r\xc6Q\xd4\xfd\xd2\xfd\x8fr\x1d\x98\x08\x9b\x86d|\x9f\xf3\xd5`Iq\xb3\x1f\xa6}\x92W'</t>
  </si>
  <si>
    <t>b'&lt;\t\xaf/\xfb[\xbd\xe4\xa2\x88\xf1=\x06&amp;\xcd\xd3\x84\x03\xcb\x03\xac\xf7\xfd\xecPd\xe5\x9eT\xa2i\xaf'</t>
  </si>
  <si>
    <t>b'\x89%\xa6\xbb\xfe\xc4\x0c\xe4B\x9ff\xddY\x04\x05j\x12V\xf1\xdf\x11xJ\xaaA\xb0\xfdp\x1aNr\xbc'</t>
  </si>
  <si>
    <t>b'\x1d\x0c\xb1\x1b\xcdv/\x9eE\x0e6,\xfaj\xf7\xf0(\xf4\xaeo\x1a\x8a\xdf\xb1\xb7\xfc\xd3\x94:]pI'</t>
  </si>
  <si>
    <t>b'\xad". \x9a\x19.\xe5\xef\x90\xd1U9c\xfc&gt;\xde\xb5\xe1[\xb3J\x16\'{\x96\xf6\xe9\x06:`\xa0'</t>
  </si>
  <si>
    <t>b'\xa2\xbd&gt;\xb8\x98*$\x88mTuaF\xad\xf8\xc3\xd6k\x04\xfb\xe6\xcb\xd2C\x8f{\x1a\xfc\xd0\xb3\xfe#'</t>
  </si>
  <si>
    <t>b'jr\xa7%\xcd\xe0@\xf1J\xeb\x17\x08\x83\xa6\x9c\xbc1\xa1\xdf\\\x1ax\x9eGp\xaf\xf1\xba\xdarhU'</t>
  </si>
  <si>
    <t>b'\xc2R\xf3\x86;\x9b\x9c\x04Rq\xff\\\xf9\x11\x83N&amp;\xf9Y\x0cQL\xdam\x1aF?\xce8\\\x15]'</t>
  </si>
  <si>
    <t>b"\xc0'\x83=\x12\xc0\xb8\xf7\xc59\x9c\x11\xd7dC\x13P\x91l\x04\x93IZ\x06\x11NH,1&lt;\x89\x1b"</t>
  </si>
  <si>
    <t>b'\x16\xbc\x1eU\rT\xb4\xd6:RqpaiLd\xd4:\xa1\t\x8aG\xd494N\xac\xa8j\x158\x19'</t>
  </si>
  <si>
    <t>b'\xb8NL\xb8\xa6lQ\xaao\x93_9\xf3\xb5\x92Z8\xdek\xc2\x0e\xcd\x01\x91\xe4\x863\xc2\x81\x99\xc3\x00'</t>
  </si>
  <si>
    <t>b'x0\xbc\x0f\x90\xe7\x8f\x0f\x8d\x94D\xaf|\x04e\xe2lC\x93\x03b&gt;\x9fis\xc5\xb1\xf5\xecX\xdd\xa8'</t>
  </si>
  <si>
    <t>b'|2jp\x84\x07\xd5\xe6Z\xdb\xce\x9a\x9c$\xab\xed\xb6\x0b\xd1\x08\x9f`M&gt;&amp;\xf6\x92\x9a\x8a\xecn\x97'</t>
  </si>
  <si>
    <t>b'\xa45\xc8\xb1RWEH\xf5A\xfb/\x82T\x9es8\x02\x87\x9c\xefL\xd6sq=q\x8f\xdb%P#'</t>
  </si>
  <si>
    <t>b'\xb1!\x89`\xb5\xdd\xaa\xfe\xc0\x16\xff\xb8@^\xd0XH\xb8\xbfm\xdf\xd1\xf5{\x91q\xc9\x9f\xca|c\xb4'</t>
  </si>
  <si>
    <t>b'\x00\x10V\xa7\xccyg\x9f\xf4\x86d\xfe\xf8\xa2*\xd7\x04\xb2N\xbd\x1d+X\xde\xf6?\xd7*\x15\xeb\xa3\xad'</t>
  </si>
  <si>
    <t>b']\x19\x84\x04\xeb\x8cx=d&amp;\xc5\x18\x80\xf6)\xa5j\xe0\xc9\x98\xbe80\x0eXor\xb1=\xfdX\xd0'</t>
  </si>
  <si>
    <t>b'\x9e}:\xa4\x97_\xa87o\xee\x9d\x90\x0e\r\\\x81\x04j&amp;hI\x01A\xf1\xed\x14\rV?\\j\x12'</t>
  </si>
  <si>
    <t>b'\x07\xe1f\x80Bi\xa0 \x0eW\xd3\x00\x17\xb8\xc3\xba\x92\xc5\x06\x0b!\x90e\xac\x14TB\x1b\xea&lt;k\xef'</t>
  </si>
  <si>
    <t>b'\r\xf6q\xcc\xf92\xcd\x8cw\xfb\x8e\xae\x8eXi\xdf\xc8\x9d&lt;\xb5\xafZ\xb0W\xfa\x90\t6[\xcb\x06\xb2'</t>
  </si>
  <si>
    <t>b'&amp;\x0f\xe4\xf8oB\xaac\xdbp\x95\x9dAFG\xc9\xcd\x1a\xde\x83a\xe6G\xbcxNl\x03^\xbf\xa2\xb5'</t>
  </si>
  <si>
    <t>b'\xc2\x90p2bF\xf8V\x8e\x10\xd7\x88\xe5\xa1\x9cw6\xbc\x06\x80\x07\xce*cl\xd5\xe6?\xf4\x87\xee~'</t>
  </si>
  <si>
    <t>b'-~m\xb0\xeazG\x8c\xab\xec@\x91\\\x82\xad}\xc6\xca\xff\xaf\xfcG\xd5\x9d\xd5\x15\xbb\xdc\x15\x14\x82x'</t>
  </si>
  <si>
    <t>b'6S\x891Z\xd6\x9e\x9e\xb8I\xc8\x03\x9c\xc2\x17h\xd6\xd4\x94\x001\xff\x1b\xe6\xe6\xc0\xe6\xe0\xfe\xde\x96&gt;'</t>
  </si>
  <si>
    <t>b'\x17\xc8blU\\\xa5\xda\x98\x0f\xbe\xa25\xe4aqT\x8aA\x84\x9b\xc0\xea \xa3\x0fD*\xc2\xdd}\x13'</t>
  </si>
  <si>
    <t>b'\xe7w\xf6\xc1=p\x1e\xd4\xcb\xcd\xa0\xa8J*f,\xdfm\x05\x99\xbc\xb8\xf1\x7f2i1\xb3@\xf0\x0f\x13'</t>
  </si>
  <si>
    <t>b'\r\xb6\xde\xbc\xb0.o\xfd\x93\xd4\xb9\xcb\x91\xb2\xe9\x95\xa7\x0eX\\\xf3V\x04\t\xa0X#n;@\xc3\xe5'</t>
  </si>
  <si>
    <t>b'\x04\x8aJ\xc6\x8dH_\x87\x96\xf8\x9c\x9d\x96Gz\xd5\xea[\xf6\xe7\xb7ZK\xfc\x93KJ\x02\n9;C'</t>
  </si>
  <si>
    <t>b'h\xd5\tP\xff\xab\xf6G\xack\xcfZ\x0e\x1b\xa9\xc6\xba7Q\x1ac;\x95\x01\x1a\xe6\xb1\xbc\x1fh\x0f\xa2'</t>
  </si>
  <si>
    <t>b'\x16[Ai\x13\x06\t\xea\x8d3`i\x1f\xc31F\xa5\xae.\x0cS\xe8\xaf\xdf\x88\xaa\x13V\x8d\x80\xd4t'</t>
  </si>
  <si>
    <t>b'\xc5f\xeb\xee}\xbb\x97\xf5\xc6\xea\x06\xefX\xc5\x12-\xbf\xc0\xf5[\xf9\x0c,\x00\xea4!/\xd8hG\xf7'</t>
  </si>
  <si>
    <t>b'Xp\x1f\x1f\xd6\xf0g\xcd\xdc-=4\xda\x18\xa6V|\x08\xe3,C\x00?\xdd\x9b\xeaXv3N\xdb^'</t>
  </si>
  <si>
    <t>b'd\x94\xa3\x92\xf8E\xd6A\xd3\x15\xae\xfd&lt;Z\x15\xc3\x00w\xc6q\xfdw\xb4J/#oC\xe4\xca\xfbF'</t>
  </si>
  <si>
    <t>b'9jr\xf4&lt;C\x95\x1a\xf2\x1e\n\x95\x1a\xdf\x9f::\x84\xb0\xbeX\xda\xd9\xa4\x7f\xa4!_\xdb\xb13\xfe'</t>
  </si>
  <si>
    <t>b'\x1e\xfe\xf3p5\x8d^\xe0\xb2\xc4\x999\x9e\x9c6\x92E\xd3=|:{\x1f0\x1d\xf2\xe8T\xf2\x19\xef"'</t>
  </si>
  <si>
    <t>b'\xf4\xb2#\xbcV\xc7\xfd\xfc\xa3t\xfa\xba_\x05b\x95\xb5\x18&gt;O\xb6\x82\xd5A\xb0\xda\xa9\xa5m\xbf\xc0h'</t>
  </si>
  <si>
    <t>b'\xa82\xd6\x91\x9a\x9e\xef\xc6\xf3\xactB&lt;q\x8c\xd46$\xdf\xcc\x08\x8eG\xcf\x8es\r8\xa8sF\xc6'</t>
  </si>
  <si>
    <t>b'\x9fs\xe2\xe9\xfb_f\xb1\xad\x8d\xe2\xed\xba"\xfe8\x946#\x07\xe3\n\x10\xa1\x11\xbe\xde\xd5\xb1{\x18\''</t>
  </si>
  <si>
    <t>b'\r\xd8\t\n\xf0\x10\x8a\xfaJ\xa0\xec\xe4\xe6\x1d\xe9\xba\xc1j3L\xd1\xa0\xed\xf7\xd4\xb6uL \x9c\x90\xb1'</t>
  </si>
  <si>
    <t>b'9 \xb1\x83\xc7\xf8\x94\x8c\x90\xb9  \x83:\x1e\x16\xf0{\x8e\x8a^y\xb9\xe7D\x85\x88\xa8\xdbun\xa3'</t>
  </si>
  <si>
    <t>b"\xe4WF\xdc\x0c\xed\xf5\xe0@\xf7V\xc8\xe9@\xdb\xd6&gt;\x0e'\xf0\x13\xdb\xef\xf4\x11b,\xd1A\xd3y("</t>
  </si>
  <si>
    <t>b'\xe5\xe6\x16\xc1\xe6T\x87\x04\r\x94\x96\xcc\x06\xb3\x8eZ\xb6\xb3\xa8\xcb!C\x86D\xe8\x90\xe5%\xb4\xbc\xbe4'</t>
  </si>
  <si>
    <t>b'\xc9\x8enB\xf5\xb1\xbc\xbb\x1c\xe2\xc6L\xd1"dI\xe4r\xb3"\xf2\x0c\x80\x06Q\xfc{\x95\xf7e\xa0W'</t>
  </si>
  <si>
    <t>b'E|-\xb3dP\xf1\x9b&amp;\xb9F\x04"\xd0\x07\xea\xae\x07p\xcb\x8d\xdf\xae%\xed\x89\xac\x83\x8c\xfe\x1c\xf1'</t>
  </si>
  <si>
    <t>b'\xb2\xd6\xa1_|Y%\xce\x0fV\x03\x85\xcc\xf5\x1d\x0e\x83\xce\x07\xb9\x986f~\xb2\xe5q\x8a\xa7~/\xc1'</t>
  </si>
  <si>
    <t>b'&amp;\xf5\xf6\x8c\x84tU)\x19\x8d)\xd3X\xd2;c\xc6d\xce\x8ew\xcaF\xb2\x08\xbe\xa50/U\x87\x81'</t>
  </si>
  <si>
    <t>b'\xa28\x80\x9a\xe0\xb1\xf8aG:\xef\xa0\x0b\xe4\xd1\xb7Mb\xe0Q\x9f\xd3T\xdaNP\xbb\xac\xb3\x1e\x10x'</t>
  </si>
  <si>
    <t>b'\x93.L\xc8J\x03\x16\xf0t\xc7\x7f\x17Lgl\x03\xd9\x1a\x91\xae2\xbd\xd6E\xeb\x99\xe5o\xe4\xc3LN'</t>
  </si>
  <si>
    <t>b'\x8b,\xa0OC\xea!RP=\xaa\xd6&amp;\xd8J\x1d@a\x87\xe9\x8f\\\xe4\xf3\x1f\xf1:\x8c-V\x8a\xdd'</t>
  </si>
  <si>
    <t>b'\x8dV\x12l\x88$:\xb9R\xff\x073\xa6\xda\xf8#u\t\xfaq\xaa\xa4p\xb3*\xa6\xb1\x8f\xfd\xa7\x0c\x12'</t>
  </si>
  <si>
    <t>b"\x7f\x18\x8fO'\x13ddvol\x1f\xc6\xb2\x99\x0b'\xf8\xaf\xf7\x93+\x19\xd4\xebtP\x98vjZb"</t>
  </si>
  <si>
    <t>b'\x1a\x94i\x94\xde\x87\nu\x1ep9\xbe=\xd4\xc0\x7f\xe7&lt;\xe6\x7f\xb4\x10Q\xd1\x0f\x9b\xdeh*D\x9a\x7f'</t>
  </si>
  <si>
    <t>b'\xdf\xebK/jUj\x1a\xa4\x86[\xd7\x98\xa5\xdd\x7f\x8aQ\x8fM\xba\xd8\x7f\t\xb8Kn/\x087\xfb:'</t>
  </si>
  <si>
    <t>b'\xba\xb2\x856j\x12\xbb\x03*\xbaQ\xd3*_\xd012\x18v\xf2\xab\xec\x05\xe3w_W\x07\xbc\x9e\xc6\xee'</t>
  </si>
  <si>
    <t>b'\xd8q\x13\x9d`\xd8\x00\xf1\x7fF\xbb\x7f_6l-\x06jE\xc6\x06_\xc4oy\xe8\x00C\x92\x92}\xc2'</t>
  </si>
  <si>
    <t>b'\x8a\xe1e\x87\xef\xec\xc5\x80\xd4\xf5\xafW\xdf\x16\xb4\xf0$\xa3\x80&gt;s\xc7m\x82\xd6\x01g\xd6\x89\x02e\xac'</t>
  </si>
  <si>
    <t>b"':\x01\x02\xf0\xe6\xc0\xdc\x9aX|\x85\xe8\x01\x9fn\xc9\xba\x98\x8b=QU6NH\x8d.\xde\xd1=."</t>
  </si>
  <si>
    <t>b']H\xf5F\x96\xbdAt\x01k\xf9\r\xe4\xeb!\xdc!\xe5\x89E\xa4\x04f\x84\xf3m\x0b\xde\xbbx\xd2\xf1'</t>
  </si>
  <si>
    <t>b'\x08\x05\xfc\xeb\xe3\x88!JN2\xa8\xe3\x8b\xc2\x81\x84\xda@&lt;X&lt;\x0b\xb2\x00\xd1Hv \xdc\xfb$\x17'</t>
  </si>
  <si>
    <t>b'&gt;\xcb\xeas)8\xd6\xc6\x7fX\x9d]-\xfb\xc8\x8eq\xa04\xd8\x0cH\x8b\x03\xfa\x89l\xd9.\xfe\xd2\xee'</t>
  </si>
  <si>
    <t>b'\x00\x1b\\\xc0/\x92\xb9\xe0\xb7iePW\x1ay\xd4\xe0\x90$/b.\x10\x10\xab\xf7s\xc7\x98\xc4\x0e\xa2'</t>
  </si>
  <si>
    <t>b'_V\xebR\xb2&lt;\xe2\xbcR66\x00wD\xfd\n\xf5\xe1\xbaTbv[\x83\xad\xd3\xfah\xa8\x10:C'</t>
  </si>
  <si>
    <t>b'\x1a#\x1bA\xf3I\x92\xd2\x9a\x90y\xfc\xa4tYN\xe1\x1c\xbe\x0e\x1e\xc7\xd1(\xd3RB,\xc4i\xbc\xf3'</t>
  </si>
  <si>
    <t>b'\xc3#1\xc2}1\\\x89\x1e\x85\x87\x94z\xab&amp;\xeceKi\xce\xca&gt;\xa0\xa9\xde\xab\xe7\xcf\x1f\x04\xc2#'</t>
  </si>
  <si>
    <t>b'5\x11\xd1\xb9\xf7\x97\xce\xa8+\xa1\xbc\xdc\x1e\xe4\xae@\xc2\x06\xa1\xd1\xc5[\x99\xf3\r\xaf\x0e\xd1\x7f_&amp;\xb1'</t>
  </si>
  <si>
    <t>b'\x04\xab\x86\xbfa\xfc\xef\xdb\xda\xea\xb2=\x04\xb2P\xe0\xc8\xec\xf6\xaf\x0e:\x13/9\x88+\x0c&amp;\x17\xb61'</t>
  </si>
  <si>
    <t>b'\x8bV\xfd\x0e\x90\x17k\x85\xac\xa0\xbf\x1a\x01\xae\x8d\x85\xd6\xcbJ-R\xb1L\xcd\xdb\xc6\xfaG\xe2%\xfac'</t>
  </si>
  <si>
    <t>b'\x01\xc67\xd6XO\x9f&amp;($\xd3\xc2\x9bKBF\x9dc\x10\xec\xc8y*\xdd3\xba\x82\xc3\xa5\xfbP\xf3'</t>
  </si>
  <si>
    <t>b'-{\xbc\xd1@\x17\xac\x90KD\xa3R\x92\xfe\x11\xcfK\xd4\xd6\xecW\x99G\x87\x1c\xb5\x1b&amp;2\xb84\x93'</t>
  </si>
  <si>
    <t>b'\\\xfe\xe9q\x8d\xcd\xc0=I!&lt;\xf5\x1f2\xc8\x86\xeaq\x9e8\xaa\xfe\xb7\xbd"\xe3C\xb4\xa9\xf9\xdfd'</t>
  </si>
  <si>
    <t>b'\x94\xaf)\xa3J\xba\x849\xbf\x1eI-a\xf1\\7s\x1dkI&gt;m7\xe1@}\xff\xe5e\x94\x08\r'</t>
  </si>
  <si>
    <t>b'\xcar\x1d\x89\xf9\xbf\x08\xb8c\x0f\x9e\x92\xc8\xba\x114\xf3^\x9dD\xac8S2\xf9OS\xac\xc2zb\xcb'</t>
  </si>
  <si>
    <t>b'\x05\xd5\xd8\xe8\xfcD\xa8\x05`7\xbb \xeb\xae\xc8\xd48\x97\xfcp\xe33!\xe9\xac,a\x82D&gt;\x8cZ'</t>
  </si>
  <si>
    <t>b'\xaby\xd6Y^0\xafW\xc7R\x95\x07\xb2#"O1\x17\xd4\xaescoy#_\xa2\xe2]\xb8\x8a\xfd'</t>
  </si>
  <si>
    <t>b'D"\x97\x81\xc6\xc7\xde\x07\xf1\x1c\x83Y\xed\xe9\x8b\xc4T\xcf\x07\x89\x94\x1bE\x96\x99\x97\xee#M\xa1 j'</t>
  </si>
  <si>
    <t>b'\x8eQ\xb9\x1f0\xd4\xf9\xa4J\xf0\x9e:W\xda@\x8e\xed\x9cu2\xa90\x1f;\xe4\x98\xa5\x07,\xe3x8'</t>
  </si>
  <si>
    <t>b'L\x87.\x97\xe6TC\\qf.E\xc3\x9b\x876\x05\xa3\xda\xc7`\xaa\x96\xe4\xf0}E1\x8a\x84\xc6|'</t>
  </si>
  <si>
    <t>b'\x18\x1a\x11Z\xf1\xc3m\x95\x10\x90\x828\xfe\x00V\xd1\x99\xe2\xc2]\xf0e\xaa\x9fr\xf0\x0e&gt;N\xcf\xeb\r'</t>
  </si>
  <si>
    <t>b'F\xb7#\xd6(Xo\xa8oz\x9e\xd0:\x95\xe0}8\xaa\n\xd28Cl\xa7\x12\xb8\x0f\xb4\x8a\xf4"\x84'</t>
  </si>
  <si>
    <t>b'@\x8c\xda\r\x94\x06BJ\xa8;\xc9\xf3\xed\r\xa0l\xd0 ;@\x04\xc4dh\xf4\xf0\x9aW\xdfz\x7f@'</t>
  </si>
  <si>
    <t>b'\x7flb\xb4\x03=R\xa3Y\xb6{\xa6j\x9b\x8f\xf5CO\xe8\x1d\x03TD\xbc\xfb\x16\x11&amp;\x1d\xc4x\xba'</t>
  </si>
  <si>
    <t>b'\xc5D\x08\x85\xd8\xcd\x0e\xf0\x80}!O\xbb\xac\xeaZ5\x9d)0e\xcf\xb3\xf0+z1\x13&gt;a\x8a\x03'</t>
  </si>
  <si>
    <t>b'\xado\xd0*.\x8f\xad\xfe\xeeN\x05r\xbd\xabb?4!{c\x07Z p\x1c]\xc2\xa9\x1b\xa9L~'</t>
  </si>
  <si>
    <t>b'\xb4\xc9\xe1\xdb0"R7h\x1d\xd9K\xdaY\xc1\xc78+M\xf2\x9fQ\xd5\t\x04\'aU\xc3\xcd\xf0Q'</t>
  </si>
  <si>
    <t>b'\x12\x88\xdf\\$o\x94-}\xa6#\xf0)\xfcqX\xbdmR}j\xe2\x82\r\xa0\xc7\x1d\x0c\xfbj\xb3\xdb'</t>
  </si>
  <si>
    <t>b'fo\x03\xc2\xd1{v\xb0`d\xe2^\x81\xb7\xd7\xc1\x11\tS\xc7L\xd5\x16\x0cQ\x04c\x89K\n\x9f\x88'</t>
  </si>
  <si>
    <t>b'WIc\xee\x8an\xf0\x08\x193\x90\xe5PJ\xcc\x07\xbfg\xbak\xe5\xe1y\xa9\xb2\xbcKm\xb6y,\x8a'</t>
  </si>
  <si>
    <t>b'\x07E\xc0Z{\xda\x04\xf5=\x8a\xaa\x10L\x19\xe0e\xd0\x8c\xf21\xd9vM\xd1\xc8\xfc-&amp;Q\x12p\xf3'</t>
  </si>
  <si>
    <t>b'\xe6\x9a\xc4\x97&gt;y2\x85S\x0cF\x86./\xc8\x86\xa3\xe0OX\xabL\xbea\xe7 h\xe6\xf3P\xd5M'</t>
  </si>
  <si>
    <t>b'&lt;\xc9\xe2\x83\xb0\x0es\xd6\x03*\x1d\x04\xccDM&gt;B\x9f5\xb9\nV\xd5\xa3DB\xb5H\x17{&gt;\xaf'</t>
  </si>
  <si>
    <t>b'\xfcRF\x8dpsI\x03bDr\xa3\x9c/\x0e$\xa3$\x02\xc2=\x13\xd2\x14&gt;\xca\x92\xd0%\xd7|b'</t>
  </si>
  <si>
    <t>b'\xad\x07\x02M\xb4\x03\x1d\x17\xed\x0c\xc7\x14+\x98)\x06\xa4\xf7g\\\xb1\xc6\xad\xa3\x1d\x10\xdd#\xf4L\xee\xd3'</t>
  </si>
  <si>
    <t>b'\x97\x9a\xf9\n\x1fW\xc2\x81\x9e\x8c\xda\xca\x84\xd5\xb9\x19\xe6\xa5K#\xf4\xae\xb1}\xc1\xe1\xb4\x99\xc1\x04\x83\x8c'</t>
  </si>
  <si>
    <t>b'?\xc5D\xb6\xe7\xcf\xef\x034\xbd\x8e+N\x0fQ|\xbc\xf9\xadC\x9e%V\x86\x8d\x1f\x99\xf6ZD\xf8\xad'</t>
  </si>
  <si>
    <t>b'aEW\xbf\x00\xfa*\x85\x05\xa5EGO#\x1b\xc6\xdf\xdc\x00\xe7\x84\x94\xcf\xf2\x0bI\x82\x0c\x92\x96w\x02'</t>
  </si>
  <si>
    <t>b'\xc4\x13\xed\x87\x10!$#\xed\x9e\x89BZ\x86f\xf7y\xbf\x85\xb6\xd6\xac\x8a\x17\xb1\xd6\xff\xe0\x03P\xb1\x1b'</t>
  </si>
  <si>
    <t>b'\r{\xc3\x887\xb5Nb\xb9%\tg+\x90}"\x9d\x9aT\x06\xa8\x02\xd7\x12a\xea\xe0k\xd5U\x00\xb5'</t>
  </si>
  <si>
    <t>b'~\x05y$Fk\x03\xde\xb60,&lt;\x17\xdd\x84}\x80r\xc1\xf1\xad\x8d\xf8\x8c,1\x06o\xf14\xea_'</t>
  </si>
  <si>
    <t>b'\x94\xc4I\x1aH\xb8e[1\x85hS\xd4\xff\xa1U=R&gt;&amp;\xf9\xef\xd2\x86\xd6\x19\x13\xba]\x14\xb4\xc5'</t>
  </si>
  <si>
    <t>b'\x12\xf9c\xe6^X1\x9d\x8dp\x15NPD\xad\xd66\x99\xad\xbb:\xab=$m\x91\t\xd8\x1d\xf1ta'</t>
  </si>
  <si>
    <t>b"\xc8\xc1\xb6\x8d\x99`\x13e\x0b\xc6\xd0\x07\xaa%R\xd9fv\x18\xc1\xff\x0e\x0eZ\xbe_\x1d\x8c\xac'&amp;\xb9"</t>
  </si>
  <si>
    <t>b'\x96\x10E!\xe8\x85\xf0\t|\xb4\x82\xcf\xf3U0\xc1M:\xe6\x1a\nf\xddq\xe15\xbb\xf6S\x89\xe3\xe2'</t>
  </si>
  <si>
    <t>b'\xfb\xd1\xc1in\xad\xcbz\x85\x8f\xc3\x8d\x8e\xc7&amp;\xf34W\x92\xd3\xca\xbb{\xa4C\xceQ\xbd\xf9\x96\xf4\x8d'</t>
  </si>
  <si>
    <t>b'yU\xb9\xac\xee\xf9&amp;\xde]}\x11\xb4\x84\xdc\xc5\x19\xd7\xc7\x99\x076\xda\x94\xe4\xe2\x1f\xbb\xef;;\xe5\x9c'</t>
  </si>
  <si>
    <t>b"\xfbc\xbf\xb1\xfa\xb8RK\xd0\x14b\xcb\x1e\x03\xda'\x84L\xd0P\x93\xe2\x9c\x1b\xef\xea:\xd7W\xa2\x9f\xe7"</t>
  </si>
  <si>
    <t>b']\x01\x8a\x88\\\x9e\xe69\xb0\x08\xd2\x93XN&amp;z\x86\xd8EfI\x14\xab\x06\x0fE\x97\x88\xca\x05\xe5)'</t>
  </si>
  <si>
    <t>b'\xbdJ5W\xf4[\x7f\xaam\x02|\xd1p\xba\xa2\x91\xbd\xf9D\xad(Z\x1f_df\xf8\xa1\x8c\x00\xdcj'</t>
  </si>
  <si>
    <t>b'\x08\xe9O\xae\xc8\x17&gt;\xe1(\xaez\x88\x1f\x1a\xfa&gt;\xfd\x992\xbc\xcc:\xe6\x01C\xc2xN\xf4&lt;r]'</t>
  </si>
  <si>
    <t>b'm\xb2\t\xc25\x91\x93\xb6\xa6\x83=\xc7%\xefK2\xe3\xc9\xe1 T\x01\xe6\xd8\xd3\xe4z\xa0\x8f\xe6\xdd\x0c'</t>
  </si>
  <si>
    <t>b'\xf8\xbeZ\x8aS\x19c\x0e\xd2[\x1b[\xb0\x10m\xb2Y\xf5_\x9a\x9d\x10\xc7\xd5\x82b\x94\x9e]I\x1dy'</t>
  </si>
  <si>
    <t>b'\xf1%\x10\x1c\xc3a\x15\x93+YTiU\xc4\r!\x99Y23 je\x01\xe9\x1dYjF/Zb'</t>
  </si>
  <si>
    <t>b'\x0eu"\xe8ZA[r\x80/\xa7\x91%\xecKx.\xb1H\xdb4N\xc4#[P\xf1N&amp;[\xb3\xd3'</t>
  </si>
  <si>
    <t>b'i\xe5\x18\x1b3\x9a*X\x10\x16G&amp;9\x90eRp\x87L/\x9c\x97\x07\xc7\xf1\xe5\xe6\xbc\x07\x96l\x05'</t>
  </si>
  <si>
    <t>b'@\xf2S\xfa,\xfa\xae\x12\xca@\xfd\xa8 hnNo%.\xcb+\xe3\x88T\x84\xb91&gt;\x1b&amp;\x9e\x1b'</t>
  </si>
  <si>
    <t>b'\xa5i\xadNz\xf5s=\x7f5\xfd\x18x\xd2\xd0\xf4\xec\xa4x\xac\xad\x81\xa5]B\xa0\x04DZ\xcd\xee\xd0'</t>
  </si>
  <si>
    <t>b'\n\x8aT\x1b\xf9$[\xb7h\xdc\x16\xe5\xa0\xae\x83b;\xe5\xa0j\xd6\xe6\xe2K\xa4\xe5km\xc6)Y\xa6'</t>
  </si>
  <si>
    <t>b'\x9a\xab\xd8\xe2)\xf8+\xcb\xed\xbcOIN\x01(\x18\xeb\x080\xa0}g\xd4\x97\x84xQ\x89-\xaf\xc0['</t>
  </si>
  <si>
    <t>b'$\x18\xe0\x86c\xa9\x9b\xf8\x83\xe4fR\xc2\xf4\xc8D\xad7o=X\r\xb1|\x15A\xa7Ef=\xefj'</t>
  </si>
  <si>
    <t>b'k\xf4Z\xf3\xe9\xf3\x92\xac\xc9Z\x97\xfd\xab\xc3\x82\x84jvrg%\xad\x1c\x19su\xbe\x1a\xa8\xa5`\x86'</t>
  </si>
  <si>
    <t>b'[\xa2:j=\x01Y2\xd0\xf6\x8d4\xfe?\x94T\x9b\x17.\xc9\xff\x8d\xa7\x8fe\xa8\x0b*\xe5\xf8yF'</t>
  </si>
  <si>
    <t>b'v&amp;\x96\xedj\x83\x1fa$$\xd3P\t1\xde\xa7%\xe1\xc0\xf2\x86\x06y\xddi\xea8\xe4b8k\xbc'</t>
  </si>
  <si>
    <t>b'\xe9#\x87w\x80\x8f\xe7S\xfd\xe8\xa5\xfb&gt;\xb0\x9ao\xa4l\x11\x16UH\x11p\xf0\x96\x83y?\xf6\xd1\xec'</t>
  </si>
  <si>
    <t>b"\xd5X\x0c\x84\x17H'f5\x8a\x17G\x1e*\xb8\xcf\x927\xa0N\x9f\xd1\x96\x9a\xbf\xa5\xe5\xc1\xa2\x9c1\xaf"</t>
  </si>
  <si>
    <t>b"\x0b-\xaeL`\xbb`\x00dL\xb1&lt;6\x0f\tm;\xeb\x95V\xf5\xfe'\x81S\xe6&gt;c5\xae\x1a\xe4"</t>
  </si>
  <si>
    <t>b'\xa8\x9f\x17\x86"iU\xaaW$~\x14_{\xe0\xf7\xd8\x91\xfb\t\x8e\xb1\xffF%\xde\xab\xd1\x01\xc2\x03\xb6'</t>
  </si>
  <si>
    <t>b'c\x1d\xfdV\xb4M\x01\xc8t\xb6\x1d\xde]\xedJ\xbff\x87js\xe9\x12\x88\x93\x10\xf8\x8d6 \xb9\xf1\xf3'</t>
  </si>
  <si>
    <t>b'jnF\xe7\xf5\xc2\x0f\x8b\xa7S\x07\xf9l\xb8\xc3\xaf\x0e&amp;&gt;\x02\xf5\x8b\xcc[5:\xa0\xed\xf9yD\xb3'</t>
  </si>
  <si>
    <t>b'\n\x8d\x97|\xda\xc4\xf5\x9d\xb8zT\xc7\x98\x84e\xd2\x00\x81\xbc\xbe\xderKnw\x98R*Z2e\x18'</t>
  </si>
  <si>
    <t>b'\x04\x0fJM\xa0SI\xc9d\r\xd3%ZH[\x10\xb0\xef\x9e\xec\xa6\xd3~cw\xe5(u\xaf\x80-\xdc'</t>
  </si>
  <si>
    <t>b'\xd5-\x8d_\xbb\x85&amp;\x8d&amp;6\x96\x1d\x89a\xaf\xf6\xe6\x80^\x80@2-\x19\xcf\x15T-\xbd\xdfJn'</t>
  </si>
  <si>
    <t>b"\x19\x0b0\x08$P\xaa\x07z\x0c\xd0\xb5\x12\x14\xf58\xe5\x18\xc4\xb6\x82\xbd\xd4\xfc\xf1C\x12\x00L\x98'\xaa"</t>
  </si>
  <si>
    <t>b'd\xec$\xf1W\xbc\xb0\x00\xce\x1b\xf6\xbbz\x99\xeb\xa2za\xf2\xe9\xb0\x81^\xfa\xe6\x13#\x94\t\xf0~\x97'</t>
  </si>
  <si>
    <t>b'os%\xb1|n\x8aL\x8cE\xd7\xab\xc9\xb2Q\x80\xa2\x00-\x06k\xc9$\x16\x1dh&amp; \xa1\xf1O\xe5'</t>
  </si>
  <si>
    <t>b'g\x81\xaf\x17\xff7p\x98\xea\x86\x9aX\x80\xcc@\x1b\xad\xb8\x8e\xa5nY\x1a=\x06\xc7\xea\xb2\x10\xea\xd2\xf4'</t>
  </si>
  <si>
    <t>b"\x05\x8c(\x01\xc8RZ}\xc47#\xae\x1d \xf2\xa7\x96\x83\x9c\xb0~\xed\xa1r.\x8a\x02\x8fO's\xe4"</t>
  </si>
  <si>
    <t>b'5\xa4\xd8\xb9\xa1\xea\xdb\x89\xb5^\x1fs\x0c\xed&gt;+\x11\x86\xa0\xe04\xc2\xe7\x19\xed\xa6X{\xb5\xb7\x7fr'</t>
  </si>
  <si>
    <t>b'k\xec\x83\xeb\xd0\x80\xe9\x10\xb3\xcf\xcas\xfc\xd9\xaf`\x0c/\x1d\x1e+A\xa0\\2*\x11 \xc2\x98I\x1a'</t>
  </si>
  <si>
    <t>b'\xc3\xe0\xf7\x10\x1a\xcc\xa6\x1f\x1c\xaaD\xf1\xa1\xf3P\xe3\xd9%\x9b\xbfed^\t\x05&gt;\x96v\xa6\xab\xfb)'</t>
  </si>
  <si>
    <t>b'\x0e\xe4\xe8\t4\xbd}buQ\x8cm\xcb\x94[\xc6\xbaa\xf4\x87v;\x06\xf0\xe9\t\xbe+\x90\xa8{\xc3'</t>
  </si>
  <si>
    <t>b"@$\x18\xf6\xa3\x03\x02\xd0k\xec\xa7-\x91 \x05\xa0\xdb\xba\x80\xf7&lt;\x8e\xce\xceG\xd6\xf5\x18\x8e\x19\xd2'"</t>
  </si>
  <si>
    <t>b'\x16?E&gt;\xc5\xee\x08d\x08?\xc4Yt\xb0 \xe8D\xe6&amp;\x1b\xe6\xf6\xa8\xd7\x9bO\xdf%\x92\x16\xaa\x85'</t>
  </si>
  <si>
    <t>b'4\xf3\x99\xffk%\xa3Cyc\x9e\xd9,\xf3v\x9bHSf\x95i\xa1;\x88\xce\xc9\xfc\xb5\xa3\xd9\x9e\r'</t>
  </si>
  <si>
    <t>b'\xea\x16\xbd\x7f\x99\xb5q\xe1y\xaf\xae\x00@\xdd\x93\xf0J\x9a\x1a\xa1I\xee;\x03\xe8\\\xf1\xde\x80jp\xe0'</t>
  </si>
  <si>
    <t>b'c|v\x95\xd0\xdc\xe3:\xeb}\xcf\x99\xe3\xf0\x82\xff\xdf3\x86\xa8M\xca\xbd\xc3|\xf2\xa7\xc2(1\xe8\xa9'</t>
  </si>
  <si>
    <t>b's\xac`\xf85N\xe2\xf4h\x9e\xae&amp;\xe8\x9f\x8duU\x13\x98\xb2fk\xfd\xcf\xb8\xfc\xa4i\xcal\xba\xf7'</t>
  </si>
  <si>
    <t>b'\x94\xfeC,\xad`4\xb3d\xa2\x84I\x17\x82ua\xd7B\xde\xf7\x1f\xd0\xc3\xdb\xa3?\x85\x0f&gt;\x7f\x97U'</t>
  </si>
  <si>
    <t>b'\xd9\x183\xcb\xe7\xe2\xf2\x8c\xba\xd0V\xfch\xbb\xe7\x82\xda\x17vw\x8e\x85\xdf\x00=\xc1}j+\xfb\xf6e'</t>
  </si>
  <si>
    <t>b"3;\x9a\xba\xe0\xae\xceQZ\\\xb3\xe1f\x03\x02\xf5\t\xd0\x1f\x05\xadS\x8bJ\xef\xce\xaa&lt;\xc7'O\xa5"</t>
  </si>
  <si>
    <t>b"`\xe6\xea'v\x83}\xd7\xd2b\x14y\x9d\xfd\x13\xb6\xfe\xe6\\\x04\xedTQ\xf15f\xd6\xd7C\x0f;\xf7"</t>
  </si>
  <si>
    <t>b'.\xee\x97\xc8D@\x1a\x11\xdd\x8e\xf9\xbb\x9fO\x12\x11RaD\xbe\xca\xc1S\x1dc\xb4\xb6\xad!\xee!0'</t>
  </si>
  <si>
    <t>b'N\xc0\xbd\xcdh\x121N\x95X\n\x1cvw\xe1\x06MT\xb7\x83\x04&amp;4D\x08\xf2C\x9a0\xe8W\xd8'</t>
  </si>
  <si>
    <t>b't\xb3g\xffg[\x1d\xe9\x90O\xb4/\xb2^\xf0\xf1jt\xc0\x9dtrb\x9a\x90\x19T\xb1\x86\x89)J'</t>
  </si>
  <si>
    <t>b'z\xe8\xd9\x89\x89\x02\xd1?\x9c\x81\xf7q\x92\xb4\xe6\xd1F\xa3\xcab.\x82\xc6E\xf3\x8ae\x89k\xb5\xff7'</t>
  </si>
  <si>
    <t>b'\xba\x95\xeeq\x85\x87%&gt;\xeb7P\xe4\xc6\x18\xa0\xd5v\nz\xdb];\xc4\xb8\x96\xecFW\xfce\xd0\x95'</t>
  </si>
  <si>
    <t>b'\x9fiRk\x07\x18:\x10\x02\xddz\x05}vg{&lt;%\xd3\xd0SDs\xe7Y\x89\x808\x94\x19"y'</t>
  </si>
  <si>
    <t>b'Y\xb4\xd8H\x01\xd9\r\x8a\xbd\xb1\xd9\xd4_y\xfd\x1c\xd1h\x16\xcd\xb0Z\xc2"\xafAz\xff8\x0cD\x07'</t>
  </si>
  <si>
    <t>b'a\xe2P\xe6E\xe4\xc4\xb8\x8f\x96\xfb\xb3t\x9e\xc8\x19\xd8\x026\x99D\xf7I\xafr\xb5aE\xde\\$\x8b'</t>
  </si>
  <si>
    <t>b'\x08Vw\xa45\x1a\x98J\x16\xf8/x\xa5\xc9iW\xe9,\xe6\x92\x9a(\xfdb\xf8\xb5*\xbf\xe7\xaee\xa1'</t>
  </si>
  <si>
    <t>b'(\xe4\x1c\xbd\x98\xc8Z\r\xce\x16_\xd87\xf0[\xa5\x89\x0b\xc0^W\x89\x05\xb8Ey\x85\xffk\x86\x9eB'</t>
  </si>
  <si>
    <t>b'\x14\x7f\xb2\xb0z\n\xbc\xbe]S\x11\xcf\xc1k\xbc,\xbc\xbf\xef\xfa0\x15\x98\xeca\xdc\xb5\xd3a\x91l\xa3'</t>
  </si>
  <si>
    <t>b'"\x85\xb5F\xedcL\xa8\x86\x054g\x91\xac\xaf\xf9X\x8e\x11U\xd6j\xd0 \xa6\x04\xf0%-6#\x0e'</t>
  </si>
  <si>
    <t>b"\xdf\xfd.'\x03\x1c8o\xbe\xd4\xd3\xbd#\\\x00U;\xe0J#\x8d\xdf]\x06\x80(\xbb\xb2\x988\x05\xa9"</t>
  </si>
  <si>
    <t>b'\xa0\x84\xb5\xcdb\x03t\xf1\x9eRO\xdb\\\xa4%\xc6;\xe4\xc9Z\x1cn\xe5\xb9"3\x8b\x98\xf3\x1d\xe2\xe9'</t>
  </si>
  <si>
    <t>b'S\xc0\x85\xb3\x9a\x7f\xca\xf7\x00&amp;\xb7S&gt;\xe73&gt;Q\xf4$\xba\x04\xf3\x9c 0\x9b&lt;}\x02\x07\xc4\x87'</t>
  </si>
  <si>
    <t>b'\xb9\xa8\xc9\x8f\x95{oXu\x9b}j\x81=\xcc\xfb\x80\x9d\x9c&amp;\xcb=\xe4jD\xb4\x16&amp;\x1f\x0f\xa7\x0c'</t>
  </si>
  <si>
    <t>b'\xb1\xe1\xddQ\xd4k1\x03\xb5&gt;\xad\xc4\xcc\x98M\x9d\xe0\x143\xda\xc5\xc1\x93\xab\xa5]\xea;\x0c\x0e\xee0'</t>
  </si>
  <si>
    <t>b'\x01\xdb#%s\n\xf4\x93Tb\xf0\xa1\xc5X\x85h.\x01o\xacN\xd1S\x18w\xc3[ \xd7Y\xdbL'</t>
  </si>
  <si>
    <t>b'\xfd"\xa4\xef\x82\xef\\\xd8\xc6\xaa\xc6%\xaa\xe6\x93\x94^,R\x14\xa1"?\x84\x97\x9c\xbd6\xbb&lt;\xf8 '</t>
  </si>
  <si>
    <t>b'\x93/N\xb8\xda\x13\x8b\x0b\xe9\xa2\x96\xd4\xa6\x90\xc3\xa5U\xef\x1e\xa1\xcc\xfd\xcd\xd0_=r\x9c\xaa;d\xf1'</t>
  </si>
  <si>
    <t>b"&gt;\x02'\xb0\x12\xb6\xf8as\xea\xa2\x92\xb5\xc1\xf5\xee\xde\x86\xf8\xb6\x0c\x81\x96/\xbe\xa9\xc8\x85^N\xd8^"</t>
  </si>
  <si>
    <t>b'\x040\xcd\x0c\x830\x14\xc2\x1a\xec\xe1\xd1\xc3z\xd35\x08\x1fM\xde9\xb0\xf8p\x91)\xba\x16v\x14B\xa1'</t>
  </si>
  <si>
    <t>b'\x92\x11\x8d\xfd\xb6\x0b\xb4\xd9\x11\xf2+\x98&gt;\xb2n\xd2\xc0\xcd\x1c+\xaa\xc0\xc0\xc8~\xa1\xea\x92\x96\xb9$\x8e'</t>
  </si>
  <si>
    <t>b'\xec\xe5\x0b]\xbb\xcf\xd4\\\xf5\xb4\xc48\x04\xbd\x86=I\x18\xa3\x02aT!M\x15\x1c\xa7f\x87Q\x9a\\'</t>
  </si>
  <si>
    <t>b'xB\x98\x0e\xb1\x82 \x90F\x16\x92\xfc\xf0j\xde\xa2\x11f\xeb.i\xcc\xa7\xbe\xa9P\xa0\xc0\x86\xed\x8e\xc3'</t>
  </si>
  <si>
    <t>b"\xef?\xaa\xfe'#\x93\x11x\xd4T\xa8\xcb$\xbc\xff\x8a\x96\xcd\x92$[f\x1eV\xbc \xdbda\x0e\x87"</t>
  </si>
  <si>
    <t>b'+%\x13\xfa\x18z\xacPr]\xe3\xcd\x9b\xe1\x96\r`\xcc=\xb4\\\xc2\xd8\xd8\xd4#`A{\xc9[\xc1'</t>
  </si>
  <si>
    <t>b'\x1e\x84\xf3\x99\x8c)}\xd6{\xe0/{G\x12*\x02\x0c\xe66&amp;\xd1@\xefw\xc6\xa36\xb9\xed1*\x85'</t>
  </si>
  <si>
    <t>b'\x90\xd3\xc49o\xef\x91g?\xa5\xa4zA\x08-X\x0e3\xb1\xbb@\xccc\xd7\xe1\x9fo\xce\x07\xfe,\x1e'</t>
  </si>
  <si>
    <t>b'x[\xc8\xdb"\x88]\xa5GP\x17\xd8\xb9\xc3\x97n\n}\xd4\x92v\xba\x1e\x08\xb7\xdb\xb6cW\x91N\x84'</t>
  </si>
  <si>
    <t>b'GW\x84\x9d\xc6#,\xd3\x08J\xdb%5\x9c\x13\xb7\xad\xc8L\xc5#V\x95\xb2\xfd\xe2\xe7\xf8\x0e\xc3i\xb2'</t>
  </si>
  <si>
    <t>b"\x1b\xcam\xb6'u\xac\x00\x91\xd5KYbb\t\x9e\xe1\x10\xf5\xc8b8\xf1\x91si\x95eo\x95\x06\x17"</t>
  </si>
  <si>
    <t>b'\x8e|m\x97%\xf8\xa6\xa2\x9d\xeci\xd2\x15\x1f+3N\xf4\xd8\xa0rN\x97\xb8\xe7M\x01\xe0\x8bKf\xb0'</t>
  </si>
  <si>
    <t>b'\xe1\x8b\xc0\xef\xccjr\xad&lt;\x818\x1fw\xc9M\xb8u9\x079\xe0+%\x94:\xeenH\xe0\xc5\xac,'</t>
  </si>
  <si>
    <t>b'D;\xa8\xc6\xa4"\xbf\x1c\xe9N5\xec);\\4e\xd3\xd7\xb9\x8dK\x16\xd4,l\x06\x7f\xad\x87\x9bp'</t>
  </si>
  <si>
    <t>b'\x08\xf7&amp;%\x83\x939u%\x85&gt;k\xde/\xc9\x0e o\xe4KAgpL\xf9I\x99\xfe)\x80\x9b\\'</t>
  </si>
  <si>
    <t>b"\xdf\xc9.\xbc\xbe[\xdb'\x8d\xcd\x00^\x94\x98\x8d=\xf9\x1e\xcd\xd2\x1be\xd4\x17\xb36\x7f\xd0\xd1\x11\xf3T"</t>
  </si>
  <si>
    <t>b'\xaf\xf1k\xf4x\xb8\x92\x1d\x1f\x82\x08e\x12V\xdc\xb9\xf1%\x03)\x00\xf4fw{\x97\xa7\x9eoS\xec{'</t>
  </si>
  <si>
    <t>b'wI\x0e\xb0Bd\x11\xb0l\xd2\x00\xf6\x83\xbe\xb1\x8d\x90\xf3"9\xa5EALQ\x05\xc8 j\x82\x91\xe5'</t>
  </si>
  <si>
    <t>b"\x98\xe8H\xf1&amp;l\xb0jI\xf2Z\x1c~3\xd7\xee\x8cWM\xb3,\xe14|\xf3~Lj\xee'\x99\x8c"</t>
  </si>
  <si>
    <t>b'\x91\x98z\xe7\xd2\td\xbdp\xa3\xbb\xc4E!]\xb8\x11\x1b\xfcG\xa0\xbc\x0c\xa4\xb7\xb2\x882\xe3[\xab\xde'</t>
  </si>
  <si>
    <t>b'`\xccF/NP_\xbfbw\x1e\x07\x89\x8cq\xb9\xbe\x19\x9a\x96\xa3\xbc\xc6 \xdeZ\xf5\xaf\xa1\xd8&gt;\x8d'</t>
  </si>
  <si>
    <t>b's\x15\x19n"\x1d\xeb\xdd\xa1\xac\xef|\x04&gt;\x86J\xe9\xde)\xec\xf7\xf5\nR\x08\x146\x9d|\x80Q9'</t>
  </si>
  <si>
    <t>b'\xa6=\r\x19\xca\xdb\x12/{Ad\x1cb\xb0\xfc\xb64\xfd\xff\x14H\xcd#\xb1Q\xd6\x97\x1b\xd4\xa7c]'</t>
  </si>
  <si>
    <t>b'a\xb5\x81\xe0\xd1\xf2\xb8\x88_G\xd1\x1cB\xd3\xb3vB"\xe2P\xb2\x89]m\x9f\xf3#\x0c\x8d\xf1P5'</t>
  </si>
  <si>
    <t>b'oc\x96\xcdt\xf6\xe0\x7f\xf0A\xc4\x01\x89\xda\x90\xdb\xf8\xd58\x0e\xd9\xb3\xb5C\xbd\xba\xf0\xc0Vz\xdbI'</t>
  </si>
  <si>
    <t>b'4&lt;\xcb02\x9a)\xea\xf2_{\xdf\xa4\x93\xfd\xb6\x93\xb7&lt;\x01PvA\xc3\x18\x8d\x1c&gt;\xdfA\xc3m'</t>
  </si>
  <si>
    <t>b'g\xf4P\xdc\xde\x8e\x1a]&amp;5-\x023~\xa1|:8\x03\xd51\xb6BP\x86ADx\x84\xafj\xe9'</t>
  </si>
  <si>
    <t>b'\xf3\xefh#\xbd\xfd\x91p3\xb5J\x11/\x8f\x86\xbb&gt;\\\xf6\x0fP\xff\xd7s\x83\x03Z\xc2\x1a\xc6\xfar'</t>
  </si>
  <si>
    <t>b'\x00K\xa5\xf8\x0b\xda\x9c\xed\xe00s\x9d\xd4\xacYh\xa2\x0e}\xdb\x88\xb4\n\xe1tT\xde\xde;sv\x98'</t>
  </si>
  <si>
    <t>b'\x11o\x06\x9b\xec\x8e\x00\xf7\x7f\xb2\x81\xc2M\xd5/5\x9b\xf4\x99\xbd\xae\xbe\xd7K\xe4\xc7K=\xba\x06\xf7\x8c'</t>
  </si>
  <si>
    <t>b';E\n#\xab\xc7\xe1\xc9S\xf5\x96\xf6\xa9\x9d\xd5%w\xc2\xe6\xf7\xea\xe7L\xb6l\x9e\x8ei\xd6;)\xa4'</t>
  </si>
  <si>
    <t>b'\xbdd`/\x1eN\xe8\xf1\xfd\xcdcG\x17\x84\xb3\x19\x08\xbfG\x03~\xdcq&gt;\x1d\x03Wz\xeez\n\\'</t>
  </si>
  <si>
    <t>b'\x90u\x10\x98\xd5\xe4E\xf7v\x12\xf25\xb4\xd1Q\xc8\xd2\x88\xb4\xfd\xa0\x83\xf3\xe8w\xea\x86k\xd2[\x10\xf6'</t>
  </si>
  <si>
    <t>b"\xcfXH/u\xb3\x7fe\xf3B\xfa\xdd\xb2\x1e\x10)\xd9\x82\xdf\xcc\xda\xe1L@\xe6r\xd9BX\xd5'J"</t>
  </si>
  <si>
    <t>b'W\xc7\xf0h\x91T\x99\xa3;XSV(\xf4\xf1\xb6.\x96\xf7:\xc1\xd0\xec\x8b\x8a\x12"\xc7\x80\xd3\xfe\x1b'</t>
  </si>
  <si>
    <t>b'lAq@H\xb5\xb0\x80\xe7`\xb0\x16\x1b~.\xe2\x9f\xb2\xf1\xfa\x07\xd6\x18\xfaA\xeb.b\x12\x10\xc1\x02'</t>
  </si>
  <si>
    <t>b"k\xef\xc8\x9dE$*y6\xe9\x0e'.9\xc5V\x1d\xe9\x01\x9c_\xc5\x0e\xd9\xe5\xe8\xc6\x1b\x87\x00\x02\x82"</t>
  </si>
  <si>
    <t>b'\xd8\x0f\x86o\x8c\xe1\xdc\xaf\t\x06&amp;\x9c\xee\xd7\x07\x8e\xbf\x9a\x15&amp;\xec\xe2\x92\x0bI\x89\xe5\xb2\x194P\xde'</t>
  </si>
  <si>
    <t>b"\xf8\xaf2A\xc5\xb5\x910X#\x81\x08\xd6\xb2'\x83\xc2L\xc5\xd2\xbf\x99~\xde\x02x\x8a%\x0c\xc1^\x82"</t>
  </si>
  <si>
    <t>b'e_\xe2n[\x8b\xbe\x83\xdb\x06\xa1\xa1\xa9R\xa6Zo\xa4\xdbK\x05\xa2\x18\x07\xe7\xf1\x95\xa9\x18\xf7\x8f\x9a'</t>
  </si>
  <si>
    <t>b'\xe6\x7f \x9a \xdc\x03\xa2~k*\xd1\t\x1a\xd4B\x1e\xe2\xcf,X\xb3\x19\x8c{\x94\xf0\xa9\xd9s|\xdd'</t>
  </si>
  <si>
    <t>b"H'\x14\x9e\x80j\x08=Y\xb79w\x9aw\x83}\xf5\xd1\xdc\xb6h\xa0~\n3\ru&amp;\x93\x17\x7ff"</t>
  </si>
  <si>
    <t>b'\x00[E\xc7\xfdz\x9a\x070\xc0\x03\x0b\x9c\xe0\xda0\xfb"\x17J\x14k$\x1c\x0e\xad\x8e\xe9\xc2\x04\x10\x82'</t>
  </si>
  <si>
    <t>b'\xd7\x07\xa4\xb6\x99\xb9&lt;\x8cD\x9a#\xab\xdbG?\xf8\xfb4\xa7V\xb3K\xbe\xdaW\xb2\x1dN\xdf\x90OJ'</t>
  </si>
  <si>
    <t>b'e\xe7o\x10\xa3\xa0\x07E\xcdi+J"rx\xbdP-\x89\x16`\xef&amp;\x7f$O\xc5Zo\xbc\x17E'</t>
  </si>
  <si>
    <t>b'\x9b\x92\x06\x05\x8e\xf6\tLP\xaeC\xaa\xa8/\xdf\x1a\xfc\x0f\x8e(\x99\x99_^\xf8P\xa6\x02\x1e\xda\xd3\xec'</t>
  </si>
  <si>
    <t>b"\x7f\xa22\xefuK\x84\xd9\xd3B\x0e\xdd\x08\xcf\x8c'\xc7\xa3\xca\xca&gt;P^\xad\xd0]\xd3\xc8\xa7x`q"</t>
  </si>
  <si>
    <t>b"{i\x14SA&gt;Z'\xe5\xba\xb2?\xfeJ\xf4\x96+i2#}d\x1d&amp;\x1c\xd7\xf7\xc3\x1f\xf0\xda\xd8"</t>
  </si>
  <si>
    <t>b'\x90\xfd\xb4\x1b\xb3\xd2\xc3Xc\xb0jth\xb7}&lt;z\x19\xb3\xde\xd6\xad\x1f\xd2\xcc\xf9\xe7\xfczw\xdf\xe1'</t>
  </si>
  <si>
    <t>b'd\xach\xda&gt;\xf9\xc0\xfanIs*O2}\x8d\xd6:\x8c\x9e\xd7&lt;t\xed\xab\xee\xd0/QwF+'</t>
  </si>
  <si>
    <t>b"y\xfd\x8de\xe14Qt{\xbc\xd3\xb9\xd05[8l\x88\xcb\xe2\xeb'\xa7p\x0f\x81U\xedW\x8e \xbb"</t>
  </si>
  <si>
    <t>b'\xa9$\xeaR\xd6\xb0^\x9e\xb7B\xe1\x85\x82e\xdauj\xfa\xf6\x15\xb9\xdd\x9a\xbd\x04?\xf8\x9ay\x96G\xa0'</t>
  </si>
  <si>
    <t>b'\x80]\x15\x7ffuc\x9d5\x8f^\x9d\xadL+\xd6\\Vm\x16A+s\xffx&amp;}t\xd6\xbe\x06\xf1'</t>
  </si>
  <si>
    <t>b'`M\x0f\xb2\xc79\xc0\xbb2\xce\xd0!H%\x06{\t\xb2\xa8i\xd5\x10\xf0I\xef!\x164\xbf\xbc,\xf6'</t>
  </si>
  <si>
    <t>b"\xecz\x18J\x9e]sr'5\x93E\xe6]\r\xa2f\xf3a\xaa\xfcZ\xd0\xe9I\x00\xb4\x16\x1d\xb2\xe2\xbe"</t>
  </si>
  <si>
    <t>b"\xe9\xf6\xbdK\x89\x1b\xba\x9c\x17;\x1ct\r\xec\x8c\xc1*'o\x06\xa6\x87\xb1\xa8_\x87\xe8~S/&gt;\xca"</t>
  </si>
  <si>
    <t>b'di\x8e\xffb\x12\xd2?a\x18\x1d\xbeY\xe6k\xc0\xe0$ 2\x04\x1f\xef\x90\xca\xbc\xf6\x0f\xbb\xbb\xe5\x88'</t>
  </si>
  <si>
    <t>b'\x14u\xbaxL}\xf8I\x02\xfc\x99+\x99i\x1e\xf0ai\xa9\x03\x90\x81L7PJ{\x18\x1dz(E'</t>
  </si>
  <si>
    <t>b'\x91\xaa\xae\xfc\x03\xc8\x8b\xb4\x1e?y\xad-\t\x03\xf5\x80&lt;\xc9\xef\x04\xa3YK9\xab\x9e\tXh\xb8W'</t>
  </si>
  <si>
    <t>b'\xf9\xf4\x98`F\xd4\xa5V{\xf8,\xbb+\x03\xa8\xaa\xa3m\xc5C\x94+\xbaR#\x91B\xd8\xbcx\x8e\xc2'</t>
  </si>
  <si>
    <t>b'\x89J.\xa7)\xed\xf9\x817\x1d_\xb3\xf2\x9b\xcd\xac5\xf27\xdc\xa0\x8a6\x17\x1d[\x0bT\x8d\xb8\x8f\xcf'</t>
  </si>
  <si>
    <t>b'w\x10\x12\xa2\xcb\x9c\xf5\xb3\x12~\xc0\x1cN\xcbC\x93\x934\x05\x88\x9d\x03\x93\x03\xe5\r\x11\xc9\xa1\xedO\xf4'</t>
  </si>
  <si>
    <t>b'\x884\xc15\\*\xf7\xa4\xf6\xdb\x81\x9c\xbf\xdd\xc0a_\x84\t\x05 \xf3\x88\x11)]&gt;\xb9\xde[f2'</t>
  </si>
  <si>
    <t>b'|\xb8E8A\xf5\x897\x8aO\xed=)&lt;\x08\x89U\xd7A\x1e]\xfc\xb4gm\xc6\xa01$9\x06\x83'</t>
  </si>
  <si>
    <t>b'_sM\x97\xc3Z\x11}\xcc\xe0\x89\xee\xb4\xa9\xbc\x90\xdf\xcd\n\xec\x9e.\xab\x0c\x0b\x1bq\xe1e\xc2\x15\xcf'</t>
  </si>
  <si>
    <t>b'\x93\x0fp\xce\xf7k\xcd\x058\x06\xb7O\xae\xe0\xe1\xc5D\xae\xd9\xfb\x07&amp;8|\x16\x19@\x04\xbd\xc4w\x90'</t>
  </si>
  <si>
    <t>b'&amp;o\xb5\xd0Y\x13\x93\xf3\xb4\x18(I\x8b\xcc\xb0\x87\x11T\x1e&amp;\xa2\x90,\x8b\xb5-pr\x80\xc8\x1a\x0f'</t>
  </si>
  <si>
    <t>b"@\xfb\xbb\xb4\xfe&lt;_\t$\x02\xcc,\x93\xb4 \x1dC\xdcZ\x05\x8b'\xf1\xf7\x9c\xdf\x93\xc1)\xcb\xbcC"</t>
  </si>
  <si>
    <t>b'\xb6T\xfcD \xe9\xd5\xee\xfe\xb2\xea.\xa739\xf4\x12\x15\xd7\x9b\xcd\xd7\xb5j\x17\xf4\xba\xe1\x97\xe7\xbe\xc5'</t>
  </si>
  <si>
    <t>b"\xe2\x1b\x1c\x83[\xc1\x9ev\xfa\xbd~I\x08\xffo\x17y\xd5\xed\xc7&lt;\xfc\xed\xd0\x15q\xe0'\xc2\xe3\x95\xf1"</t>
  </si>
  <si>
    <t>b"E\xb9\x08\xc1J\xbc\xb1N\x1b'z\xb5q\xe1J\x88\xf5\xc0\xd31d\xca\x1b\x9c\xe5\x08R\xde{,\x94\x7f"</t>
  </si>
  <si>
    <t>b')z\x97\xbcJQ\xb4\xe0\xa9@\xd4\xf2&lt;\x1c7A\xe0K\xbfxZ\xf8\xc2\x94\xfd\x18%\x08\x06\x15\x1e?'</t>
  </si>
  <si>
    <t>b'\x97\x80\x86\xa3\x11\xf4\x0e7\x99\xb8\x03\x99\xd2\x0c\xd4\x1d\xda\x8b\xf0^+\xfd\xaf\xda,\xc6m\xdf\xfa,\xc9\x11'</t>
  </si>
  <si>
    <t>b'g\xe2\xf0y;,\xd3\x8e\xe8\x8b\x12&lt;\x84k\xea\xdc\x9b\x9b\xa7\xdcv\xcc\x8f\xc0C\x02Q\x9a\x82$\xb1\xec'</t>
  </si>
  <si>
    <t>b'\xdd\xa0h\xc8\x82 \x91\xfex\x06YI\xa6\xda?\xcd\x13w\xe3\x9a\xbck1\xd3YQ#\xd0\xe6\xc89\xb6'</t>
  </si>
  <si>
    <t>b'\x85\xb9r\xd7\x1e8\xb1\xfd\xd4I\xc4\n\xef\xd4\xce\x8e\xa0r\xcbrLX)+\xe1\x93\xb4\x9bl0i\r'</t>
  </si>
  <si>
    <t>b'\x01\x06\xe3\xf2\x15\x84Q\x90r\xa7\x00\xd0\x96\x01YN\xb9h\xfc\xbc\xab \xa2\xe1\xf9Y\xad\xdc\xbc?u\r'</t>
  </si>
  <si>
    <t>b'\xf2s[Cd\x8d\xb9\xae\xb1\x98\x7f8\xc5\x98`\x1c\x08PS\x835k\x143\xc1\rWZ\x88T\xb5\xb4'</t>
  </si>
  <si>
    <t>b'\x81 \xbc\xf9\xd8\xf1\x0c\xe0\xa4\x85mn)\xb7\xc6q\xd9\xc0\xe5|gl\xff\x04\xa0\xfa\xad\xf5\x80vm\xef'</t>
  </si>
  <si>
    <t>b'l\x93\x018\x08\xef\xce"\x18\x8b\xf6\xbe?\xd8\x14\x06\x7f#\x1d!\xec\x85*\x00&gt;;l!\xb8,\x1b\xc5'</t>
  </si>
  <si>
    <t>b'C\xf5 "\x99\x06\xc8\n9\n\x00l\xaf9fB\xa0\x116\xf9\xe2\xdf\xae\x0c\x13\xa4\x1b\x98\xb4\xdc\xad\xc8'</t>
  </si>
  <si>
    <t>b'\xd6\xefx\r\xde\xea8\xe9S\x00(\xd4b\xcd&gt;\x8a6\x01\xe8\x9f\xc6\xa4\x8f\xd5\xc7\xc6\x18d(\xd6\x93\x8d'</t>
  </si>
  <si>
    <t>b'\xbe\xa3za\x80C;\xcd5\xee\xb7\x89\x8d\x0f\x00\x81%t\xf6\x81oO\x15\x006et\xb8\xe63\n\x07'</t>
  </si>
  <si>
    <t>b'\x95:\x02SK\xfdM\x91\x98\x1f\xd4\x85\xbb\xd0 6[@\xf2rr\x08\x1f(\x10\xdeA\xd3S\x17\xa1\x0f'</t>
  </si>
  <si>
    <t>b'\x88\xd7\x98d\x07\xa7\x02\xf5\xed\xb0&lt;\x8c(D\xb6\x1f\xe9m\xc4\xc0s\xaa\x10\xee\xc6\x90\xf7\x17\x10\xb7RN'</t>
  </si>
  <si>
    <t>b'\x89\x8c\x06t\xf0\xf1\xe1\xba\x10\xea\xd4p\xee\xa1\xa5\x006r\xa1\xd1y\xc0|\xe9\xb2@W$P\x15\x06\xd9'</t>
  </si>
  <si>
    <t>b"5\xdd\xc1#i'\x10\xd0\xb9g\x90ax&amp;\x94AS\x17&gt;O%\xb4\xd7%\x8a\x1d\x97\xbe|\xb5u["</t>
  </si>
  <si>
    <t>b'}m\xef\xcaf\xd2\x9a\xc8\xaf\xca\xdc\x19\xe0\xe2Vl\xc7"\x9a\x8ev\xc9\x0f$\x0c\x1c`@\x11$]\xef'</t>
  </si>
  <si>
    <t>b'\t\xc3n\xc5\xe6\x1a\xb4\x88\xd3\t}6\x84@.\xb9\x8e\x04,\x0c\xe6\xb6\xb5VK~\x98{N\x08Y\x01'</t>
  </si>
  <si>
    <t>b'_h\xf6\xe5\xd6*\x00\x9d\xb4\xc06g\xde\xd6\x08\x03\x1eL\rb\xda\xb1T\xfc\xc1\xa2\x83\xfc\x9c\x9bjU'</t>
  </si>
  <si>
    <t>b'\x9e\xa8\xe9\xbb\xde\x8d}Uw\x87\x10\xf8\x84%$%\xb1\x0b\xbc\xb7!\x9b\xb1\xd9\xb2\x8fp\x16\xe9\x8a~\xff'</t>
  </si>
  <si>
    <t>b'^\x87\x13\xfe\xc9\x8b\x96a\xa8\x93,\xad3\x98\x84\xdf\xdf\xbc\x13F[\xd1C\xd1\x0cm\xd6\xe080\x12\x1e'</t>
  </si>
  <si>
    <t>b'\xd2\xbf\xed\xa0\xc5\xe4\x9b\xc1-\xee\xf2muG\xbb\xaa\x19Y\x8ab\x94^\xe2\x03_\x8d\xcb=\\\x80Lj'</t>
  </si>
  <si>
    <t>b'\t\x03\x1e\x96\x17\xe9Q\xe3\x1f\x99\xfb\xc3\x8a\x89)C0\xc5\x88\x1a\x03z\xae\xa0\xc3\x83"\x9aU0\x90\x93'</t>
  </si>
  <si>
    <t>b'i\xb9\xf5!\x03\xd7j\xfcv\xd9/\xfdr\xb1^\x8e8$\xa8~\xfb\x8eZ\xde\x9f(\xfc\xde{\xbb\x1e|'</t>
  </si>
  <si>
    <t>b'(\xb0\xdcR\xaa\x8e\xf6\xfaYh\xdac~\xa3V63\xda\x10\x06\xa4d\xb9,G\x14E_r\x1b\xdd\xbd'</t>
  </si>
  <si>
    <t>b'\x80R\xbdN\x9a\xb5\xb0\xe3Y\x86\x11bf1\x92\xd2_\xb2\xbd\x99\xd2#\xf8{\xefF\xd2\x1c\x124|\xec'</t>
  </si>
  <si>
    <t>b'\xe1\x99\x19\xd9\x8aO\x8e\xb1\x0e.\x0eY\x109\xdf8t\xbe\x00\xc4\xcc\xc0is\x1b\x03\x12\xe1\xd0\x9eB\x03'</t>
  </si>
  <si>
    <t>b"L\x85w\x00\xe29\xef\xa7l\xa7'\x19\x15S\xff;\xcc\xfc#,o\x8e\x04\xa1`N\xa26mA|\xfc"</t>
  </si>
  <si>
    <t>b'd\x1aR\xf8W\xaaf\xfcz\xf0T\xb5\xd1\x96\x84SP\x1b7h\x84\x13CtJ{\x93o8\xfe\xe9c'</t>
  </si>
  <si>
    <t>b't\x1d7\x9c\x82N\xdf\x89r\xe8\xde\x14\x12oZt\x05\x81\xbb\x9c\x1b\rh\xad\xfa\xa6"`B\x81&gt;\xcb'</t>
  </si>
  <si>
    <t>b'\x0fE\xde\x15\xcb%\xc8C\xed\x06G\xad\xa9\xb4\xab\x9av\xa8\x12\xdf\xa7:\xccTZ\xb0\x85\xab#\xda\xec\xf5'</t>
  </si>
  <si>
    <t>b'\xbe\x0f\xe2jC&gt;E\xc6\xcd\xfa&amp;:\xe8B\x9fC2\xf9\xc0\x9b!v\xdd\xfbb[\xfa\xd5\xa5\xf7\xc2\x13'</t>
  </si>
  <si>
    <t>b"P?\x7fC\xb1\xd2\x00\xda\x07\xee_\x15$H\xed\x0e8\xfcmF\xa8\x84\xd2%v\x01'\xba0r\xc2\x98"</t>
  </si>
  <si>
    <t>b'\x9b\x02\xb5=\x81\xe5~\x81\xfdm\n\xd3\xb6\x8d\x01chBte_k\xf2\x05\x1a\x1e_\x0e\xb1\xfe\x00\xca'</t>
  </si>
  <si>
    <t>b'\xd0\xb1\x12\xf0Iw\x86$t3i\xc2:R\x9c\xcd\xc8\x9d\x15\x91\x0c;\x00p1\xbb\xa8v\xa0\xb9U\xc1'</t>
  </si>
  <si>
    <t>b'\x8f\x80 &amp;+\xf0\xa0\xee\xc5\x193\xaa&amp;\xc9\x8al\x12k\xefc\xb7\xb8\xc7E\xa1\x92\xcc\x01\x0f7\x9bP'</t>
  </si>
  <si>
    <t>b'\x01\x06\x18D\\\xfb)\x02\xb1\x83\x0c\xe3I!\xc4\x8c\xda\xd6\xe8pg\xbf\xb3K\xff\xb5\xa1\xd56\xe5\xe5\x14'</t>
  </si>
  <si>
    <t>b'\xce}_\x9d%+/xn\x8e\t\x10\xf8&gt;I\x81(\xf5\xde\xff\x15\xce\xe9\x1f\xd7q\x02\x05\xdc\x10J\xd4'</t>
  </si>
  <si>
    <t>b'(0\x99\x9e\x00\xd4R=Fi\xe2K\x0c\xae\xc8\x01\x9dn\xb7t`j*{Y\xb8\xb0ybFz\xc5'</t>
  </si>
  <si>
    <t>b'V\x12\xb6\x03KK\xc5Mir\xa7N\xf3g\x16\xf0\xd0\x9d\xfdG\xf8\xaaY?\xba\x10\xeb\x16\xdd\x9d\xe4\x11'</t>
  </si>
  <si>
    <t>b'\x15\xd29f\xe6\x9bV\x17a8\x9b\xc4;\xa2\\\xc3\nY\xb7\x80\xeb\xfd\x94z$n\xbd*W\xacH9'</t>
  </si>
  <si>
    <t>b'\x0f\x0e\xd1\xbc\x81\xa6F\xd6\xe5\x91ZX\x12\xd42q\xe30\xba\x8az\x1a\x9b\xdd~\x98o^m%\xe8\xee'</t>
  </si>
  <si>
    <t>b'\x944\xb8\x15\x16R\xcd\x07\xc6\xeb}\xd1\xc8p\x04\x94\x0eRq`cwL\xf9\x13\x88hw\x0fv\x08x'</t>
  </si>
  <si>
    <t>b'\xfd\xa1]\x06\x15\x8e\xef\xdaa\x97J\x02N\xde\x1b-\x98\xe9\x16\xa6E\x8d\x92\xc1\xbfw\xff\xceu\xc4_\xfb'</t>
  </si>
  <si>
    <t>b'\xc7\xa2\xdf\x08\xb1U^\xa1\xe3Y\xd6\xf0\x99w\x9b\x8f\x9bb\x1f+\x89\xccn\xac\xee(\xf5\x1e\xd0\xf4/\xb1'</t>
  </si>
  <si>
    <t>b'\x13\xe9\xd0\xea\x8a\xc4\x13`#)c!\xae\x8eche\x15\xbd\xfa\xcd7\xc5\x03^\xe7\xe5:\xc9\x07\xffM'</t>
  </si>
  <si>
    <t>b';\xa1\x0b\x18\x82\x96\x9e}\xdf\x94\xee\xe0\x0b\xbe_\xd7\xbfk\x93\xe5\xb0\x8a\xc1X\xf4\xac6\xfd\xfdq\x96X'</t>
  </si>
  <si>
    <t>b"\xf8\x92\x82\x98\x85\x11'3\x9f\x86v;R\xa1\xfe\xf3\xfc\xa9\x1d\x81423Z:\x17\xd0&amp;\xcf\r\xb0\xdf"</t>
  </si>
  <si>
    <t>b"\xe8'/\xf6&gt;\xf06\x04\xecBN_\\\x14\xb5\x1fp\xf0(\xfbI^\xd8\x8e\xe8\x0c3k\x84tJ\x9d"</t>
  </si>
  <si>
    <t>b'\xf1\xba\xe96\xael?HP\xa5\x10\xc7\xe9k\x8b\xa7\xda\x90\x14\xaep\xff\xe7\xa4,\xc5\xab\x8f\x1b\xe9\x85\xe9'</t>
  </si>
  <si>
    <t>b'.\x95\xa5\x96lFE0\xb5\xa1\xd2\xd0FB\x05\xbb\xa4T\x99\x16\xf8\xb4\xe7\xd7Y\x82\xe1\xb0q\x07-\x91'</t>
  </si>
  <si>
    <t>b'#\xbf\xc6\xd7\x8c\xce\xb8\r\xe5\x15]\xcdX\x1fO\xb9\xebwA\x86R\xf3\xa9\x84\x02\x8a\xdd\x98s\x18 \x11'</t>
  </si>
  <si>
    <t>b'\x1bY\xa9\xf1\x82uT\xd6\xf2-\xa2v\xa2k\xe2\x04\x16\xb3\xa5\xde\x88\x0c\x98\xc0\x1fcQL\xb4\xed\xa1 '</t>
  </si>
  <si>
    <t>b'\x18\x0ear]\xf5\xf2\xa7\x0bm\xd6[\x96F2/5e\xa9MU\x8bw\xba!\xac\xa7C\x16\xc8m\xc3'</t>
  </si>
  <si>
    <t>b'\xc3\x83\x13\x8d\xd7\x86\x1aNSH\xe6\xcd\x1a\x94R\x11\x8bQi\xfc\xf0{\x11`$\xeb\xb51A\x05)D'</t>
  </si>
  <si>
    <t>b'\x84\xf76\xa7\xadE\xac\\HA\xee\xf2X\xf2\xc9\xf9\xf6K\xd8W\xe0ynz\x03D\x97\xc2/\xfeR\xb5'</t>
  </si>
  <si>
    <t>b'/8\x95\xf55\xa2\xe07\x927a\xa7Fk\x9b\x1d\x91\xe8\x18\xc6\x14\x04\x0f\x01@G\x9d-1/\xa7G'</t>
  </si>
  <si>
    <t>b'\x14d]\xa1\xd7\xa4-\xcd-\xe9\xcb\xde/\x86\x0eb\xe9\x9eEb_\xa1\xc2\xfdOMp\x90\x08\xdc\x86\xd9'</t>
  </si>
  <si>
    <t>b'\xd1F\x86\xf1\x95\xf1\x8f\xe9\x18tWRI\xaer\xf3\xfc\x90fw\xb4w\xa0\xa5\x9aI`~\x81\x96D\xc0'</t>
  </si>
  <si>
    <t>b'\xa0\x15k\x08\xff\x10\xe0Hq\xbb\x9b}\x19q\x04\x99\xe0=R\xa3\xdc\xf4.\x8ea\xfc\x8b2\xab\x1c\xc1\x83'</t>
  </si>
  <si>
    <t>b"Z\xc1\xf3A5KX\xce'\xf4^:\x1e\xa53\xc9^R%6\xce\xc4h\xf4z`\x8b\\2\xd5P{"</t>
  </si>
  <si>
    <t>b'c\x8c\x84\x14\xe6N\x9f\x08\xc4\xe7\xc7\x02\xb4\x06\x88\xdbBn\x96\xfei\xb6\xec\x9a\xab(\xa0\xe1*!z\xb3'</t>
  </si>
  <si>
    <t>b'D!E\xa8[\xf6s\x0c\xc5I\xf8I\x17X\xf7\x8bV\x07\xc5\x82\xa2&lt;\x8a^oJ\xa3\xa9\x07\xdb\xed?'</t>
  </si>
  <si>
    <t>b'\xc4\x8dY\x85\x17\x90\xebK\x90\x98\xaa\x05\xa7\x0f\x1c"z\xfb\x83\x89\x82\x85\xba\xd3\x83\xd5\xad\x1f\xb3\xbcw='</t>
  </si>
  <si>
    <t>b'\xfc\xe7_\xd5\x87&gt;\x01{\xab/j\xa0u|\x0c\xd1,=o\xc0#*\xf6t\xe7\x13^\xce\xed\xba\xab\xb0'</t>
  </si>
  <si>
    <t>b'\x07\x8bbG,G\xcfK\xafu\x02\xbb\xc6\xe1SJ\xfb\xf8o\x08\xb5\x99\xb2l__\x1ca\x85_\x1dA'</t>
  </si>
  <si>
    <t>b'\xdb\x0f\x9d\xea\xa8\xd7)\xe0\xb4\xe2(b\xd9\x08\xf0P/g\xf4\xd5\xf5c.\xce\x10)\xa3\x15m7\xb4F'</t>
  </si>
  <si>
    <t>b'\xe5\x02\x90\xa7Rj\x0cV\xd9\xf7\x0c*O\xe5\x13~D\xb2 \x0b\xbe\xcd\xe5\xfb\xea`\x1c\t\xb59\xc9\x15'</t>
  </si>
  <si>
    <t>b'\xe0\xb2\xeb{\xe7\x89=\xe2\xb1\xc7\xdf\x0f\x95&amp;\x85%g\xc6_\xe8P\xc9\x94;\x8d&amp;\x00f0\xc0\xa4T'</t>
  </si>
  <si>
    <t>b'\x0c\xe4\xe94_\x009\xa3\xeaT0\xae\xd6\x81r,%ZJ\xfajsx&lt;?\xb2\xe6\xe8IO\x9e\xfa'</t>
  </si>
  <si>
    <t>b'I\xc8@\x06\xb6v\xd6\xbf\xafL\x90@_}Z\xfe=\x1b\xb4\xf5\xa9\x91\x1b8\xc72\x1f\x16[\xf1\xf5\xce'</t>
  </si>
  <si>
    <t>b'\x1f\xcc\xc6"&gt;5\x13\x15\x1a\xc7\x8a\xdcew\xb4\x96p\x06\xd0a\xfd\x82\xde\x17\xcd;\xe1\xb3%x\xc9\x90'</t>
  </si>
  <si>
    <t>b'\x03)"\xe0\xdd\x8c\xbdCz\x0b\x8d\xb6\xe0\xaa\xd6\x8e\xa5e\xcd\xa1\xbe\x86\x9a[\xa6G\x1eU\xc5q=I'</t>
  </si>
  <si>
    <t>b'J\xa0_eP0\xd7\t\xdb\xab#iBp\xdeL[\x11\x1a\x89\x13\xcc\xe2s6\xe4\xf2\x81(\xc4\xd6D'</t>
  </si>
  <si>
    <t>b'\xfc\xe1\xe1\x06\xd6\x81\xd0\xe1"\xf3O\xd0\xeb`\x1f8\x8co)\x1b\xfb\xda\x88\x16\x1f\xfc\xa3\xa5:?\xf2\xab'</t>
  </si>
  <si>
    <t>b'\xf9\xd7\xcb\xe1\x04\xb8@\x93\xa9\x91\xdd_;@\xbc8e\xef\x83Z\xcbo\x14\xf4\xa1)\xa7B\xd7?\xc1m'</t>
  </si>
  <si>
    <t>b'\xc5tCr\x0c\xa4m=X\x82\x9ar\xddWt\xfa\xb8N\x05\xa2X}@\x0f\xa4\xb07\x90"\x93\xc9\xc1'</t>
  </si>
  <si>
    <t>b'D\x06\x18\x9b@*\xc9:?\xd5%\rG\xc8\xdd2\x9f\xfc!rf\x1b\x9c\x04l\xac\xaau\xe97F\x8a'</t>
  </si>
  <si>
    <t>b'\xda\x1fJ\x1f\x93\x8e\x11\xbe\xcf\x0b.\xc8\xf6p%S\x8b2c\xe0\x14\xaa\x9c\xaeU\x10\x93\xe8\xaeqU`'</t>
  </si>
  <si>
    <t>b'\x1e\xfd\x82\xd0|&amp;\xb27\x12b=&amp;\x8f\xfb;r\x94-\x9ebC\xf9\x98g\xe3\xb4f\xacV\xa7\xdd\xcc'</t>
  </si>
  <si>
    <t>b'\xc7\x17\x8b\x994\x9d\x94E3\xad:\x9bHH\x07!*\xde\xf9\x849\xa7\x1c\xa6\x1f\x8ajg\x85\xf7t\xd0'</t>
  </si>
  <si>
    <t>b'\x1c\xd2=\xb0\x9c\xa3_\x93f\xeb\n\xb6\x16\x94\xd4\xfa\x19i\x9e\xee\x0f \xa7\xcd\xed\x8c\xa8\x0b\x1d\t\xcf\x1d'</t>
  </si>
  <si>
    <t>b'\x91\xc5\x08gz\xe5C^i\x9a\xf2\x89\xc5[\xfc\xc0{\x9b:\x0eLw\x0f\xe1nL\xaa2\x02MB\x01'</t>
  </si>
  <si>
    <t>b'8-\xafg&amp;\x8a\x83\xf0\x95\xcft"sG\xe8\xa5\x9e!#\xa1}\n-]\x01\xf1\xcb\xe8\xdb\x17\x9a\xbe'</t>
  </si>
  <si>
    <t>b'\x16g\xa3\xc5\x90z\x05\xfd\xbe!g\\\xf5\xfa\xe1\t;\x04\xc7\x9f\t\xe5~0\x1c\x89\xce\x98cf$P'</t>
  </si>
  <si>
    <t>b'\xd5\xbb\x9b\x0eh\x05\xe3\xdfO\xf8\xa6\x19d\xa7\x92\x97KYW\xc4\x9e\xb4\xcf\xca\xb5[\xa7\xb82\x84\x06\xc7'</t>
  </si>
  <si>
    <t>b'&lt;\xa5z\xc9\xb3}\x04(\xa1HD3|\x18R\x0c\xf1\x9c\xb1\xe4G\xb6\xaa\xfa\xfe\xe9x;\x03")\x1c'</t>
  </si>
  <si>
    <t>b'\xfd\x0e\x86\x0f\xfeU}\x19\xc2Z#\rE\xc7\x82]\x18%\xddt\xaa\xdbZ\x98\xa0\xb4\x8f\x8f\xf4w\xba\xf5'</t>
  </si>
  <si>
    <t>b'\xdb\x9a\xa1\xac|\x88d\xbf~\xa8Z\x83\xb3\xad\xa7D\x06\x99-rqD,\x89\xb1^\xa9\xed\r\xc6\xb3\xd5'</t>
  </si>
  <si>
    <t>b"?\x7f\xd8Fc\xc6\xdd\xfa\xed\x10'\x90\x06\xc3d\xca\x1a\xa7\xe6; \x82\xf2\x86\xd92\xb9\x13\xec~\xa9E"</t>
  </si>
  <si>
    <t>b"%U\xd7\xc2\xaa\xc5\xf7p\x93/\x82K\xe3X\xc57\x06P'\xdfWU\xbf\xd9\xd7\xfa=\x1bx\xaa\x0c\xec"</t>
  </si>
  <si>
    <t>b'\x06&amp;,\x9by\x0f)h\xc2\xdb\xd5\xd1\x0c\x0e\xf4\n\x1bU\xeb\x97F\xe2\xdd\r\xee\x13q\xa3\xaa\xe0)3'</t>
  </si>
  <si>
    <t>b"\x96{m|\x8bq\xf3\xfc\x7f\xd7w\xf9m\xc16\x9e=I\x97\xf2-\xcd7\x91\x9a{u\xe2\xb8\x81'\xcd"</t>
  </si>
  <si>
    <t>b'\x8f\xd4\xde\x1f\x17\xb8q\x9dW\xfag\x04#A\xa3\xc7\xbc\x0f\xa4\xc0cO\xd1 &lt;\x9e\x14y\xd9\x95\x1eG'</t>
  </si>
  <si>
    <t>b"^\x07edF\xdc\xa1\x04x\x92\xce'\xd6\xfdl\xda\xc5\x1c\xc2\x16\xe8I\x9ft2s\x16]\xdf\xdd~\xc4"</t>
  </si>
  <si>
    <t>b'\xc5\xad\xbbK\xfcr\x12\x12\x07\xb5\x85\x07\xf9\x98\x9a_o\xf4\xbfw\x10Gz$\xe6\xf8E\xff(\xf8Rq'</t>
  </si>
  <si>
    <t>b'e\x82\x95\x8f\xd3\xab\xe4F\x00\x14\x81\x12\xee\x8f\xefn/[\x1e\xaa\xea/~\xfe\xa8\xc9%\x83\xf8~\x10\x18'</t>
  </si>
  <si>
    <t>b'\xf2D\xf4\x1d\xb6\xa6\x82\x01[\x93Xl&lt;;\x8b9\xd9\x8e \xd5\xf1\x04\xc06i\xf1A\x93\x10\x8a\xf0\xd8'</t>
  </si>
  <si>
    <t>b"ka\xec\x83\x08'\x97\xa6\x95G\xa2!\x97\x1a1\xa9\xe1&lt;\xb4\xd2\xb2\x81\xee\xca\x9a\xea\x81\xfb\xde\xf4\x88z"</t>
  </si>
  <si>
    <t>b"'J\xc2\xb0b?\x14;\xbb\xb7\xed\x1bv\x88Qr\x05Fa\xa6\xda\xa1\xc6D\xb4\xe3\x03!\xf8\x85\xb6Q"</t>
  </si>
  <si>
    <t>b'\xa1\xd3a,\xc8q@\x85z\xf0\xf6"k\xea\x10 \x17\x8c]\'\xfc\x14\x84sTvg\xd0s\x05\xe5\xa8'</t>
  </si>
  <si>
    <t>b'\x88\xe8$\xe8\xa7\xc8\xc1\x05\x7f[&amp;:\t!\x89\xf8;w\xb2-\x14\xc0Ip!\x82Q9\xc0D\xc7\xf9'</t>
  </si>
  <si>
    <t>b'\xa0+\xc9,\x90\x90\x1d\x82\x1f}\xb6\x96\xfe3\xe5{\x08\xfd\x00\xbb\xd8\xee\xd6\x0ej\x80\xa7X\x99u\x01\xed'</t>
  </si>
  <si>
    <t>b'g\x14m\xee\xac\xc9\xbe\xed[\xff_\x92\x1f\xa0\xfei#b\xe7R\x9c\xf3@\x9e\xe0)q\xf8\x8aTX\xa8'</t>
  </si>
  <si>
    <t>b'\x0b\xc6\xb0\x1c\x0b\xa9\x96\x87.\xb439\x94\xc2\xf0C\x8biE\xdc3\xe6\xc2)\r\x9e\x86\xc9\x9d\x8b\x05\xd9'</t>
  </si>
  <si>
    <t>b'\xb6\xc0\xa8\x85\xa4\x9d\x88\xe6\xd68\xdc\xa8\x0c!\x1ck\xe4\xb7a\xb0Q\xd4\xa9\xd7\xc3\x03\xb1!k\x87&gt;u'</t>
  </si>
  <si>
    <t>b'\xe9z;%H\x19(\xea~\xfd.\xad\xe8\x15Y\x04:\x9c?\xde0\xbaK\xf6+\x8d(\xc3\x84\x16\xff\x1e'</t>
  </si>
  <si>
    <t>b'hpE7\xea\x9b\xb1\x84q ;aN\x85\xf0\xd0+\xd8\x99\xbeoj_\x00\xdf\xcd:a\\U\x04\x1a'</t>
  </si>
  <si>
    <t>b'Q"zl&amp;]\x80\xca\x9f\xcdP\xd9\xc8\xf1\xadNo\x884\x1e\x10\x1f\x9fe\xca\x00V!\xdas@?'</t>
  </si>
  <si>
    <t>b'\x8a"\x14\x8aa*\xab\x9c}\'\x00\xfe\xed\x8bX\x0b\x1c/\n8\xe8\'%\xfc\x19\xdd\x86D\x18\xff\xe1\xe1'</t>
  </si>
  <si>
    <t>b'\x04X\x98Qi@\xa9\xf6\x15u4\xef\xe6\x9c\xdf\xd8\x0f\xfb\x1f\xd7\xf7\x81\xf7\x10\x0f\xd1v[sA\xc0\xfb'</t>
  </si>
  <si>
    <t>b'\xc9UZ\xdd,\xd5n\xfci\xab\x13\xb8\xa7CF"\xad\xa1\x8b\xc4\xf9\xff\xa4\x9dS\xe2\xa1\xf3\xe8\xd3\xb0b'</t>
  </si>
  <si>
    <t>b"\xe4\x1aZ\xbe';\xe26\xe4:\x8fR\xca\x16\xe5\xc6';\xfar\xbb\xe5X\x8b\xa0\xf4\xbb\xd2\x8b}2\xb2"</t>
  </si>
  <si>
    <t>b"\x94\xee\xf3\x11A\x1fQ\xeb\xa4\xa3-'\x95\x18\x10\xa7\x7f\x8d\x12k\xfe&lt;\xe7\xca\xd2bBCi\xfcQ1"</t>
  </si>
  <si>
    <t>b'\x18\xac\x80e4\x8f\x92\xb0/\x82\xe3\xfb\xe4\xf2\xe2U}\x8b\xfd\xa5\xe8\x14\xf7\xf8UF\xbfM\x12\x0ex\xc7'</t>
  </si>
  <si>
    <t>b'\xec\xee\x8b\xbdi\xbf\x9d\xefhl\x11\xa1\x82\xa0\x92\xc2\xc9\x0f?_sf\xd9\xebWM\x9bsN\xe9f\xa4'</t>
  </si>
  <si>
    <t>b'\xc3$M7\x8f\xc0\x82{\xd2\xadV\xdc\xf7\xcc%\xe9\x0f\x9di\x82\xdfM2}\xcb\xd0\xb5e\xf9\x91\x90\\'</t>
  </si>
  <si>
    <t>b'\xe8\x12\t\x9f*\x1d\xcd\t\xc9\x14\xde\x8d\xaf|S\xd5\xb8\xf8G\xd8\x8a\x1e\x04=\xcbs\xef\x93\x04\xbb\xc9\xd5'</t>
  </si>
  <si>
    <t>b'\x07\x96\xd3\x7f\x99}\xa6\x08!\xcef\x7f\ts"P0\x8d\xe7I\nV,zvk\x8el\xdf\x02\xc9\xff'</t>
  </si>
  <si>
    <t>b'\x9a\xc5k\xeb\xa9l"\xa4{\xfd\x8d\xe7W\xd6xl\xaf\xa6\x93\xa8\xf4\x9b\xad)\xfb&lt;\xb4\xb1\x81[g@'</t>
  </si>
  <si>
    <t>b'\xe1\xd4\xa4zx\x19\xd5\xcf\xa3\x1d"{\x06\xb2\x1c\xbc\xf1x(\x18\xde\xfa\xeb\xda\xfd\xe1\xac\xce\x04)g\x93'</t>
  </si>
  <si>
    <t>b'\xed\x1b\x98\x16\xd3\xbcn(ZTNvzW\x1d\xaf\xe4\xd1w\xf3\xd6\xa3\x0b\n\x8f\x86h\x19\x1e\xdc\xbd\x81'</t>
  </si>
  <si>
    <t>b'f\xc0\x1d]\x11\xaf\x0b\xa0\xb4\xf3\xec$R\x1eL\x9aL\xa3Vd\xe5\xc8=\xf9)\x9a/8p5:5'</t>
  </si>
  <si>
    <t>b"\x83\x98\xeb\xeb\x13\xf3%\xfd\xcfuk\xd8-\xb3\xe9'\x89\xdb\x90|Q&amp;N\xa5\x16\xe6TC5\xb4\xe0\xd4"</t>
  </si>
  <si>
    <t>b'\xdb\x1a\x1b\x91\x05\xf9cC\x9c\x89{\xcc9\xc6\xebL\xe2\x166*\xb6\xf3)%\x9b\x1d\x01\x11\x8e\xe9\x96\xa5'</t>
  </si>
  <si>
    <t>b'S\\\x02xC\xe8\xc3\x0b\xcb\xb7^\xa8\xf4\xb7\xc7\xe9X\xc8\xb4\xb0\xe0\xdc\xc0\x82\xab\xae\xa3o*\x058\xac'</t>
  </si>
  <si>
    <t>b'\xd1\\\x9e\x08I\xc7\xf9\x9c|\xd7\xb5\xf1\xdblk\xc2\xf5\xba\xb4#\x02d\xa0(\x04\\l\x82\x1b\xe8&amp;T'</t>
  </si>
  <si>
    <t>b'\xd1\xc0\x11RF\x90\xb2"\x8es\xac\xc5&lt;\'\xb2\xf7~\xb3tp\xf1\xd6v\xad\x96I\xd9\xf4~\xa0\xf3\x83'</t>
  </si>
  <si>
    <t>b'\xbcH\x0e\xab*\x95F\x12c\xc8\xd6\xb9\xfe%o\xaf\xc1j.\xc3\x0c\xf5e\x06\x0f"\x06\xfb\xd2\x91\xf9e'</t>
  </si>
  <si>
    <t>b'\xd1\xd6%\x06H\xa8\xda\xd9f\\\x9d\x89\x99*\x8c}[%MkU\xa9\xa4\x8f\x0f\x00B\xb4\x85\xe8\t\x8d'</t>
  </si>
  <si>
    <t>b'\xdc\xf2\xc7\x8e\xc1!$_\xb7Q\xe4\x99\xac\xe4\t\xf8\xed\x18\xac$#\xc0\xe2\xd2[\x7f\xac \xd7@6\x1e'</t>
  </si>
  <si>
    <t>b'&amp;.\xb0\xd0\xab\xdf\x03\xa1\xe1J\xc0\xa42\xd4\xff\x1fK\x98\xd1\xa3\xc9\xaf\x94\x81kMG6di\x80\r'</t>
  </si>
  <si>
    <t>b"\x82\x8d\x1f\xaeA\x13o'\xebJ)\xa0\xe7\xaa4r\xe2\x96\x12\x8c\xc0\x1a\xd0\xc8\x14\x19/\xfa\xd0\xc0X\xe4"</t>
  </si>
  <si>
    <t>b'\xcd\x0f&gt;\xd9\xf0K\x82\x82\xa3\xcc\xb6\xca\x80.\xbe\x87\x10$\x7f_R\xed|\x95\xdc\x0b\xf0\x03\x06b\x8d)'</t>
  </si>
  <si>
    <t>b'\xfd\x98\xea#\x7f\x83\xb70\xa5\xedw]\x13P\x10\xcd\xfb\xb5\xe8\xff{qz\x16\xb8&lt;c\xd9\x03mz\x1b'</t>
  </si>
  <si>
    <t>b'\xaf\xce!%\xa1-\xb2\x8d\xf1\x84\x1b\x96\xd6\xa0s\xde\xed\x1e\xa7U\x92x\xe05\x05[\xc5\x15\xdfW\x87w'</t>
  </si>
  <si>
    <t>b'\xe9\xf5\x82\xb0\x1cU\xa5\xee\xc4\xec\x1c\xed\xe4/0p\t,\xf90\x14\xcc\x9e\xc1%\xbd(k\xd1\xf4\xc6O'</t>
  </si>
  <si>
    <t>b'f)\x8ao\xb8\n\x1a\x1c\xee\x1c\xa8\x91\xa4 w\xe9\xf7\xfa=$\xd0\xce\xd8\xe3\xc2H\xa1\xda\x16I)z'</t>
  </si>
  <si>
    <t>b'mz\n\xe4\xca\x9a\xa6\xf69g\xeelGeV\x85?\x1c\xd2\xdd#\xb1}2\xda\x8e\x9a\x93\x13\xc3zP'</t>
  </si>
  <si>
    <t>b"'\x10\xb5|%\xb5\x1b4\x84\xa1\xf4lXL\xf2\x0f\xea\x13\xd9M\x19\xb2\xe3\xa3\xb7\xc1\x91\xd6\xc4zZr"</t>
  </si>
  <si>
    <t>b'4\xb1s\xe7\x12\xd2\xd9\xa9\xce\xb1\xb3\xeb \xd2\xf7\xa5e\x8e\xb0\xb0\x1fRa\xcd\x83\x03\xb5\xa8\x91\xd6\xef\xcc'</t>
  </si>
  <si>
    <t>b'A\xe4\\\xd6\xe2~\x92\x08\xc8\x95C\xcbxK\x81\xb0\xef#\x9d\x94\xa0\xd13\xcb\xd7\xc6s\x01\x06\x15\xd2\xe0'</t>
  </si>
  <si>
    <t>b'9\xa2\r#\xad\xd1\x16\x06\xe4\x9cs\xc8\t\xe90\x92B\x7f\x11\xe8\xa6b\x87*\x0e\x92b~[Y\x8e\x1e'</t>
  </si>
  <si>
    <t>b'\xf4^w\xdc\xac\x89\xdf\xd4\x80\x82\x02I)\xaa\x7f\xae\x1bC\x81\x93\xfa\xec\xd4\xa2wc\xc6\xd4\xc0\xaeE\xaf'</t>
  </si>
  <si>
    <t>b'\xf3\x8f\x14XUb\xdc\xff\xf2\xb1\xd2V-\xcc\xe1\xf3_T\x87\xa3&amp;\x16\xe6\xa2\xd0\xaa\xf3\x92\x1c\xa1\x0b\x19'</t>
  </si>
  <si>
    <t>b'u\xa9\x82\xa0t\x93fK{\xf64\xd6P\x1e\xe7lP\xd1#\x88\xad\xe3!\x1c\xc1\x9d\xcb{\xb8\x9bC@'</t>
  </si>
  <si>
    <t>b'\xf5?\x8d\x94&lt;U\xba\x04\x957\x07\xe0A\x95\x90\xa5\xaa"\x1b\xd7\x16\xb7\xb0\xbd\xad\x1c\r\x05\x1d\x86\xd0#'</t>
  </si>
  <si>
    <t>b'9cb\x9ai\x1d4_\xa0\xcds\x1ck`*\xe1\xddnRg{\x99\xee\xed\xdd\xc0\xc3L\xd1\xf6*\xb8'</t>
  </si>
  <si>
    <t>b'T&lt;^\xd6\xb7\xdbW1M\x0ej\x0b\xe9\xe6\xf2\xe6W\x94\xe3\x7fVa\x1dw\x8es\xa1\x0c\x046ao'</t>
  </si>
  <si>
    <t>b"\x1b'\xc7\x1et\xd4j\xac\x10\x0f\xc0\xfb\x03\xf0\x14dy\xcb\x14&gt;\x8e\x96\xe0\xa0\x8dLL\x8a\xd5\xe7\xd7\xdf"</t>
  </si>
  <si>
    <t>b'\xbf\x91&amp;\xe2\xd9%\x93\xde}\x94\x9ar\x96\x1e&amp;t\xc0Mwct\x9f\xdb\xc0\x00Or\xa7p\x83\xf9\x7f'</t>
  </si>
  <si>
    <t>b'\xa2\xbd\xea\x0e\xb3b\x1a\t?\x9b\x8a\xc6=\x04\x0f\xc1\xba=\x0c\x84\xa4r\x96u\xd9Z\\\r\xf8\x0c\xcf\x8b'</t>
  </si>
  <si>
    <t>b'\x9a\xe5\x06QA-w\x18&lt;QX\x8b\x8d\x8b\xfb\xaa\xe7\xcdY\xe0\xef\xd8*3k\xca\xd3\xb5~7\xdc\xcc'</t>
  </si>
  <si>
    <t>b'e\x18e\x1e\r\x84\xd6\xdc\xce\x82r+\x9f\x99\xb3\xae\xd2\xd4\xb1\xaa\xad\x8b\xaa\xfd\xf0\xc0\xf6\xf8\x87j\xbc\x05'</t>
  </si>
  <si>
    <t>b'\x00\xe3\xfe\x1d\x9a\xa3\xee\x90\xe8A\x8d\x85\xa6z\xe5\x8e\x16\x93L\xf5[\xed\xebo\xa7\t&amp;3\x8325#'</t>
  </si>
  <si>
    <t>b'\x00Z\xb7\xbd\x0c\x00\xf6\xbc8)\xc9\x86Re;\xb7\xc6\xddg\x1a\xff\xcd\xd0Rf\xc9\x06K*Pr\xae'</t>
  </si>
  <si>
    <t>b'0\xc3\xbeI\\s]\x10+4\x1ae\xc1g\xe2\xc5\xdd\xb0z\xed\xd0\xf3a\xe4\x03\xdb\xda\xe5\xa4\xc6\xbb\x16'</t>
  </si>
  <si>
    <t>b")\xa1\x83_'H\x08&gt;#\xeaz\x1e{G\xfbs\x17\x8co\xe6Jc\xcd\x9c\xc8\xee0\xda\x8co36"</t>
  </si>
  <si>
    <t>b'\xb8\x90Q\x98`\x90/\n\xb2\x86n\xd7\x96\xefO\xc2\x00\xbfT\x15C\x16G\xf6qZ\xbc\xa4\xf2\x1e\x1f$'</t>
  </si>
  <si>
    <t>b'\xfa\x0b\xa3\x9cT#\xb0:\xfa\x9d\xf1x\x07\xfd6q\xc9\x82B\xf0\xf2\xd4\xe2\xda\x18\xaf&gt;\xaa\r\xe8\x8a{'</t>
  </si>
  <si>
    <t>b'\x19\xbb?\xa1\x16H\xb3W\x99\x05/\xc2\xe0\x813\x07\x9a\xa9\x9f\xb0{*\xed(\xf0\x01\x87\xb0,Q\x1c\xb3'</t>
  </si>
  <si>
    <t>b'\xaauv\x8d\xab\x84\xc3\\\x8ea\xfe/\x89]\xd9\xaeekHh\x15\x03\x83\xc9\xc7Tn\xf3g3"\xc3'</t>
  </si>
  <si>
    <t>b'\x9a\xf0\x17\xc0=\xb6\xc7\xbd\x12\x9e\x1bj\xca\xe11\x99\xd2\x07\xb2\xae\xa9\xc3|E\xdev)\xaa\xa9\xf2\xcc\xc4'</t>
  </si>
  <si>
    <t>b'\x05\xc4\x1dt\x7f\x81\xbf\xb7?\xf0p\xf0\x8cVf\x9b\xee\xbcU\xf0mhJ\xaf\xa5hX\x90\xce|9\xee'</t>
  </si>
  <si>
    <t>b'\xddh\xc4Q\xcf\xcc\xb2\xfd\xb7T\xcb\x04\xeeJ\xf2\xa6\xb2&amp;b\x0cM\xf2\xf9\xfd=\x90\x07\xc3,bw5'</t>
  </si>
  <si>
    <t>b'w1D&lt;\x88Q;[\xfc\xff\x04S\xcbQ\x12\x8fN0\xe4k_\xd2X\n\xc1(\x9b\xa9\xb1_\x94\x15'</t>
  </si>
  <si>
    <t>b'u\x16\xdb\x81\xa0v\x8cV5\xeb\t\x0e\xf5w\xb8\x11%\x15\x89|~bas\x0f~\x0b\xb5\xa6(\xcd*'</t>
  </si>
  <si>
    <t>b'~\xed~s\xe6\x10@:7\xb1\xd4\x19\x0c\x97\xaa\xd7\x9d\x04\xc1\t\xa2d\xc4m\x90\xe7\x00\xd3\xa8\xce\xe1\xb6'</t>
  </si>
  <si>
    <t>b'\xca\x1c\x19$e\x0bB\x1c\x10\x94|9\xfb\x1b\xed\x8d\xef\xc2|A{Ci\xf3~T\xfa\xf1\xb9W?\x03'</t>
  </si>
  <si>
    <t>b'Z\x1a~\xcd\x9b"\x89\x8e\x9dc)\xab\xf2\xd4\xe2/\xde\x05 \x9fmd:\x14?\xc6%0\xa7t\x98V'</t>
  </si>
  <si>
    <t>b'\xc2`\xfb\xda\xfe\x89\xd6\xe4\xe3\x9cPM\x04\x8ecoO\xb10\xf5q\n\xe8\xcd\xc04\xd4\np\x100\x1c'</t>
  </si>
  <si>
    <t>b'\'\x00\xb4\xed\xcfO9H\xf0\xbb*\x1c#1\xb8&lt;XY\x1a\xb8\xd5QB)\x83G\xec\xa9z"\xe8\xc1'</t>
  </si>
  <si>
    <t>b'K-\xac\xc9-P\x9eN\xcc\x0f\x061\xcf%E\xdf\xce\x8ek\xbf\x84\x06\xbbUH\xcf\x02%\xad-dY'</t>
  </si>
  <si>
    <t>b"'\x9f\x14\xdf\t\x19\xae*Ad\x8e\xbeP\xdf\x90\xc2Ii-O\xb8\xd1\x9eJ9V\xe0\xa1\xc4\x8e\x9f\xbc"</t>
  </si>
  <si>
    <t>b'\xce\x97\xc77\xac\x8c\x80\x97T\xe4\x9b\x83F\xf9\xb1)t3X{\xa6\xfdU6Q\x0e\xad\xd4q\x9b\xc0\x18'</t>
  </si>
  <si>
    <t>b'\xec-Z:O\xd0\xf9\x8b\x85\x18Ut\x11\xde\xe5h\x1a\x08+\x82\xc2\x89\xd7\xfb\x01\xf5\xaf\x8d\xf6\xe2\x9b\xef'</t>
  </si>
  <si>
    <t>b"'\xd1\x9a&lt;\x82\x924Gk\xe2\xa9'c-\x1d\xa0\xa8\x13z\\\xd8\x89\x94\xdc\xc6\x84F5j\xe8=\x10"</t>
  </si>
  <si>
    <t>b'\x1d*\x9d\xce~\xb4\xfa\xc6{\xfat\x88\xff\xbcO\xaf=\xb0\xec\xbb,\x88\xa01q2\xc3\xf5\x87\x8e[\xe2'</t>
  </si>
  <si>
    <t>b'\x82\xcf\xe0\x84q\x81\xaf\x95M4G\x98\xac\x00\xe7.\x18\x0e\x7f \x9b\x1c3\xe9\x1f*\xc2\xcd\xb8\xf5^!'</t>
  </si>
  <si>
    <t>b"\x8fn\x94\x0b\xce\xa1\xb6_j5\xc7\x12CNLl\xc3Yj\xe5\xd3Z&gt;\xd0\xc2\xefAD\x1brI'"</t>
  </si>
  <si>
    <t>b'\xa3\x06\x0f\x8dLq!\xe2\xc1\xe5P\xc3\x0b\x01Ya\x8eC3\xee\xa9A\x80\x8cK\x03\x12M\xfa\x94E\x12'</t>
  </si>
  <si>
    <t>b'\x8f\xdb\xb8\x9d\xbd\xb8j\x91\r\x1d\xa2\xea\xe1\x06\xdc\x9a#\xba\xa1\x8c}8X\x1b\xb0\x13\xf2kwD\xbd,'</t>
  </si>
  <si>
    <t>b')\x12\xc6\xb1\xd5KU\xe9"\xbe\xd31\xdf\xc0\xd0-=\x809z\xe2\x13\xab\xc8\xa8\xfe\xc59\xb9\x7f\xdc~'</t>
  </si>
  <si>
    <t>b'\x9a\xe3\xbdo\xdf\xdfYbE\xdeo\x058\xa5\xe0\x19\xb4\xcd\xb0\xa894r`fc\x1b&gt;\x1f\xec\xb2U'</t>
  </si>
  <si>
    <t>b"pf%\x8f'\xf5.B.\xabk&amp;&gt;\x83\x95Z\xc4\xa1\x1cC\x07\x1a\xd1\x9d\x9at\xd2\xb0w\x9f\xb3\x94"</t>
  </si>
  <si>
    <t>b'\x8d\xa1\xf3\x0c\xea:\xc9tQ\xdb\x13\xd8\xb9\xb1\x88\x1f\x05x\xc6\xd7\x84z\xf5\xc8\r\xf7L+j@\xbf\x06'</t>
  </si>
  <si>
    <t>b'\x94\xfd\x8c(d\xd1\xc4BVF\xb9V\x12\xacS"\xfa{\xed\x03\x91\xb9\xb5\xc8R\xe1\x8b\x86w\x8f&amp;\xc0'</t>
  </si>
  <si>
    <t>b'\x823\xe6n\xd6\xee-2\x10N3\xde\x15&gt;+\xd8\xc6\\\xca\xb6(\x82P\x10\xe5\x8d\x8e\x96\xc4\xb8)\xfa'</t>
  </si>
  <si>
    <t>b'`!v\xfcC\x00\xe4\x12\x80 QQ\x9e\x1d\x04Y\x18\x16\xd6\xf9\xbc\x1ct\xadv4\x05\xc1\x91\x88_z'</t>
  </si>
  <si>
    <t>b'1\x89\xa0\xa7\xbc\t\xa9B@\xa0\xb3e\xd2\x99C\xc0\x8a\xa8\x9fO\r\x95\xb4\xe0\xdd\xb5\xaa8p\xf9\x8c\xbc'</t>
  </si>
  <si>
    <t>b'`0\x07.4\xe9\xcb\x11\x8b\xa4G\xe3ZW\xf3\xa4\xfc\x95IV*\xfb\x8d\xf2\x89Y`\x8e\xe7rv\xa6'</t>
  </si>
  <si>
    <t>b'p\xc3\xe2\x96\x9a\x17c\x9bp\x16\xc8\xe6\xb2!\xd1\xfe\x91U!\xbe5u\x16\x13bjC\xe6\xab-l|'</t>
  </si>
  <si>
    <t>b'u\xdf\xe9/&gt;\xd1\xf2(~\xd9p\xa6nY\x87J\t8\xa4F\xd9\xd1\xe1\n\xc8^S\x9e\x96W\xba\xe5'</t>
  </si>
  <si>
    <t>b'\xad\x9d\x1c\x00\x1f \x1d\xa4dLriB\x87\x1f\x96\x80\xca\xbf\x81\xf6\xbc\xc9y\x92"\xc2u\x88\xa2\xef\xda'</t>
  </si>
  <si>
    <t>b"' \xcfP\xf3\xf8\x86\x1f0\xb2\\B@\xe3\xeb\x92\xcc \x13\x02\xe1\x84C\xb3\x86\xec.\xfa\x1f\x96\x1c\xec"</t>
  </si>
  <si>
    <t>b'm\xa1wN\xbft\xd7\xd9\xbd\xd0T\xcf\xfe\xd3h\xf5\xdf\xd6v\x87-\xdf&lt;\xa5\xe5?\xbe\xbft"\x1c$'</t>
  </si>
  <si>
    <t>b'\xd1\x82C\xb0q\xad\x83C\xdaN\xf4\xbc\xe6\xf2\x9c\xa9~\xfa\x1a,]\xe7)w\xc9v R\xc3\x9c\xae\xce'</t>
  </si>
  <si>
    <t>b'R\x02\xce\x98X\x824Ua\x7f\xa1\x1e\x1a\x1a\x9d\xd1\x10\xc6E8\x97\x0b/\xb8\xd9\x1c\xf7\xaf\xd4\x83\x10\x7f'</t>
  </si>
  <si>
    <t>b'\x8d\xe9\xc2\xb6C\xf5p\xde\xd1\x8c\xb3\xb91\xb3\xf7b/\xb9p\xb0\xfa\x01\x04\xe7w\x12\xea\rp\r\xef*'</t>
  </si>
  <si>
    <t>b'O\x9b\x8b\xbd\xd5\x10$\xd9\x9b\xf9G\xdd&amp;\x83\xfcC\xe4\x8bS\x1a\xedn\x96\x101\xf7\xcc\xaa9\xa3\x99^'</t>
  </si>
  <si>
    <t>b'\xfd\xa2\x82M\xbd\xf5\xfe\xdb\xb1W1\\\xaa\r\xd7~\xceEp\xf8)\xbf$\x7f~_\xb15\x88\xc8\xf0A'</t>
  </si>
  <si>
    <t>b'\x1d\xb6\xca1\x1e\xedZ\xec)\xcf\xc5\xb0\xc7\x89V\x92;oy\tV\x98\xa0\x05\xa9\x88\xb0\xddZ0\xce\x86'</t>
  </si>
  <si>
    <t>b'\xc6MeqZ\x8a\x94\xe2a\x82k\xe4u\xad\n\x8a\x13\xc8\x9c\x91\xf4\x87\xee\x9d\xdd vs\xd0\xbc\x16\xe7'</t>
  </si>
  <si>
    <t>b'\x1f\tf\xfa\xb3\x1b\xd2\xa7\x8d\xe0\xad\xf4AyM\xf77e\xa8\xb3\xc3y\xcd\xd1\xd4~\x12&lt;\xe5$\x06 '</t>
  </si>
  <si>
    <t>b'^A\xd2\x9e\x9fjM\xcctL8\xcc@\xa6r.\xba\xe6\xc26\x9a\x7f\xaa\xb6\x18C\x82\x0c\x99\x1bjO'</t>
  </si>
  <si>
    <t>b"\x9e\xffA'\xb7v\x14\xfe\x04\x1c2jK))@7\xe9;\xbf\xec\xc6\xc53\xe1\xbeY%\x06\xcd&gt;\x86"</t>
  </si>
  <si>
    <t>b'\xbd"\xec\x1c2\x9b\xd8:7O\xea\xea\xae/o\xdaN\xa8cvPc#sk\xbb+\xb2u\x11\x7f='</t>
  </si>
  <si>
    <t>b'%)\x9c\xddbQ!\x9cF\xfd\xbf\x9c\xa8\x05/\xbc\xdf\x96n\xe8f\x11a\xc5\xc1\x1f\xb6\x98\x1f\x02\x92C'</t>
  </si>
  <si>
    <t>b"1\x01\xe3*\x945i\xbe\x9b\xab-x\xb2\xa8\xa5s\xfa\xc8\xa8F\xc7\x0e7\xacU\xf2\xab8\x7f\xbd'\xe5"</t>
  </si>
  <si>
    <t>b'\xcdcj&lt;\x12Xg\x0b,\xb2\xf4\xb1\x91\x90\x12\x7f\xc5?\xad\xcd\xc6\xb0\xaa/\xe9f)\x11\xfegx\xc3'</t>
  </si>
  <si>
    <t>b'\x9d\xc2\x15W\xf6\xe4Z\xf6\x88\xf6\x0crl\xda\xfb!\xb1\x11w\xd7\x1bo\xd9\x90d\x8f\xf2:~k\xb2\xc4'</t>
  </si>
  <si>
    <t>b'fB\xf0\xf5\xe1?\x89+\xdb\xd5b\xa72Z\x18\x13#\xa6:\xfe\x92\xae\xd6,\x8e\xbbS`e\xa1&lt;\x82'</t>
  </si>
  <si>
    <t>b'\x1f\x00\x1bxl\rh\x03\xc5\xeb\x93}\xf2\x9d\xfeu\x03\x07\xc9\xea\xf8\x7f\xb8\xc585l\xe362\xd46'</t>
  </si>
  <si>
    <t>b'\xee\x8b\xd2p3d\x06\xc7\x00\xe5~6\xbe\x8f\xe9n\x1c\x04\x00\xd8[t|\x10J(\xb0\x8c[\xc6\xda\xb8'</t>
  </si>
  <si>
    <t>b'D\xc96S\x08\xe6\xf1\x97\xc8\x89+\x159\xddK7y8d\xa8\xa1\xc6\xda\x9f1\xced\xf9\x8a\x12\xd4\xc7'</t>
  </si>
  <si>
    <t>b'sQ}N \x06{\xe2#\x90\x151^x\xca}\xbf\xc9\xdek\x17\xf9\xf3\r\x9aq\xf4\xa7\x9f\xad+\x9e'</t>
  </si>
  <si>
    <t>b"\xdbD\x16\x97']w\xc3\x97~jM\xe2K\xb5\x87F\x0fRq\xfa\xf0\xd7#v\x10\x17e\x82\xb7\xc1&amp;"</t>
  </si>
  <si>
    <t>b'\xae5\xc2\xec\xdd)%\x04\x84L[7\x00[\xd6\x08\xff\xa3\xd2\xe8\xc2]\x1f\x01\x142\x8d\xdcM\xb9(\x0c'</t>
  </si>
  <si>
    <t>b'\xf5p\xa2/\x0b\xb3\xf6\x8a0o1]\xeb\\\xdb\x05\xe6s\x83p\x9f\xb8\x9d\t\x1e\xfas\x96\x8e\xe4\xac`'</t>
  </si>
  <si>
    <t>b'(x\xc6j\xef\rr!\x8cb\xaa%\xb8\x84KdY\xad\xfc\x89\x1b\xc2\x13u\xa0\x81H\xf3T\xe8\x88G'</t>
  </si>
  <si>
    <t>b'\xa0\xef}\x11\xfd!\x1d\x1f\x9e\x12v\x81\x84:\x0c\x12\x1cx\x89:\x82\xdc]\x80P\xc8\xd6\x9f\xb6*\xbbC'</t>
  </si>
  <si>
    <t>b'\x90\x03\xb4\x9e]c\xf2,\x04\xe0\x17%\x93\x98\xc8&gt;\xdc\x08&lt;V\x7f\xd9\x95\xbd\x15|B\r\x11/\xf2\x88'</t>
  </si>
  <si>
    <t>b'\xfbfB\x88\xae\xb9;\x8e. \xf839V.\xdb\xe7\x83\xd1\x7f\x13i\xe8_\xa6\x80\xfc\x9b.\xec\x93x'</t>
  </si>
  <si>
    <t>b'\x1f\xe8n5\x9f\x83\r\xc7q\x1d\xdc\xe4\x86\xa3\n\xdf|\xceea\xf8\xeeq\xc18\xf6\xd8\x1c\x91\xa4O3'</t>
  </si>
  <si>
    <t>b'x&amp;l\xa3O\x15\xf0\x0f{\xf8\xfe\x0f( \xfa\x8a\x12\xcd\x99@\xc3Xd\xc0\xaeC\x14\xa1\xc5\xfc]\xeb'</t>
  </si>
  <si>
    <t>b'\x833-&amp;\x89\xc6\x82"w\xa2\xdf\xa0zF\xfe\x80&gt;_\xfa4\xce\'\x97n\x1f\xa8\xeaz\xfe\xbdx]'</t>
  </si>
  <si>
    <t>b'\xad&gt;\x80"Q\xbe\x8c\xdba\xfaK\x1f&gt;\xbar@.\x8f\xcc\xfc[9\x1a\x1aD\x92\n\xf5v\xa4\x8b\x7f'</t>
  </si>
  <si>
    <t>b'\x92I:\x9c\x93\xe0NR\xe4[\x8e\xcfI&lt;\xc7)\x89\xd5\xa5\xd7\xcc\x0bv\xbb\xfd\x08:\xa8.\xc5\xe9\x16'</t>
  </si>
  <si>
    <t>b'\xb0{\xf1\x90\x86K\xf4\r`\xb6\xbc\xbc\xf3?\x7f\xfc\x89b\xcc\x8c\xa2\xd3\xb8\x89!\x8a5\xe2\x16\x9bs2'</t>
  </si>
  <si>
    <t>b'-\xdeOnI\x8cP\xc0\xff4\xc1S\x0c\xe6\xc0\x13\x94\xe2\xf8^V\x14[e%\x1dME\xb7\xda\xb4\xcc'</t>
  </si>
  <si>
    <t>b'\xaa\xbb\x95\xb7-xron"\xd5\xcfd\xfb\n\xc1\x95\x95\xfd\xac\xeaf\x8a}\x13\xa13\xce_\xf4\xfd\xd7'</t>
  </si>
  <si>
    <t>b'\xf8\x96:\x1fE\xed\xf1\xe8\xc6\t\xedt\xb7\xa9a\xdd\x9a\xfc\xc4\xe6\xb7\xf2hi4\x00\r\xafUZ\xde\x9f'</t>
  </si>
  <si>
    <t>b'\x89\x91\x97[\xd6\xf6\xf8\x92\xce\xcf\xc9\x90\x96\xba\xe5\xbd$\xf4\xf78\x83?Xt\x01\xdap\xf1@\x1d\x15\xf8'</t>
  </si>
  <si>
    <t>b'\xa7o&gt;\xd9\xcf\xeco\xbbyuj\x92\x86\xd5\xb8|\xc8W\x84\xb2\xdf\xf8s\xeb%\xffR\x0c\xb3\xda\x1a}'</t>
  </si>
  <si>
    <t>b'\xfa\x16\x94\x81-\x1c\x8a\xba\x0c\xbf\xd6\xf6L\xf1\t\xd7\xf3\xa1\xb3\xc2\x81D\x07\x01r\xd6\x0e\xeeO\xb1\x07\xd2'</t>
  </si>
  <si>
    <t>b'\xa0\xe7){\xa6\xa0\x0b\x87\xa8\xca\x11\x8b\xaa.\x02\xc8xjG6\xb4\x82@\xcd\xcf\x01\x03\x88q\xefA\xfc'</t>
  </si>
  <si>
    <t>b'\xf0\x05\xf5$\xbe&gt;\xbcT\x0f\xfb8\xean\xcb?\xdc@Y@M\xa6\xb9\x93\x83&lt;\x82^|\xc0\x171\xaa'</t>
  </si>
  <si>
    <t>b'\xfd\xfc\xfe&lt;\xd6Q\x8bv\xf2\xff\xc6\x99Z\xff\xa8-\xd50\n\x9e^\xd0\x80\xdc5\xda\xc3\xf9*g\xcct'</t>
  </si>
  <si>
    <t>b'\x90\x7f\x84\xfc\xa3F\xff\x1f\xd7\x11\x9e\x0eE\x91\x16+\xe6\xa7\xb7\x08hK\x1d\xda\xd0O\x81\x93G\xa3\x1cy'</t>
  </si>
  <si>
    <t>b'd\x93\x92[\xc2\xc66\xa6lq\xa5\xd7G\x0et-\xfd\x10\xbe|\x02\xee\xc3x\xc4\xd7\xd7\x14g\xad[\xef'</t>
  </si>
  <si>
    <t>b'k\xf7\xb08\x82\xf8\x18Ia\x85\x1c\x1a\x13?\x9a$D\xfcFC\x9fY2\xfeP\xee\x96\xe1\xfalW\x0f'</t>
  </si>
  <si>
    <t>b'8\xae\xcb\x85\x12\xda\x07\xba8s\x14\xaa\xd9\xf0uR\x11\xc4B\xbco\xda\xed\x99NMX\xed|\xee\xdc\xf1'</t>
  </si>
  <si>
    <t>b'f\xda\xeb\x1aq\xbd^\xe3\xe9f\xc0\xc8&lt;N\xafz\xde\xfd\xe5\xd6\xe4&amp;\x0f\x07\xc7\x1a\x05pN\x98A\xa9'</t>
  </si>
  <si>
    <t>b"\r\xd2s\x0b'\xf2\x92;^b\xcda\xa5\xee\x05\x1e\xb7a:j\xa5JH\xaey\xa8\xb8g_\x94,\x16"</t>
  </si>
  <si>
    <t>b'5j\xe9\x84\xbai\xf3c\x1c\xe2M\xc9&gt;QW\x87%\xcb2\xe4\xe9\xe4\x90\xaf\xaey\xfd%\x1a\xb3\x15\xbc'</t>
  </si>
  <si>
    <t>b'\\\xd6 \x91\x1e\x8cr:&gt;M\x86k\xc1(+I"}\x17\x133\xd9C\xaet\x02\xc7\x1a\x95\x12\xe7\xca'</t>
  </si>
  <si>
    <t>b'\x99\x9a\x89n\x1d\xadp,\xef\x17\xa3^\xe3@\xc1\x86\xce\xc3$\xdc\xd3Y\xa6\x0bL\xd8\nFk\x1b\x92\x1e'</t>
  </si>
  <si>
    <t>b"\xcc\xc2\xd0\xc5\xf9?\xdd\x97\xcd\xd4\x92K\x1d2&lt;\x90~\xe3\xe9\x01\xa9Zz|\xc6\x1a\x03'\x10\xb3*f"</t>
  </si>
  <si>
    <t>b'\xed\xbd\x11p\x91\xc5P\x10\xca\xf3\x83\xe1\xb97\x96\x1c\x112\xa1iI*\x0b\t\xe7\x95\xd5J3m\xab\x87'</t>
  </si>
  <si>
    <t>b"\x9f\xc9'\x1a(\xb5\x89\xf2H8-\x07\xc7 \x81A\x8d\xdfN\xc5\x92\xc7A\x87.H+\xa2]\xbes\xad"</t>
  </si>
  <si>
    <t>b'e\xd3\x92\x18\x18\x08\xed\x8b\x95\xb3\xcc\x80G\xbd\x1dY\x06\x95\xcf\xb7\x19r\xf9\x04\xaa\x03\xa4\xd8\x7f\xf1\xe8\x0c'</t>
  </si>
  <si>
    <t>b"\x8e\xc6J\x12\x97U\x86\xf9q\x81\x19D!'~\x05\xec\xb2%\xdf\x8fN\x05MD\xa1\xf4\\-\xf0\xcbc"</t>
  </si>
  <si>
    <t>b'I\xac?\x1aZ\xd2\xd7e|\xbbB-\xcb\xd3JJ\xd7\x17x{d\xb3\x11s\x8dW\xa9\x01`\xdc\xb6\xaf'</t>
  </si>
  <si>
    <t>b"\x1dC\xd0\x1e\x83v,\x13\xf8\xaa\x18_\xfa\xbf\xfc\x90\x9e\xf7\xaf++*\xcf\xaff;\x18'\x01\x9a\x93\xe6"</t>
  </si>
  <si>
    <t>b"\xb7\xc1\x93\xfa\xff6\x14\xcaq\x84\x9f\x9e\\\x0b\x19'\xe0|-\xe0T\xae\xa6\x1f\x91{\x96\xbc\x8d9[\x92"</t>
  </si>
  <si>
    <t>b'\xbd\xa4{\xfelxp&gt;\x19\xedWk\xcc\x18\xc0\xb9\xb5\x1c\x92T!\xb5&gt;\xe0\xf2\xf3\x82\x00\xd9\x1e\x91\xc7'</t>
  </si>
  <si>
    <t>b"\xff@x\x93l'|#\xef\x87\xda\x87l\x1dK@G\xb6\xf17h?\xfe\xacI\x04\xf6x\xba\x99dl"</t>
  </si>
  <si>
    <t>b'\xec;\xdc\xaf\x95Y\x82?=}\xc8wB\xbf\x1dM\xf3W;/\x9e[U\xdf\xd1\x9f\xbc\xc3\xc7\x00\xcb\x8b'</t>
  </si>
  <si>
    <t>b'\xf2\xb3\x84\xa7[\xc3\xd3\x90\xe7\x14\xdeIS\x80\x01\x87*6\x16F\xbeN\x90n&gt;Exg\x12K\xaei'</t>
  </si>
  <si>
    <t>b'\xd2&gt;\x04_E\xb8o%\xbe\x86\xc9\r\xb3\x8f\xf3\xd7\xc0\xc4\xc4M\x18Vv\xd3\x8d\x92\xf4\x01\xd7\xa9\xcaG'</t>
  </si>
  <si>
    <t>b'\xde\xe2\xadpe\xc6\x1en;\xfbF\x00\xf2\xb0:H\xf3\xf6\xbc\xf1x\xf5L\xcbk\xb1\xf9\xd0*\x12H\xe3'</t>
  </si>
  <si>
    <t>b'\xea\x1d\xcc`h~\xa3\xc9\x1b\x90W\x06-\x03\x1aF\xf9\x03\xd7\xd3\xc4\xa7\x85\x97\xa3$\xd4\x8b\x08G\xbd\x9b'</t>
  </si>
  <si>
    <t>b'\xb1 \xd0\xffgC\xd8d8\xea\x08c\xb9=\x7fD\xbe3%\x97ea\x92&amp;U\xe1\x11}\x00e&lt;F'</t>
  </si>
  <si>
    <t>b'w\xe2\x85\xa7CU\x9cmfv\xf8\x0b\xa0x{\xb6\xfa\xd2V]JK\xdc\xe1\xa9\xc5\xdb\xa0t\xf0\r\x97'</t>
  </si>
  <si>
    <t>b'\xe6\xdb\x0f\xe0q\xcdO&lt;\xc3\x8ey\xa5\xa6PV\r\x8e\xe0f=\xb2\xf5s\x84kS0\xc0p\x07&gt;Y'</t>
  </si>
  <si>
    <t>b'\xf79\xa8&amp;\xd6\xcf\xcd"\xbd\x80\x16.R\n\x0f\xe1Z\xe5"\xb2\xe4\xde\xaf\x8c\xd9)\xa7U\xa0\xec\x8a\x93'</t>
  </si>
  <si>
    <t>b'\xcb3\xef\xd4\x87n\xe3|\x8c\x9aJ\x88M\xc3\xe9m\xf3\xc4D2i\x00;\x16(\xbe\xd7\xe1\x14\x86\xa4\xac'</t>
  </si>
  <si>
    <t>b'\x02\xb1\xf7\x7f\xf4\x18\x85\x02\xa3\x04\x97\xe4\xdc\x9c\xbe\xe3`\xc2J\x94\xa7Vq\x82\x91g\x99IU\xbd\xd9&lt;'</t>
  </si>
  <si>
    <t>b'\xc48YC\xc3\x08\x11\xa3?\xad*Gk\xac\xfe\xc7q\xe7T\xce\xc9p\xd5\xf0j-\xf7\xd4\xd9\x06Ff'</t>
  </si>
  <si>
    <t>b'M\xd2\xc4\xe0GK%\nT\xa0\xe8um\xfc(\xa7\x0f\t\x05\xb6&gt;;\x10W\x06\x90\xfc\xac\x84Dh\xc7'</t>
  </si>
  <si>
    <t>b'\x83\xcc\xb5eW~\xdf\xf0qN\xcf4\xd0\xdem\xb9q9\x8e\x8a\x03,5\xcc\x10@Wx\xd3\xb4\x90J'</t>
  </si>
  <si>
    <t>b'h:\x112Ml~\xaa\xd2\x15\x16\xd6\xab\xd7\xddB\xde\x7f\xb1\x05\xa9\xd2\xcb\x99\x0eq\xf7\xdbE\xbe\x14\x0e'</t>
  </si>
  <si>
    <t>b'\x19Z\xd1J\x12\\l\x15\x80\x0e\xa4d\xaf\x88v\x01)&gt;0o\xea}\xec\xf1v\x11\x11\xee\xa7\xa2.\x9c'</t>
  </si>
  <si>
    <t>b'\x15\xa89|\x15\x80\xb6\xe7\xc7\xb9\x9a\xfbP\x8f\xb6\x0b |Gw\x1d8J\xca\xb4\xd7\xdc#\xa3Wq\xbb'</t>
  </si>
  <si>
    <t>b'\xe4\xf6\xe0\xd4\x90%\xd2\x93\x95\r&amp;\xdb\xcft\r1~T\xea+\x85\x08\x04\xb3\xd8{\x15\xc8\x82\xff\xb8\xf4'</t>
  </si>
  <si>
    <t>b"\x1a\xed@\xa2x\xfc\xf1\x91\xe8\xf9%w:\x02\x9a'\x99_\xd6\xcb\x88\xf2\x16\xfd\xea\x0b\x03n\xf5 \x18W"</t>
  </si>
  <si>
    <t>b'\x92@\xc7\xce\xeb\xc6\xe9\x17\xb2nw\xef\x85\\0FR\xc5\xba\r\x01\x1c32c/8A\x8b\xa1\xfd\x85'</t>
  </si>
  <si>
    <t>b'\x11\x0e~\xe8}P\xb6Z\xfdD\x11\xeb1\xed4\xf9]\xe5\x91:|\xb1\xe0t\x81A\xc2\xf4\x1f\xa16\x82'</t>
  </si>
  <si>
    <t>b'p\x8e\xa5^\xb0\xd1\xc4\xf7\xf1b\x14\xf196o[\xc1Q\r\xccdl\xc7R\x9erT\xc7i\xcc\xeb\xc3'</t>
  </si>
  <si>
    <t>b'\xff\xf0\xbb\x9d\x17dv\xe6\xb7\x8c\xdc,\xaf$\\o\xf9\x85c{\xb4)\xd5\xc9\xb9\xba\x07S\xda`\xb3"'</t>
  </si>
  <si>
    <t>b'\x99%\xaa\xb9\x13VE8\xc3%U\x86@\x86\xe6\xa5/\xec\xfe\xb65\x93\xee\xa3\xb0\x86\xc8\x138\xdfOU'</t>
  </si>
  <si>
    <t>b'b\x95\xe1\x8e\xc1,S\x06P\x86oZ\xbd\xabSJ\x17\xf6\x91\xa9 ad\xe1\xca\x9d\x070!\xf1a\xf2'</t>
  </si>
  <si>
    <t>b'U\xaa\xe8\xf1\x99\x16\x07Z\xcc\xd6?\xc43\x86\xb2\x1e\xd0\x08\xf8^\xe3\xab\xd8\xcaf\xc5\xcbk\x1c\x9e\xcb\xdb'</t>
  </si>
  <si>
    <t>b'\x0c\x1d\x0e\xba\t\xeb\xd7\xad\x90\x19\xc5\xad\x99\r|\xcd\xbcc\xe7\x81\x99v+\x81\xe6\xf2\xfe$\xe9\xbbP\x95'</t>
  </si>
  <si>
    <t>b'\xf8\xb8\x18I\x8f*\xdc\xdbVH\xac\x17\xf6\xf4nWt\x9c\xd1be\xb7\xcf\xfb\xf82\xcc4Q\xc28+'</t>
  </si>
  <si>
    <t>b'\x03\x0fA\xd4\x89\x8d\xa1\xbf\x07\xe5\xb2Y\xdbe\xa11\xddO\xf4\xcb\x97 \xb0\x86\x8b\xf3\x06\x13H\x8b\x0c5'</t>
  </si>
  <si>
    <t>b'7\x12\xa3\xbe\xb7T\xbe\xf2")\xd8\xcd\xc4\xc4K\xe7O8\x88T\xa8v\x05\xf8\xbb\x82\x9d\xcd\xc5\x11\xdf)'</t>
  </si>
  <si>
    <t>b':\xaf\t\xbfd\x05`6s\xb2\xf3F\x16\x0co\x19k\x92t\xdc\xc8&gt;,\x804p\x03\x8ap!)\x9b'</t>
  </si>
  <si>
    <t>b'\\G\x16\x82\xa5\x08d\x95Oqtn_Vn(={\xb9\xaa\xa8\x9d\x06\xee\x85h\x8b\xafg\x86\xd9\xc7'</t>
  </si>
  <si>
    <t>b'T\x82\x12(\xc1\xb7m\x08\x1dz\x946\xcd\xf8\x1b\xc9\x83I\xb7V9Go&lt;vI\x1d7\xe9Z~m'</t>
  </si>
  <si>
    <t>b'*\xbb?\xfd\x82\xb9\x96\xde\tCXR\x83\xf9\xc2D`\xda\xfe\xc1\xec\x08q\x9c\xb53zd/\xe7=?'</t>
  </si>
  <si>
    <t>b'8\x8f\x99\xa1\x8f\xd4\xd0\x12\xd1sZ[\xbbm\x81i\xef\xcbjW\x10\x96S\xe2*S\xd8M\xd4kN~'</t>
  </si>
  <si>
    <t>b'2\xba\x98y\xa7\xeb\x14\xe6_\xfe\x8fn\x0b\xc2l1\xa9h\xf1O\xb7\xdb)\xe6h\xfc\x88\xc2\x1e\xb3\xef\xeb'</t>
  </si>
  <si>
    <t>b'\x00\xeb\x12|\xb6\xb3\x15\x9c\xf38\x97\xbe\xe8\xa79\x7ft\xb1\xfc2v\x01\xb9\xfd\x96G\xf8_}\xd0\xb2F'</t>
  </si>
  <si>
    <t>b'\x9fBq\x9d\x80&lt;\xc4\xf6\xfd\xbf\x11i\x8d\x80b\xf3\xd6\xcb\xb8@\x82\xe0\x80k\x84\xeeI\xe6\xcf\x80_\xba'</t>
  </si>
  <si>
    <t>b'\x9a\x1bq,\xd2\x96\xec\x01\xbe\xa5&amp;\xfa`\x16{\x1e%\xb2\xf3\xe0\xf8\x9a\xdb&gt;\xe4\xb4 h\xf7\x1e(G'</t>
  </si>
  <si>
    <t>b'\xa2^\x0f\x8a\x00\xa7w\x06Y\x93\xdaa\xd27\x1d\xa3\xb9\x1b}G\xef\x19\xd2]Hz\xb1\xd1\x8f\xd7A\xcc'</t>
  </si>
  <si>
    <t>b'\xa4\xe9\xf0]&gt;5|\x0eE\xab\x06\xfd\xdb*&gt;\xfe\x02\xe2\xac\x80\x89\x8f\xde[Q\xe9\xd9/\x11`\x9b\x0e'</t>
  </si>
  <si>
    <t>b"\xf9\xaa\x805\x00\x0e\xf51\xe2'm\x8b\xfa&gt;)\xd5\x97%\xf1:Xr\x89c-ke\xbf[\x01\xafq"</t>
  </si>
  <si>
    <t>b'JY\x82\xc6M\xf1\x92\x1e\xfdY\x08\xd2\xccH9d\xde\xaa\xfd4\xd428\x82)\x8c\x7f\x1ee\xf3\xba\x8f'</t>
  </si>
  <si>
    <t>b'H\x90\xba\xd9 \xba\x19\xefL\xe3\x9c\xeb\xd2\x07,\xbaS\x95\xa1M\xc5\x13\xc6t\xcd\xb17\xde\x15\x0e\x9e\xca'</t>
  </si>
  <si>
    <t>b'%x\xd2\xa2\xd0\xe1\xf3qM\xbc\xb3\xe1\xf4\x82\x85{C\xd2\x12\xb5\xdc\x8d\xf8M\x04\xad|M\xaaq\xde\x85'</t>
  </si>
  <si>
    <t>b'\x894\xf7\xae\xfd\xfa\xd00.\x8a#bh$R1\xe1\xef\xe1X\xae\x92\x8e\x1dP7[\xc3\xe0n\xe6\x01'</t>
  </si>
  <si>
    <t>b'\x1bV\x1b^\xbbfL)\x04\xfdQ\x92\x9d\x12j\x9c\x92\tl\xc2T\xc9\xcbx\x7f\xe4wL\x13\xcc\xc16'</t>
  </si>
  <si>
    <t>b'\xe8\xa6\xed\x8b\xcd\x1e\x97\x08\xe0\xcd\xfc\x1f\x04\x1d\xc3r\x88\xf4C\x8b\xfa%L\x05\x08B\xb2\xc3\x94\xe9\xf2\xa9'</t>
  </si>
  <si>
    <t>b'}\x9b_\xdb.\xf0\x90\x1d\xc0\xeeF\xe4wA\xc6\xb8({\x05&gt;BxJ\x8aa\x05Q\xceK\xe34\xdd'</t>
  </si>
  <si>
    <t>b'\xfd#\xc4\r\x9aq\xc4\x83\x11fjb\x17\xa1\xe8\xcaN\x94\xd7\x8d\xfe\xdb7\xde*#@\x94\xa7\x8c]\x8f'</t>
  </si>
  <si>
    <t>b'\x14\x1dc\xa8V\xbf\xf7\xc4\x0b\x01\x05\x8ex\x03u\x14PGU\x11\xf5\xb4\x92\xd6\xca\nL\xe7\xa9\x1b\xc7\xc5'</t>
  </si>
  <si>
    <t>b'c\xdd\x17m\x7fr\xf0\xe6\x14A\x11\xc3?-6&lt;\xdf\x07pa\xe2\xeb\xa9SUg\xd9\xc2b[TQ'</t>
  </si>
  <si>
    <t>b'\xba\x96Z,\x8dz{\xec\xdb\xdf\x8a\x03\xd8\xcb\xdf8F\xa7&lt;\x8c\xf7.q\rr0\xf4n\xa2\xcdB\xee'</t>
  </si>
  <si>
    <t>b'\xbe\x86\xbcy\xa6\x1d\xf4\x9d9\x06e\x80\xd6&lt;2w\x0c\xe4w8\xb4\\\xe0\xd8\xd0\x9cuh\x15(\xdfe'</t>
  </si>
  <si>
    <t>b'b\xb6\x98t\xfagk}Y\xe2(Q\x85\xcd\x865\xdd\xe6\x80\x97\xce\x14\xcf\x86\xa2s\xb9\\B\xd7A('</t>
  </si>
  <si>
    <t>b"#\xec\x89\x8b\xa5,\x1f\xe0\x1b\xb0|&gt;'\x92U\xc9'38\xfc\xc2\xddq\x10\xbb\x9c\x1a\x86\xa0Cw\t"</t>
  </si>
  <si>
    <t>b';\xaeR\x01\x98&amp;\xfd\xd3\x94\x820\x0fL\xab\x9bO\x9e\xfa\xeaz\xd9\x00\xbf\xae\xc9\xf9\x9a\xbc+\xf6\x8eo'</t>
  </si>
  <si>
    <t>b'\xcc~\xb3\x98d\x02\xfc\xd0q\x8a\xa3\xd2\xf9m\x0b\r`\r_\xe0\xcc\xb7\x9e3O\xeb\x86\xbe\x15\x84Jf'</t>
  </si>
  <si>
    <t>b'i\x07\x98\x83D\x86M;\x089|\x99\x87\x8e~oUp\xbbW\xb9g\xe8\x0e`Rj\xaf\x9e\xb6}}'</t>
  </si>
  <si>
    <t>b'4r\xe6\xe1g+=\xcdY2g\x94\xfe\x06\xc5\xb3\xb7\xfa\xb3\xce\x0b&amp;\xb3\x01n\x10\xaaX\x07O\x91\xf4'</t>
  </si>
  <si>
    <t>b'\xe9\x02,\x88\xf3\xce\xaaL[\xb44\xbc\x0f\xff5\xaa\xd8\xde\x07\xc5S\x1b&lt;\xedl`N\xe2&gt;o\x14\x1d'</t>
  </si>
  <si>
    <t>b'J\x93r\xbf\xcea\x95\xe3\xe5\xa7\x00"\xb8aw3\xd0\x1fN\x92-\xa7}W\xe14b\x1e\x1b\x87\xed\xfd'</t>
  </si>
  <si>
    <t>b'\xf7=S\n\x00\x93K\xb3\xd6\x0b\xc9s\x8a\xc0\\\x0e\xdev\x11`\xf6\x08\n\x9c\xb17\xcc\x1f3qM\xeb'</t>
  </si>
  <si>
    <t>b'7+n\xfe\xd4\x83m\xd9!\r*\xd7!\xc8\x9e\xa1C\xb2\xa5\x1b\xa6\x93\xc1F\xf6\x9d\xa1\x86\xd8\xc1\x80~'</t>
  </si>
  <si>
    <t>b'\xd7\xe2Hy\xff\x11\x80\xdc\xbeq,\xc0\xbbXrsU\xd9\x11\xedu_r\x88\xcc\x93\xaa\x7fp\xee\xc8\xae'</t>
  </si>
  <si>
    <t>b'\xa6\xf3\x13\xf3\xf3\x06\xe3\xcf}\x1a\xec/!\xe0]\xd7m\x10\x94\xcf\x9cf\xb5\xd1\xef\xa1f\xa1Q\xaeY\x97'</t>
  </si>
  <si>
    <t>b'g\xee{\xe8\x89#,uk\x9d\xd5\x06\xca\xe6\xc8]\xae^\xa3\x18H$\x84\xa0\x1c\xfa`\x05\xa7C\xc3\x7f'</t>
  </si>
  <si>
    <t>b'\xda\xa7\xd4E\x15\xee\x84\x85\xeb\xd3\xfe\xe2}\x90/\xbbz\xe0\xbf7\xc4\xa4&lt;\x89\xd3\xd1\xc5\xbeJ\xeb\x94\x97'</t>
  </si>
  <si>
    <t>b'#=\x02\xf2\xb0k\xc5\xf5K"r\xeb\x8bX.23\n\xde\xfb\xd7^\x85K\xedv\xf0\x97A\xb1\x03\x0e'</t>
  </si>
  <si>
    <t>b'\x0c\x13\x8c\xe1\x08\xba\xd5\x08\x05T\xc60\x83g\xa4\xec\x81t\xd7\x8a\x01\x9c\xce1\xd9H\x1e\xe5|\x86\xed\xe6'</t>
  </si>
  <si>
    <t>b'\x0e\xb9\xa0\xc6\xb4D\x8d\xc5\x9fJ\x1e\x06\t\xfb\x1aiBdT\xb3q\xaeV\x19\xd5\xbb\xa4\xdbw\xea\xa3F'</t>
  </si>
  <si>
    <t>b'\xb11\x1dd\xe6\xbb\xa7l\xab\\\xc8\xb5\xdbL\xb27\x9e"P\x8c\xf8\xf1\xf2\xf8\xecJ\x8c\xc8~\xb6j\xf4'</t>
  </si>
  <si>
    <t>b'\xc4\xd4\x9cV\x06d9F\x95\x99\xb4\x81QV\xa7!\xcb\x9f\x92\xc70K\xe2=\xc4vl"\xd5\x1b\xee\xfe'</t>
  </si>
  <si>
    <t>b'\xb9\r+\xa46\x0b\xb1V9\x841\xfa\xc2p\xb0\x92J\x12\xdf\xb1\xbc\x97 \xb8\xa3;\xcc\xa7\xa5\x00\xfb\xc8'</t>
  </si>
  <si>
    <t>b'\xb9\x99\xa0\x12\x94`\xd75_\xb2\x9f|W\x88\x8c\xcb.f\xd0\x1a\x9eZ\xd5\xd9\x04L`\xd4\x8e\x9e\xaf\xd8'</t>
  </si>
  <si>
    <t>b'\x88\n\xdb\xa4X\xa2\xb5\x94\xf3\x15&amp;,\x91\x12\x1a{\xd9\x99\xad\xd7Z?$\xbd7sB\xc1v8&amp;U'</t>
  </si>
  <si>
    <t>b'^SQ/\xeb\x82&gt;\xe4\xde\xda\x06\xa5\xf3zn\x1345\x9f]qM\x14\x0fz\xc4\xceM\xefF\xc0G'</t>
  </si>
  <si>
    <t>b'O\xcf\xe6\xc77\x8e\xa5\x9a\x14\x1dA\x18\xe2\xf8\x01\xd1d\x93O\\c\x16\x9b_\xedv\x8b8?\xd5\x0f^'</t>
  </si>
  <si>
    <t>b'v\x0c\xd3\xe9\x92\xf2l\xa3K\x17u\xb1\xaa\x95&lt;\xa9/h\xb7\x82\\\x82\xa9\xad\xdb\xe8s\x8d\xe2\x84u\xac'</t>
  </si>
  <si>
    <t>b'\xa6)\xd7\x88~\xfe\xb3\xd8\xedP\r\xae\xea\xf9\x91\x85=\x87O\xb8k\x10o\x19\xef"v5\xfb\xf7\xf5\x92'</t>
  </si>
  <si>
    <t>b'\x1c\x98\xd5\xb0:\xc7/K\xb1\x9bg\xf6\xcfhy\xd5\xac\x93}X\xaa\xe3\xd7\xafr\x83.\xe6\xbd\x86\xaf\xed'</t>
  </si>
  <si>
    <t>b'\xa1\x9a|\x8a\x14\x0fM\x9e\x9bd\xa7h"\xde\x0b\x14P\x8d\x10%\xed\xadd\xa8k\xd8\xbe\x8b\xb7\x19\xb9\xb7'</t>
  </si>
  <si>
    <t>b'\xfb\x0b\x88\xc0\xa25{&amp;\xfb*{\x19\xb2\x89^\x0f\xb7\x97S\x1dl5\xb9n\x11\xa7\x94\x11\x8b\x97\xee\xad'</t>
  </si>
  <si>
    <t>b'\x89\xa75\x85\xd1\xad\xa2\xa6\xceB\xbd\x8c\x97\xd4\xa7\xce\xdd\x19\xd2\x1a4Z\xd4\xc8\xf6\xfbH\xda\xa3\x9b\x19\xfa'</t>
  </si>
  <si>
    <t>b'\xec\x12F\xa8i\tL\xd3\r\x8d\xaaY\xa5\xea\x8f\xd21:\x1d(\r\xe0\x99\xf8\x9f\x03\x8c\xf3\xc8?\x89\xc5'</t>
  </si>
  <si>
    <t>b'\xa3-\xba\xbfa\xa0\xe5\xa34\xa8\xd5w\xa1t\xd0\\\x04\xc4\x7fVb\xd9\xdc\xba\xa2\xb4Qc\x00\x95\x01E'</t>
  </si>
  <si>
    <t>b'S\xbe\x06\x95\xbb\x08|NF\x84\xdfF\xb6\x8a\xd2\x07\xe3\xc4i\x97(\x94\xfa\x89\xc9\rL\xe8:\x0fa\xbc'</t>
  </si>
  <si>
    <t>b'\xd1\xf4\x8f\xe3\xfc\xf2\xb1\xad1\xd5\xb1\x98\xbd\xc6\x0e\xcae6\xd1\xfe\xdc\x03wi\x93d\x9aOy\xfb\x87:'</t>
  </si>
  <si>
    <t>b'\x0f\xae\xe2\xacG\xe9\xa4\xae\x92\x1c^#\xd3v\xc1\xf26\xcd\x96F\xf7\x8d\x8e"\x02+\x1a\xb8\xe4\xfbo\n'</t>
  </si>
  <si>
    <t>b'\xf52T\x8f\xf7\xe1\x7f\x03\x86\xf2X\x90ki\xd7\xc7&gt;\x19\xf7y\x88\xef\xa0q=\x03\xd8\x83Y\xeb\xaf\x9b'</t>
  </si>
  <si>
    <t>b"t\x8c\x9blX\xc3\xaa%z\x04\xf0Z\x94\xe6\xf4\xa4\xdd\xb7&amp;`\xd4'-\xc2\x89\x82\x8c\x08P\x98f\xad"</t>
  </si>
  <si>
    <t>b"\xcf\xda\x8f\x08\x87\xae\x02v\x08\xa1}_&amp;\x10L\xac\xd2P/UC\xdd\x9b\x179\x14'~\xe8\x11\x8f&lt;"</t>
  </si>
  <si>
    <t>b'\x1e\xf4\xd9~\xf6&amp;(G\x0b\xa3g\xb5\x8b\x1ao\x94\x8c\xf0\xc4\x11\xb8`/Q\x1c\xa1\x83\x0e\xb9\xf4\x97\xf3'</t>
  </si>
  <si>
    <t>b'\xeaI\xef\x0f\xe1\x80\x05X&gt;\x14\xb7N\x19\x91\xe0\xa9}\xee\xc7V\xca;w\xba1\x12\xc4m\r%h\xf3'</t>
  </si>
  <si>
    <t>b'*\xc4;5\xa1\xbb\xfc\xea4\x83%1\x04g\xa2\xeb\xfdpF\xc1\xde\x02\x9e`&lt;\x8a\xe0\xa6\xb2NH/'</t>
  </si>
  <si>
    <t>b'\xea\x02PTs*W\xd9\xc2\x03\x08V\xc08\x06&gt;w\x0e\x8b\xd2=\x08\xc1+\x0cG\t\xad\xf7W\xf8i'</t>
  </si>
  <si>
    <t>b'&lt;\x97\xe7\xef\xac.,\r\xa4\x9d\xbawm\xf7=\xf9\xec|\xa9dsO\xb2AS\xdd+,An\xc8\x92'</t>
  </si>
  <si>
    <t>b'\xe2\xba\xdaE\x19\xedP\x81\xe3\x83wr\xde\x81Ht\x84\x92\xaa*\x00\xa4\xde\x00\x9eG\xd5\xc9\x1a\xf6\xe5\x10'</t>
  </si>
  <si>
    <t>b'\xec\x08\x8a\xeb\xad\x0b\x04\xfb\x158\x86nG\xb5\x9d&gt;y\x0b6\xf2\xd8/:9\xb0:\xf3&amp;\xec_\xbaw'</t>
  </si>
  <si>
    <t>b'\xbdgy\xec\xe7\x8f\x1e\x97\x16\xd6\xf2\x19?\x80\x80?m;\xecD?\xf85\x81L\x17\xb6\xe3z\xdd\xe8d'</t>
  </si>
  <si>
    <t>b'\xbd\xd3B\x0fdsC\n\x13\x1ad\xa5\x1cw0\xc3\xbd\x96\xc6\xa3\xd3\x9a\xab?\xd3\xc5\xb6KQ\x04\xa6}'</t>
  </si>
  <si>
    <t>b'\xdfA\x1a\x16\xe9\xa9\x01\xee\xb7:\xa7{\x89$M\xd8\xc2\xa6\x04\x0ctN\x06IF\xfcI_5\xb9+\xde'</t>
  </si>
  <si>
    <t>b'\xe0\xda;y.\xf8\xa7&amp;\xacC\xab\xca3vD\xe6\xc0\xed\x1bk\xf9h\xc6\xcb\xb0\x17\x89\x0b\x13_Q\xee'</t>
  </si>
  <si>
    <t>b'{\xfcZ\tb\x0e\xb2\x87\xd1P\x07\x00\x9c\x8d\x19\xf6\x97\x83\x0eXVk\xfb`a\xfc\x95#@\x90\xd4t'</t>
  </si>
  <si>
    <t>b'\x16\xe6t\x8a\xee \xfe\x17\x13\x9d\x07b\xe0\xdc^\xb8\xdf\x14\xbf\xdf\x01)M\xd8\xf4\xff\xc6U\x04Z\x9dG'</t>
  </si>
  <si>
    <t>b'X\xcd2\xfdI\xc4F\x95\x9ai+\xe5\x1d\xc3\xb0\x05\x80\xbdM%\x84Q\xa2Z\x8c#\xc4N\x81\xac\xab\xe2'</t>
  </si>
  <si>
    <t>b'?\xba\x1c\xae\xfc*\x8bf\xe0\x9fR9\x002\xb1M\x16\xd0{\xad`@s\xcdq\xfe\x99\x1e\xe6\xd7q&lt;'</t>
  </si>
  <si>
    <t>b'\xfc\x9d\xebI!\xd3\x85\xf9)\x0f\xd4\x00[1++[\xe3l3)\x15\xe6\xb0{1\x8d\x15\xb4\xbb\xd6\xb2'</t>
  </si>
  <si>
    <t>b'\xab\xb4\xc5\xf66$\x84"\xf1\xeb\nE\x97B*\x0b\xc4\xc5\x7f\x90\xa5\xb3\xa3?F\xd0\xa3\xb7\xfc\xf4v\x92'</t>
  </si>
  <si>
    <t>b'j\xd8\xfb;\xb4\xa08\x1f3u(\x10\xd1\xf6G\xf3f\x07\x0b\x1a\xc3e\xeb\x86/\xbd&amp;M\xffC\xcb\xad'</t>
  </si>
  <si>
    <t>b'\xcb\x83h\xef\xa6\x18\rr\xbarD\xf1Z\xaeD3\x9e\x990H\xae\xc5\xdd\xe9\xc8\xc0`$8\xa9Y\xd5'</t>
  </si>
  <si>
    <t>b'O\xd0=\xb3\xf2C\xf8\xe9Y\xacw\x9e\x9d\x93#\x93jl\xa6\xa7\xbe\x85O\xe7\xe2\xb8T,0e\xb0\xfb'</t>
  </si>
  <si>
    <t>b'\xdb\xb9hh\xf1H^\x13\xbb\x93\xf1\xde\xf1\xd9s\x82\xff\xbf\xad\x1e)\xbf\xe3\x0b\xc3G\xa3\xc8u\xa5\x1d\x84'</t>
  </si>
  <si>
    <t>b'\xc9\xd8\xcaMe\x11t;\x94\xa4P\x86I\xf4\xc5t\xea\x9c\xa3P\x17\xd49\xcf%\xcedj\x0bAR\xd8'</t>
  </si>
  <si>
    <t>b"\xa7t\x85h\xf4\xb3\xa0\xb9~\x95/\xd7\xfa\xdf\xf0!\xe83\xdc!'^^\x96\xb5b\xfb\xf7M\xac\xd1\xbe"</t>
  </si>
  <si>
    <t>b'\xc3\xfb\xdb\xf1\x14\xa3\xae\xa7*\xb5\'\x15\xc0\x9f|/A\xf5\xefV\xfa\r"nq\xe6\xa7\x96\x85\x87zf'</t>
  </si>
  <si>
    <t>b"&lt;\xd7\x0b\xc6\xe2\xb1\x18\x0b\xe6\xa3H\xf3\x12\xc4\x14'\xd3\xb9d\xb5\xe4\x8al\x9f\x7fM\xd40&amp;\x96\xe4\xe1"</t>
  </si>
  <si>
    <t>b'{\x99y\xb9k\xb4xG\x11\xec1@\x87\xdf9\xf6d\xae\xb7h\xbeS9h\x00Z#\xd7\xa3m\xf6\xbf'</t>
  </si>
  <si>
    <t>b'Y=\x84\x06\xe1\xe9D\x13Z\x12\xd8\x93\x91\x8c\x91\xc8EX;Tj}\x8b\xb3\xc1\x0b\xd9\xe1\x12\x8c\xa9W'</t>
  </si>
  <si>
    <t>b'\xcf\xe7\x05\xbe\xaa\xb9KpM\xaf;\x151(jh\xfdH0\xc6\xaal?:=\xa3\x82\xae\xe2\x06T\x83'</t>
  </si>
  <si>
    <t>b'\x19_yQ\xd1\xaek\x84\x94\x95\xb75K\xc3\x94\x92\x9c\xe7\x8f2\x1f\xaa\xe8\x1a\x83\x96\x1c\xef\xa8\xf1\xeb\xae'</t>
  </si>
  <si>
    <t>b"\x87\xe0\xbck\x95B\xcd{\x90\xe5\xbdI{kDs\xf9\xd0\x8c\xd2\x94\xe0,\xc1*&gt;\x0fD\xf9EQ'"</t>
  </si>
  <si>
    <t>b'\xb1\x9c\xb4\xad\x98p\xf0\xa7\xd71\xad\xf1\xc4\xcd\x8a\xcf\xee\xd0\xc2\xc3\xa9RP\xab\x19\xb4\x1dS\xfe\x89*\xcd'</t>
  </si>
  <si>
    <t>b'\xd6NW\xd0\xbe\x8b\xe7\xbf\xef\xf8\x1f\xcbrn]\xe4lc\xa4\xa4a\xf9$\xe0\xf86Y-\x14\xde\x10\x02'</t>
  </si>
  <si>
    <t>b'\xd8Y\xef\x9f\n\xc0\xf53\xda\xc4\xf9\x8a\xa04&gt;\xb2H\xe2\xae\x11\xc8\x18\xa5\x1a\x83\x13\xdb\xc9`\x9d 2'</t>
  </si>
  <si>
    <t>b'E\xf8S\xc2H\xc6=\x9b=\xaa\x87/\xfc\x19\x03c\xea\x10\xe6\xff\xfa\xfb\xc4\xb1\xee\xa2J\xa4\x89\xdc\n\xeb'</t>
  </si>
  <si>
    <t>b"\xdd(d\x82agyX\xd4\xbe\xb2\xfc'\x95\xd2\xe8%y\xed\x93K\xa9\xb8\xd1\xf7y\xc6\xcc\xe1ix]"</t>
  </si>
  <si>
    <t>b'\x1f\xa0\xa0\xde\xb3\xfa\xac\xabh\xb7\xa3\xf0p\xf6\xc9\xf4\x10\xc4\xab#\xcb\x13e\xc9\xf9\xbc\x17\x08\xb2\x87d\x08'</t>
  </si>
  <si>
    <t>b'\x1a\xde\xe8O3\x8a\n)8T\x88\x8e\xfc\xe9Fsa\xf53Ph\xeb\xd7\n\xa4\xf9W\xc1\x05\x06\xcf\x08'</t>
  </si>
  <si>
    <t>b"#Rj\xe4\xd5\x98'S\xbc&gt;\xcb\xa6|z\xbe\xa5\xf6&gt;\xcd\x1a\x971\xc1J\r\xe5\xe0\xc0'&lt;]\xe6"</t>
  </si>
  <si>
    <t>b'\x99\xff\xe9\xa1\x07=\x82MQ\x9f\x8c\r\xec\x16{\xd6\xcbS^U\x1el\xfd\x93\xc1$\xc2,\x9b\x12\x84\xe1'</t>
  </si>
  <si>
    <t>b'\xb00&gt;\xde\t\x15&lt;#\xae\xb5K#\xd3&lt;%\x83R\xfe\x97\x83wf7\x1f7\x10I\xe0\x81\x10f\x80'</t>
  </si>
  <si>
    <t>b'b\xb2\xe8!\xfcH\xd2a]\x10\x83\xbf\x83\xd4\xe4\x7fL\xac\xdaD\xcc\x9c\xd7\xe8\xf6~{b\x12\x05\xc7\xf2'</t>
  </si>
  <si>
    <t>b'91^\x8e\xfc\x93e\x85\x9c\x89/\x80|\\\x89B\xacp\x93\xc8J\x14\xb9*mI\xfcB\x8f4\x9d\xde'</t>
  </si>
  <si>
    <t>b'\x13/h1~\x1c\xda\x16}Vx\xe5\xda\x8a\xd48~`\x15(\xc2,\x9e\x9c\xf0\xf4-\xc3\x1f\x8a\xca\xb7'</t>
  </si>
  <si>
    <t>b'\xb8 1\xf5\xebX\x81T\x14\xect\xc0\xd6r\xda\xe3_\xe8\nY2^\x86\x90\x1d%2\xbc\xedYK\x85'</t>
  </si>
  <si>
    <t>b'\xddV\xf8\x904WL\x931\xd0@\xf6\xc5\x13,\xd1\xb0E\xb8xFDBd_z1\xacX:\xc2\x14'</t>
  </si>
  <si>
    <t>b'OJrvDC\x07\x13\xdd\n\xa1\xdff\xf5&amp;\xbf\xa3\xd7\x1e\x0c\xb3\xc4\xf56\x9c\xe7\xb2\xb2x\x9a\xea\x07'</t>
  </si>
  <si>
    <t>b'\xbd\xa8@&amp;|\x00Uf\x8f*\xe4\xf8/{j\xe6\x7f8s\x1cs\x85m\xffs\xd5\x86z\x1d\xe7\x9a\x1a'</t>
  </si>
  <si>
    <t>b'\x12&amp;\xa0\x88F\x9atF\x9f\xf0r\x12&gt;\xd0\xcf\xf4\xbd"\x825\x95\x85A\xc1{\xdf\xf4\xaaA\xb0pn'</t>
  </si>
  <si>
    <t>b'\x7f_w\xc6u\xc8\xd5q\xaaK\xfe\xb1\x1e\xc71\x05v.\xfe\x85\xff\xf7\x87\xbf2&gt;\xdb\xbbs\xce[\x12'</t>
  </si>
  <si>
    <t>b'\xbeH&gt;\x00,\xcfL\x14E\x90n\x1fY\xd7\xeey\x8e\x9f1\xc3JfLda\xdaYN(&lt;\xcd\x95'</t>
  </si>
  <si>
    <t>b'\x81m\x1dm\x01\x8c\x1d\x07YJ\xe3\x03)g\x93^\x84\xb7#\xfb\x1dKk\xcd\xb3\xfb?\xd2]^\xe0l'</t>
  </si>
  <si>
    <t>b'f\x06\nb\xe6\x12\xe5S2&lt;e^\\\xa8\xdd\x17\x9c\xaa\xc3\xf3\x9e\xce\xbc7\xe8\x18WB\xd7\xf2\xc6u'</t>
  </si>
  <si>
    <t>b'k\xdd;Kz\x7f\xa1\xd4\x1e\xee:\x99U!\xf2\xc9N\x99k\xc1\x05\xc9\x15@\xa3\xd3uc\xa4tp\xb9'</t>
  </si>
  <si>
    <t>b'\x07}x\xf5d&amp;]"\xc9\x13.&amp;$\xba\xfe8U\x8e\xc3i\x99\x80m\x98P\xd6\xc7O72nw'</t>
  </si>
  <si>
    <t>b'\x84\xf6\xb4\x7f\x1b\x1e\x9c\x85\xdc\x88\xf9\xa4\xe9&gt; \x13\n\xact\x8cu\xfc\xa9\x13\xba\xc1G\xcbQ\x9c\xa9\xd4'</t>
  </si>
  <si>
    <t>b'\xb0\x17\xc7\x80\xeb\xa8\xf5\xb9\xf8\x08P\x87 \xab\xf9\x9b\xf3\xd9b\xb5\xa3\xca\xf6\xbf\x86\xa5\x9d\x18{A\xda\xeb'</t>
  </si>
  <si>
    <t>b'\xb6?b\x98&gt;D\xcf-t\t\xa7\xe4\x92\x9d\x97!\xc8v\xc6\xc6\xf1\xdd\xe7r`\x96\x0e\x83\x0b07G'</t>
  </si>
  <si>
    <t>b'A[X\xdbJ\x10Y\xa9O;\x94\xc4$\xe7\xa6\x7f[\xb4\xe2\x12\x91\x87](U\xd1\x9dY&lt;\x95$y'</t>
  </si>
  <si>
    <t>b'\xd8\xba\x06\xeb.GF\xc8\r\xd6\xd7\xc6K\xee\x9c\x0b\x87i?\n\xbe\xe4\xc5\xc6$N\x877bBd\xad'</t>
  </si>
  <si>
    <t>b'\x80\x11t:\x91\xec\xb2\x18\xc5\x7f\x91\x87\xbe\x97\xfc\xc7\xc2K2\xb2\x0eKv\t\x99z\xe4M\x8b\xc9\xeb\xb1'</t>
  </si>
  <si>
    <t>b'0\xdd\xcb`\xe9\xb1\x85T^\xa2C\x1d\x02\xed-[\x93Ah\x07\x04\x02\x90"*S\xe0&lt;\x8b\xd1\xf2]'</t>
  </si>
  <si>
    <t>b'5\xda\xd5\xe5\xb8\xed\\jg\xa2\x00\x08\xde\xe9\xd63\x13+U"\xcc\x90$pw|8\xc3\xb3\xa3p\xa5'</t>
  </si>
  <si>
    <t>b'\x86\xe3\x0c\xa9\x1b\xe87d\xb4X\xc4yb\xfa9B`\xdb\xa7\xf0\xa8\x91m\xe4\xe4\x90\x12N\xf9-\x14f'</t>
  </si>
  <si>
    <t>b'\xc6\xb7 P\xdbN\x8a\xbd\xb2y\xb8:\x8d\xec5\x0bc\n\xa4\xa7(\xa5\xbb\xf2\x8ar@\xbf\xea\xdc\x96\xfd'</t>
  </si>
  <si>
    <t>b'\x80\x82\xd58\x10\x01\xc2\xc74\x05\xa0k\xa2\xeb\xf1b\xb4\xcaK\x91\x19a\x90;\x91oG#\xcb\x8aG\x8f'</t>
  </si>
  <si>
    <t>b'J\x07\xe2\x0e\x96\xef\xe4\x93\x9aq\xc8\xfew++\x1a\xf18\x96=M\xb3=\x88\x00\x01\x0b\x9eK\x80\xc9)'</t>
  </si>
  <si>
    <t>b'\xac\x83\x99p-\x955C\xaa\xe1 \xb1\xe2%`\x97)\x0f@b\xaf7\x95\xd2\x19\x98*\xc4o\xb8\x91\xcb'</t>
  </si>
  <si>
    <t>b'\xb1 \x96\xbb\x05\xd0N\xd6\xef\x05\xb6\xcf-\x13\x9f\x1cS\x0e~f\x915N\xfb\xd5\xff\xd7y\x84\xd4\xe3\xa4'</t>
  </si>
  <si>
    <t>b'\xf6\xdf\xe4\x82\xc6\x9d\xf9\xe3\xed\xd8z\xdb]6\xf5[\xf6\xfb\xa3\x0b1\xd2\\q\x9bMN2\x9b\xdf\xbf+'</t>
  </si>
  <si>
    <t>b'\xba\xfbL\x9c\x99\xeaa\xd9\xec\xf0\xc5%\xb4F\x9ei\x9c4\xe3\xfc\xd4\xd96b\x14\x80\xdb\xf9&gt;\xde\xc6\xc3'</t>
  </si>
  <si>
    <t>b'\xa1\x83g\xc0\x94\x98\xa4\xb6\xd4\xc3,\x87\x8b\xe6_\x9b\xca\x17\xf1\x0ff\x85\xea\xf9\xe6\xbc\x10\xf7\x93\nPa'</t>
  </si>
  <si>
    <t>b'\x92l\xc9\x03\xa0\xb4\x07\nO\xe1\x08s\xe0\x02s\x8dy@\xfco\x12\xe4\xd5\xd2\xf9(\xed\xec\xad\xb6\x89V'</t>
  </si>
  <si>
    <t>b"\xc5\xc9zs\x1dH\xec\x1f\xe8\x96Z\xac\xd1&lt;&amp;\xb7'\xa6\xbe\xb3m\x81F&gt;-\xe2\xbb\xbcj\xaf\xd6\xfe"</t>
  </si>
  <si>
    <t>b'\x16\xc7\xdcnSw\xa2\x1dJ?f/\xad\x1a\x97\x89\xab\x00#\n\x7f\xdb\xa9d0\x9a&gt;\x96\xe2\x02ES'</t>
  </si>
  <si>
    <t>b'\x98\xb2\x9d\xab\xbe|\xce\xb3w\xbdx\x04\x06\xb4(\x95\x1f}\x85f\x83\xa4\xb5\xeb\x1c\x02\xccc\x19\xa3\xbfX'</t>
  </si>
  <si>
    <t>b'\xdf0oy;\xb47\xde\x82~\x02~M}\xfa\x94\xd4=?\xe0m\x90\x84\x14Xa\x07.\xdf\x99M\xc3'</t>
  </si>
  <si>
    <t>b'\x06w\xb7\xdc\xb2i$\xd3&lt;,\x97\xb3\xce\x19\xd5;\xabe\xf1\x13\xaa\x16+2\xc4\xe3\x0e\x04A\xa7\xfe,'</t>
  </si>
  <si>
    <t>b'\x99\x1f\xa6\xac\xdf\xb8\xe2\x18f\x95\x11;^;\xf7\xd6\xf8\xd6\x80Pn\xfeYU\x93\x95\t\xech\xbdN\xf9'</t>
  </si>
  <si>
    <t>b'\x0f\x91\x191h~5R\xe4L\x9d\x9ah$\xb0F\xae\xbb\x0b\xe8E\xb0_\xe1\x1a\x1c\xban\xe8\x0el\xc0'</t>
  </si>
  <si>
    <t>b'\xfc\x08_\xf0\xef\x86\x8a\xf4l\xe4Y\x82\x9e.\x97QO_\xf2\xcdR5\x18\xd2B\x87\x96zr\xea\x95\xe3'</t>
  </si>
  <si>
    <t>b'$\x19\xf0#v\xa0\xf5p\x86G\xcf\xdf\xa7N\x16E\x07\xad\xa7\x1e\xa8\xff\xb1\xa5jf.2F\x84\xcd\x1c'</t>
  </si>
  <si>
    <t>b'\xdd\x07\x91\xd1\x95\xac\x0bQ\x17l\x1f\\\xc0\x9c\xc0\x06\x1b\xbe\xdb\xb1+i\xce\x02\xc4\xbb$\x08\x1f!\xcd\xd9'</t>
  </si>
  <si>
    <t>b'\xf8\xc1At\x97It\x03\xa3\xef\x94!v\x84\xffL\xfb\xe3v\xb7!\xb1\xa1t\x9dk\x18n\x17\xdd&lt;\x81'</t>
  </si>
  <si>
    <t>b'\x1b\x17\n\xb5\x15O\xaf\xde\xcfD\xc9\xe9:As\xd98\xf9(\x054~\x9b\x10\xfa\x9f\xd2\x121\x815q'</t>
  </si>
  <si>
    <t>b'\x8aT&gt;\xda8\xfd\xfb\x96\xe6\xc7\x1fc\x8f\x01\x8c\x86\xa2\xa2%9\x9bn2k\x0fr\x87\xf3\xf9\x91.;'</t>
  </si>
  <si>
    <t>b"]'\xe7Vc*\x0bT?6,b\xa9\xff\xff\xcb\xe1I\xa2\xab\xe3\xda\xfd\x93\xf7\x16'\xe4Eu\xde\x9f"</t>
  </si>
  <si>
    <t>b"I\x9f y\xc4\x85\xde\x95\n\x8c~\x91\xc3R\xcfT\x14\xd1Z\xba\x10'\xfc\xe8\xadw\xf3\xd7K\xcd_\xec"</t>
  </si>
  <si>
    <t>b'.J*\xe4\xca\xa7e\xaak\x91\x849\x07=\xb3\xde\x8b\x04l\x17D\xc8\x8aO\xfe?\xce\x82\xd3\xa4\xf8c'</t>
  </si>
  <si>
    <t>b'\x18\x9bo\xd4\x1eU\xce\xdd\x8b\xf6\x145\x05@T\xd9M\xc6CHi%e=C\xc3j\xdb\x9c\xc0\xa5\xfd'</t>
  </si>
  <si>
    <t>b'\xa7\xcaq\x8d\xc1\xc1\x8dV\xc0\x17\x8b\xa6\xde\xff\xebo\x15\xed\xe32Iw-\x86\x83\x87P9C\xa4\xfd\xf6'</t>
  </si>
  <si>
    <t>b'\nv\x9a\x10\xb8\x07\xfe\\\xb8\x18q5\xa4\x990\xb3\xc8\xd4\xacgL\xd8\xe2(\xe8\xb2\xddVQ@\xb5\xad'</t>
  </si>
  <si>
    <t>b'\xa9\xe5\x95\x06,\x0c\xec\xdbX\xb0\xcc\x1e\x81Kq\x19p\xe0\x1a\xdf\xbb\x8d\xefA\x15\xca\xbf\xc3\x10\x19X\x99'</t>
  </si>
  <si>
    <t>b'-\x97:\xed\xfcb\x12d\xe0\x11Q\x05-=\xd9\xee\xb0\x9e\xf1\xc4\x94)k\x0c\xe0\xc8\xbc\xcf\xf7\xa4\xae&amp;'</t>
  </si>
  <si>
    <t>b'p\x0f\xf7\xea\x9f\xb9\x88b\x9e4\xef\xe3Dh\\L=\x01\xb1s\xd3\xa5\xb6\x17\xa6\xa4\xd5\xf9\\\xfb\xa8\x82'</t>
  </si>
  <si>
    <t>b'\x80\x8e)\x05Ggl\xc6Y\xdb\xdemJ=\xd6p\xf9|\x9c&gt;\x11-\xa8\x95\x0c\x03\xcaK\x1bgHi'</t>
  </si>
  <si>
    <t>b'\xa7\x04\x81/\xc27;a\x14\x81_\xbc\xdf\x9c\x12\x97:\xf6H$\x89g\xbc\xda\xdc9\x88\x12\xcb\xa1\xafJ'</t>
  </si>
  <si>
    <t>b'\xa9%]\xc5\x1fM\xb2hIl\t\xda\xec\xc4k\x12\x1e\xdf\xed\x1cB\x91\xa1\xccg\xb9\xcc\xa4\xf9\x1d\x0f['</t>
  </si>
  <si>
    <t>b'oN\x07\x82\xa5\x9d\xae\x10\x8b\x88\x94JP\xc7!`\xd9\xdb\xee\x7f\xf1v\xbbmoP\x8d\x94&amp;\x12\xf7\xc9'</t>
  </si>
  <si>
    <t>b'&amp;\xaaV\x9e\x8c\xd5MY\x9a\x8a\x8f\x86=r\x17t\x10\x96-q\x1f-j\x03c,\x963\xf6{f\xa8'</t>
  </si>
  <si>
    <t>b'\xd6\x86\xd8\x16\xb1i\x98\x11x|\x97\xdbH\x04\xde;/\xe7_c)\xdf\xc8\xf4\xa3\x9f\xde\xf7\xf5\x18\xea*'</t>
  </si>
  <si>
    <t>b'\xd2\x1br\xee\x9e]\'\x1fB[\x8e\tb\x8es$\x8f6"\x7f\xf1\xc8\xc8-)\x80\x06\xc43"t\x9c'</t>
  </si>
  <si>
    <t>b'\xd5\x81#7&lt;\xb88\xf2H47}GB\xc1\xaaum%\x08U\xf9F\xa0\xa8\xa2q8\xc8&lt;tK'</t>
  </si>
  <si>
    <t>b'\xd4/k\xea\x87\xac\xdb\x99Q\x0c\xc5\xf2)\xcbwk\xe5b\xe2\xc6U\xa1\xfa\xe9\x17Yg\x7fM\xf65 '</t>
  </si>
  <si>
    <t>b'\x85\x93/\xae\xfcAl\xdeB\x9c\xe9 \xc7\nHi\xf3\x9cT;2\xb6\x9a\xbe\xc2\xbf\xe9xn\xa0\xeaM'</t>
  </si>
  <si>
    <t>b'v\x02/\xdfs\x80\xddJ\xa7\x91CK\x84]S\x16`\x15Cz\xa2\xa1f\xb3uj\xeee\x1cx\x14\x03'</t>
  </si>
  <si>
    <t>b'\xaf\x9e3l\xfd\x15\xe6QU\xc5i\x13i3\xae\xb2"\xa3si\x04Ei!F\x82\x03F&amp;\x98\x14\xfb'</t>
  </si>
  <si>
    <t>b"\xbacKU\xadHC\x95\xaf\xbdH\x9a6,\x9e\x97'\x15#\xb3\xce\xec\x11\xd7\x1a-z\xe0\xe0n\xdew"</t>
  </si>
  <si>
    <t>b'&amp;\xfd-A,\x8e\xbfx\xbe\xa1\x8c\x15\xe8\xf3\x99\x89n\xeaQ\x92\xfa\n\x16\xd5\xe6-\xb3\x0ez\xbe\xdc\xc0'</t>
  </si>
  <si>
    <t>b'\x18`\x06\x1a\xbd\xb2\xf4\xfbY\x85z|\xee\xeb\x1f"\xeb\xbbZ\x02c\xfeI\xdb\x97&amp;\xdd\xf7*m\x99\x86'</t>
  </si>
  <si>
    <t>b'6\xce\xac\xa0PKi?\x18\xc6`8\xbd\xc4\x9e\xd8\x04\xc1\xb7\x839\x91\x7f{\xbe^\x16\x1b\xce9i\xa3'</t>
  </si>
  <si>
    <t>b'\\\n\xbd\xb2!aP\x0b\xe0x\xf8\xc3|\x123*\x89\x84|\x87\xc3\xf5U\x82\xb3\xed\x08\xa6\x1f\xd0Ac'</t>
  </si>
  <si>
    <t>b'\xba\xa1b\xc3-&gt;\xda`\xd7\xe2\xd4\xb2\xfd\xf8\xd2\xd6\xec\xfax\x7f\x1fY\xdcr]\\\xff\xdb\xe0\x86b6'</t>
  </si>
  <si>
    <t>b'7\xc6\xee8\xa7\x1b\x03:-\xb4\xb4j\\\x8eP\x15\xd8\x11\xf8\xbf|\xecBF\x8a\xb7\xfa\xd9\x01\xaa!h'</t>
  </si>
  <si>
    <t>b'X\x18\x86\x001\xe9\xf0\xe6\xed 0r\x83\xc0\xceX\x9f\x9aB\xda\x95DY\xfe\xd5\xa9\xe2\xe0\\t\x02\x9c'</t>
  </si>
  <si>
    <t>b'\x18p\xd8\xe1s\x14\x91\x00\x8fr\xeb\xce\xed\xbe\xad\xfe6\xa3Y\xc2\xa8\xabz\x1dZ\xddL\xa2\xf7\xc2\x16\x8a'</t>
  </si>
  <si>
    <t>b'\x16\xba/i\x88\n\xe7A\x83%\x07\xb2\x85\xd4\x08\xf1\xa2"\x94\x1f&lt;\x05kw\xe4\xa6]\x15:\x86c\xd2'</t>
  </si>
  <si>
    <t>b'\xfe\x1b\x03\xb3\xd9\xd6\xa04\xe4\xf2\x01,?\x91\x99\x1b,\xa9\xb2\x10\x96\xa0\xb9\xd8\x8fmgz\x9f\xecE\xdf'</t>
  </si>
  <si>
    <t>b'\x92\xce-,\\\xddw7\x0e\xe2\\\xdd\xaf\xea\xc4\xa0\x7f\xdfg\xff\xb3?\xa9#\x1aG\xb8\xff.\x87\xcbZ'</t>
  </si>
  <si>
    <t>b'\xd4\xa4V$\xdf\xce\xff\xbcTs\xe1\x90\xed\xd1M\x91\xbf\xb3o@\x00\xc2\x8d\xef\xce\xf4\xac\xb5\x9a-e}'</t>
  </si>
  <si>
    <t>b'\xd2\xe8\xe6B\x99L$\xf4\x13\xb5\xf0\x8fj"+\x17\xa4\xc3\xa8T\xe0\x14V4\xe7\xb3\x183\xd3d\x97\xee'</t>
  </si>
  <si>
    <t>b'&lt;\xdc\xfa+\xf7_)\xe2\xf0\x12&amp;\xad\x7f\xb6Vdj-7)\x83\xedb\x91{\x99V\xaew\x8f\xd0\xe4'</t>
  </si>
  <si>
    <t>b"\x8c\xc8Aa\xe6\xca\xc5O\xcf\x02a\xb6\x148.\x98\xfc.d\xdc\x01\xb3\xe8&lt;\xccc'.w\x03\xff\xe8"</t>
  </si>
  <si>
    <t>b'tN&gt;\xa9\xce7\x06E\x15{\xaf\x9c\xd6A\xea\x90\xc7\xaf\xfbP\xe3\x9b\x1dj\xe1\x8ed\x98\x8fj)\xa8'</t>
  </si>
  <si>
    <t>b'\xab;\x0e\x8a\x91\xbb \xd4K\xd2\xd22N\xf6\x9a\x81\xa4\x0c\x1d\xa9\x03\xb8&gt;\x8f\x1e\xb7\x86\xc3\xfby\xf5\x05'</t>
  </si>
  <si>
    <t>b'5\xe3C\xaa\x17T\xaf3V\xab\x887ru#\xc8\r\xda\xe2\xc9\xe7]\x14n\x17)\x18\x1f\x9a^\xec\xf0'</t>
  </si>
  <si>
    <t>b'\xa6\xe9h\xb0\x91\x89\xea\xc9\xc85\xaf\xb4y\x89j\x8c\xe2Y\x91w\xa8!\xa1\xa19Q4\xeev\t\xf2R'</t>
  </si>
  <si>
    <t>b'%\x13{\x05\x16\xd0\xadW9\xc1\x0b\\"\x17\xd0\xc7G\x95\xce\xdc1\xf9\xe1\xb9!\xda\x93\xe0\xc5qp\xb7'</t>
  </si>
  <si>
    <t>b'\xa0\xa6\x96Z\xc7\xe1\xc7sN\xc7.\xa8\x03\x84\xe4\x94\x0c\xc0~\x82\x1e\xfe4J2\x07b\xc2\xe1\xbd\x0b\xc2'</t>
  </si>
  <si>
    <t>b'f6GCf\xa4\x97e99\x1f\xbaY\x04\x84X\xbc&amp;I\x88w\xcdo`\x7f\xe2&amp;\xc8\xee.\xaf\xb2'</t>
  </si>
  <si>
    <t>b'\xadqG\xbc\xc9Ju\x07\x1dD#U\x8c\x8f\xa2\xf0\xab{]P\xe1\x8f\xd2\xceu\xad\x13U\x0e[j '</t>
  </si>
  <si>
    <t>b'\x9a\x0c\xa81\xa4fU\x8a\xa8\xb9O\x01\x91\xf4*\x81\x18\x18\xa7\xb8\x93Wv\xd7\xd0\xf2\x88\xdc\xfb\x01\xfaP'</t>
  </si>
  <si>
    <t>b'\xf6\x05\x02\xe3[`kl\x93aB\xc3M\x82Y\xd4\xb4\x9f\x92\x81\xc4\xdc\x03H(!Ij\xba.\xa38'</t>
  </si>
  <si>
    <t>b'\x1aRc\xc0\xbe\xe4\x1dIr\x03\xe7\x8d\xfcQ5`\xea\xfd+\x89p*Q&lt;ob\x06\xed)\xc1\xebh'</t>
  </si>
  <si>
    <t>b'\x9f\xd2\x7f3\xb3\xd7\xf7*\xad\xb8\xd3&lt;x\x05\xb1\xd6$\x1c\xba\xfa\x9aB\x98\xa0p)4o;fp+'</t>
  </si>
  <si>
    <t>b"P\x1fx\xe2;@\xc8\xeb\xa9\xed\xb1\xfa\xded}\x82T^\xcb\xb73\x97\xb4\xa1\xd8'e\xba\x13zt{"</t>
  </si>
  <si>
    <t>b'x\xed\x8c\xd1\x05_\x01\xb8\x1b\x91M\xc17@\xf1\x0c"\xdd\xc6\xb2\x8df%&lt;y\xbe\x9e\x90\x92\x8e\xf0\x1c'</t>
  </si>
  <si>
    <t>b']\x93\x81\x01\xb8\x8c\x15\xa0K\xb7\xcd&gt;=\xf9\xbf\x1b;\xb2\\\xfaG\x04\xeb\x18\n\xc7~\x86-&lt;e\xed'</t>
  </si>
  <si>
    <t>b'l\xe3\xeb\x9elRM\xa7\xfbD\x93\x8b\xa9\x83\x04\xd3\xa7\x0f\xbdc.\xbbVSV\x1f\xa7V\xce*\x11e'</t>
  </si>
  <si>
    <t>b'\xba\xe3NI\xcaWa"\x00V\xe6\xd2\xb7_3\xdd^G\xda\xf4C\xc1\x89l_i\xd3\xf5\'\xe8f\xeb'</t>
  </si>
  <si>
    <t>b'7\x88\x82\xbbK\x17\xf4mgX\xe9\xe7m\xf0\xe7*=\xab9a\x0c\x1d\x9e|\xa0\xf2\x9e\xd6\x1bXk\xae'</t>
  </si>
  <si>
    <t>b'\x92A%\x91]\x18\xddT\xa7A\xc1\x15\xc5\xf4\xdat\xab\x15\xad\x01!\xddSJ\xee}\xd1\xc7\xd5\xe2\xc7\x84'</t>
  </si>
  <si>
    <t>b'\xd9\xb5\x8c\x97\x8a\x84\xb7^\xcd\xfa#\xf9\x1b&gt;*\xc6\x07\xb6\xc5\xa0@\xeb\x8en\xc5\x9c\xca\xa8K\x95\xd2`'</t>
  </si>
  <si>
    <t>b'\xf9\xe7\xb9^AQe\xe3\xf4\x9706(j\x07\x12\xcd\x00\xe5\'\xe0\xba"\xbfFl\xb6\x9b|X\xb7\x03'</t>
  </si>
  <si>
    <t>b'[\xb5s\xc5\x0b\xae\x83O\xe5O\xb7\xdb:\x13\x1d\xbe\xc5!\x08\x83M\xc5\xcc\x18\xf2\xa7\x92A\xb3y\xd1,'</t>
  </si>
  <si>
    <t>b'\xde\xdd\xaa\x1dl\x9d \xd9#\xe8\xdc1\xcb\x9e\x93\x19\x04\xc9\x14\xa0\x80\xa7@CM\xf8\xd9P\x9a\x8b\x135'</t>
  </si>
  <si>
    <t>b'7\xe0\x80KI\x05\x97!n\xa3\x84\xce.\xad7(\xc0\xf5\x8a\xbe\xa2x\xfd\xb5\xe4\xb2\xf4[0\xcf\x7f#'</t>
  </si>
  <si>
    <t>b'\x8a\x88\xd6U&gt;\xf4e;\xfck\xef\xa2\xd3\xb5ST\xe2\xbbV\x95\xd1V\xde3G%&amp;\x9f!\xdad\x93'</t>
  </si>
  <si>
    <t>b":?\x99^\xdfg\x88H\x91[\xf6J\xded\xfeR%\x90\x14i\xc6'\x84\xce\xa1\x0f3:\xa9\x8dp\xe8"</t>
  </si>
  <si>
    <t>b'\xef]\xe9:!\xf4\x942\xf1C\x15\xf1\x95\xe3y\x86\xcc\xcaj\x07\xa8\xcf\n\x15\x8bS\xcf\xe3\xf0\x9f\xf9\xc1'</t>
  </si>
  <si>
    <t>b'\xb5`[\xd6\x8e9"\xf5\x9a\xfbS0\xfc\xd3\xdb\xd9\xdb\xae7A.\xa8\xe6\xbe2\xc1\x1d\xbb\x1a\xf2h\x89'</t>
  </si>
  <si>
    <t>b'I\x98\x95\xb6\xd9\x8e\xf1\xb8Q+G\x8f\n\xbd\xddPl\x95\xa3\\\xe9\xb5]\xb4\x8e\x12Y\xce.\xf2\x13#'</t>
  </si>
  <si>
    <t>b'\xcd\x16\xc5\xc75\xee\xb1\x98\xb3#A$,\x81\xaf_!\xcd\x99\xf4\xfe\xddaBUtwC/:]\x99'</t>
  </si>
  <si>
    <t>b'o\xf9\xabRG_\xf1\xe8Hp\x93q-?_o\xfe\xce-9\t{\xbeJ\xe3\xa2\xdb\xbe\x83\xa0k\\'</t>
  </si>
  <si>
    <t>b":i\xe4'\xdevy\xc3\x7foG_\xfa\xeaE\xbf\xfe\x1e\\\xfd\x8eBUW\xd4\x96A8\xb0\xfeAR"</t>
  </si>
  <si>
    <t>b"\x0cv\x0e\x1cjo\xae@\xf1\xef\xdd\x84\x1d\xf2\xf6\x1cD\x19\x893\xb0\xa5l&lt;\x84s\x85gs\xdf'3"</t>
  </si>
  <si>
    <t>b':\xa3\xb6&amp;]\xfac\x13\xe8D\xa3\xbea\xf2Q\x90R\xdc\xc9\xf4\xd9"\xfe\xf8&amp;\x9c\xca\xe6H\x80\xab\x0f'</t>
  </si>
  <si>
    <t>b'Ozj\x11\xa9\xf8\xb3\x7f/\xa5\x1e\xc6(\xb4\x03*v\x01O\xc6\xa0\x9b\xdc\xb2\x1c\xd4Wx\xe6\xa1`\xd8'</t>
  </si>
  <si>
    <t>b'\x0f"t\xbd\xd3C3\xbdq\x16\xd2*\xb6\xeaa\x12\xa1\xb4&gt;"\xbc\x9dG\t\xe6\xcf;\x8e\xe6h/.'</t>
  </si>
  <si>
    <t>b'\xcf\xab\xd5\xd3\xd9\xdf\xf7`\xf6\xed&gt;\x94\xc6kdx\xe1\xf26\xfe\xa0\xf9\\\xe4\xcb\xcf\xec\xea\xa5\x06\xc7\xef'</t>
  </si>
  <si>
    <t>b'\xaa\x11Z&gt;BF\x06\x9fh\x91\x9a4n\x02\xe7\xa1\xe7\xbb&gt;\xc2\x9c\xb3H)\xdcV\xe6I\x13\x8f \x87'</t>
  </si>
  <si>
    <t>b"~'\x95\x0e\xb2\xbb\xc6\x98\xf9\xa0\xddu\x86\xd1r\x9c\xe1\xee\x8a\xc1\xcc\xac\xb5H/\x96\x0b\xfb\x1d\x08\xb8\xa7"</t>
  </si>
  <si>
    <t>b'2\x88Pv\x0b0=1&lt;\x03]\xf1\x951\xd5S\x8a\x9b\xca\xd2\r\xacl\xf3.\x08X\x07\x14\x11\x8b\xf5'</t>
  </si>
  <si>
    <t>b'\x95\xa9x\xc6\x0b=.\xfat\x91\xc4\xe7\xfa\x8d&amp;\x90\xbd\xf3\xed\xdf\xfe\xb2 \x05$\n\x95TR7\x0b\xae'</t>
  </si>
  <si>
    <t>b'\xf5[\x88\xa7\x8d\x8c\xa9\x14XD\x9eK\xbf~\x06S\xbbTm\x8b\x86\xdd\x1eX\x14\xc5\xb1\x95\xd5\xdfN\xe3'</t>
  </si>
  <si>
    <t>b'\xf2\x1c\xbc=\xf8\xf7\xc3{\x98\xd0_\xaf\xa2\x1b\xecE\xe5\xad#\x9cjP?\xb7I\x0c\x91\xf0fY\x0e\x7f'</t>
  </si>
  <si>
    <t>b'_/\xdd\xa7\xbc\xc9\x9cD\xaf\x11fp\xf1\x05z\xba\xb9_\x9c.`\xdc\x03\x1b\xe5a\xb4\x90_\tp\\'</t>
  </si>
  <si>
    <t>b'\xe2\xa2@\x9b5\x0ec\xa9\xb7\x8a\xf1\xacF\xa7\xbd\xa9\x8f\xcay\xb9\x8a\xc8\x88\xbb\xe9A&gt;f\xd6\xd3@\x82'</t>
  </si>
  <si>
    <t>b'\xb2\x0cl\xea\xe7\x01\xe0\xc3&amp;\xf5\xaa\xcedE\xfd^p8\xc4z\x9b\x04g\xc5`gW\xf9V\x12z\x1b'</t>
  </si>
  <si>
    <t>b'\xd0\x0e\x13\xa19&amp;\xd8\x90\xc4\xff\x87R\x1d\x16\xd2\x10\xff\xdb\x80G\xe0\xd3\xabw\xfaH\xfa\x95K\x98+]'</t>
  </si>
  <si>
    <t>b'~p\x18\xdb\x17\x9f\xee\xeeH\x0fY-\x16\xbd\xaf\x01T\x824y\ts\xe2\xfb\x06\xd9\xe7y\xfa]\x97\xc1'</t>
  </si>
  <si>
    <t>b'\xa9O\xaf;0\x1eH\xfc2\xe0\x80\x12\xf9\xe6I\x17\xfb\xa6 \xae\xdb\xee\x17@]\x1b\xef#i\x89V\x81'</t>
  </si>
  <si>
    <t>b'\xdc&lt;\x11l$\xf0(\xaf2\xe8\xe32\x9c\xeb \xb1(\x16\x0c\x01\x13\xfc\x9fnk\xe3\xdc\xa4-H\xb6\xa4'</t>
  </si>
  <si>
    <t>b'\xf2\xdc\xac\x8b\xa7\xd5{\x925X\x15\x92\x95\xceH\x1b-\x82\xccH\xf0\xbc\xf8\xeb\r\x9e\xe3Do\x91\xf1\xc6'</t>
  </si>
  <si>
    <t>b'\xf0s\x19\x80m\xabw\xb0\xb51\x82\\\x02\x163^%\x00\xc0N\xef\nGl\xe7\xcf\xb1\x90\xb9-\xbfF'</t>
  </si>
  <si>
    <t>b'\x80}\xcd?[\xf6p\xe4\x18\x95LF\xe8~+\xbe6\xd6\xbf\x1c\xfd\xcc\x08\x14O\xd5\xfaH\xa1t\x0cK'</t>
  </si>
  <si>
    <t>b"`\xa8DD\x19\x1d\x84\r\xe5\x84\x99\xbf'\xc7\xb9\x10W\xc9}\xf6\xf9\xb2\xbf\x9c\xd6\xf9R\xf8\xc8=\xf7\xa2"</t>
  </si>
  <si>
    <t>b'~\x14*HEz\xa0\x9a_\xf5\xc8\xa5l2\xe8./b\x15\xc6\xaa\xc3\xc4\xc8\xc9j#\xc0D\x0f\x03\xf6'</t>
  </si>
  <si>
    <t>b"\xb34\xe9IA\xd2X\xde\xffLM\xda\x83e'\x08\x84\xbe\x8e\x98\xee\x85\x87}\x8d\xb3\xbfY\xfa\x9f\xfa\xb9"</t>
  </si>
  <si>
    <t>b'u\xf7\x82t"\x91V\xd1w\x96.\xdb\x17j\xf3\xac\xdfP7(\xc4\x98\x10\xc7\xf4\xb8\xe3\xae\xeeUX-'</t>
  </si>
  <si>
    <t>b'\x08\x7fx_}\xc0gs\r\xe0c\xcf\xdc\x802\xd5&gt;\x0e\xf7?\xbd2\x0e\xf8\xee+\x189\x9b\x1b\xfa\xa6'</t>
  </si>
  <si>
    <t>b'V\x12\xef\xe9\\\xb1P\xd4w\x97\xe8\x168\x17.\x04\x93\xd5\x8fK\xde\xc6\xbbz\x81\xc3fQN\xbc@I'</t>
  </si>
  <si>
    <t>b'\xeb\xd4\x13p\x13\xa3DE\x9e\xdd\xa7\xa1)7E\xb8\x9d\x83\x91\xdf\xe2\xc2s\x08\xe4\x1f\x07\xb4\x7f8b\xb7'</t>
  </si>
  <si>
    <t>b'\x969&amp;\xb67z\xd1\xcfN\xc4\xb62$\x14\xebj!4Hc\xecG\xce\xd1\xee\xc7\xa3\xba\xc2\xa3\xf9"'</t>
  </si>
  <si>
    <t>b'x\xa11\xdd^\xae!;\xdd\x14\x10\x11.\x16\xa4\x8f\xe6\x89/\xa9\x02\xb5\x89\x8bX{\xd3\xa8ZW\x96\x9b'</t>
  </si>
  <si>
    <t>b'e7\xc2M\xfdv\x9d_\xdd\xe4qw\xee\x9b\x9ayU2\xb2\x90A\xec3/\xd7\xe4\xc0\xc2\xae\x16K,'</t>
  </si>
  <si>
    <t>b'p\x96!g\x06\xd2;\x85\xa4w\x11\xd8\xf3W\x02\x9dOV\xe5\xef\xc5\xfcG\x10j\xbc\xa53E\x0c{\xc7'</t>
  </si>
  <si>
    <t>b'\x9c\xa3\xda\x00u\xa3\xbd\x87O\x8c1\xe3\x9b\xba?\xeci\x91a*\x96\x04ov\xac\xde\xc6\x9f!\xc7\x19\xc2'</t>
  </si>
  <si>
    <t>b'\xc7V\x0b\r\xf4\x1duqf\x06\xc47|\x99\xbc6\x8e\xf3k\\g\xc6\xf8\xd2v\xe9\x87\xf4\xd9y&gt;\xe0'</t>
  </si>
  <si>
    <t>b"\xbb\xb4%b\xd6g_+\xef\xb5\x1aa*\xc0\xbf\xeb\xebrKK\x14\xc3\xbb|_\xbfy\xfa\xb0\x8b\n'"</t>
  </si>
  <si>
    <t>b'\x06N\x90\xf0\xd2\xeb\xbf\x98\xbb\xf7\x7f;_\x17S\xa1\xc6\xd8"2\xa3\xe5\x0e.G\nR~\xbf\xcf\x86\x96'</t>
  </si>
  <si>
    <t>b'\x9bq\xc5\x02\xb4\xdd\x85\xcf\x08G0q\xc1v\xa2\xfc\x0f\xfa\x00%]|q\xf7S\xd2\x18b\x9d\xf2\xd2O'</t>
  </si>
  <si>
    <t>b'S\xbd-p\x1e\x9c\xaf+\x96"9\xd5\x10\xbd\xae;\xceZ\xc9\n,\xd6\x9a\xe3~\xee\xd3\xe6\x02\x1a\xb6k'</t>
  </si>
  <si>
    <t>b'\xb0\r\xef\xd42\xb8\xbel\xe0J\xcd\xf8\x17\x8e@H\xaa\xc2\x1f\x10\xaf\x1fWB\xb2\xe3_2\x041\xd7z'</t>
  </si>
  <si>
    <t>b'\xe3\xaa\xcd\x02\xae\r\xe1\xe4\x9a\x1e,/\xd5BT\x00\x8e\xba\x86\x9bT\xa2\xb6F\xbc\xce\x9c\xb8\xe5$\xc4a'</t>
  </si>
  <si>
    <t>b'^\xdb\xf8\xbe\xaa\x10\x00\xe5jiy\xf2\xfdO\x891\xcc\x0f\x01\x14\xe3La\xfa\xe8\x17\xecB\xf0\xef^\xf7'</t>
  </si>
  <si>
    <t>b'\xbd\x8e_\xe2\xfa\xaaj5\xc8\x91Y&gt;SZ\x1az\x16\xf7\xec\xadS*H\xd6*\xb6l\x7f~\x85\x94&gt;'</t>
  </si>
  <si>
    <t>b'\xdcb\xb5r&gt;\x8b\x8b\xe4\x00\x15\x94\xb7U\x7f\xc8xsG+\xe2\x7fB\xe4\xb6\xb0\xbeX.\xb3\xce\x8b\xe0'</t>
  </si>
  <si>
    <t>b'm:{0\x91\x80\xb9\x9e#\x073\xe4\x12^g?\xad4\xd0-\x84\x83\xac\t~@}"\xdcx\xdc\x12'</t>
  </si>
  <si>
    <t>b'\n\xea3\xf4\x01\xe3r\x8b\x03@\xdd_\xc8u\xb6Jo\xa0\x81\xa8\xa6\x13\x98\xc6\xa4\xf4wA\xebJ\xb8k'</t>
  </si>
  <si>
    <t>b'\x05\x15u\xbdA\xe6)\x90\xd6^\x8a\xcf\x1am\xdc\x06\xde\x9f$}\xc3\x98"\x18F\xa1\xe3\xe9j!\xd0\xbf'</t>
  </si>
  <si>
    <t>b'\xb2\x16\xa6@1\xb3L\x98\x87\xde\x1by,\xc0\x93!\xc1\xc7(Y_-{\x93\xacs\xccC\x15v\x10\x88'</t>
  </si>
  <si>
    <t>b'\xa2Pu\x8c[\x7fMX90\xb0\x11\x81m\x1cl\xa95\x01\x04^\xa7;\xbf\xfd\xfd*\xd5:R\xa4\xbe'</t>
  </si>
  <si>
    <t>b'W\x06\x00\x9b\xc7\x10g\xec+\xe7\xc1\x1f\xef\xd9(\xf6\xe3\xde2\xe1^\xbc\xdb\x85 \x19*\x9bk;\xb5\xd6'</t>
  </si>
  <si>
    <t>b'\xefk\x9a\xd4\x8bmmt \x89/\x1c\xfaT0.fvt.\xb4\xe6T\xe7\x05\xc0\xf54v\x86\x92h'</t>
  </si>
  <si>
    <t>b'&amp;\x08\xa8\x9e\xc6\x84Hw~\x86|S7\xa1 \xe9\x8c&lt;\x8aA#m\xf9U\xb7\x199\x0b?\xc1\x1e\xf9'</t>
  </si>
  <si>
    <t>b'\xb8\xc8[\xb0e\xab\xaf\xc7bhJ\xa8\n\xe5\xfaG\xc3\xde\xafZ7wj\xbf\xafN\x10\x97\x98\x12\xc3\t'</t>
  </si>
  <si>
    <t>b'\x81DH\xa8\x84#`\xfd\x93\xcc\xcc\x15x\x81\xdad\xd0\xd0W@N?\xd3L?\xf1\xd8?y\x94\x1d\x1c'</t>
  </si>
  <si>
    <t>b'\x87\xc0\xc8fA\x95\x9b-\x18( &amp;dk\x1efq\x0f\x90\xdb\x05\xa7u@I\x1a\x1a\xaf\xa4Y0\x8d'</t>
  </si>
  <si>
    <t>b'#\xd5N\xc1\x0c"c\xb9\xa8g\nqz\xa1\xcf-\x1d\xe0X\xc8\t\xb3e\xa1{:\xf9"L\x9fx\xdb'</t>
  </si>
  <si>
    <t>b"\xeb\xe2(\xfbRGD#\xa2\xc7\x1c\x91C3'\xc9\xc7\xe1\x16\xd3\x12:Z\x99\x93d\xf2z\xeco\xf7\x13"</t>
  </si>
  <si>
    <t>b'\x9f\xd2\xfba\xa0i%]\x81\x81\x87\x82w\x12\xbd&gt;\x1dP\xe2\xb2\x9d\xd0\x14{\xaaBII\xb9s\x86I'</t>
  </si>
  <si>
    <t>b'\x0b\x7f\xb4\xa38/`\xa3\x86:\x854\\w\x8d\xed\xef\x12\xe1\xe1\xb9\xa4m5\xbaU\xe6z\xe5\xf7oF'</t>
  </si>
  <si>
    <t>b'\x02\x9e\xa9\xe2\xed\xbf\xf9\xc8e\xe9&lt;W\xbbV\xb7D\x10\xb4\xa9v\x03+}#\xa4\xd5D\x8c%@\x0b\x04'</t>
  </si>
  <si>
    <t>b'\xfd\xd0\xb7\xf4\xee\x82\xa5q\xa7\xc9\x8c\x82|\xa6\xe0\xb4k\x0b\r~ u"\xd8\xad\x87\x9a\xa5\x04\rq\xd3'</t>
  </si>
  <si>
    <t>b'\x1c\xd2J8\x1f?\xa7H\xb9u\x8c\xb3\xe4\xfdh\x95t\x0f#\xdc\x84\x86\xc4\xda3p=\xd6\xc2\xb8\xee\xa1'</t>
  </si>
  <si>
    <t>b"\x1f\x8e\xae\x9c\x90\x08\xbb\x90\x93\x07kwg3\n\x0b\x8b\x0e\x9a\xc8U\xe9C\xa7i\x81',\xb4#G\x01"</t>
  </si>
  <si>
    <t>b'\xa3\xb4]\x10:\xd8\xa0tF\x98i\x15\x1d&amp;s\x92\x98\x1auVpf\xfd\rP\x03\xf2\xebE\x81\xaf\x02'</t>
  </si>
  <si>
    <t>b'wY\xa3\xa8\x9bb\xa7\xffl\xd7\xde\x15\xae0?&gt;%\xff\xc6\xfb\xbbwa\x9e~!0\xe0c\xe5\xdc '</t>
  </si>
  <si>
    <t>b"Y1\xe4\xda=\x08K\x11\xdfJ\xcf'\x06\xa8=\x81E\x94pc\xa9Jy\xaa\x1a\x86\x7fM\x80\x86\x8e\x03"</t>
  </si>
  <si>
    <t>b'\x89\xe2\xd8\xe6\x80\x1a{\x9a\xc1\t\xc5\xd3\x03\xd1)W\x93\x8b\x97+\xb1\x08 \xb6t\xce}\x9b\x9fh\xe0\xd6'</t>
  </si>
  <si>
    <t>b'\x91\xca[\xc9\xccN\xf1\x8b\x7f;E\xbc\x8e\xa9\xc7\x9b\xdc\x8f\xb9\xde\xef\x92\xb2\xbd\xaf\xb2"a;\x03\xb4Y'</t>
  </si>
  <si>
    <t>b'^Qa5\xbf\xff.\xa7\x9e\xe5G\x8a\xdd\x88\x94D\xbf\x15\xe4&lt;=\xc0&gt;\x95\xd4\xa0(JI\xb1\x98\x0c'</t>
  </si>
  <si>
    <t>b'\x14\xce\xdey\x1cQu\xeen\x85\x99\xa9\x0fATvB\xebJ\x18\x13\xa8\x84-\xf3Bn\xbe\xb2:@\xa5'</t>
  </si>
  <si>
    <t>b'\x15\x0fw\t%.\x91a\xad\xee\xf6\x17\xc1\xed\xf91\x19XEFA\x99\x1d\xce\xdf\xd5\xe8\xc5"{\x9cc'</t>
  </si>
  <si>
    <t>b'\x96\xe5y\x95\x1d\xe2/\xe9(n\xf5\xbeu+\xbf\xa4\x9b\xfc\x19\x8f\xd7\xf1\xa9\xdf&amp;\xb2\x8eg\xbaH!\xff'</t>
  </si>
  <si>
    <t>b'\x8e\xef\xddN\xfc\xb4\xfc\xdf\xa8u\x98T\x94\xc2\xaa&gt;\x9b\xfc\xa8u$\xb1b\x16)\xeezv\x1cX\x13\xd3'</t>
  </si>
  <si>
    <t>b'\xa9u\xa9\xe5]\xdb\xe2\x97\x85\xb7W\x8cyZ\x91\xf5\xf9\xfa\xb1\xaf1\x95b\xd4\xfb$\x1c2\x84v~\xee'</t>
  </si>
  <si>
    <t>b"\x81'\x16G\xc2\xfcP\x88\x9b\x8e\xf6\xedV\x92\xc1\x9d]&gt;7r\xe0\xb2\x0cc\x07\xea\x85mY\xf7y3"</t>
  </si>
  <si>
    <t>b'B.\x1b\xcc\xc6\x82\xea\xce\xbf\x82\xea\x83GcW\x08x-\x19\xc6\xf9\xae\x7f\x1a\x04,\xe2\xf9\xf4\x8ah\xd4'</t>
  </si>
  <si>
    <t>b'\xda)\xd3\x08=\xea\x19\xdd\xb5\xdd\x132t\xeb\xbb\xd6\x83A\x86\xdeH\xe8-W&amp;v\x16\xab\x82\x154\x80'</t>
  </si>
  <si>
    <t>b"\x1f.\xb9Zm\x1f6A\xc9\xc2\xd5OTrA\xf06T]\xfb\x7fr\x89\xd5}6\x03'\xf6\xf00\x89"</t>
  </si>
  <si>
    <t>b'T\xc6i\xb0\x11~\xfaG\x1a\xa8\xd8\x87\x1a\x95O1q\x15f\xb0\xf7OB\xf5\xd3\xf4N\xbd~{r/'</t>
  </si>
  <si>
    <t>b'\xd0r\xae\xeam\x80\xe4\xda\xe4h2\xd9\xf2\xb5k\x80H\xb9M\xc2\xdf\x8c\xd8?#huV\x97\xc0g\n'</t>
  </si>
  <si>
    <t>b'gL\x8b\xb0W\xc0\x9f~\xfe\xa0g\xd1u\xd0&gt;\x08Fz@4\x1c\x8d\xa4\x8b\xc4\xdd\x0e\xb2*\xb33_'</t>
  </si>
  <si>
    <t>b'oG\x86x\xab-!\x14\x13s\x04\xc4J\x11&gt;\x84ik\xec\xe7\xbc^\x17\x18eT\xd7R\xa7$*\xf5'</t>
  </si>
  <si>
    <t>b'\xf9\xa1 ?[\xf7\x81\xad\x91\x8fZB\xdc\xe5\xe0\xd9\x88\xbe6\x980=\rl\xef\x1e\xff\xcdy\xbc\x8dt'</t>
  </si>
  <si>
    <t>b'`\xf1\xab?\x82-&gt;\xab\x91\n\x98\xf4bH/\xd1\x88,\xde;\x91\x8b\xf1@\x01O^ZT\xa7\x17='</t>
  </si>
  <si>
    <t>b'\xcb\xa34SgP\xc7\xeeB\x10\xca\n\xf2\xa1\xc2\xbd\x87\xcc\x88\x99!\xb0\xf7M\xfe\x17\xac\xdd\xd7\x96\xe4k'</t>
  </si>
  <si>
    <t>b'~V\xc1\x87\xcd\x00jy\xb4\x8ei\xa3\x91\x1d\x92n\x13_\xc9y\xf1\x14\xf8\xfb\r\xb4\xe0Y\xbf\x14 \x9e'</t>
  </si>
  <si>
    <t>b'\x96r \xf5})\xdd68\xcf[\x12\xa1\xe7\x12\x00\xca}\x08t\xf3\x92m\xe1z\x92b\xf1\n\x85l\x9d'</t>
  </si>
  <si>
    <t>b"\x97\xb3\xb7b\xf7r%\xd4&lt;\xcfHt\x83#Z\xca\xbe\xeda\xf4'\x06\xdd\x81\xfbJ\x8ei\xd8\xaaM\x19"</t>
  </si>
  <si>
    <t>b'\xeb\xe4\xb9\x05\x08x\x02\tP\xd1C\x8d\nO\xf8\x84Rg\xb6U\x1e\x99\x07T4t^\xdaR\x11\xba\xb2'</t>
  </si>
  <si>
    <t>b'/\x9a\xcdr\xdb\x94\xd7\x80\xdd\xcbo\xb6\xd7\xdf)\xd4\x96{\x16\xf6!\xac+\xbf\xb7\xa1\xaeI\xaf\xb5\xa3\xc3'</t>
  </si>
  <si>
    <t>b'S\xaf\xb1\xe7\t\xa5\x8bX\xa0\xfe\x87\xdfu&amp;\xaa\xec\x95\x88\x89\x1fx\xb9VF\x87E9\x98\x10\x93\x85-'</t>
  </si>
  <si>
    <t>b"{\xc5:\x11'\xfaC\xd8A`\x13-sw~~\x06F\x1cI6\x0f\xc7\x17\xd5lU\xd0\xd4\xf8]L"</t>
  </si>
  <si>
    <t>b'\x8d\xb5$\x8e\xfb@#B"\x94\x97\xfd\xe5\x86\xfd\x1cK\xb0c\x01\xca\xdf\xf0P4\xbf\x01\xf4\x1f\xbd\np'</t>
  </si>
  <si>
    <t>b'v[s\xe7u\xb1\xe8I\xe4l\x1fF9[\xfa\xfc5\xb2\xb7\x97\xb6\x97\xce\xf6![\xa9G@\xc5)\x88'</t>
  </si>
  <si>
    <t>b'\xb8\xce\x91\xb0/\x9f\xcb\x0fV~\x80{\x04Z\xfc\x87\x84\x9f\x12\x8a\xd5\xb9a\xf6\xb1:\xea\x93\x7fala'</t>
  </si>
  <si>
    <t>b'\x03\x13+\xc5\xd7\xe2q&gt;F\xe0o\x85n&lt;\xce\nw\xed\xd1\x9d\xb1\x19\xd8?}\xd4\xfb\xcf\xdb\xec!\xba'</t>
  </si>
  <si>
    <t>b'\xb9N\xf2\x93Y\x17\xccb[\x04\xa84\x9b\x8f)H?\xae@\x8a\xfb\xae)\x8c\x0fmLF\x9d\xacc\xbf'</t>
  </si>
  <si>
    <t>b'~\xf8sw\xad\xb3h\x82\x94\xe8m\xd15e\x1clJ\x86\t\xdfgK\x8f\xdd\x03t|\x83\x15\x88U\xc1'</t>
  </si>
  <si>
    <t>b' \x02\xb1//\x11*\xe2C/\x8d\x8axt\xaek\xc4;\xf8\xcd\x18~_\x0cm\xfea\xe4\xc4,\xac\x99'</t>
  </si>
  <si>
    <t>b'\x80\xccS\xed\x8c6\x15W\x8b\xe2F(\x04U_h\xccH\xa9^+E/\xef\xc5\xa68\x1a\xa6\xc5\x9b\x9a'</t>
  </si>
  <si>
    <t>b'8\xe4\xa4\x1d\xac\xf3n\x04-\x10#\xf5\xb1\x9a\xa8\xbeH\xf6\xa7\xe4\xc7\xf9\xbf\xf07Ww\xa6\x98\xfa\x01\xed'</t>
  </si>
  <si>
    <t>b"N\xb1JG`\xc2O\xbdsE\x9bf\x98\x11\xaf\xed\r6\xcb{\xd1|Z\x9f/'\xc7\xc0+\x08\x9fd"</t>
  </si>
  <si>
    <t>b'\xa8i\xd1m0\xe6\xbe\xab\xf0\xc1]4\xc0\xcbz\xdf$\xf3&gt;\xf4\xb7\xf4\n8]\x95%r\x0e\x94\x10b'</t>
  </si>
  <si>
    <t>b'\xbfz\xf4*V\x02u\xeb\x05\xdd3\xfc2r\x14\xfd\xdd\x86\xb0+nuj\x06u\xa9*~\r\xad\xd5X'</t>
  </si>
  <si>
    <t>b'\x08\x05T\x14O)\xd2Tjt\xf1\x8cZe:\x03\x08y\x98\x13\x18\x88\xcaL3\xec\xd0\xf2v\xe0\xdf\x90'</t>
  </si>
  <si>
    <t>b'ir\xf0\xd3\xe9}\xf1\x87\xc8FE\xc4\xf0P\x0c\xcd\xac\xda\xad\x06\x1fo\xdfR~e\xbd\\H\x89a\xe4'</t>
  </si>
  <si>
    <t>b'\xbc\xd7\xb6r\xcc\x8flw\x17\xb0E\xde\x17+0c8\x9b\x08\xd0\xc6\x88\x81e \x93\xec\xe2\xccO*c'</t>
  </si>
  <si>
    <t>b'\xfco8 Z\x99\xc9@G\xc6\x05\xce\xe0\x05\xa3\xb4\xd1LA\x89l\xa1K\xb7\xb8\x97\x90\xa3\x05,\x80\x1e'</t>
  </si>
  <si>
    <t>b'\xa2\xed\xed;\xccJ\x99r\xd7\xe8w\x91\xa7\xfd\xd5vO\xd3\xc3\x02\xaf\x11&gt;\xb1D\xd7\xfa\xa3q\xc8\xb6J'</t>
  </si>
  <si>
    <t>b'\x9c\x96\x86\x9an\x1c\xe8\xb8\xf8\xc9\x1b#\xe6\x90C\x8dz\xa7\xeb\x0b\x07\x19\x14T\xee\xcc5\xfd\xf8:\x83\xd4'</t>
  </si>
  <si>
    <t>b'\x9dH\x84\x13\x81\x84\x85\xb1\xac\xcb\x7f\x1f\xb8 \x83\xf1\xc3\x19r\xbcT\xe2\x13\x9f\x8c\xbe\x84\xe5-7\xd8\xeb'</t>
  </si>
  <si>
    <t>b'\x95\xbb\xef\xc4\x12I\xc4\xbd\x08=\x9f\xf3\x05-\r)\x93\xd0\x04U\xe0u\xd49N\x91\x08w\x83\xaa\x15\xdb'</t>
  </si>
  <si>
    <t>b'$\x8b6R\x0c\xf7\xe9\x06\xef\xda:\x0fy\x16\xd9\xea\xd3\x9b\x8cH9W\xe3\x0eW\x13\xb8\x99[\xd1J\xb7'</t>
  </si>
  <si>
    <t>b'\x15\x87\x99m\x94\t\xd7EO\xf0\x8e\x80Q\x08\xd6`\xe1\x04\x88\x91\x19\x97X\xd0z"\x00\x08\'\xfb\xc1\x12'</t>
  </si>
  <si>
    <t>b'5\xfd\xc7L\x08\xb0.\xd3I\xa2r\x01\x9f\xd3\xf4R\x98\x84\x00\xcb~\x89m\xe8\xc0\xbfj\x9epBO\xa1'</t>
  </si>
  <si>
    <t>b'SR&gt;{\x08@\xeeq4\x90\xa4\x1ex\xd9\x14\x18\t&gt;\xc7v\xb6\xb4\xbe\xd0\x91:mu\xb9\xbf\xee{'</t>
  </si>
  <si>
    <t>b'J\x80\x98f\xc6\x98\xad\x8b\xb3\xe6\x90h\x05J\xf4\x96\x8f\r\xceu\x19\x00x\xcd\x150\xdd\x11&gt;_\xe7\xf6'</t>
  </si>
  <si>
    <t>b'~\xd4d\xf0\x99\xa0\xeb\xfd\x19\xdc\x9d$\xa1\xea\xd5#\x91\x8e\xda;\x03\xa6\xbd\xfah\xdd\xda\x9a\xbaM\x90\xe8'</t>
  </si>
  <si>
    <t>b'!\xfc\xabT\xc5\xe9\x02\x111\xe9\xba\xa9.\xa8\x04F,\xba\xa2\\\xd2[\xcf^\xe1y\x9bNIk\xdc\x99'</t>
  </si>
  <si>
    <t>b'\xe3\xc9`\x05\xb0\xc3\xf5\x97I\xaaU\xb0\xe4d]\xeb\xf92,\x19\xa7\xfe\x1dk\xcd\x92\x04\xa8\xf8-\xf7o'</t>
  </si>
  <si>
    <t>b'\xff\xa5!B3Y\xea{\xe4\xb2]\xafL\xec\x1c\n\xcb\xa9\x81pa\xce\xd0\x1d?\xea\x10\x08n\x8c\x9e\x87'</t>
  </si>
  <si>
    <t>b'\x8el&lt;\xc45\x9ae\xf5\xa2\x1e\x86,KHy\x82\xd0\x8co\x1cH\xd8\x19\x7f\xa7E\xc8\\\x04\x1a\xb6['</t>
  </si>
  <si>
    <t>b'9\\\xbb\xc8R5\xdb\xbc\xd5\x1f\x07\x10\xaet\x82\xe6\xe6\xbb\xc3\xdf$\x93\xa82\x05\x0e\xc7\x9b\xcbF\xd4i'</t>
  </si>
  <si>
    <t>b'\x9aJH1\x08\xaa\x13\xf57m\x94\xfd\xf9_\x04\xcd\xaa\xadO\xe9\x03\xeaC\xd9iM\xb2\xe5\xd9~\xe9\x14'</t>
  </si>
  <si>
    <t>b'\xcb\x00\x1blB\xb9\x83\x06\xca1\xe4\x84\xdd1UpJs\xaf \xbe\xb8\xc8\xfb\x9f\xf7 \x99-\xfe\x93\xce'</t>
  </si>
  <si>
    <t>b'\xf5\x99\r\xde)\xf18N\x02\nb\x88\xd7\xf8\x18\x05~+\x8bq\xed\x8a\x96\xa6\xef\x91\xd7\t\n\x87\x03\xdb'</t>
  </si>
  <si>
    <t>b'\xff(M\xa3\x8b\x94\xf9\xa2\x8c\xe7\xfa\x95.\xc3\xf1\x9c\x98\xcf\xcdd\xfb\'\x95\xf6\xa5\x8dv\x8a"\x1e\xc3\xba'</t>
  </si>
  <si>
    <t>b'\xd9U\x86\x9d\xf7$`\x19!\x85Xu{\xbcq\xee\xadl\x92&gt;_l\xcd \r\x80\xb7-\x85\xf0\xf3k'</t>
  </si>
  <si>
    <t>b'P\x96\x83K0\xbc\x97\x0e\xca\x16\xd7/r\xc1\x80@\xe55\xcd8s?/\xdf\x7ft\x9f\\o\xc1\xc8H'</t>
  </si>
  <si>
    <t>b'\xf6D/\xce\x7fV\x03F\x08K\xddK\xa34\xa7\x14\x86E\x1d%\xdd\x91i\xd2(m\x8c\xc0\xab\x0e\xb3\x0e'</t>
  </si>
  <si>
    <t>b'\x1a#\xe1 \xf4O^\xacq\xcc\xd2\xa0\x0e\xd3_\xae\xe3~\xb7F\xc4\xc5\x02l\xca"D\xacZ\xef_\x80'</t>
  </si>
  <si>
    <t>b';\x88\x16\xaa\xef&gt;s\xd3\x11\x19!\xd35\x015\xee]\xb1+eb\x82\x9eG\xb3T\x01\xf1.w\xaf\x16'</t>
  </si>
  <si>
    <t>b'\r\xb9a3x{\xbev2-YK;\xc4\x12\xdd;u^\xb2\xaf\x11&amp;_u^\xd0DWL\xf6C'</t>
  </si>
  <si>
    <t>b'\xe4X\xfe9\xe1\x96\x1e]\xff\xb5k\x97\x89\xa3%5s\xf9\xf2\x07\xd3\xa6\x85&lt;\xb0\xb4\x1d\x0cI\x0bT\xe5'</t>
  </si>
  <si>
    <t>b'\x01@\xb7\x8a\x00\xfc\xbbk\xa6\x1b\xbc\xbe\x00W\x0c\xce\xb5\xaa\xcb9\xeboK\x01^\xf1\tQ\xb6N-\x10'</t>
  </si>
  <si>
    <t>b'\xb3\xb8\x1c\x02jH\x82w\x01\x0eP_y\xf3\x1eL\tml\x1d\x81=\xbf[aJ\xb5N\xa3\x0bE\xf9'</t>
  </si>
  <si>
    <t>b'\x07\x9d\xd7\x01\xc8\xe9\xf1\xc3 \x85t\xfd\x14\xe2\x8a\xd8\x96\xbc\xfe\xd2\xb9\x8f\xd4\xe1\x17\xb2\x0e\xe0\x8f\xda,\xd8'</t>
  </si>
  <si>
    <t>b'\x84\xd2~p=\x9dK\xb5:\xaa\xea\x8c\xac\x90\x8f,\xd3j\x8d\xd6J"\xd2t \xea\x04W\xeb\xfd\x8b\xf8'</t>
  </si>
  <si>
    <t>b'\x11\x14\xbc\x97\xfc\x96G\xeawK&gt;w\xa7\x98e\x81\xd2\xdd\x18A\x8b\xd9\xfe\x96\x8d\xb3\x97X\xe00\xcd\x01'</t>
  </si>
  <si>
    <t>b']*\x94.`o\xf6\x1d\x8f\xad\xd6\xd8\x14\xa1\x0e\xd8\xb4*\xb71J\xe7\xbd\x0c\xee1\x9f\xc0\xec\xf3k\x8a'</t>
  </si>
  <si>
    <t>b'9^d\x07\xcfN\x06\xe1\xcd\xf4\\\xc8\xc8\xc0\x9fu\x1c\x15Az\x95\x1b\xc9R\xb8yk\xd2\xb6\x9224'</t>
  </si>
  <si>
    <t>b'7\x83\x12\xe9\xb9\x81=P\xd6l\xb9Qi\x07\xcb1\xc9\xb3\xb3\x98~\x82\x8e_\x0b$\xedW\xd7\x14\x8c\xfb'</t>
  </si>
  <si>
    <t>b'\xfd\x9d\x16\xe6\x08\x95\xc5\xc8\x05\x1e_\xe8*\xfd\x87\x98\x04\xef9\\\xbd%;(\xd6\xc8g\xe8\x8a\xe6{\x02'</t>
  </si>
  <si>
    <t>b'&lt;z$F\xbb\xc3\x0c\xa72\xb9\x82\x9a\\\xa0\xebjjw{#\xe8p\xa8\x1f\xae~\xf3\x1a\xc0\xfag\xe7'</t>
  </si>
  <si>
    <t>b'\xf0\xe9\xf5\xca\xf3\xc8\xa6r\xba\xa7\xbek\xddi\xb3\xc7\x90\x86\xf5\xc5\x82\x99C\xdc\xe5\x9c\x1f\xbe\xc5L\xad\x1a'</t>
  </si>
  <si>
    <t>b'\x83p\x1b\xc0p$\xfe\xc7\xacypo\x82\xe2\x94\xd9\xf8\xbf\x81-X\xfc\x99Q\xa1\x8f&lt;.\x0b\t\xef\x8a'</t>
  </si>
  <si>
    <t>b'\xf0\xdeh\xb9\x99\xdb\xbc\xcde\xe8)N0\xedjg\x12\xd4,\x81\xf3\xbf1n\x8e*v\x1c\xf0\xbdZ\xe7'</t>
  </si>
  <si>
    <t>b'w\xe8_\xa6\xd5\x19P\xb1\xb0\x03\xff[\x1d\xfeg\xac\xa4\xbf\xc8\x8aA0\x8e\xb5xT\xd0"\xdd\x95\xae\x80'</t>
  </si>
  <si>
    <t>b'\x9bi{X\x9a\x9em*\x11\x04\xe5?y\x92\xbd\x0e\x91yp\x12n\x0e\xe2\xdd\xd8@\x8c\x9f)\xa1\xaf\xbd'</t>
  </si>
  <si>
    <t>b'7Q\x98R\xac@\x9bk\xba73];/,;\xae\r/\x06\x88\xb2|\x9e\x17\xa7$\x16\x87\xcd\xe1\t'</t>
  </si>
  <si>
    <t>b'\xc38Y"\x05\xa9\'\xf7YHS\xbfw8x\xa7\r\xd03\xba\xe1\x1aR\xc8\x15\x82\xef\n\xf6\xa0\xbb\x0f'</t>
  </si>
  <si>
    <t>b'\xf9\xa1\xfb\xf9\x860\x15\xcd\x978+t\x0cTRfN\x0f\xb1W\xce\x80\x18\xae^\x9dI\xee\x9a\x84\x9eU'</t>
  </si>
  <si>
    <t>b'\x9a\x01R\x16\x06\x9e%?-\xb1\x99r3\xfdJ]Nw\x1c\x00\xfd\x02\r\xa1\x80(#\xe4\xbd\xa9-\xb8'</t>
  </si>
  <si>
    <t>b'\x1a:\xb5s\x19\x8d\xb1\xbb\x88\x9c,\xdf\xab\xcc\x1c\xc6)\x0ca\xaf\xdb\x17\x9e4u\x83\xa0\x1d\xcbV\xdb|'</t>
  </si>
  <si>
    <t>b'_\xeaq\x18y5\x83\xb1dh\xd2\x0b\xc6\x03\x0e\xa1\x94\x0eL\xe7\\\xe8\x94\xa5\x9d\x90\xa9T\xad\xcc\xa3&amp;'</t>
  </si>
  <si>
    <t>b'\xc8y\x9dU\xea\x92\xf9\xb0W\xb7\xa8\xe4%\xaf\xba\xf3&lt;\xc7\x12L\xd8\t|\xa9\xc5\x05\x95T\xd1\xd4Q\n'</t>
  </si>
  <si>
    <t>b'#\x1f\xd6\x1dd\xd3\xb7+}\xb5duX\xc2@\xd6\xfa\xbb\xca\xbe\xcf\x8a\xf1\xa2q8\x8b\nx\xaf0\xaa'</t>
  </si>
  <si>
    <t>b'\x17\xc9iY\xea\xe0\x89xC\x1a\xaf\xf8+\xa6\x1f\x9a&lt;cJ\xc5\x9a\xe1\xcdfd\xc0[Pe\xa6N\xbf'</t>
  </si>
  <si>
    <t>b'\x17\xc2\xf3\xdc\x9f\xc7\xc0\xd0\x82\xcf\xa9\xa0\x1da\xae\xd2|\xdaH\xca+6\xe7\xdc5\xfc;\x93Qd\xcc='</t>
  </si>
  <si>
    <t>b'a\n\xd7y\xa6\x87\x1bqX\xcc(t:\xd1\x1f\xec|\x0c\xb4\x16\x07\xba\xf4\x028\x00\xd5:\xed\x84\x9f\xc8'</t>
  </si>
  <si>
    <t>b'\x03\xd8\x95~z\x99\xf22e\'X\x82\xd9XI"A\x05\x17\x99\xab\xf1\xd8\xdd\xae\xf2\xd7&amp;\xd2TJO'</t>
  </si>
  <si>
    <t>b'\xd0\xfe\x08\xe9\xb3\xa7\xce\xddlU&gt;\x9a\xa4h\xedy\x9eyF\xa5\x05\xbb\xb8\xef\x8f\x8fNC\xcc\xd1\x984'</t>
  </si>
  <si>
    <t>b'2\xab\x9b\x860`\x80-\xdc\x97Pon\xfe\xf6\t\x9dD\xcf\x08&lt;\x13\xd8\x97\x92\xe4%\x00\xa1\xa5\xfd2'</t>
  </si>
  <si>
    <t>b'\xf2\x97\x7f\xd9$p\x00\xb1\x91z\t\xa7\x93$\xbdh\x90\xc3\x04\x87\xda$\x03\x8c\x9bZ\x86\x04\xb2\x8c\x84\x15'</t>
  </si>
  <si>
    <t>b'oX6\xf9\x03\xffE\xd2\xfc4\xb7py\x0ce\xfe\xc1\xf3G\x89\x82\xf6D#c\x99r;\x00\x934\xd6'</t>
  </si>
  <si>
    <t>b'u\x8d$\xe9\x85\xe4/\x90`(\xd0!\xa5\x1fP\xce\xe1\n\xd2@\xb81_`G\x1a\x99\xd2?r`\xe8'</t>
  </si>
  <si>
    <t>b'Q&amp;)\x9d\x16Q\x13nMXb\xe4\xd6\xf7\xc1j\xeb\xc2\xf5\x95\x93k2\x17\r\x08\x9d\xe6\xd34\x96\xdb'</t>
  </si>
  <si>
    <t>b'\x8f\x99\x91\xd8\xca\xc6r\x89\xd1\xff&lt;\xbd\xab\xeaP\xf6C\x80\xeed\x9f\x91X"w\tg\x19\xd2\xcb\x99\x8e'</t>
  </si>
  <si>
    <t>b'_X\xb9\x9b\x06 \xf0\x9ek\xc5,5\x07]s@\tZMP9\xe3\xe3\xf2\xd9\xfdw\xed\xd8\x00\xce\x19'</t>
  </si>
  <si>
    <t>b" \xf2\x95\x98\xdb\\\xeb}z\xc1'\xd4|\xd8M\x10R.P\x88\xa2\x9c\xcf7\x0f\xccm\xc1z{N\xf4"</t>
  </si>
  <si>
    <t>b'+\x87\x9a\x81\xf0\x1c\x06Ae\x99\x01&gt;Z\x16\x15"\xb0\xab\x02 3\x96\rf\x13\xe6s~c\x01\x97\xe0'</t>
  </si>
  <si>
    <t>b'\x86_\xbb\xb4\x88\xba\xf1\xa1f\xe1sg[\x85oG\x17\xda\xeco\x16%k&lt;\x92\xbf;\xb1Vu%\xe0'</t>
  </si>
  <si>
    <t>b"\xd7Y\x05'\xb7\x8c\x10\x04\x8b~\x01\x1cr\x01H\x80\xbd\xc4\xbb0%\x89\xfc\xaa\x00H3\xeb\x16\x1c\x9c\xed"</t>
  </si>
  <si>
    <t>b'\x156#\x10J\x98\xa3\x87\x9e\x0f\x7f=h\xb8\xf1\xe5\xb4?\xfc0\xf6\xfc\xadC\xa1\x7f\xdc\xa7&amp;4\\\xcc'</t>
  </si>
  <si>
    <t>b'\x10\xe2\xe7\xad\xc6J\x0c\x8e\x1fW\xa3\xac#}\xdbw#\xce/2\x9f\xac\xb9/\xeb\x94=\xf9\x844\x0f '</t>
  </si>
  <si>
    <t>b'?\xe6\x12\xa6\x15\xac\x83`M=(!vz\x9c\xddu[\x84\x1e\xaa\xe5\xd14\x92WF\xa3\xe9R\xf6X'</t>
  </si>
  <si>
    <t>b'\x81\xea\xa4O.\xcd\xfd"\xd6\xe6\xa9O\x06\xb6a\xeb\xa1\x94}nU:L&gt;N2\xd4\x86\x13+\xf2\xee'</t>
  </si>
  <si>
    <t>b'\xbc+o\xd4c7\x8b\x16\x825\x9e\xa5\xfd\x9f\xb7X\xa1d\x02\xf7W\xc7\x02\xfa\xf6\x0b\xdf\xe4\xbd\xcc!\x0f'</t>
  </si>
  <si>
    <t>b'4qM\xb2\xdfR\xb0\xc02\x1c\x19\xed\xb3\xc8\xe0K\x92\xc2\x85\xf46\xb9U\xa2T\xabd%x\xe5\xad\xd2'</t>
  </si>
  <si>
    <t>b'\xec$\xe2\x05\x06\xfe\x04\xc9i\x08K\xe2\x0b\xb24\x1e`\xc1!\xdd\x1d\xb3\x1a\x07\xd3\xc5\x10\x0f\x9e\x8b\x04\x99'</t>
  </si>
  <si>
    <t>b'\xc8\x94o#D{\xd2\xc1D\x80\xb1\xe1\xf7n\x1fF7~?\x91\x18\xbcP\x9f\xe4\\\xee\xac\x8b\xe7\xaf\xc6'</t>
  </si>
  <si>
    <t>b'87`h.\xef\xa8\xf8\xc75\x1a\xee+la\xb1\x1bn-\x19P\xbc\xc5\x99:e\xe0\x0ex\x88\xa1\xf3'</t>
  </si>
  <si>
    <t>b'\x8b\xb3\x08\xfbW\x06\xbc\r\xa3\x1f\xa6\xe1\x03V\x84}\x15\xc9\xa9g9\xd3\xd8As\x00\xca\x7f\x84\xf3\x85\x06'</t>
  </si>
  <si>
    <t>b'\xedu\x0e\x8ac\x9d\x97@\xcc\xaa\xb6\xe6b\x1f\xb2\xc3\xa1\xe6\xa2z\x05\xbb\x85\xa42\xeb\x12\xc9\x8f\xc1;\xcb'</t>
  </si>
  <si>
    <t>b'U(s\x16\x18LQs\xbf\x82\xca\x92\xd0\xed\x1a\x8f(\x90[\x88\xfbQ\x0f\x10\x16#(\xf6\xbe\xd5\xd2m'</t>
  </si>
  <si>
    <t>b'\x8c\x9a\x05w\xf0\xf5\x8c\x90+\x1f\x9e\x07\xaa\x82H\xce&lt;#2\xb8\x08\x16\xd6\xe3\xcf\xf2\x18!\x15\xab\xefK'</t>
  </si>
  <si>
    <t>b'5\x05\xaf\xcfZ\xb5-&gt;\x0e\xa2\xf5V\xc891N\x1d;S\t\x81\xb7\x8a\x013\x1d\xd6!\xe3\xd1\xd7\x8b'</t>
  </si>
  <si>
    <t>b"\xc1\xe9K\xbb\x8c-\xfe\xf4\x108|\xe2\xc1\x98'gP\xe1\xbc=\xc5\x12\x15\xd2{K\xcd\xe0%\x89G\xe8"</t>
  </si>
  <si>
    <t>b'`x\x90}\x14\xd8u\xb0\xdei"z&lt;\x1f\x8fK\x0e\xa2m\xce[\xc7\x12\xfb\xf4\xd7d\xa8\xe2\xe8\xff\xf9'</t>
  </si>
  <si>
    <t>b'\xd1&gt;\xe0\xca5^\xf3M\xe8\xbc\xe2\x9e_\xde~1:^v\xf5\xbfd~\xaf@\x96\x898\x04q\xa1\x9e'</t>
  </si>
  <si>
    <t>b'\x97?\x84\xd3\x05\x9f,$\x1cE\xfd\xb2\xfe[\\\x19\xc9\x02A\x8c\xe1\xa3Y\x98\x80`V\xa1\xf6\xd5\x88\xd8'</t>
  </si>
  <si>
    <t>b'\xae\xca\xc7\x997\x9f\xb3\x81\xb8\xe6\x04M\x922M\xf1B\xe4\xeb#\xba\xc9=\xb6A\x94&amp;\x83:l\xee\xe1'</t>
  </si>
  <si>
    <t>b'\xb1\x1f&lt;\xea\x1e\xa2g\x154\x83\x03\xc7\xe4\xe2\xc22@+gW\x1b\x9c\xff\x9b\xb0\x8aE\xc2\xaa\x90v0'</t>
  </si>
  <si>
    <t>b'E,\x01\xd4\xee\xea\x14\x82\xa0]\xe1*;\x03He)\xdc\x16\x08\xd3\xc9\x1d`\x0e\x0f\x8e/\x06\x88\xf7o'</t>
  </si>
  <si>
    <t>b'T\xdd\x99\x9f\x00\xe4\x04\x90\xfb@\x840\xe5\xe5\xec\x14\xa3^\x05\x88\x91tSg\xad\xba\xb2\xf8\xab\x14o\xe9'</t>
  </si>
  <si>
    <t>b'\xdb\x8a\x8c\x82x\x96\x9e \\\xafZ.\x9d\x8a\xb4\xea\xf4\x05c\xf55&amp; G\xb0\x1d\xe8\x10\xea\t{\xeb'</t>
  </si>
  <si>
    <t>b"wX'\x1a\x1d-v\xc38\xad\x12\xf8$\x1cK\xb8&amp;4\xd2\x7f\xc72\xb5|\x8b\xfe\x1f\x99j(,\xde"</t>
  </si>
  <si>
    <t>b'3\xb0\xd6\x1c\r*\xa1\x02\xae\xd4\xd8\xc7v\xc5\x87W\xa0\x02\xb5\xa6\xf1\x84,\xfe\xeb%\x82?"E\xf6h'</t>
  </si>
  <si>
    <t>b'\xba\xecB\xe76,^\xa5\xf8\x92c\xf8\x98\xca3\xe72b-\xc4\xd6\xfa\x87\r\x16\xffc\xf4lp_u'</t>
  </si>
  <si>
    <t>b'F}b\x9f\xb2T\x92\xfd\xe1\x7f$\xa8\x8d}\x97SL\x1f_5*\xde\xf7+\xe7FV\x16\xf5\xe5\x82\x03'</t>
  </si>
  <si>
    <t>b'P^hV2\xc44_\x99R\xeeh%\x06\xd9\x19\xe4\xb8Y\xfc\xc0\xcb\x18\xfd&lt;\x9a\x197,\xa6 -'</t>
  </si>
  <si>
    <t>b'K\x11\x85\xac\xa8T6\x1c\x13\xaa^\x96\x03\x93\xcc\xff\xf4\x88\x88e\xb4o\xa5\x18\x88\xba\x88^\xc9\xf0yp'</t>
  </si>
  <si>
    <t>b'\x15M\xa8\xfc?\xb5\x02\xa8\xe8\xc4\xd9\xf1\x9br\x0f\x06Nn\xa8\xe3[~~h^,\xed\xe6\xa6\xb4\x83\x0e'</t>
  </si>
  <si>
    <t>b"*\xb3\x08\x8a\xefn\xcb\xd3*'U\xcfd\xed\n\xba\xd2\xd0\x87\xf5\xcc\x11R\xd9p\xb1\xe9n\x04\x87\xc2\xeb"</t>
  </si>
  <si>
    <t>b'e9\tL7}O2X32:\xda\xea\xfa\xd0,\xa2\x88\x8a\xed\xa4\x8a\xff\x00\xb1\x91\xa1\x98\xa6\x8d\xb5'</t>
  </si>
  <si>
    <t>b'h\xe4\x86]\xefSL\xef\x81\x8d\r\xaf\xf3\xf84\xdc\n\xb2\xb7\xef\xf0H2\xee\xfe\xda\xa1T&amp;\x1d\x84\xd4'</t>
  </si>
  <si>
    <t>b'$\xf3:g\xe5\xf9\x0c\xa0I\xad8\x06\xfd\x04\xe4\xe1\x88q\x94\x9c\x06\x81\x9d\x85Ni\xd5,\x81N\xda\x7f'</t>
  </si>
  <si>
    <t>b'k6\xd4\xd2*\xa0\xfc\x0c\x82\x1b\xa3\xfb\x81f*;\xf2HJ\xa9oHZUm\x90\xfc7\xe3\xd3\xb5\xdb'</t>
  </si>
  <si>
    <t>b'\xb0\x8e\x90\x99\x04%V\x0e6B\xf4AT\x8d\x13\xdc\xdaM\xd1\x87\xea!\x95\xbcoZ\x9b\xf8\xb5\xb1\x05V'</t>
  </si>
  <si>
    <t>b'\x8e`\x86\xf4\x92\x80\xe9O\xb1\xce:\xc9\x80\x95\xeb^\xfb\xf7+\x01J2G\x9f\xe6\xde#\x90\x1a&lt;T/'</t>
  </si>
  <si>
    <t>b'\xc3d\x1df\x84yON\x06\xf4\xf4\xc9r\xd6\x83\n\xa3d\xdd\xd7a#\r\x0fP\x97\x8f\x90\x8d\xb9\xae\x83'</t>
  </si>
  <si>
    <t>b'-\xe9\xa8\xa9,\xfd\xa1\xe55\xde\x1c\xc4\xe2\xc7B\xf086D\x95&gt;\xcf\xd6c\xa5\xef\x00\x1a~\xa9\x18+'</t>
  </si>
  <si>
    <t>b'\rS\x9e\xaeX\x85\x87\xd3%=\xd0\xbdZ\xa4\xcf\x8cN\x95\xd1^\xa5\x10\xf1%Ur\x1d\x07m&amp;\x91\xf8'</t>
  </si>
  <si>
    <t>b"\x90\xe9\xf2\x01I\xa2\xaf0\xf5\xc7= \x87\xdc\xea\xe0\x0e''\xcf\xe9+\xa0Py\xe5\x90\x97\x1d\x1eLd"</t>
  </si>
  <si>
    <t>b'\xda\x12\xa4{\x96"\xce\x99\xdf\xa5v\x1c\x87([9\xc3\xd1\xa6\xc6\x02\x15\x03\x1b\xf9\xfd\xe6\x19\\\x1b\xe6,'</t>
  </si>
  <si>
    <t>b'\xcb\x1e\xd6\xd5\x14z\xb3\x06q\x84\xbf\x9c\xd9/\xf0\xe3c\xda\x0f\x06\xacN\x0c\x9c\x02\x8c\x89$\x88XR\xd6'</t>
  </si>
  <si>
    <t>b'Bg\xe4T\xba\xd4\x82\xae\xdaD \xf1\x1d|m%\x07T\x13;y\x9b\x15\xb7*?\xa2\xab\xba\x8c\xe6\xcf'</t>
  </si>
  <si>
    <t>b'0\xd5as(\xfd`\x81\x9d\xb0\x18\x1b\x91\xca\xa5\xd3\xd4\xa13\xadlc\x98\x97\xce\xa6\xc0\xa2\xbaj3\x81'</t>
  </si>
  <si>
    <t>b'a\xcc7\xceJ\x91Ps\x8cV\x91\xfe\xf8\xbb\xcdpXQ\x19\xcd\x12\xd9\x18\xd7,\xca\x83PN\x03P\xe0'</t>
  </si>
  <si>
    <t>b'\x9fa\xf6\xf8\xe1cC\xf5\x11\xd1z\x81\\\x83\x86\xafa\x8b\x8e"ds\xf4uX\nW\xa2\x0e\xf5\x9f\xaf'</t>
  </si>
  <si>
    <t>b'5\x1e\x86\xa2a\xd7e\x0f\xa4\x86\x8aLd\xda\xe6L\xfa\xb4t\xc3\xba\xc0\xc3\x10\x95;\x05l0\x15v\x82'</t>
  </si>
  <si>
    <t>b"\xbe\x90\xd5-\xe3=?\x02P\xb4W\xd2\x04\xed\x08'\xb4 V\x9c\x92*mP\xda\xe4\x9e\x81~y,\xba"</t>
  </si>
  <si>
    <t>b'w\x85Tf4\xab]\xafG\xdf\xdc l\x99x\x07\x1b\x0bg\xd9{\xdb2\xbbp\xed\x83MT\xcc_('</t>
  </si>
  <si>
    <t>b'6}\x96\xf2^0\xbao\xa3\xed\x819\xa3X\xe7#\xd5\xa8K\xd9\x91\xd7\xa2\xb3\xd0\x8fK\xd7\xa5*xX'</t>
  </si>
  <si>
    <t>b'\xbe\x98\xae\xe34\x13\x11\xc7\xa3\xd7\x15\x06T\xbcr\xfa\xae\xf9\xb74\x0f\xfa|&lt;0\xb8\xe5\xb5!\x8a!\xf2'</t>
  </si>
  <si>
    <t>b'\x1c\xba\xcbQ,Y\xefCd\xd9o\xaaw\xdb\x88@J\x9f\xacq6&gt;\xa3\x0f\n\x00\x8c\x9c\xbd\xef\xa9\t'</t>
  </si>
  <si>
    <t>b'N\x90\xfe\xa2z\xd1\xc4\xedx\r\xf4) I\xb7#0B\xde,\x93\xb8\xd6\xaa\x1c\xd5\x1b\x99\xe9\xa0\xf4s'</t>
  </si>
  <si>
    <t>b'\xaa\xd7\x9bJ\xcak\xb6\x95pv\xf4[sS@\x81u\xb1$\x99\xbc!\\Nf\xb4~\x85\xac\x97\x84\xaf'</t>
  </si>
  <si>
    <t>b'\x91\xd2\xa5T\xfd\x01g\x11\xafd\xba-\xc3\xa3\xec\xff\xde\x11[oB\xd8\xcd\nh\x9ee\xc2D\xaa_E'</t>
  </si>
  <si>
    <t>b"\xa9'A\x81*\x9cKV\xe4n\x19\xe5l0\x9a\x11S4\xe4\xd4\xe4\xfc*\x1d\x90\x1cn~d\xa5\xcc6"</t>
  </si>
  <si>
    <t>b'B\xd3K.\x8b\xc6\x16?\x13K\xe7F\xed\xa2F=:zB\xb2\x7f\x17\x19|5\xfc\xf3b\xc1\xb3L7'</t>
  </si>
  <si>
    <t>b'\xfc8\xec8\xf0\x16\xaf\xa8\xd6\xaa\xe3\xb2\xe0\x18\r\xc4\x12\t\xff\x1eCP\xe6\x86\x02\xa4\x0c\xee\x94\xdd0#'</t>
  </si>
  <si>
    <t>b'\xa4,\xb5\x08\x97K\\2H\x99J\x9a\x86 \x1d\xc8\xd6o).\x8f\xfe8\x1fXr\x16\x9dD\x88|\xe9'</t>
  </si>
  <si>
    <t>b'\xdf\x136\xb1\x83\x17R\x1f\x95\xda\x02\xb2\x86\x1b\x80\xfe\xb7qk\xbf\x16\xe2\xb6\xdeSm\xe7_U\xb9\xc2\xc7'</t>
  </si>
  <si>
    <t>b'3&gt;)\xdcM\xad\x19\xe3\xa3\x1a0\x855\xd42\x1a\x02D\xf6x\xef\x82FR\xd9\xa2\xa7\xa39~\x13\x8f'</t>
  </si>
  <si>
    <t>b'2k?2\xcbL\xc9\x93\xfd\xf5\xb7@\x028R\xaf\xe8\xe9\xa1(\xea\x84\x1c\xbf\xa0\xab\xc0\xbe\x01\x81 V'</t>
  </si>
  <si>
    <t>b'\x7f\xa9B\x81x\x11\xd1\xad\x99=\x8eC\x9d\x90t\xeb\xb5\xb8_\x88\x17\xf9DS\x1a\x06E]v\xcc\xea['</t>
  </si>
  <si>
    <t>b"\xdfm\x83\xb6\xbd\x0f\xc5\xe7f\xc0\xac'e6\xb0\x9b3\x98_\x19\x97]\xcd\x97\xd7\xd2\x93\xcd\\\x15Ex"</t>
  </si>
  <si>
    <t>b'\x0f\x1b\xd3\xe0\x8b\x11k\x85\xf5"\xe2\xcb@\x89/C\xb8\xde\xc3\xa4\xbfG-\x96s\xf7\xa2\xe7\xc2\xd2\xca\x98'</t>
  </si>
  <si>
    <t>b'6\x03gf\x1f\x1a\xf5\x7f\xd0\xe2\xbc0\xc1f\xdc\x99N]\xe5\xf6bA|\xca\x85\x9a\x9f\xc7q\xf2\x02*'</t>
  </si>
  <si>
    <t>b'\x89\x049\x975]\xa1\x07\xd9\t\xad\x85B\x02\xba~\x17oW\xe4G\x8d\xb2\x0fg\xc5\x00T\xf3\xc6\xa1\xec'</t>
  </si>
  <si>
    <t>b'\x932G\x82\xf5h\x8b(\xf6)\x9f\x9f\t%\x8a%+\xf4\xa8\xf1\x94\xf2\xf6d\x06@\xe3\xa8\xbf\xd9\xec\xd4'</t>
  </si>
  <si>
    <t>b'\x14\xc7\xf5+\xebE\xb6\xc0[\xc7\xfa\x86\xaf\x9d^\x91\xb5\xde\x98lt\xe3\x08U\x08\\\xa6\x07\x11\xa0\xb1\xbc'</t>
  </si>
  <si>
    <t>b'\xbf\xf8\x83\xcdGA\xa5\xc2\xb7\x11$|\xf0Px\xc9H\xf0\xb1\x04w_V\xc6\xcd\xbc\xf1$\xcb\xfa^\xa5'</t>
  </si>
  <si>
    <t>b'\xec\xb1\x9c{\xa3\xc3\xea7\x02\xf8sy)\x14\x9b\x8e=\xf0`\xe87|\xb8\xa8b\xd7\x80Z\xc3\x98PP'</t>
  </si>
  <si>
    <t>b'\xca\xaa\x0b\xb1\xb2\x87&amp;\xdc\x98\xfaCsw\xeed\xce&gt;\x90\x92\x1aD\xe0\x143\x10\x07\xef\r\xa0\xec&lt;\xb6'</t>
  </si>
  <si>
    <t>b'\x06\x1f\x0b_LT\x97N\xb9\xe2[\xd7\xacC\x04\xbb\xce&lt;\r\xb0\x192\x06gr\x11U\xa5O\xc9\n|'</t>
  </si>
  <si>
    <t>b'\xcc\xa1]E\x17\x01\x16\xaf5\xae\xb6\x12?$S\xe8\x07\x0b\x81y\t\x14\xbe\x0b\x85\xd0\xee\xbc\xc97\xdb['</t>
  </si>
  <si>
    <t>b'\xdb\n\xca\xd4o\x9bE_\xc8\x1e\xbb\x12ylY$wns\xd8\x04KH\x87:G~\xd0\xa0\xbe\xc3!'</t>
  </si>
  <si>
    <t>b'\x93\x80\x9d-P\x0e{^\xfd\xd8\xc2\xd7\x8a\xfc\x05\xee\xc4\xe6\t\x8a\x03\xf0\xe6\xeba\xd8\xd9O\x07h\x81\x04'</t>
  </si>
  <si>
    <t>b'{\x9d\x80buX\xf3\xf3f\xfe\x85&lt;\x0e)\xa7\xd6\x0e\xb3\xdb\xe2yg\xa8\xda&lt;\x8b\xdfx7\x0e2\x04'</t>
  </si>
  <si>
    <t>b'\xf7U\xaf)\x9c\xb4\x98)h\x83hfK\xfa\xc4\xf2\x9a\x8d\x94jd\xd3\xaf\x19\xba2\x05\xfb7\xdd~\x95'</t>
  </si>
  <si>
    <t>b';\x14\x8au\x12m\xe1\xf6`\x10\x1f0q9rk\x9f\x89\x808\x13b \x80\x19\x11\x00\xaa\xc7\n\x80\x88'</t>
  </si>
  <si>
    <t>b'\x8c\xc1\xef9\xa5\xd2\xfc\xab\xd7\x86\xac`\xfd\xbe\x14\xf5\xc1^Tx\x1d\x00\xc25J\xe5 \xab\xafgM\xff'</t>
  </si>
  <si>
    <t>b'\xfe\xb2\xc88j\xa7\x1d\x8c\xaa\xde\xf0\x9b\xbd\xb6u\xaf\x8bx\xef\xdbJ?d\x02s\xaa\xaf5\xc9B$\xd8'</t>
  </si>
  <si>
    <t>b'\x8c\xb5\x1c\x8b\x91\xff0qX\xe52\x17&amp;ly\x15\x00\x04\xac\xc4\xd5xJ\x04\r\r\xc3\xb17\xcdm9'</t>
  </si>
  <si>
    <t>b'\xe0\x88\xc4\xba\xa1\xa2\x83\x82\x82\xf0_\x9cC\xce\xc0\x19mz\x9b\xae\x9e\x9a\xcb;\x02\xa2\xaf\x9e\x07l&lt;\x1e'</t>
  </si>
  <si>
    <t>b'\xdc\xb9k\xceZs\xaf\x9f\xcaq\xd3+\xeas:\x8f\xd4\xb5\x0b\xb9\x819\x8a],8\xcd\x16gWi\xfb'</t>
  </si>
  <si>
    <t>b'v\x93-\t\x10\xa4\xa7wp$\xb4\x10IM}\xcaM,4\x85w{PS\xdf\x198e\x14\xa5z0'</t>
  </si>
  <si>
    <t>b'\x1a\xe8I=^\x05\xa4V\x17\xb7x\xfc\xce\xf1n+\xec\xb1=3\xa1\xaf)\xf58\x01G\xb4\xb3.&lt;\xe2'</t>
  </si>
  <si>
    <t>b'5x\xfbS(s\xb4oa\xd3\x8f\xb8\xe0i]h\x08\xe5\xfa\x03\x8b8q~n\x04`%\x87\xc1\xd3$'</t>
  </si>
  <si>
    <t>b'~\xa4\xcf\xef\xbd\xfd\x08\x13\x9fa-\xe3\x04\xd3\xbba\x8b\xe2\x8e5`t\x92);\x7f\xdaCE\x08.\x0c'</t>
  </si>
  <si>
    <t>b'\x80\xad*\x90x\xeb\xcb\xc1p#\x99\xa2\xfc\xb9\x81\xa9!\xaaa\x10.\x91\x8a\x83u\xca+K\xf4\xdeSq'</t>
  </si>
  <si>
    <t>b'\x02\xc8\x1cXt\xe5\x088\xc6\xa6\xef\xb0\x0fd\xfa9\xbf\x82\xceV\x9c\xcd\x88\xc0M&lt;\xeb\xb3\x9b\x1b\xca\r'</t>
  </si>
  <si>
    <t>b'\xfay\x80\xb5/\xd5\xc3\xa9\xf9b\x97\\\x1d\xdb\xde\xb0\xa6\x1a}\xf1\xd2\xb6\xcdO\xb8t\xaa\x04k\xddJ\x05'</t>
  </si>
  <si>
    <t>b'\xa6\x86w\x8f\x9d\x82)\xa0\xd9\xc9\xa1\xf1\xa9w\xce?\x15\xd5\xc1\xb1\xbc\xf2\x9c\xe9a\xf8;\xa9\xca\xea\xe3\xa0'</t>
  </si>
  <si>
    <t>b'\x11\xae\xfa\xf9\x98\x93{!S+Z\x02UH\x04N0YAk-\xd2\xa1\xaf\xf1vv\x98\xc2\x9c\xd2\xfb'</t>
  </si>
  <si>
    <t>b']x\xdc\x98E\xd04\xff\xeb\xe4/Q\xe4#c\to%\xad\x027\xf7\x9aW\xba?\xec%T\x93\xf4 '</t>
  </si>
  <si>
    <t>b'\x13\x9fV\x10\xdaHM\x1bS\xae\xc0\xa3\x90\x86\x0f\xd0\x94\xed\x96\xe6\xd4k\x98s\x0f\x1e\xb7\x8f\xb4\xcb\xca\x93'</t>
  </si>
  <si>
    <t>b'\xf5\xf2\xee\xdc\xf0\x92\xa7\xae\xa2\x18&gt;Y\xaa\x9f\x84\xd4\x87\xf7m\xf4\xafy%\xbc\x81\xbe\x11\xdb\x0e!Rk'</t>
  </si>
  <si>
    <t>b'&amp;\xe5\xe5\x8c\xf4(\x038h\xde\xe6\xb5EA\xb7G\xfa&gt;\x18\x10\x9d\xdf1\xc8\xa5"\x18YP\xd3bW'</t>
  </si>
  <si>
    <t>b"I?Y\xbc\xb5|'\xbd\xae\xbaV\xc5\xfav\xfb\x86)\xfc0\xff%g\x0bx\xcaj\xc77\xec\xd1/\x93"</t>
  </si>
  <si>
    <t>b'\xca?xu!\xf3o\xdd\xd7x\xaer\xfcw/\xd9\x0eu\xf1\x8e\x05;\x11\xbak8aO\x05&lt;\x9a\xf0'</t>
  </si>
  <si>
    <t>b'\x8bJQ\x83\xac\xf7\xd4&gt;\x1e7\xd7\xd9T\xcb_4\x99\x08\x0f_N\xb5V,\xde\x87\xbfd\x92I\x82X'</t>
  </si>
  <si>
    <t>b'P\xa8X\xc1\x9c\xc8\xed\xf8x\\7\xa7N\xa52\xbe=\r\xaf\xb2a=s_\xd7\xbf\x84\x0b\xd5a#\x8e'</t>
  </si>
  <si>
    <t>b"7\x10%C\xbb\xa2\xe3\x85h\x8d\x9f\xbb\xb3c\xc1\xa9'\xa30\xa7\xcaA\x9d\xe4\t`#e\x9e\xdf\xb8\x05"</t>
  </si>
  <si>
    <t>b"&amp;\xde\xd2\xc8\xd8\xda\x17\x81\x97\x05\x11\xec:\x8bo\x92\xe3\x9e\x9c\x124\xfe\xb9\xd9Y\xe5@q'\xf2G3"</t>
  </si>
  <si>
    <t>b']\xdcy\x88%\xa0\xc9b\xa1R\xb7~\x80\x16\xcd5\xb2\x9a)\x1a\xf53\xc7=\xea\xb9\xc5E&gt;\\\x9bQ'</t>
  </si>
  <si>
    <t>b'\x9a\x8b\xda\xb5=|m\xcb\x90j\xeaCg\xb5\x07\xbbr\xf4\x03\xf7&lt;\xc3%\xdb\xb1Sp8\x91\xaf\xc2\xe5'</t>
  </si>
  <si>
    <t>b'\x87-fkD\x8c\xa1\r5\xbe\x90(\xe7\x05\xb0\xa1\xdb\x98\xb4\xef`\xb1\xf7\xab%\x97\xbb\x0f\xe3\x12\x88\xd0'</t>
  </si>
  <si>
    <t>b'\xbc\x08W\x9an\xa6Es\xcc-t\xcc\x04g@t\x8d=\xa6\xc0\xdeU\x8b\x07k\xe8\xfd\xbfw\xc7K '</t>
  </si>
  <si>
    <t>b"\xddQ@\x8dt\x0b\x15\x0cm\xdb\xfb\x85\x08\xf1\xf2.\xe4\x006\x87\xe9\x99\xac\xb5k\xd8'\xe6F\xbd\x86\xb3"</t>
  </si>
  <si>
    <t>b'\x1a\x15\xa7\xed\x15\xeb&lt;T&lt;|\x84f\xfa-\xc0\xdd\xc9;M\x87\x12\xe1\x94\xcd\x0b\xc3\xf7\x83\x9e\xc0\x83\x05'</t>
  </si>
  <si>
    <t>b'\x99\xa5\x03\x84.v\x9e\x97}X\x83\xba5S\xab\xc2^\xfa\x96\tu\x90\xd3\xe5\xb3r\xcc.\xa2*\x04\x11'</t>
  </si>
  <si>
    <t>b'9\x94\x83\xac\xab}\xfeI\x13l\xd2eW\t\xe7\x85*\x86\x83\xc8\x94\xf5{\x99\xdb\x13\x12\xe4\x87\x1en\xfa'</t>
  </si>
  <si>
    <t>b"\x1e\xac\xb4\xaaG~s\xfb\xd0f\xe1\xd4ay\x95\xc0^$`8CQ@\xb8\xe7'[\xbe\xf2\xca\xd5\xd6"</t>
  </si>
  <si>
    <t>b'O\x8c\x99\x08S\xb7\x88\xe8\x0b\x8aOd\xe2\xc5\x96\xdc\xad)\x17\xeb\x87\xbe\x7f\xba\xef\x19\xfb\x88\xees.\xa0'</t>
  </si>
  <si>
    <t>b"\xbd\xb8=T\xb3\x7f'n\x81\xe6E8)'\x13\xf5+o\t\x10E\xb8\xac[Hb\x9c_\x02\xcav\xf3"</t>
  </si>
  <si>
    <t>b'\x11\xc9\xfd\x86\xa2@\x03\x1f{\x1c\xf9q\x97\xea\x17`t\xe5\xd0z\xdc\x92~\xd5A\xee\xc7\\mQ\x16\x88'</t>
  </si>
  <si>
    <t>b'\x8fi\x1csMI\x94\xb4\xe7\x8e|F\xfdy\xcf\xb1\x13V\xd55\xe7\x06o\xd3\x1e\x16\xfe\xe6\xa8Z\x16\x05'</t>
  </si>
  <si>
    <t>b'-\x96\xa7\xdevusqg\x0c\x93|\xe0\x0b\x04\xb6u\x8c\xcc\x8e\xcd\x19mp\xe8\x90!\x8ee\t\xeev'</t>
  </si>
  <si>
    <t>b'B\x0cu\xfd\x10C\xbeK\xdd\xae\xd9\xb8\x13\xeb\x1f\xf6\x06\x02\xa15\xb5?\x00\xc5\xbc\xe5@\xc1\x8fI\xd7T'</t>
  </si>
  <si>
    <t>b'\xaf\xab\xc3\x1d\xde\x15\xfb\xb3\xe3\x97\x18\xf9\xe6ho\xc2\xd1\x0eQ\x98j\xdb\xea\xdc\x9c\xc1\xb9\x03\xf73\xe2\x87'</t>
  </si>
  <si>
    <t>b'h\x06\xd1\xc9\x1eH&lt;6`\x17Ag\x87\xe8\xebyi\r\xf6g\x83\xd2\x88\xf7\x89\x88\x86\xbd\x04\xf6\xb47'</t>
  </si>
  <si>
    <t>b'\x8be\xe6W\x1f\xeb\xb1\xa0X@Qu\x91\x17H#\x8d]\xb7\xa7+{b\xa0\x17&lt;\xcdE\x9c\xd7)O'</t>
  </si>
  <si>
    <t>b'\xd1F\x9f\xfb}\xc9\xf0\xdb\xfbm\xe9\xb0(x\x06\xff@\x10O&gt;\xf4r`A$i\x11\x13\x81\xa6\xc54'</t>
  </si>
  <si>
    <t>b"\x98 \x9e!\xdc\xe1^\xb6g\x82P\xbet\xdej\xa1\xe7L\xa1gf_\x11}]\xe1\x0f\xf3E'\x85\xa8"</t>
  </si>
  <si>
    <t>b'\xe2\x9a\xe9Ys[\x14\t%\xb6\x9e\xd1\x7f\xeb\xf3\xbeKh\xff5\xca\xa7O8e\xec\x98\xb5|\xd9&amp;K'</t>
  </si>
  <si>
    <t>b'\x92q:\x815y\xb0\xaf\xe6_\xb1\xd6Rn\xc9\x19\xbb\x9a]D\x80#\xe0&amp;3\xd8\x11\xb4\x8b\x18N='</t>
  </si>
  <si>
    <t>b'u0/\xe5\x16wh\x8b1\xb2,\xe9\x15\x03h\x81M,\xe7oE\xc0\x04\x838;\x0b\r\xd6{9G'</t>
  </si>
  <si>
    <t>b'\xe2lP\t\xf6\xa3\xb0s\xefD\x13Ef\xa3\xc7$\x8c\x05\n"v\xf8\xf8m\xd9\x0e\x80\xe0W\xe4\xf4J'</t>
  </si>
  <si>
    <t>b'\x8bp\xc4\x0cH\xdd&lt;\xd3S\xd5\xca\xe2\xe2P\xca\xd0\n88\x11\xd4\x05\x0f\x89\r\xa2\xde\xf4\xc7ad\x18'</t>
  </si>
  <si>
    <t>b"\x16B\x87\xe7\xe0'W\xe1\xecA58\x1b\x15{\x85PB\x90x\xe6\x84^vt\x86\xb7\xc4\x1c\x15\xc1&amp;"</t>
  </si>
  <si>
    <t>b'\xb5R\xee\x97H\xfac\xe0J\xc3\xa9\xba\x93\xb7I(\xff\xe2\xc2\xc7\x7f6jq\x94&gt;yMT\xa6\xb3\x8f'</t>
  </si>
  <si>
    <t>b'\xcb\xd1\xcb\xf2\xe89[\xc4"\x9a\na\xf2.\xb3b\xd0\xdc"\xaa\xf8z\xb2QU\xef\xeen\x83,\x8e\xc7'</t>
  </si>
  <si>
    <t>b'@\xe7\x80\x82\xb7\x7fp)q\x99\xd7--[\x0c1\xe7\x98\xf6\xa0C\x07{\x99\\\xd3\xb7@\x80O \xb6'</t>
  </si>
  <si>
    <t>b'\x9f\x00\xaaX6Y\x1cx\xe7\x86;:\xa2w\xf50\xb2\xa6\xa0\xc2\x87&gt;{\x19\xbf\x03,\xfd\xce\xcb \xa8'</t>
  </si>
  <si>
    <t>b'\xcc\xf9I\x9b(:\x16\xd6\xcc\x90fi\x04\xec\xaa\xa2_"!\x90\xeb\x9e3\x9e\x0bQR\x80\xec#\xfe\x18'</t>
  </si>
  <si>
    <t>b'[\xeb\xfb\xc1\xecs\xbd\xc6\xcb\xfffwUYZ\xb5\x88C\xe1$\xf0\xef\xe9\x04\xc4\x97\xeb\xcb9\xd8_&gt;'</t>
  </si>
  <si>
    <t>b"d&lt;\x99\xa51\x85\x173\xc9)\xbca'\x9f\x1a\xce\xd9\xcd\x8a\xf1\xc6\x8d\xd9=-\xf8\xaa\x9a\x8a\xe9 Y"</t>
  </si>
  <si>
    <t>b'\xe8D\x0e\x13\x90\xf8\xea\xa8\xf5\xa4\x0f\xe8\xa2\x92;\x95U\x1a\x8f\xf8\x83\x81%\xfc_\x9d\xda*O\x87\xbdW'</t>
  </si>
  <si>
    <t>b'E\xc2nm\xd2\xae\x0frz~\x8b\xad\xb2\x00$%\xc4@\xb0;\x97\xf5\x13\xb6u\xbcM\xa6\xb7!7\xd6'</t>
  </si>
  <si>
    <t>b'\x8e\x0b\x90\xbalZ@\xa8\xd6}\x00X\xb9\x80\xc5\x81@\x98.KD\xa1\xaf~\xe6\x95\x88\xcb\xa7\xd2\xfe\xaa'</t>
  </si>
  <si>
    <t>501xx</t>
  </si>
  <si>
    <t>b'{\x8a\xb9\xd8\x93$\xd4\x1c\x86\xf8\xe6\xf7\x8b&amp;0z\x80\xb8\x03&lt;z\x1c)\x9d+bW\xa9L$\x18\xdd'</t>
  </si>
  <si>
    <t>b'\x0c\x8af\xb1\x16\xebQ\xb7\xfe\x92.\x85\xcen\xeb\xa6D\xfdU\xc9_\xf4\x08\xfb\xa1 \xf2\xd076\xabn'</t>
  </si>
  <si>
    <t>b'M\xe6\xc0\x0c\xfc\x96P\xbfsa\xea\x99?2\x1b\xd8&gt;C\x1d5V\x06\xa3\x81r\xbe#\xd4\xab\x99\xae9'</t>
  </si>
  <si>
    <t>b'O$R\x82\x81{\xbc\xd5\x834\x99\xa9d\xa3\x18\x16\x9a!L\xe9\xd5\x81S\xe9\x8ee\x89\xbe\xec\xa9\x86\x1d'</t>
  </si>
  <si>
    <t>b'\xbf5\xcb9+H\xedP\xe5!L\xe9z\x8f\xf5\xa9\xc6\xe79L\x8dgy\xe5\xef\xa6r\n\x19]\xa2\xba'</t>
  </si>
  <si>
    <t>b'\x88K^AH\x9c\x91\x8c2\xf2J\xdd\x07\\\xa9-\x17\xeck\xe7\x10\x92\xdb\xd44\xc8q\x91\xd2\x07\xe6\xba'</t>
  </si>
  <si>
    <t>b'\xe1\xac\xa5*\xcc"S\xd9[5\xd0p\r\x0f\xa4Bm\x965\x1dn\xd6\xed\x18\xd4\xcd\x97L-\xb4No'</t>
  </si>
  <si>
    <t>b'\x1a\xe0\x82\x1e\xd6^\xe7u\x06Zh\xee0c\x1f\x10\xa8\x11H\x84@\t\xce\xae\xae,#\xf3\xb7\xd0\xa8\x1d'</t>
  </si>
  <si>
    <t>b'_4H|m\xacD\xc4B\xd7\x9b\x04\x18\xcc6\x89n\xa2\xb3\xbb1\x01\x8f\xf5u\x99.\x9d\xc3)\xaeW'</t>
  </si>
  <si>
    <t>b'\x11\x19N\xc5\x1bG\x83\x0bG*\xce_[&gt;\x8d\x8b\xbcd&gt;\x19\x08\x9e\xbcF\xa7\x07\xd5.gC\x81@'</t>
  </si>
  <si>
    <t>b'\x94\xed\xdf\xffp\x87\x8a\xdf|\t\x8ek%\x00\x9b3\x87\xb5x\xfa\xea\x93\xa9\xa0\x04\xc9u\xe1R\x9fZL'</t>
  </si>
  <si>
    <t>b'\x83G\xd1\xacf\x03\xf2\xe85\x84{\x00!\x94G\x9e]\n\xce\xbb\x84\xaf\xe9$~\xc4\xfa\x92X\xda\xd6N'</t>
  </si>
  <si>
    <t>b'\x92\xdd\x89n\xdc\xcfp\xbe\x83\xb7\x0c\xb3&gt;\xb2\x11\xc1\xa0z|\xcf\x84\xb9\xbd*\xeb\x80\xf49\xca8\xea\xf7'</t>
  </si>
  <si>
    <t>b'\xee=g\xb2\xcc\x18\xcfuJL\xca\x93.\xff\x99-|\xa2mk 37%\xbc\x83\n`\x03\x0fh\xd3'</t>
  </si>
  <si>
    <t>b'\x01\x9f\xda\x7f\xd1\x16#^\xbb\x13\x1al\xbd\xcb8|\x8b\x02\xb5\x19@\xc7\x12\\8\xc70\xfe\xcd\x85\xe6\x94'</t>
  </si>
  <si>
    <t>b'\x82\xbdM\xf7\xd7\xfb\xab\xe0\xf8\x00\xb5\x9dO\xc2xu\xa1`\xd5@\xb5E\xc8\xa7&amp;\xbaM\xb9\xc0\xa9\xa1|'</t>
  </si>
  <si>
    <t>b'\x81\x91;\xeb\x13@e\x05\xf3Qx\x8f\x06*Y\xe1\xf2\xb0y\xa2\xcc\x93C\xaa\xbe\xde\x83\xcbB\xe0v)'</t>
  </si>
  <si>
    <t>b'-\x98KR\xc0\x9cP\xe2J\r\xb4YY\xb4\x90T\x9eS)\x83\x906\t\x9a\x88g\\[x\xc2B\xd6'</t>
  </si>
  <si>
    <t>b'\xe1\xe0\x06V\xaa\x9aN\xe9\xb8\xa3K\xff\x84\xe33ef\x99\xfe\xb8KE\x03\x93\xe8\x86q\x12\x96\x1d\xe5\xed'</t>
  </si>
  <si>
    <t>b'h\x02\xc6\xe0\xe8oF\xe2\xc7\xab\xcc\x0f&lt;\x9f\x19#\xb5\xd5\xcc\xb4\x0b CO\xb6\x1a\xbe\x1fd\xa7\xce\xb3'</t>
  </si>
  <si>
    <t>b'Z*&amp;3\xdf{\xeb\xd1y\x06?A\xe6/\xe7\x99j[\\- \xeb\x81l\xbb\xea\x17p\x1d-|Z'</t>
  </si>
  <si>
    <t>b'%o\xfego0\xe3\xeak\xaaS\xe8F\xda\x88\xb3\xe6x\x9ci\xc2\xc4~\xb6\xd2DN\xcc\xbd\x94\xeee'</t>
  </si>
  <si>
    <t>b'\xac\x99=g\x94\x9dD\xeaHU\x02yV\xaa\x16&gt;\xd8\x9b\xe2M\x99hU\xb2J\x0b\xaa\x05j\x10\xb1x'</t>
  </si>
  <si>
    <t>b'\x97\x98sb\x1bTc\x9c\xd6m\xb8\\`\x9d~l\xb0\x88\x91\x84\xdbd\x85v\xc2\xbe\x08C\xc1mv\xce'</t>
  </si>
  <si>
    <t>b'\xc6\xe5\x15\\\xe7R\xbbm\xb5mD\xf4\xbfR8\xe6\xbf7J\x06\xf3\x9d"\xeb\xefu\x1b \xe2_I\x90'</t>
  </si>
  <si>
    <t>b'\x1c_$\xdf\xb6\x1f\xd4\x82\xc4\xe9\xdaKJ\xac\xdc\x93\x96\x00\x1f{\xc2\x84n,\x16\x81\xd7\xc4\xf9\x19?\xef'</t>
  </si>
  <si>
    <t>b'\xf6\xec2Z|\x0e\x1e\x99\xd6\x07TV\x87\xb2o\xb5d\xeb+?\x801zgM5\xca~/\x80\xe3\xa0'</t>
  </si>
  <si>
    <t>b'\xc9i\xbd\xf7\xb6\xe2\x05\xfe7C\x88E\x080\x93\x16C9\x835\x06\xad\xa5\x1c\x15\x07\xab\xf9\x9b\xfdcu'</t>
  </si>
  <si>
    <t>b"%\xa8h4\xc6\xe0\xd7:FMjD\xc9\xaa\xdb\x05*\x1cj\x07\xa2\xab\xcd\xc5\xc3\xe5\xfba'\x7f\xcd\xb3"</t>
  </si>
  <si>
    <t>b'\xde\x81A\xc7\xe0a\xc6;b]\xe7\xc7#K(\xe6\x99\xe8\x86\x88y\x0e\x18`\xa2\xf31\xa8\xfc\x9c"0'</t>
  </si>
  <si>
    <t>b'\x15}[\xa8\xfc\xf4\xbc\x16\xb2\x05\x94\xc2\x1f\xd16\xf8\xbcc\x98sX\x96\xbe\x1a\x94\xeaj\xfb\xafO\x1f\x8e'</t>
  </si>
  <si>
    <t>b'\x9c\xb7v\xa3\xad\xa2V\xc5\xe2\x12I\x0b[a\x8cq\xa3\x93\x84\xbaH \x84/\x05\x89*%\xc1\x18MH'</t>
  </si>
  <si>
    <t>b'\xbd\x1cj\xef8\x9e\x07\x10(\xf3\xe5%x\xd7\x99\xae\xcb\x82\xce\x14\xa1\xc5\xf3lm\xea\x9f\xdb@p\xcf\xee'</t>
  </si>
  <si>
    <t>b'\xd0l#\xa8P\x86\xc3_\x88\xdb&gt;z\xebR.\x16&lt;\xed\xfc\xf2\xc2\x02\x8b\xff\xce^\xae\xf0\xdd\x1f/\xee'</t>
  </si>
  <si>
    <t>b'7n-B\xaa\xfa\xb3\t\xe5\x07\x8f\xae/\x87\xaf7\xb9*#4\xdaB\x90\xf8\x8f\xc8\r\x80\xa5X\xf1Z'</t>
  </si>
  <si>
    <t>b'\x0c[\xc5t\xb9:rg\xff\x1b\x10)\x1eP\xb9gM\xbf%\x9e$\xc1\xb4\xb2\xd8\xfa\x8f\xcb\xd0/\x8d\xae'</t>
  </si>
  <si>
    <t>b',\xb7J\xf8\x9e,\x87\x01\x98\xb8\xc9\xf4\xc4\x81\xae\x967E\xd5\xd9\r\x87\xaa\xd1\xaf\xe5@\xc2\xd52 \x12'</t>
  </si>
  <si>
    <t>b'\x01\x9d\x92\x91\xcd\xddL\x84\xc1\xf7$\xc4\xc9\xf3\x88\xd4\x03\x18$\xeeH\xca\xdcwg)\x19\x850\xe8\xe3a'</t>
  </si>
  <si>
    <t>b'/\xba3\t\x19U\x1dp\xef}\xe9\xe9\x10gVb\xa5\xb99\xba\xebc\x01\x06\xe5;\xd1\x9b.\x92A\x90'</t>
  </si>
  <si>
    <t>b'X\xd1$$_hi\xffade\xd6#7*\x1ag\x85\x01\xf0\xca\xa9 \x84\x1eKR\xd4\xb6k \xc7'</t>
  </si>
  <si>
    <t>b'Y\x80\xf4\xd1\xa4\x11N|\x0eB^\xe7?\xe0qY\x91\xbcZ\xc0j%\x9fWP\xf4\x8f%t,N\xdc'</t>
  </si>
  <si>
    <t>b'\x97\x19(\xa6\x82?=\x98\x1d\xf8\xce3&gt;\xd2U{B\xec\x8b\xef\xd2X\xe0[\xc0e\x02\xd2N\xbe\xc0+'</t>
  </si>
  <si>
    <t>b'\x83\xed\x16\xcf"o\xa1T\x95B\xe5i2\xb27\xaa\xf1q\xb6~\xdeB\xca\xa3\x9e\x8au\x8b\xe6O\x8cU'</t>
  </si>
  <si>
    <t>b'\x8a,c\xa4\xee\x93}\xa2\xd6\xd8\x11\xc9\x12[I`\xf6\xfa\xf6r\xe4\xe00UY\xe5\x87\x12E\xb6\xa7O'</t>
  </si>
  <si>
    <t>b'E\xe5\xa5\xcd\xe59\xea\x93\xefv]x\x96\xbd\xdd;\xb7\x19\xe5\x08 \xa7\x02R\xe1q\xa0\xc9\xc0\xfb2\xb3'</t>
  </si>
  <si>
    <t>b'C\x82\xa8\xecxJm\xb3\xb9F\xcf+\x9eU\xb6\nA\x94&lt;/\x9b\x96\xc6\xdcz\xf6\xe4\\\xfd\xe5I\x95'</t>
  </si>
  <si>
    <t>b'[x\xafO\xfb\xcf.\xe8a\x18\r6%\xdd\t3\x8a-\xf7\xc8\x17\x9ek\xcaUI\x97&lt;J5m\xac'</t>
  </si>
  <si>
    <t>b'\xab#\x18\xc7\xfe~1\xe3Ui\x06l\x0e\xe4\xe8\r=Wa\x82\xdb\xe17x\xbc\xa4\xd86\xa0,g\xb7'</t>
  </si>
  <si>
    <t>b'HY\xfb\xe5\xda\xeb9\xe8X\xd3\x88\x9f3i\xe8K}{\x9bb\xf7\xfc\xae\x9c\x10;5g\xb9\xbb\x92\xd7'</t>
  </si>
  <si>
    <t>b'o=\x82\xd2F\xcc&gt;:\x8b*\x1eV\xaa\x08\x0f\xddI-W\xc7\x13}\x96?y\xfe]\xc8\r\xd8`\x1f'</t>
  </si>
  <si>
    <t>b'\xd6\xae\xcc6\xe6\xfd5\xcc\x89\xf9)\xe8\xdb\xb4\x12\xafvQ\x0fz{(\x1e\x9b2\x96;\x18\x94Q,\xf3'</t>
  </si>
  <si>
    <t>b'\xc1f\xa1\xb41\t\xd2T\xec\x1e\x80W\x90C}OO\xfbe\x14\x048Z\xab\xaetw\x97\x82\xcb\x10#'</t>
  </si>
  <si>
    <t>b"\x873\xf70\x06\xaeqB\x04p?9\xb3h\x1c5X/\xf0'\xee\xe6\xa5s\xad\x11\x89l\xfb\\1u"</t>
  </si>
  <si>
    <t>b'\xe7\x16\t,\xab\x06\x8d\x1a4\xaa\x12\x86\x10\xae\xf4\xcd\x8d\xe6\xbb:L\x7f\xee\xf91AZG\xa4\xe5\xf8{'</t>
  </si>
  <si>
    <t>b'\x8d\xff\x9f\xdf\xc9\xe8ja,\xcb\xbd\xb8u\x8d+\x9c\xb0\x1f\xe8K\t\x00Y&amp;CR/\xae\x04\x0e\x02?'</t>
  </si>
  <si>
    <t>b'\xe6+\xa9~\xf09@\x00h\xe2\x99\t;\xd2\x8a|\xf6\xf6\x98\xbf\xfbR\xdb\x89\xc0\xb5tW.\x7f \xde'</t>
  </si>
  <si>
    <t>b'1\xechxwy\xdeF}(\xe5\xf0\x8c\x91\x8bMBn\xe7C\xbd\xc2S\xb5\xa0`i\xbf\xfc5\n\x05'</t>
  </si>
  <si>
    <t>b'i_B@!q\xc4\xb6AV{\xfa\x9eK\xdd\xdbW\x0c\xeeR\xb9\x05\x8e\x07\x93j\xc1\xead\x11=G'</t>
  </si>
  <si>
    <t>b'S\x0fK\x8cY\x1b\x91$,\x11\xbc9c=F=\xf0\xb3\xf33(f\x88;\xb9\xf4\xa5 kkED'</t>
  </si>
  <si>
    <t>b'\\\xd9\x8b\x082\x82\xa0\x9erB\x1f(2ix6\xc8eu\xfd\xd9uY0N\xfb\x9bT\xf2\x92{2'</t>
  </si>
  <si>
    <t>b'\x07\x87\x15\x93\xba\x00lK9.]\xef~I\x1e\x89\xbb\xb0\x164\x87\x9b\x96\xbda\x94Jg\x9a8=\xcb'</t>
  </si>
  <si>
    <t>b'\x8b\x12\xf6\r\x172I\xccD\xf52\xbdWn\x0c\xfb\xd6\xba\x1b\xb6)\xc8\xb5\x18l}\x95x\x1ez\xcd_'</t>
  </si>
  <si>
    <t>b'|QR0te\x91\x12\xb3\xe4h\xae\x92\xa3D\xdeSph\xb3\xa6\x08\xdc\xedH\xd7\xc5\x12\xdbb\xfd\xe4'</t>
  </si>
  <si>
    <t>b'=\x02|\x12\xbfv$\x0f\x82\x0b0\x15&lt;s\xc2\xf4\xff\x82\x02D\xcc0j\xf1`y:\xf0\r\xda\x16\xd5'</t>
  </si>
  <si>
    <t>b'+\xa9\xc3\x90}2\x10f&amp;\x1d6]oI\x14\x00u\xe29C\x80A\xd8\x93\xd2l\x89[\xa6*V\x8e'</t>
  </si>
  <si>
    <t>b'@\x15y\xfdX\xe2\x92\xed\xd7\x1dr\x04\xf2\x10e^\xfc\xaeK\x1f\x8a-\x0fw\x19=\xdf\xe3qj\xfa\x1a'</t>
  </si>
  <si>
    <t>b'2\x02\x16u\xf5\xc9\x0f\xe3\x0e\x00\x04L\x84\x0b0\x1f\xfb\x0e\xd69F{\xe0\xbb\xeb\xd2\x99\xe0\x9e8\x9a\x9e'</t>
  </si>
  <si>
    <t>b'P8*\nx\xbb\xdb\x86X\xc3\xdf$\x03\xf5\xf9O\xf6;\xbdX\xd0\x08\xb9{\xd3\xd9J\xf4xG\xf72'</t>
  </si>
  <si>
    <t>b'\x1c\x92\x18.U\x06\xc4\xfa\xe8\x87,\x11\xb03U\xf9\xda\x1f\xbe\xc5[\xb2\x94?\x93\xe3\\\x90\xd0Lp7'</t>
  </si>
  <si>
    <t>b'oD\xe7\xc2\xa4r|\x93-\xc6\x10\x0b\x18\x9c\xcd:\xb4\x84+?\x14O\xdd\xdb\xc1\x1d\xb06V I\xb4'</t>
  </si>
  <si>
    <t>b'\x9b\xd0\xaeb\x92SW3\xcc\xd4\xa9*J\xe3\x1em@\x83\xb70v\xaa\xf3V\xb3\xaaZ\xeaG0_G'</t>
  </si>
  <si>
    <t>b'\tk\xc7K/\x89"\xbc\xc5s\xec\xc1\xd1\xa1S\xbf}4\x95\xa1\x93\x83\x02\xad\x95O\xe2\xd7\x92\xa02\xd8'</t>
  </si>
  <si>
    <t>b"\x08\xc4\x8c&amp;N\x81\xfd\xa8\xb5z)\x8a'\xea3V\xb6\xffAY\xbaD\xaax\x0b#z\xe0PJ!\xb1"</t>
  </si>
  <si>
    <t>b'\xc6\xea\xd1\xc9\xc3\xb1v\xe0\x9bt\x89\xf4\xbf\xa7\xfd\xbe#H\x84\xd6\xe9\x9c\xe0\x04\xec\x94P\x0eHi6N'</t>
  </si>
  <si>
    <t>b'B\xa5\x18qY\x05\xf4\xf5\xf4Z\x97\x8b\xdd\xbb(,\xf9\x94\xc4K\xca)\x81\x0c\x8c\xaf\t\xfa/ky\xaf'</t>
  </si>
  <si>
    <t>b'\xbb\xed\xab\xbcO\xfd\xbe\x14O\xe1\xe8m\xd2\x8a\xf5\x00l\xd3\x8f*\xe8D]\xcf\x0c\xa52\xd8h\xceQf'</t>
  </si>
  <si>
    <t>b'\t4Yg\xc7+\xfc\xa4\xf5\xd6\xd8\x1a\x01\xaf\x95\xe4\x9f\x99\xdf\x8a\x02C~\\`\xb8\xd5]\x94?\x03\xb1'</t>
  </si>
  <si>
    <t>b'yHvbz\x18\x8c\x01jB\xc9+op\x99\xda\x91@\x1bB\xd4\x99\xee8\xc7\xea\xe8\xbd\xd8lJ\x94'</t>
  </si>
  <si>
    <t>b'\xd9\x81\xf8\x9a\xc0b\x81{]\x031-\x956I[\xbc\xb1\xac\xf6_\x95A\xba\xe1\xf4k\x8b1\x0b\xe8\x14'</t>
  </si>
  <si>
    <t>b"b\xc6M\x99\x9a\xd1M\xa9=\x053\xa5]\x97\x85o\xbe\xddm\x08'/:m\xc9\xec0\xa4-\xf6\x83\xa2"</t>
  </si>
  <si>
    <t>b'\xfc\xabS\xebL\xc6,[\x9dW\x9c\xc4\xd0a\x1f\x02\xde\xc5/\x92\xdc\xce\xe1\x00\xd4\xae\x1b.\x89\xbcOk'</t>
  </si>
  <si>
    <t>b"\x83,\xc7N\xdf\x01P\xe0\xc5/\xd4\xc0/\xeaF'e\xdcy\xdf\xbe\x1b\r1u\x99&amp;\xddj\x8d`\xf0"</t>
  </si>
  <si>
    <t>b'60\xea\xe4\xeeE[\x1d\x94\xba;$*h\x96\x92#\x16\x12\xa0\xc1\xe3\xd4\x9c\xfc\x97\x87\xfdz[O\xec'</t>
  </si>
  <si>
    <t>b'"\xb8\x9cg\xd1\x98\x91t.$\xafB\xd4\xe9\rWd\x81z\xc11\xe0w\xd7+\x03b|\xff\x15\xba\xaa'</t>
  </si>
  <si>
    <t>b'\x87\x97\xa8\x98\xc7\x84,UvS\xdc\xd0\x06y\xb4\xd43Z\x07\x96\x8c\x08\x16T\xaa\xae\x05H\xc1K\x8c\xc3'</t>
  </si>
  <si>
    <t>b'Y\x87\x1e\xa8E\x18{P\xef\x00\x98#\x9d\x9au\x99\t\xfaI\xf4A\x8c\xafZ*\xcd\r\xd4\x08\xb7K\xd3'</t>
  </si>
  <si>
    <t>b'g\x96~:\x81m\xb7@}z\xf6l\xa1\xf5\x01Y\x03\x87\x1a\xda\x0f\x800\xad\xc6\x1c\xa0\xa9YN\\\xed'</t>
  </si>
  <si>
    <t>b'k\x00\x92_\x8b\x87Px\x81\xee\xe4\xfa&amp;c9\x92\x10\xcaG\xa2\x89q\x02t\xcb\xa5\xb9\xcf\n\x93\ty'</t>
  </si>
  <si>
    <t>b'\xc9M)\xa3\xc2]\xe3\xf3\xe9e\xc5H7\xbb\xf8c\x05&amp;\xc5\xeaI\xd2Z\x1bx\x865&gt;\xc7m\xee{'</t>
  </si>
  <si>
    <t>b'4\xda\xb2\xb4\xcbY\t_\xa1\xfc@\xac\xd4\x1f~\xfd\xf9z\x1atV\x10\x84\x06\x98\xcd/\x10\xe4&amp;X\xba'</t>
  </si>
  <si>
    <t>b'cH\xb8@\xfa\xf7 \xba\xfb\xc6F\xc4Cj,\x15o\xb6\xe9rk\xa0\xeb\x83\xbd#\xa3\x8a\x152U\xca'</t>
  </si>
  <si>
    <t>b'#\x85z\xb1a\xf8\xd9}\x8e\x07u\xe5\xe9\x1c\x8e\xb6\xb0\xf3I7\r\xea\x01\x04\xb9\xd4\x80\xff\xe6\xd0\x86Y'</t>
  </si>
  <si>
    <t>b'%\x82\xc1]\x1aY\t4N\xfeG\x07i\xb5\xd4\x04q\xf8*6\xc0a\xeb\x17\x93k\x17\x94\x13\xd0\x1ck'</t>
  </si>
  <si>
    <t>b'j\x9eVY5}[\xdf\xa5&gt;9.\x87M@\xf3\xde\x14U\xc4\xf5\x98L{\xfb\xe2\xd8\x07\xeadz\xeb'</t>
  </si>
  <si>
    <t>b'\xd4#\xec\x08&amp;p\xc4+\xab\xe2S\xf6\xd7\r\xec\xaa\x85P\xdd\xf8\xa7`\x18 \x80{k\xedy&amp;\x82\xe4'</t>
  </si>
  <si>
    <t>b"\xc3 \xa1\xde7f\x1a\xcf'\x7ft\xad%\xde\xba\xf0\xb8b\xbc\xb7r\x16\xd4\xae\xd3\xf1w\xc9\x8a\xd8\xd3\x05"</t>
  </si>
  <si>
    <t>b"A\xabC\xf6\x8f\xedm+\xb3\xcaX\xfbG\xee\x82\x95\xc3\xcb\x892\x92\xd8yo\xc4G\xbe'\xb4\xa1\x0f\x96"</t>
  </si>
  <si>
    <t>b'n{\xeev\xe7\xf7g\xd6\x16\xd8\xce3_\xc4\x1d}\\\x92\x03G\xdf\x0e\xbe\x88\x00\xa2\xdev\n~\tj'</t>
  </si>
  <si>
    <t>b"\x9eNXX\x87\xbaU\xb0\xe3\x88,X\x88y\x95\xf1@\x10l\x80\x98\x06\xe0RK\xad\xe9'\xaa\x99\x15\x1c"</t>
  </si>
  <si>
    <t>b'\x82\x910\x81\xd2\xcfZ2t\xdd\xb7tv\x89 \x7f\xc9\xf6K\xb0x\xb3\xc6\xe2\x9b\xa1\x0ej\xe7\t\xd5\x8e'</t>
  </si>
  <si>
    <t>b'\x87\x94\x82\xde\x0f|\x88\x98_ \xab\x1c-\xf6&lt;&amp;s]\x97\x05y\x81(]|\xa8\xbb=Z\x8b\xa0\xef'</t>
  </si>
  <si>
    <t>b'\x82\xc7q-\x05\xf2+\xc1\xc9.\x0b\xb1\xd0\xdd3\xf1\xee\xccE3\xdaF\x8c\xb2\xe3\xc9\x12N\x93\x12\x07\x89'</t>
  </si>
  <si>
    <t>b'\x95\x9ckF]%mDe`\xdcb\x9dm\x16c\xbe\xe0\x07\x90\x915\x85\x84\x88g]\xc9\xe9?\xeaR'</t>
  </si>
  <si>
    <t>b'Uz\xb5\x8e\x0c\x85N\x14uH\xd9\xde\x1a\xab\xf8U\\\xb5f\x9c\xf83\x9f\xc6\nCvf\x92\xa4\xaa,'</t>
  </si>
  <si>
    <t>b'\xc6cH\xf3\xed\x86?\xf86Cb0\x8dZ\x0eP\xfe]\x0f\x114\xf3ApQLN&amp;v\xee\x9e\x16'</t>
  </si>
  <si>
    <t>b'\x08\xf5V\x19\xe4\xd9\xf45\xab\xd1\xc2{&gt;\x13-\x16\x8d;\xf4\xf0\xcd\x9d\xd4y\x03\xc8\xb8\x90\x0c\xba_\x1f'</t>
  </si>
  <si>
    <t>b':\xa6K\xd9\xe6\x1d\xf0\xbd\xactI\x1f\xc0\xf1\x12\xdc\x11\xa4\xc2\x95\x1dY\x84\xdd\xda0A.C\x85\xab5'</t>
  </si>
  <si>
    <t>b'\xe2\xd4\x0c\xa9\xd3X\xd4o\x02kwd4)\x1a8\xee\xbd!s?\x11w\x04\xfe\x94\xf5\xff\xc4;b0'</t>
  </si>
  <si>
    <t>b'\xfa\x13:s+%\xe3z\xb4 \xa1\x89\xca\xcd\x86\x06\xaf&lt;\xdb\xb7\xb7\x04\xfd\xdc\x17?\x05\x1d\xab*\xc0C'</t>
  </si>
  <si>
    <t>b't\xb8\xcc\x84\xe0x\xc3G\xc5\x87\xb1\x93&gt;\x08b\x18\x04\x9f\xc3Hm\xb4K{\x02\xa7_\x1c\xee\xb9\\\x99'</t>
  </si>
  <si>
    <t>b'\xbe\xe8\xa1/\xc1S\xa1g\xe2-\x95"U\x16\xd2%\xf2\xc2\x99S\x8e\xadt\xef\xb3\xed\xc6|\xac\xbc\xf3\x87'</t>
  </si>
  <si>
    <t>b'\xcb\x07\xc5\xe3\x0e\xc1\xd8\x7fZ\xe4\x05\xdf"\x95\xd3K)\xfa\x988\x9a\xee?OB\xf8\x1f\xde\xcf?m\x92'</t>
  </si>
  <si>
    <t>b'/\x8f\x0b\xb2v\xf4\xc7S%jLZrH\xfe\x1a\x10\xc8\xde\nL\xad\xb9\xdc\xc6\xea\xe1\xf2\xb5\xe9,\xd4'</t>
  </si>
  <si>
    <t>b'\xb0\xb2\x17\x97@\xbdo\xea\xd2\x8e~\x10\x13\xe2H\xab4\xabz\x94\xb2\xa4\x08;\x05\x86\xc6(\x90\xf4\x1ch'</t>
  </si>
  <si>
    <t>b'.\xe2\x0b\\R4?\xef&lt;m\xf4\x14A;\x8b\xe0\xf0}\xdc%\x05\x9f"\xf0\xe9\x1e\x1c\xa4T\xd1\xd9\xf4'</t>
  </si>
  <si>
    <t>b'\x8f\x1a*\xa2\xe8\xce\xcbOv\xa9Q\x95!O2\xec\x84\xe5\xf2\x9d\xd2\x18/P\xb4\xbfo\x8f\x7fe&lt;\xc8'</t>
  </si>
  <si>
    <t>b'tfI\xf7\xc5\xb6\x9f\xda\\\x92X2BU\x0ehI\x03\x92\xc7\x88x\xbc\xf9\t\xba\xc5|g\rZL'</t>
  </si>
  <si>
    <t>b'X\x92\xafM\x9242\xb9\x98\x06\xcd\x1edc\xd4\xa0tW)#v\x05\xcd\x99\xdei1\xc8*\xc9\xcb\xbc'</t>
  </si>
  <si>
    <t>b'Z\x87\x0fv\x1c\xde\x12\xbc\xa1\x98A6U\xe0"\xb6\xd1\x8eH\x05&gt;\xdf\xdd\x12r9\xbe%;6#\xde'</t>
  </si>
  <si>
    <t>b'&gt;\xee4\x0f\x03a74y.\x05\xa1g\xd2\x11\xf5=w\xde\xe8\x89\x12\x07\xa1\x9feozG\x07\xb6\xff'</t>
  </si>
  <si>
    <t>b'\xe5\xb6\xfd\x98h5\xca\xd2\x1b\xbf\xad0\xfd\x89\xa6\xf7\x1a\xc9\xca\x98\xae\x0fD@8\xf5A8C\xf8iT'</t>
  </si>
  <si>
    <t>b'\x1ai\xb4\x049\x08\x8b\xcdu\t\xe7\x8fLduv\xf9\x02|?\xc4\xe0E\x01\xe0\xdd\xc3C\xc2[Sj'</t>
  </si>
  <si>
    <t>b'\x81\xe4\x87\xabg\xd3\xbf\xa0\xd7\xc9V\x0ft\xc5\xb3*\xca\xafK\xde\xa9\x00$?\xad\xb5\xe5,\x01|U\x97'</t>
  </si>
  <si>
    <t>b'\xde\xa2\xa1\xbfXF\xca\xf3\x16_9\x0eu\xe6\x13\xa0\xd0w;\xb9bL\x1d\xcb\xe5\xa1\xa7C\xf3\x96\x9d\x19'</t>
  </si>
  <si>
    <t>b'\xf9^\xf3A\xa8\x9f\xfc\xcc\x8c\xa7\x06#\xc3\x13\x0ed\xe3\xd9&gt;\xdb\xa3b\x9c\x1eu\x12\xcd\xd8h4]\xe7'</t>
  </si>
  <si>
    <t>b'\x0fH\xc7\xd2\xcd\xbdIw\xf6\xd9\x91Y`\x8eXU\xbfT.;L\xa2&amp;\xf8\xde\xf4&amp;!\xa7DK\x06'</t>
  </si>
  <si>
    <t>b'\x9d\x82\xc0\x0eL9U\xe4u\xd8\xb9\x94\x9f\xc8"\x82\xce4+\x1a\xdcC\n\xf7P\xb0=\xeb\xdd#\xe1\x9a'</t>
  </si>
  <si>
    <t>b'\xdd\xca:*\xfb+R&amp;\x8d\x7f&lt;\x97\xa5\xd5\xf5R\xaex\xce\xb1E^\x80i8.:\xd3=!\x82\x89'</t>
  </si>
  <si>
    <t>b'\x9f\x00}\x89C2\xcfp7r\x07k\x04\x89^\x10\x93\x00oki\xff9\xfe\x12\x06e\x12\xa7\xf5\x9c\x01'</t>
  </si>
  <si>
    <t>b'\xff0\xcd\xcf\xde9\xc1\x16\xc4}\xa6\xb7\x03\xbdW83\x81\x88HNl\x99\xfc5~\xb8\x99\xb9=\xa4!'</t>
  </si>
  <si>
    <t>b'\xe3&gt;CgfEe\x1aK\xc8\xc9E\x7f\t\xda\xf0"\xe3\xbb\xea\x98[o\x1f\xd6q]\xd0\xac\xb4\xfb\x7f'</t>
  </si>
  <si>
    <t>b"'\xac\xe4u\x85UG6\xc5\x18k\xde\xb4mU\x15\xb9\x14\xa2\x04\x05\x0b=\x977]\xb09b\xcf\xb1\xb0"</t>
  </si>
  <si>
    <t>b'\xe8\x11\t+gG\x12R\xe7\xbf\xddyr\xf2\xe6\x93\xcd\x18\xda\x17\xa2\xdbZK2[%\xd8:\xcd\xe3\xda'</t>
  </si>
  <si>
    <t>b"\x90\xb4\xc2]\xb7&gt;\xd6kFS'\xe5|\xcb@9\xaa\x85\xd9\x16\x17?;hR \x7f5\x03\xb8\xc7\xc8"</t>
  </si>
  <si>
    <t>b"4'8J\xcb\xfe+8T\xbejF\xf2G\xda{f\xb1\xc6\xf2\x90\xa4\xe5\xad\xd9\x00\x03ysn\xd4\xf6"</t>
  </si>
  <si>
    <t>b'\x7f\xca\x0f\x90\x16\xda\x9aEA\xff\xac\xc9\x93\x1c\x93\xeeNO\x1d\x0eE\x023L`\xef`\xd2\xdb\x9a\xdc\xdd'</t>
  </si>
  <si>
    <t>b'\x81\xc9V\x81\x0b\x82S\xa6V\xa9\xcc\xc4\xb9\xf6\xd5\x919\xe0\xd1\xcd\xb2\xe8\xd0\xfeB~8\xf5\\M\xf7k'</t>
  </si>
  <si>
    <t>b".|\xf3e7\x14\xda\x8f{&lt;\x8f'\xc0\xd6F-\x8c\x00e\xc3\x03\xb5\xa1\xad\x17T\x9d$\xe8o\xc0\xa7"</t>
  </si>
  <si>
    <t>b'\xe6\xb1b\x02\xfc!.\xb7\x9a48Q\x11% \x1f\xca\x94\xb8\x82\xc3CE*\xe0\xc53p$\xb5\xa7\xb0'</t>
  </si>
  <si>
    <t>b'\xa6F\xdb\x1an-\xa4\xfa\xde\x89K\xc1?\xdac\x12r\xa2\x17\x1b3\x95\xb8\xe0H\xbb\xfc3\x8a\x86\x8d\xf6'</t>
  </si>
  <si>
    <t>b"\x82y'\xedk\xfc;*\xb0\x906\xdc|\x9e\xeb\xd1\x10\xf9\xdc\x9d*3X\xc8\xc3\xc4\x83\xc24\xfb=*"</t>
  </si>
  <si>
    <t>b'E\xcf\xfb\xdd\xb9!\xa7X\xd3\xdf\x038F\x87\xe9W\x91\xc6Y*P=Z\xd6\xac(\xbe\xdc\x8b=\xba\x8d'</t>
  </si>
  <si>
    <t>b'\xa5w\xa1\x11\xe9\xa4jd&lt;_Z\xc0]\x8eC\x10\xbft\xd6O\x98\xecf\x88\xaf\xd7K8z\xfe${'</t>
  </si>
  <si>
    <t>b'\xb2\xbe\xfc\x96\xad%+\xed\xb4\x1c\xd8g\xfa\xae\x05\xdf\xf1\xa3\xb3\xe9&gt;\xa5\xdf\xdcd(\xd2\xdae\xf8\xe4\xdd'</t>
  </si>
  <si>
    <t>b'V4\x84O\xe4\xb2\xeb\xe0\xef\xe4\xb3\xe8\x8b\xf4\xa6vtt\xf7\x8f\xfd\x1f6\x86(V.tk\x8fB\x19'</t>
  </si>
  <si>
    <t>b'\xd9\x1ep\xb3E\xb0\xf3(A\xd8%\xdf8\x00\x00\x9a\xfb\x96\xdfyq\x84\xbf?\xc5\xb239\x80\xd4U\xd0'</t>
  </si>
  <si>
    <t>b'\x9cR\xdbm\xc2\r1\x0fO\x08j\xcf\xd3\x92|\x8d\x14\xeb\x9a^\xffO\x8e\xaf\x9cr\xbd\r\x18)\x8b,'</t>
  </si>
  <si>
    <t>b'R\x9eV\x01\x89/R\x19\x17aX\xac\xed1I\x00S\x8f+\xdc\xcd\xa1\xbf\x97v-[r\xad\xb8\x9f\xce'</t>
  </si>
  <si>
    <t>b'\xad\tQ\x0e\xb4\xe4\x17l\xbb\xe6\x0f\xa3=\xaaK\xc0\xaf\xab\x84\xb0\xea\xe8\xf6\xc7\xd9=\xa3!ZF\x16V'</t>
  </si>
  <si>
    <t>b'\xda\xa1l\xf0P\xdc\xdf\xa4\xcc\x947F\xee\xae\xd2:W\x98nE\x18\xf1SS\xe0T\x9a8$\x82$\x8a'</t>
  </si>
  <si>
    <t>b'\xa7\x05$&lt;\xdb\xa1+\x85\xa6\x99^\x89\x03\x8f\xbb`PrQ\xfd;0\x9fa\xa9v\x93\xf8j\xbar$'</t>
  </si>
  <si>
    <t>b'\x98\x1ci:\xcfpr\x8ai$:\x85*\x94`O3\xb65\x01\xa0\x82\xe1\xb2\xe3l\xc5l9|F\xe9'</t>
  </si>
  <si>
    <t>b'S~x\xe2E\xfe\xdaV\x98\xcb\x94C\xa7\x8b\xe5\xae\xae\x90?Q\x06\xadQ\xa9W\x87\x9e\xfb\xdc\xd0\x0f\x8b'</t>
  </si>
  <si>
    <t>b'\x9e\xb6K\xfa\x18\xeb)b2\xd4z\xeaU\xfb\xffV\x90\x01\n\xd8\xd8/^\x053j\x8b\xe5\xe2I\xb3}'</t>
  </si>
  <si>
    <t>b'"\xd0\x00\x89f\x82\xe6#\x8b\xc9u\xe9\xd1\x02\x1c\xa6\x9a\xc5V\x05b\xad\xf50\x88+`\xf1\xfb\xaa\x16"'</t>
  </si>
  <si>
    <t>b'^!k8&lt;\xf5\x8d\x86Y\xdbYF\xcc\xfb\x08i\xbb\x8e\xe7\x0f\xe6\xef\x17[\x8f\xca1\x93\x05\x88\xac('</t>
  </si>
  <si>
    <t>b'\xda\x1d\xd4\x13-\x0f\x04\xb2\xca*\xc3\xcfI\xf1.\x1bO\\\xe2M2\xcb \xc8\x9b\xb7\x0b[\x983\x82\xc0'</t>
  </si>
  <si>
    <t>b'\xf3\xdaXY5\xa7\x01\xd5\xe3Y# IC\x99=4z\xd7b\xa0\xc2\xd2\x14\x0c\xdf\xb46\x9e\xa9\xd9\xfc'</t>
  </si>
  <si>
    <t>b"\xcc\x01'\xbd\xa4\xb2\xbd\xc2Hr\x00\x18\x81W*\x974\x19\x1e\xfds\xd5\x12\xa1G\x85\x9a\xf9\x9bZ\xec\x9b"</t>
  </si>
  <si>
    <t>b'\xfc\xfb\x9e\x02\x05\xb1\xe3`b5\xe3"\xe2\xd3\xc8\xd65N53gW@\x8b@\x18O\xc8#O\xe3|'</t>
  </si>
  <si>
    <t>b'\xa8Z+\x9e\xde \xe8\xf0\x88\xe19O8\xb0\x9a!\xdd\x8d\xe9\x03q\xee\x00\xf6\xa2Vg\xb4\xd6.\xe8\x11'</t>
  </si>
  <si>
    <t>b'\xc9M\xc66\xee8\x1b\xbc\xc7\xbc\x89\x85\x14\t\x00\xa1\xda\xa4m\xbe]\xd2\x08\xa9\x15\xeb\x9d\x7f\xc66P\xdf'</t>
  </si>
  <si>
    <t>b'pb9\xa6b\xb3\xd4"\xa4\xb9\xa3\xf4\x19b!\x92\x93%-V\xd6\x97\r\x03\x13\x11\xb5e\xb1\x1a\x97\xb3'</t>
  </si>
  <si>
    <t>b'\xd1P\xbb\xd7P.D$\xf2\x03N"Y\x94\xdb#1!\xc8h\xd2\xac\xae[\xfd\x08\xcc\x01\xc5\xdd\n1'</t>
  </si>
  <si>
    <t>b"\xf6\xbd%',\xaf\xc7zE\xf7\x12\xfe\x1fF\x1e\xf5&lt;\xb6^\xa6;\xb5\xf4\xcf\xcb\x85\x7f\x04\x1fm \\"</t>
  </si>
  <si>
    <t>b"\x94\xf9\xc5\xea\xfb\x015\xd4\x9e\xc0|'\x1b?\xcc\tn\xf2\xbbi\xaa\xa0\xa3Bm\xdc\x96\n/Lko"</t>
  </si>
  <si>
    <t>b'\xfa\xe6\xdd\x7f{6r21\x0f\x06\x98R\xcf\xb0Z64kX\x92RC\xb1\xb0\xf4/Y{\xf0\x8b\x01'</t>
  </si>
  <si>
    <t>b'\x13O\xb0t\xbc\xa8,\xad\x1f\xa4t7n\xb9\xc0\xf2\x06\r\xdc\xe0\n\xca\x9d\xe9&lt;\x16\xc7\xd8o\r\xca\x92'</t>
  </si>
  <si>
    <t>b'\xcf\xfa\x0b\xbe\xeae%\xba"\xf9\x80t\x1e\xb9\x8c\x18*\xe3\x17\x93t\xfa\x90\x89\xd0\xb9\x81:6\xca\xf1l'</t>
  </si>
  <si>
    <t>b'\x8d\x9f\xd7RS\x86\x8fi\xf5o\xbc\x14BK\x8f:sgCC4*`[\x98\x0c\xe4`\x08A\x18F'</t>
  </si>
  <si>
    <t>b'g\x14\xc7\x136\x93!,\xe1\x8a/L\xaa\xa1{\x8f\xeb\x05\x13`\xb9\xc6\xb1\x8e\t\xca\xb8\xf1\xf1^}f'</t>
  </si>
  <si>
    <t>b'\xab\xcb\x08\xde\n\xb0\xdb\xae~\xda,?I\x81\xf6e2\xfb?\xa5\xb5oj\xcb8\xc8K\xc9R\x0b\xa0"'</t>
  </si>
  <si>
    <t>b'\xc0\xc3\xae\x14\xf0\xd9\xae*\x029\x7f\xa0\xe4=\xf0\xe7YX#\x14\x15\xa0\xaf\xa6\x8a\xbb\xa2\xe6h\xb0\t\xad'</t>
  </si>
  <si>
    <t>b"\x95\xcf\xd7\xcd\x81\xa1\xe8\x9c\x03q\x1f\xb4\xdbh\xees\xc8\x8f\x81'\xc4\\\xc7KQJ_U\x17C\xe4J"</t>
  </si>
  <si>
    <t>b'3`D\xa2\xf7\xfe\xf2z\x0e\xb4\xd9\x7fQa%\xfcQxeL\x146\xfa!\xdfCwT%\xe1\xba\x1c'</t>
  </si>
  <si>
    <t>b"\xc3t\xa8\xb8\xac\xbaS\xa1\xc8d5`\xfc\xeb\xbe\xec'\xfe1m\xbe\xd0Q\x0b\xf9\x91e\x9d\xaf\r\xea\xc1"</t>
  </si>
  <si>
    <t>b'p|\xb8\xbe\xec\xee\x80\x82D\x96j\x8c\xd2u\x1b\x9f\x10\x1b\x0c\xa8w\x02u\xf6\x0bx\xe0/F\xd6\x0c\xfa'</t>
  </si>
  <si>
    <t>b'\xc1\xec\x1aF e\x0bn\xbe3\xeb\xcd\xb7K\x85{\xe7\x7fN\x82\x9a\xc6\xee\x06\xa5\x110m~\xce\x07\xf3'</t>
  </si>
  <si>
    <t>b'8\xa7BlJ\xccVh\x0c;\x8cj\x95\xd8\xdc\xd3\x05\xefQ\\\x95\xc1\xde%\xae\x9a\x9dK@\x97\xf6\x85'</t>
  </si>
  <si>
    <t>b'1"\x82\xda\x86PD\x0e\x949\xe6\x8a\xc6\xa1\r\xc6|E\xf1\xea6\xba\xec\xee0\x01X9qpS\xac'</t>
  </si>
  <si>
    <t>b'\x9ey}\xba&gt;D\xf2\xe6"D?\xbc\x08\'BYC\x03\xdd\xf5\xae\xedth\x90\x89O\x08:\xea4u'</t>
  </si>
  <si>
    <t>b'\xf5\xf2\x907\x1dOx\xa7\xb3\xa1&amp;\xd2\\\xf4+\xf5_\xbbw\xc6Vs`\xff\xde\xbb*\xd8\xed\xca\xb7\xe7'</t>
  </si>
  <si>
    <t>b'dZ\xd1\xc6\x1c\x12M\x94\x0c@h&gt;\xb1\xcaV\xf3;a\x85\xf5\x82\xbc\x13\x9b\xee\xee\x10A\x89\xa5Jh'</t>
  </si>
  <si>
    <t>b'q\xce\x89g\x14U\xc1*pR\x7f\xcaxk&gt;\x97\xfa\xd9\xd5\x10\x838B\x881#_\xc7\xd6Y\xd2\x85'</t>
  </si>
  <si>
    <t>b'\x1e&gt;\x19iIx\xd7\x14S\xa5\xa8ks\roz\xd1\xeamd\x1b=%M\x13m\x95A\x84\x97\xd8t'</t>
  </si>
  <si>
    <t>b'j\xddn\x94(\x98\xa9\x0c\x97\x821\xd3\xb4\xb0)\x9f\x933\xcd\xc7\x8ch\xe3d\xadn\xc6\xd6\x18S\xeb\xc8'</t>
  </si>
  <si>
    <t>b'\xdfb\xbf~\xe2\x03t\xa0\xa1&gt;\x86=\x9a\x9a\xf39\\\xe0+\x07YU\xa0\x8cXo\\[d2\x04\xcc'</t>
  </si>
  <si>
    <t>b'z\x7f\x05\xbf\x13g\xe1\xa0\xf5\xf7\xc8u"6\xd7\xd6,\xda\xd22\xbb&gt;1]i\xa8\x06\xb5s\x1e\x10\x81'</t>
  </si>
  <si>
    <t>b'\x05\x8c\x95J\xbd\x9c/u\x9b\x86\xc0\x93;\xc1\x8fa\xb7\xd5\xcb\xbc^\xbfv\x12d\x86\x1f\x91\x15\x03e\xae'</t>
  </si>
  <si>
    <t>b'\xbar\x80\xb0\x16\xa4D\xa3L\x85\xbc\x0fG\xe0\x19\x9b\x9c8\x89F\xa7\x92V\x00o\\\xd0\xbf\x94\x96\xa0\x10'</t>
  </si>
  <si>
    <t>b'&amp;\xc9\x9a\xb9\x12\xb3\xedc\xe9~\x8b)\xc7\x9b\xd7\x13\x01\xbaVOrR\xfda\xb6\xb9b\x8d\x87\xffW\x89'</t>
  </si>
  <si>
    <t>b'\r@\r\xf8\x94\xbc\x91\xc6h\x8bi\xd7\x92=\xd7\xdf\xd4j\x08\x98\xa7\xa9\xd2\xf4\x86\x9b\xe6u\xb65J\xa6'</t>
  </si>
  <si>
    <t>b'\xba:\xd2\x80\xaf\x86\xfe\xa4\x1a\x08\xc7\xc9\xe0\x0e\x7f\xd4Z\x9d&gt;xb\x9a\x1e\xc4+\xc2\r/(\x14\x00/'</t>
  </si>
  <si>
    <t>b'$pM\xe8\xaetpt\xa1\xe7\x8f\xe3\x1e\x12\xff\xe7\xdd\xb8\xfcW\x0b\x0f\xea\x11Z?&lt;X\x84\xe1P\xff'</t>
  </si>
  <si>
    <t>b'\x03\xba\xeb\x03D\x04\'J\xf1\xe4\x13\'\xe8\xf9\xd5E\x94Z\x93\x91t\x97i\x98\x9b\xc5"\xbfW\xa9\xd5c'</t>
  </si>
  <si>
    <t>b'CT\xe2\x9f\x95\x93\xf5\x07b\x08\x1e(]\x9bR\xe6(\xfbJ\xe3\x98\xffv{\xef\xad\xf2\x1c\x85{\x11L'</t>
  </si>
  <si>
    <t>b'\xaa\xc7\xc3F4\xee\x82\xd0C\'"e{\xa7\x9bhS\xcd\xb1\x83\t6\xd8\xce\xb6\x08#o\x82\xcc\xc6\xa2'</t>
  </si>
  <si>
    <t>b'\xdd\xc3\x83&lt;\x00\xce\x94\xdbH\x9cMw\xc1fN\xd7;\x91\xbd\xadQ\xc1\xac\x82\xc0v(\x9bQ\x00\xd53'</t>
  </si>
  <si>
    <t>b"tl\x04\x9bt\xa4\xb6.Lp2\xce\xfcj\xdc\x9e\x9bcE\xf0\x88\xc6O\x8d\x1b4\xc2'v\xe1-\xa2"</t>
  </si>
  <si>
    <t>b"'\xc9M\x18w\x84:\x9e\xb2\xb9\x0f\xdb\xc0\xa6\x10\xbf\x99r\xd1\xe1\xd4\xb6\x15\xe4N\xe2\x9d(\xa5\xd2\xc91"</t>
  </si>
  <si>
    <t>b'\xdc\x93\xc0P\xc1Q\xfd\x0e\xa9\xd7\x9c\xa4 \x9dI\xd3p\xbd%\xd42\xa2\xce\xea\x97\xb9\xfe$\x96"u\x94'</t>
  </si>
  <si>
    <t>b'u\xeb\x015`\xcb\x83\xb1\xca\xc8\x07g\\e\x90U\xa2@\x0b\xe6l\ry\xca\t+\xb2\xb9\\\x95\x9cL'</t>
  </si>
  <si>
    <t>b'\xae\x1f\xe9\xd3\xf9\x08\x18\xabx\xa6j+/\x83\x9d\xe5?\x16}\xca\xef\xfdZ\xbe\x9e\xe4\xa5\x08LRs\xcc'</t>
  </si>
  <si>
    <t>b'M\x0e\xc8\x84\xc3\x17\xabH\x06\xbeG\xa5\x83\x97\xf2\n\x08\xf5\xec\x87\xc0{\xc8\xba\xe13\xd0cQ\xed\x8d\xdf'</t>
  </si>
  <si>
    <t>b'\xe2-=\xa0\xaf@\x98\xcb\xdb|\xcbE\xf3Y\x14\xc8\xd1+I\x83\xab\xb8\xc1\xa2\x13&gt;T\x06v\xf8(\xa6'</t>
  </si>
  <si>
    <t>b'+\xa4?\xf6\x81\xbb\x8a\xe2yB\xa7\x88O\xc1\xb8\xd7\xb8\x1d,\x08\x14\x05\x9e\xac\x9a\x0c\xf9\xa5\xf0\x0c\x97\x95'</t>
  </si>
  <si>
    <t>b'N&gt;C\xf4uY&lt;V\xf9\x05l\xd5\xab\xa5H\x04\xe9o\xb0^4\xbcj\xbe\xcbT\x95\xad\xc8\x88\r\xe5'</t>
  </si>
  <si>
    <t>b'\xe7r_/o\xd6\\\x9a\xc3.\xea\xec\x9c\xf6\xba\xed\xfe\xd4\x1cyec\x04\xb9W\x15\xcb?\x88\xad\x99\x00'</t>
  </si>
  <si>
    <t>b'M\x8d\xb4\x1e_\x84\x10\xea\x1a\xc9\xd0\xf0\x19+\xdc\xff\xed\x0b(\xbc\x03i\xbc\xe6t\x83/C\xcdn\x98\xab'</t>
  </si>
  <si>
    <t>b'a\xd6k\xe3p\xe5\xa6\xe1\x0b\xd5\xc3c/\xbd\xa7\x88\x12\x10\xc5\x052\xcf!\x8f"\xf4\x0b\x0c\xd3\x80\x94\x19'</t>
  </si>
  <si>
    <t>b'K%\xfd%\x9a\xb3I\x18)P\x80\xf6\xb7\x8d\x9cu\xf6=\x01\x98\x1a\xc6\xd2)\xf7\x1f\x1c;Zg\xbc\x1a'</t>
  </si>
  <si>
    <t>b'\xf9cK\xcc\xb8\xc3z\x07\xbc\xda\xcfp\x9cK\xd2\xa7\xe0,&gt;\xae\x10&lt;\x1b{\x87F\x80BJ\xc1\xfa\xc3'</t>
  </si>
  <si>
    <t>b'\x8a\x97\xbb\x83\x98\x8a\xa5\xd2\xf5\xd8\xd0Nl\x99o\xc1n\x8fM\x07\x07l\xf2S\xfa1\x8dl\xf1\x9a\x16\xcf'</t>
  </si>
  <si>
    <t>b'\xa9\xe7\xfcJ\xa2\x0c*\xa0\x06\x14\xa4A\xfc\xc6\xb0~uqhb^\xbcU\xc5\xd4\xbfOJ\x0c\xd9%I'</t>
  </si>
  <si>
    <t>b'\x19\x11^\x13\xa6J\xfdZ\xf1\x04\xd7s,\xaa\xd4[\x11\x1e\xbf\x88^\xfbT\x84\xeb&amp;\xca[\x01\x0f\r\xb1'</t>
  </si>
  <si>
    <t>b'.\x1d\xf2v;\xd2f\xc0\x9cS\x05&amp;\xefs\xce\xa0\x9d\xcc\xdb5\xf3\x9fu_er\x11\x950}C"'</t>
  </si>
  <si>
    <t>b'\x06\xa2C"\xa123G?\x109u\x82\xa8\x13nh\x0f,q\xb5\xe9\xe0 F\x8e\xdff\xfa\x1frV'</t>
  </si>
  <si>
    <t>b'I\xc3\xce\x83\xfc\xc6\x9b[m\r\\?\xd1v\xf0p\xaa%\xc8\xb9BX+\x01rG\xbd\xa9c@7\x98'</t>
  </si>
  <si>
    <t>b'Mf\x94|g\x13\xc8\x82O\xf2JQ\xfcbH\x9a\xd1%\xfcu\x80D\xe3\xda\xec\x08\xb0\x80B/\xabU'</t>
  </si>
  <si>
    <t>b'_\xe1\x07\xee\x06\x91\x86\x8c\xde\x97}\x9b\x9f\xb4\x02ip\x04\xff\xea]j\xcbB\xcd#l\xb6\xa1t=\x9b'</t>
  </si>
  <si>
    <t>b'\xbb\x92\x19\xcd\n\xed?NQ\xf8I\x15\xec*\xcc\x89\x16\xcc\xff\xdd\xf4\xea"|\x07#\x99q\xb4qu\x93'</t>
  </si>
  <si>
    <t>b'\xf8\xfbzv\x7fma\xba\xc1\xf7T~\x97KZ\x99\xca\xb6R\xac\xf22`\xc0\xf8Q\x9aYr3[\x13'</t>
  </si>
  <si>
    <t>b'\xbe/`\xb3\xa3u\x18\xa1\xb5p\xd2\xa2\x1c\x17\xa0\x87;Xk\xaa\x05\xf7\xd7x\xe0B\x1bDue\x03\x82'</t>
  </si>
  <si>
    <t>b'\xd5\xc1&amp;=6\xa0\x84\x91\xa9\xab^|?\xb9\xafp\x1b\xc3\x8e\x9f\xe2`\xa3j;\xd2\x85N}\xae\xdd\x9a'</t>
  </si>
  <si>
    <t>b'\xa5\x9b\x15\xeci\x85LxV\xef\x11a\xbb\xe5\xe9\x94\xb2]#h@\xc5a\x16-\xaa&amp;&amp;\xb1\xe7\x8d\xb2'</t>
  </si>
  <si>
    <t>b'\x94\x89c\x87\x9f\x11&lt;\xa0\x97\xb7\xbb\xaf3T}\x1d\xa2\xee\xbe{VBi\xff\x93\x85\xc4%\tN\xf5('</t>
  </si>
  <si>
    <t>b'\x8b\x16\xab!\xfa\xe6\x03\xe1\xf9\xb3O&amp;{\xd0\x92\xc9e\x8e\x1bz\xb7\x85;\x05\xc0\xe9&amp;\x8a\x04\xeb\x02-'</t>
  </si>
  <si>
    <t>b'\xdfp\xdc\x87\xd4\x8bE\x87\r\xbf\xcb&lt;\\\xe3\xa0\xc8s\xdc;\xe2\xe8\x93K\xc5^\xdb\x05&gt;KxM\xbf'</t>
  </si>
  <si>
    <t>b'7\x89A\xb3\xcco\xd0\x88\xa0\x7f1\x808\x13h`\x83\x13?SS\x91Pj\xa3\xc3B\xfe\xee\xd1\x81t'</t>
  </si>
  <si>
    <t>b'\xa5?\xcc\x8c)\xef3\rN\xb6?h\xc2\xbe\xbd\xc1\x82{\x8c\xe7\xf5\x064\xc8\x05\xb4\\\xc7W&amp;g\xe0'</t>
  </si>
  <si>
    <t>b'\xb0n\xee\xc9\xd5\xfa5\x152j\xe8\xd6\xe9`\x17\xf7(\xbd\xf7\x04uH&amp;\xf4\x16sS\xe3C\xfd\xb9\x19'</t>
  </si>
  <si>
    <t>b'\xdb\x82?\xe4\x15\xe8.\xc8M3I\xfa\xdb\xa6\xe1\x16\x12\x170z\x99\xea\\\x84\x87\x8fQ\x1dVF3\xbd'</t>
  </si>
  <si>
    <t>b'Q\xb1\xa8\xd2:\xcc\xcb5\xe4\xfc=\x0f\xc8\x9d)\xae\xd1\x8a\xdfY\xb9\x93\xc0\xeb\xba!y\\!Ej\x90'</t>
  </si>
  <si>
    <t>b'\xf4d\x07\xd5\xcd\x01M\xba\xd05\xc0\x17h\x00F\xb78W\xe9\xd4\x08\xea\x80J%Q\x00nm\x15\x9f\x8a'</t>
  </si>
  <si>
    <t>b'\x00\xa4\xea\x19\xc9\x8ff\xdb\xe0}3{\xd7\x7f\x8dG\xb3\xa6L3\xdc&gt;\xef\xff\x92.\x7fx\xb6\x13//'</t>
  </si>
  <si>
    <t>b"\x99!\xcb\xc7\xf4\xad\x7f\x04/\x83\xb2'\xbdN\x1cG\xf42#\xcb\x1b7\x89a\x9f\x1b&gt;\xe6\x02\xebyP"</t>
  </si>
  <si>
    <t>b'J\x9d\xba\x85\xe2\x91-`\x87\xec\x98\xd7\xbdK\x07\xa5\xd1\xbf\xd5B*i\xd8g\x15a\x06\x947\xbc\x8aa'</t>
  </si>
  <si>
    <t>b'\xc3\r\xce\xfa#D\x85}T\xfa\xd1\xb3\xd3\t\xc9\xe7\xb44.3\xf3A]\x17\x18\x88\xa1\xb8\x96\x8d\x1a\xd1'</t>
  </si>
  <si>
    <t>b'D}\xebG\x06\x8bDd\xd2\xed\x98\x8fW\xce\xe51f\xc9\xbf\x19/\x8d\xb5\xe0\xc6\x00&amp;\xfb\xc7\xa9\x1b '</t>
  </si>
  <si>
    <t>b'\xc9V{\xaa\xb3\xd9\'\xaa\xf4\xc6;\x83\x8a\x18#\xfc\xf9\x89QyCB\x88\xbb\x9aw\xe1&amp;(\\"\xd3'</t>
  </si>
  <si>
    <t>b'\x03%~d\x95\x95,\t"\xf7+\xed\xf1\x86\xcdA\x9eV\x03\xc0i\xcc~_\x9e;d\xce\xc1\x0f=N'</t>
  </si>
  <si>
    <t>b'\x1e\x88\xf4*\xb2`O\x7f\x80M\xfe[\xad\xfd\x03\xfa|!\xf5JFn\xc5\x8f\xa8\xaa\x84\x8f\xefg\x12k'</t>
  </si>
  <si>
    <t>b'*\x81A9U\xe3x-\x17ql`.\n\xac\xeb\x9a/\xf2\xe4\xc0\xdetb\xc2\x93\xb4J\x8f[\x06v'</t>
  </si>
  <si>
    <t>b'`9\x8e(=\x1d\xfdUM\x11\x93\xb9\xb32\x85%\xabj1\x91\xe44\xde}}\xb8,\xccO\x86,\xc8'</t>
  </si>
  <si>
    <t>b'\xc2\xafS\xacr.\xe1\xaa!\xe9\x7fpx\x17R\x98ll`\x92\xcd\x0b\xbe\x9b\x1a\xae\x15\xafA\xb3\x12\x16'</t>
  </si>
  <si>
    <t>b'\xdc#\xaf\xad\xd2.\xe7\xe4\xa9\\5\xcd\x8ds\x99\xea=\xb8\xdd\x9bc\xcc`\x8fF\x14*(!\xe0\x1aF'</t>
  </si>
  <si>
    <t>b'\xcc\xfc\x86\xb1\'S\\tPN\x89t\x8c+\x97\x05\x1a"\x98\xbf\x8d\xbf\x19\xcf\xae\xebN!\x8f\x90\x0b\xdd'</t>
  </si>
  <si>
    <t>b'2l\xeaB\xaf\xded(\xdf\xe8\x04\xd9\x901\xed\x9d\x19\x7fCJ\xbf\x06\xd2\xae\xeb\xb1)\nX\xb8\xe8\x80'</t>
  </si>
  <si>
    <t>b'\x82\xd0\xb4~s&amp;\x19G\x9d\x97:/&amp;\x0f\xa1\xc7\xbf!\xa0m\xee\x9f\xad\xf1\xeaw\x16\x8e\xbf\x11\x15\x81'</t>
  </si>
  <si>
    <t>b';\x88\xb5k\x85\x92\x8fNV\x87\xfaM0\x0c"\xee`zr\xad\\(+\xeamH\x81\xa8\x1f\x1d\xbb\xe1'</t>
  </si>
  <si>
    <t>b'\xeb\x86\xf6\x88\x96["\x9a\xbe\x04Y\xda\xcf\x9a\xb6fr\xb1Y\xba@pO\xe3ap\xef\x8d\x16\x8f\x87\x93'</t>
  </si>
  <si>
    <t>b':\x96\x11F\x8e\x02\xfc\xfdK\x8e\x90Y\x99\xcf\xedR\x9a8\x8b;\xff@\x91C\xea\x82\xcd\x0f\xdb\xad\x80\xe7'</t>
  </si>
  <si>
    <t>b'1\x04pE\xdco\x16\xa5v,\x80\xa7\xd9\x96\x97\xda\xed\xdd\xfc\x87q{\x0bT\xb9\xa7(\xe4\x87\\\xca{'</t>
  </si>
  <si>
    <t>b'\x03\xdb0x\xd2 \xbc\xd6\xf2\x9f\x04\xe1\xc6\xcc\x8f\xda\xa2\t=\xf7\x83 \xfc7)\x84\xa9\x89\x17\x0f|\xec'</t>
  </si>
  <si>
    <t>b'\xe8 f9\r\x81"]\xb3U\xab?\xdejh?\x1c\x1a\x1d7G\xd69%\xb3\x96,G\xf3!/\xb1'</t>
  </si>
  <si>
    <t>b'\xef\xc9\x08.e\x9a\x01rm\x96\xa4\xbc0\x93\xcb\x17\x0f\x9c(Q*S)\xd7HRW\xaf\x82\xc8\xc5\xd1'</t>
  </si>
  <si>
    <t>b't\x11\n\xd6\x19\xf3i\xaeL\r\xff8T\xae8\\\xc7\xbaA\xdc7\xc5"\xd6\xf8\xd5\xb6|\x1f\\\xc0O'</t>
  </si>
  <si>
    <t>b'\xbf\xc9\x86\xa0\x84\xe8\xbav\xe2\xc8,B\x84_\xb9\x8f\xd9+\xbd\x86\xc8\xb9k\xbe\xa5-\xf1~\x7fHJ\x83'</t>
  </si>
  <si>
    <t>b'|\x92cuH\x87o\x87\xba\xa9]\xc7\x81I\xbb\xb0!\x83\xe6\x8ct\xa7\xf9\xd1Z\x99 \x13\xe3E\xc5\t'</t>
  </si>
  <si>
    <t>b'\xa2\xc8\x9e`Vunu\xd7\xf4\x18\xb9L\xb5\x05\xa5\xee\xd2`\xe0&gt;E\xfc\xdchI\xbe\xb0\xf3*~\t'</t>
  </si>
  <si>
    <t>b'\xbb\xf6"\xa2\x08\x05-\xbbms\x14\xa8\xd2 ]\x15\x9b\xc6V\xb8\xf8\xc0\x1e\xb0f%\x02B!\xdc\xbe\x8b'</t>
  </si>
  <si>
    <t>b'?\xe0\xbf\xea\xa1M\x88,\x9c\xf1\xf3\\\x8b\x8a\xae\xf5\xd3\x06i\xd5z\xc8\x0f(\x8e1l\x8d\x11\xc0\xfcD'</t>
  </si>
  <si>
    <t>b'ZQT8r$g0\x18\xee\xae\xc1.\x13\xbaRL\xebu^\x0e\x1e\no\xe8\x90\xe7@\xfeS\xa2\xc7'</t>
  </si>
  <si>
    <t>b"Ip\xb7q\xe6&amp;(\xf4.\x9c1T?F\xce\xb6$vU{\x10\xd4\x1a~\xb3\xb0P\xa3\x86\xbd]'"</t>
  </si>
  <si>
    <t>b'\x84&lt;\xc2s \xb1\xd8L \xfe\xba\x07&gt;\x8b\xc7\xc4\xdb\x10U\xf8\xa9\xfd\nFU\xf5\xb7^\xf9\xcfq\xbe'</t>
  </si>
  <si>
    <t>b'\x07\xeb\xf0K\xc9\x14!\xea\x0e\xfc\xf1\x19]\xd683\xb4\xae\xc3\x0b\x15\x1a\xf3\x98\xd1\xf5W\x13\xb5\xd3\x04\x96'</t>
  </si>
  <si>
    <t>b'#\n\xee\xc8\x03\xf1wn?r\x93~\xa4\xf2%]\x14\xce\xec\xb4EN\xef\xe1\xa1\xee\xf7\x00\xfeKG\xfa'</t>
  </si>
  <si>
    <t>b'\xc3\xaeof,\x04\xc2w\xde\x0f\xda?\x98\x0cS\xb3,\x9b]\x1a\x14k\xc6|\xdf\x1a\xd6\xaaU\xd76\x12'</t>
  </si>
  <si>
    <t>b'\xd2cuJ\xf0&gt;\xe9\xcc\xb19\x8f\xa1W\xe5\xf6\x00\x97\xf8L4|\xbb\\\xb2f\x0b\x87\xbc\xd4\x93o?'</t>
  </si>
  <si>
    <t>b'\xa88Zs1\xdb\xa7)\xa4N(\xaf\xf7q\x18\x9c !z+\xd6AA[\xcd\xe2\x96\x99\xe0\x1d3\xa3'</t>
  </si>
  <si>
    <t>b'\xd7\xf9\xa3%R\xe6W9\xe5\r\x98\x19\xd5\x03\x9b\x9e\x19\xe1\x1a\xb0 8\x8f\xb2"P\xf9p\xc2}#z'</t>
  </si>
  <si>
    <t>b'\x87\xa6\xe2Pi\xa0\x15Z\x1c\xcaOB\xfd\xca\x0e\x1a\xea\xc8\x10\x12\x03q\xe9e\x00\xd3\xb6\x04U\x8eP\x17'</t>
  </si>
  <si>
    <t>b'@\x86\xf3.\xa5q)\xb2\xdcXz\xeb\x92\x1d\xb9\xae\xb7\xcf\xc6\xb9\xa5\xd6\xac\xe0\xe5\x98\xb8\xf9\x1e\xe7_\x9b'</t>
  </si>
  <si>
    <t>b'\xb8e\xf8\x00\x11\x81\x02\x0fM\x9c\xac\xc9\x05\x84}1\xd6\x07\x8fhD\xdb^6\xfepT\x0c\n\x0e&lt;\xa0'</t>
  </si>
  <si>
    <t>b'\te\x1c\xd6|\x82D/\xaf\x87\xa8\n\xa5\x8d\x81\x9a\xf30y*\xfb3\xf6\xb93\xd1[(\xe3\x13\xfd\xc8'</t>
  </si>
  <si>
    <t>b'6\xb1\x9aP$\xe1d\xbe\x10\x8c\x8e\x06\x96\xb2\x01\xdd\xd6*\x9e(\xfb4\x86r\x8b\xc7\xba\x17\xd1\xbf\x9b\xc8'</t>
  </si>
  <si>
    <t>b'\xa8\xb2\x8b\xd8\xfc\xe6\x91-!\x0f\xa3\x0eUn|\x9e\xe7\xe2&amp;\x00D\xf5D_.\xe6S\xa2\xe0u\x84\x06'</t>
  </si>
  <si>
    <t>b'\x08\xc7\xac\xe0U\xd7\n\xfc`\xcd\x80\xe9"\xd3\xaa\x05\x87\x1e)\xb4{/59\x8d\x1b\xa4~\xb8\xeb\x94\xbf'</t>
  </si>
  <si>
    <t>b'\x98\xb8\xf6[\xd5\xcf\xa3=*\x93\xecws\x96\xef\x84\xe2a\xdb5\xc5!\x1c\xe69L\xbc\x9ep\x13p\xd5'</t>
  </si>
  <si>
    <t>b"\x93\x93Up\xdf!\xe4Y\xf4'\x91\x87\x166-h\x88V\xdf\xeaC\x8f\x91*kB\xeb\x1c\xd73\xe6_"</t>
  </si>
  <si>
    <t>b'\x1e8\x8d\x05w\x8b\xd6\xcb\xbaL\x92\xfa^\xf1\xab\xc8i(\xb3\xef\x9c\xb0\x82;\xf1\x9a\xd0\x96\xd2\x87\xee\xd6'</t>
  </si>
  <si>
    <t>b'+\xecb\xddM\x17\x03\x10\xa0+\xec\xf7t\xf5\xa3\xba\x83.\xc0% n\xfbH[d\xd2h\xcd\x88Z,'</t>
  </si>
  <si>
    <t>b'\x88X\xe6h\xa0\xe8P\x9f\xaf[F*\xec\xf9kY\xd7\xa8\xeb\xe1\xec\xedW\xc7M\x9f?\x84o\xb6\n\xa1'</t>
  </si>
  <si>
    <t>b'\x7fG\xfd\xbf|+\xcd\xe9\xcd\xf96&gt;\x7f\xb3`}rO&gt;OM"\x16\xa1)e\xb4c\x144\xc1\xbe'</t>
  </si>
  <si>
    <t>b'\x11\x98\xd9\xa7\x84\xdekH\xb8lq\xb9[Zb\xbb\x8e\x04\xf7\x92\xfa\x16\xa3Xll\x049&lt;i\xdd\r'</t>
  </si>
  <si>
    <t>b'A\xbf\x9d\xab\xa6`\xa9\xecg\xda\xed~\x01\xf9\x18+&gt;y\xb7W\x7f\xbc\xac\x17*\x81w\xb9+I\xa6\xfa'</t>
  </si>
  <si>
    <t>b'\xe3\x80z\xdd\x10\xa8}\x15:o.\xa7\xeb\x8d\xb3v\xc1m\x04\xc3\x120\x07\xf4\xbc\xc7\x17\x1d\xfa\xe0{='</t>
  </si>
  <si>
    <t>b'\x17|z\xeb\xb6or\xb8\xe6j,\xfeC\xc3\xf5\x8c\x05\xaf\xb0\x82XO\xff\xe4lbcx\x93\x15\\,'</t>
  </si>
  <si>
    <t>b"\xe3_\x02\xa4R*\xb4\xd8\xa1?\x0cV&gt;c\xdft\xb9\x8fy\x88\xa4'\xed\xde\x961\x18\xbc\x90\xef\x03\x95"</t>
  </si>
  <si>
    <t>b'O\xbb1\xe5q\x895\xa6\xe2\x9e\xf4bbc4\x95\xd9\x183\x14\xda\xdf&lt;\x12b\xd7\xfc_\x9b%,9'</t>
  </si>
  <si>
    <t>b'\xaf\xd2\xf5y\xb1\xd7~(\xf99\x00\xca\xa1\x18\x1c\x93\xa7\xff\xe3`\xe5\x0f\xa4n\x14\xa2\xf8\xe7n3\r\x83'</t>
  </si>
  <si>
    <t>b'\x8e@\xb6\x80\xaa\xa1*\xa2\xe8Q\xeb\xfa\xef\xf9\xf9\xdd\xf9O\xc3\xcd1W\xf8\x19\xdc\x03$\xe6\xb2\xdfO\xa8'</t>
  </si>
  <si>
    <t>b'\xf7\x89^\xda\xf6\xcb1]\xef\xe1\x9b\rIk\xb7\x1ds\x10\xbb\x16\xe2\xd5\x0frV\xaf\n\xeci\xd4\xd6\xb9'</t>
  </si>
  <si>
    <t>b'*\xb4\x18&amp;3*\xee1~O(\xab\x8b\xee|\x94[\x92\xfa\xdf9w\xcd1c\xa1L\x1b\xf5\xe16K'</t>
  </si>
  <si>
    <t>b'\xe8\xdch\xa5\xcf\xdbhF7\x19F\x9f\x0e\xad\x7f\x0f\x9d\xc6\x055\x13\xa8\x87$.x\xfe\x9fa^\x7f8'</t>
  </si>
  <si>
    <t>b'^%\x1c%\xee )J\xf5\xe9\xfd\xbd\x02\xfd1\xe1\x1b#\x0biY[\xfe\x15\xebui\xa7(r2{'</t>
  </si>
  <si>
    <t>b'\xb0Q\xb0\xb7\xb9V\x7f}/&gt;\xd2\xf3\xefq\x0ccv\xda(ES\xbb\x12J\x01\xed\xe6P\xf2\xe3\xe8,'</t>
  </si>
  <si>
    <t>b'\x96\xad\xf6\xaf\xe7mA\xba\xbaUl2\xf9T2\xc2\x00]\x87\xbc\xd8^\x01\xb1\xa3\xc0\xb4\xe9\trtV'</t>
  </si>
  <si>
    <t>b'\xed$\x90K\x97\xc1\x83$v\x14 5e\xadq\xeb\xcf\xc6/\xbb\xdan\xa5\xcb\xbb\x9c\x05\x12$\xb6\xef\xa7'</t>
  </si>
  <si>
    <t>b'*\x9dv\xe7\xe1s\x1c\xd8\t\xc845\x7f\xd8\xa7:\x9b\x81\xa7\x97\x02\xb2~\xff\xc8=\xd6\xed\xb2/\x81\x19'</t>
  </si>
  <si>
    <t>b'r\x9d\r\xa7\xab\x10\x07\xc9\xb5\xac\xd5\x8aHH|i\xa6GG&amp;\xd5"\xf5[A\xcbc\xe8\xa8\xecF\xd4'</t>
  </si>
  <si>
    <t>b'}@?\xec\xd7\xa2,Y\x1c\xc9\x9a\xfe\x92\xa6C-\xb2\xc4\xd0\x81\x1es\xb1\xa9r\xca\x9d\x07\x91\xfcL\xc5'</t>
  </si>
  <si>
    <t>b'\xfeT\xca\xd1\xd7\xf8\x8d\x15m\xe2E\xa1,N\xc4\x82@\xb2\xb8\xabx&gt;\x16\x9f\xd6\xd8\x8fC\x7f$$+'</t>
  </si>
  <si>
    <t>b'\xcd\xb8\xc8-\xb5H!\x1d\xb9\x07Gw\xd3\x1b=\xd6\xbf\xed\xd9\xa5tt\xa9\x12\xe5\xfa\x986\x0e\x89\xc7u'</t>
  </si>
  <si>
    <t>b'\xb6+\xda\x0b\x83\x0e\xea\xd3B\xdaM\x07/\x1b\xd4,$\xc9Fc\xa3\xe7\xd5\xc1an;\xceC\x9d5I'</t>
  </si>
  <si>
    <t>b']\xdb\xfc\x13i\x16\xb6s\xf6\x0e\x7f\n\x16\xc0\xadpe\x9d&lt;D\xed\x11\x93\x88\x15\xd0\x19|\xc0\x94\x95I'</t>
  </si>
  <si>
    <t>b'\xfe\rg\xcc\xed\xba\x8f\xa9\xbb\xf4\xb9*\xa7\x99\xbe\x1c\xe0\x1ezN?\xc1\xcdg\x8c;_\n\xb58I8'</t>
  </si>
  <si>
    <t>b':\x85L\x15h\xae\xd7\xed\x0bn\xbfK,\xcaJ\x9d\xe1\xc3\x1eMJH\xeaT1:\x95\x94\x1a\xed\x1b\x99'</t>
  </si>
  <si>
    <t>b'\xaa\x9a\x88\xfbsX8t\xd77U\xe4!Q8\x96q7(\x9bs\xce\xf0\xa5\x03\xcc.\x1bS\xa6\x89\xca'</t>
  </si>
  <si>
    <t>b'\xd5\xc4\xe8a\x92\xf4\xede89\xdf\xce\xdf\xda\x93\xe9\xe2\r;4\x87Xl\xca\xf0N#\xffl\x11d\x9e'</t>
  </si>
  <si>
    <t>b'\x02\xb6\xe9\x84\xa5l\xac\xde\x12;u\xd893\xbd\x84\xb0\xdbF\xf2\x9a\x8a\x1d\xd9A`\x17\x07\x9b4\xa6\xfd'</t>
  </si>
  <si>
    <t>b'\x16\x97\x8cx\xfc=\xc3T\xf4o\xd0\xb7Q\xb5\xf3\x1dv3\xa8\xa1\xca0\xb5\xe8\x93\xc6~o\xc8\x92\x08\x7f'</t>
  </si>
  <si>
    <t>b"'\xab#\x08K\x94\xadr*\xd1\xa4\x92:\x864\xe2\xcc\x04\xda\xc6\x0bH\xfbG!6\xa9\x9b\xd0\xdc?\x11"</t>
  </si>
  <si>
    <t>b'8V$`x\x808\x88S\x9dS`0`LN\xb4\x85\xa9n\xe6\xd2\xc0\xc9IN?\xdegK\xef\xcd'</t>
  </si>
  <si>
    <t>b'\xd4$\xf8\xdb\xbf\x10\xc9\xa27y\x8ci\x16\xbe\x9d8b\xef7\xce\xe0\x02\x17A\x15Q\xe4q\xc6\xadK\xb0'</t>
  </si>
  <si>
    <t>b'\xf1\xba]Y\x8c\xd3\xd2\xfd\xa2\xc9\x97I0\xd96\xe7\xcd~\xa7m@T{C\xe4\x9e\xf1X\xd6\xe9\xf0\xdd'</t>
  </si>
  <si>
    <t>b'\xf1\xc4r\xb9\xe7&amp;\xc3\x0c\x02\xca\x07\x1fB\x91\xd3\xf3\x078\nN\x8d\xabLgLFk\xb3z\x12\x0c='</t>
  </si>
  <si>
    <t>b'\x8c\xd7\x89\x98h\x80\xd2\xc7\x13\x91\xd4J\xda\x9a\xc0\xb56\x0f\x1e;\x83\x00\x9cf\xa4\x99 !\xd2\xb1\x8cy'</t>
  </si>
  <si>
    <t>b'F\xd1\xe9\xe3\x8b\x9b\x81v\x0cRL\r\x15\xba\x04s\xea~\xed\xca7\xa1\xea\x1b\xb8\x0b;6\x15\xfe\x9e\xe4'</t>
  </si>
  <si>
    <t>b'\xaa\x80\xfc\xe3\x19:\x8eU_\x10\x9f\x02\xf9bz\xf8\xa3N\xe6\x01(\xce\x80\x05\xe598\xfc\x08\xd1\xd9\xb2'</t>
  </si>
  <si>
    <t>b"\x92\xe9\xe1\xe3\x98V\xde\xa3+\xa2}}@\xe5a\x9bf\x98\xd7\xe4T'&gt;\r\x9e\xc7\x18\xee\x8c\xff\xb9\xa9"</t>
  </si>
  <si>
    <t>b'\x88*\xa1\x0f\xf5\xdc:\xbb\xae\xdd\xc5\xd6\xf8\x85\x0b\x8c"\xb6\x10:)B\x03\x84\xfd\x81&gt;\x8ec\xec\xba\x1a'</t>
  </si>
  <si>
    <t>b'\xff\xf0_\xffh\xa7\xb7I\xbbD@\xd2\x02\x00\x08g\x14\x97\x7f]\xf7 f\x03u\xb7Kk\xee+\x94&amp;'</t>
  </si>
  <si>
    <t>b'\x94"0\xf1q\\&gt;~\xba-\x91\xb9\xaf\x18&lt;\xff7O\x89:\xa1\xe9\x0fC\xa4\x930\xc5\xb3\xf3\xe4\x87'</t>
  </si>
  <si>
    <t>b'~\x94\xb5n\xd4\x84D}\x1ah\xb1\x06Nn\x84\xe7\xeb\xf7\x886\xf4Ay\xbc\xa4S,x1\xa6OA'</t>
  </si>
  <si>
    <t>b"\xc6~\xda\xa8U\xdaG\x17\xb6\x95DW\xe67\xb30\x15z'd\xb7\x1f\xba\x1f\x82\xbd\xeb\xa4\xd8\x08*\xeb"</t>
  </si>
  <si>
    <t>b'\xe8\xb2\x1e\xa5\xc8\x81\x8c|\xb4;\xee=x\xf1\\;\xae_O\xaa\xfb\x9c\x11\x0cDD\x81\x14\x80o\x0c5'</t>
  </si>
  <si>
    <t>b'\x1b\xc0\xaeT\x93\xecf\xb4\xbc\xa1\xc5v\x9a\xe0\x88\xd6J\xfbP\xa12b}\xc9\x9b\xc8\xea\x8d\xc27]\xb7'</t>
  </si>
  <si>
    <t>b'z\xed\xb0\x8cV\xd5\xfap\xd7\x83\xc6l\xb8\xb5\xb3N\x1aG\xeca40\x11\x97\xc6\x16Q\xbc?p\xcdp'</t>
  </si>
  <si>
    <t>b'\x13\xb9k|\x04WV\x00k\xb4\xd5\x89\xca\xc1c\xb1\xb8\x9b\xac:(vL\x11\xd6\x13\xef\x1eV\xd1\xbf\x8a'</t>
  </si>
  <si>
    <t>b'\xbf\xccg\x17\xeb\x9aO&gt;\x8cP$\x88\xe5\xd0R\xd9\x8e\x99\xc3\nk\xb1%\x13\xd0\x0ck\xadT\xb8^o'</t>
  </si>
  <si>
    <t>b'\x1bfY\xd9z\xb7M\x88\t\x94\xd8\x08\x14\xd2\xcb\x1a\xdfg\x03g\x8e\x81x\xd7\x1fg\xf7\xfc\xe4\xdf\x1f\x1e'</t>
  </si>
  <si>
    <t>b'\xfbZ\x9f\x85\xe3\xeb\xd7\x9e\xa7\xe4\xca\xf6?\xa9\xf5\xa9D.\x90\xfc\x05\x9e\x8b\x9b\xed\xf3\x82\xe0\x0f\xc5s\xc7'</t>
  </si>
  <si>
    <t>b')5\xdf_\x88\xef\x83\x92L\xda\xce\x15\x83\x8b\x9ebiUej\x19\xeaF.\x87B\xa6sr\x15/\t'</t>
  </si>
  <si>
    <t>b"\xf7Q\xad\xeb\x13-\xa0]\x8e\xc9\xd0\xae\xd61\xb2\x19\x1b\xe0\xd3\xaa\x06[\xeb\x11'7\x9e\x81_\x97N\xfe"</t>
  </si>
  <si>
    <t>b'\x13P\xea\x04\xb4\t\x12\xbd\xb8\xbew\xd6\x1b\x18&amp;N\xb1r\xf7\x98P&gt;\n\x9c\x89:\xe7\x8e\xfc2V3'</t>
  </si>
  <si>
    <t>b'1\xa5D?\xdf\xc2q\xa2\xd7\xa7\xfa\xce\x15\x8dXTI\xa3\xa1b\x944M.S\xdd*\xe4\x97\xe9\xd4&amp;'</t>
  </si>
  <si>
    <t>b'\xb7\x9c\n\x8dm\xc1\x8bQ\xacbh\x87\xf1\xb9)\xe4\xc6\xf6\xb8\x07\x94\xe1\x91|W&amp;\xb0\x04O\xd1Lv'</t>
  </si>
  <si>
    <t>b'y\x8f\xa5.\x12\xc1k.FA\x91G\xfbm\x1a\t\x9e)\xd4\x96b\xd0\xd8\xdd\x15\xfbb\x08\x9a\xa9\x030'</t>
  </si>
  <si>
    <t>b'\xad\x02\xd0&gt;\x8b\x0eXE(+\xda\xbcb\xf0.\x13\x1e]Z|V0\xcb\x97\xa2\xb8sp\xf5\xb5\xab\xdb'</t>
  </si>
  <si>
    <t>b'\xed\xe6\x0bHy\xa2\xcb\x96\xb2\x84\xbc-\xfcZ\x8f\x8d\xc1\xe3\xf4\xaf\x88\xb9\xf2e\xde\xd5\x8cw`5\xc4\x98'</t>
  </si>
  <si>
    <t>b'\x87&amp;\xf9N\xc4X\xf0\xe6\xcb\x8bU\xc2b\x01\xa5[\xe0\xed\xe6k\xcf\xe7\x8b\x7f\x17\xc8\xab\xfa\xf9\xe7\x9f7'</t>
  </si>
  <si>
    <t>b'\x19\x91\x1eF`\x8fxX\x17}\xe1\xd6Jivk\xdb\t3\xe3\xc7\x9e\x0b\xd8\x06\xb0\x9b\xed\xdd\xb1\xc0_'</t>
  </si>
  <si>
    <t>b'\x96\xbd\r\x85\x94\x9c\x98\x0fC\x9a8\xcb\xd3mA\x12\x86\xcfg\xcd\x95/\x99\x8bo\xbf\xb2\xa4\x9acn\xad'</t>
  </si>
  <si>
    <t>b"B\x07\xa1Fp\xe3&lt;+\x1fU|\n\x9d\xc2\xef\xbc\x07\x85\xffI|H\xb7\x07\xe7'\xd8\x13\xce\xd7\xa9\xaf"</t>
  </si>
  <si>
    <t>b'\xaf\xbf\x8a\xc6\x01v\x04\x17\xab\xbdr\x12\x03\x1e};y\xef!DL\xfd=\xc9\x16x\xe5&lt;\xf5\xf8\x0c\x0b'</t>
  </si>
  <si>
    <t>b'\xb3\xf5\xd2\x0b\x9d\x04\xe6!\\&amp;\x05\xd5;q\xb0\xc8&lt;\xf5}\xa7nKB\xaf6T\x00%(\x9f\xaf\xd1'</t>
  </si>
  <si>
    <t>b'\x12\xcfOv4\xf7w\xd8\x80"\x06\x99\x0c\x8c):;\xdc\x9f\x1d\xcf\xadE2\xe4\xb2X\xc2/\xab\x87c'</t>
  </si>
  <si>
    <t>b"\xdc\xf1\x951\xd87\x91\x03'KS\xc2\x8e\x83\xb2`\xe0\xe2\x1d\x02h\xfe4(\x17bn\xbcLrI\xe2"</t>
  </si>
  <si>
    <t>b'\xe8\xea\xee\xd0\xb4\x85\xdbC9\xe6\xe2\xd3\x08\xe7\x9fVF\x8e\xab\xdc\xcb\x7fB\x95\xc0F\xff3\xcd\x90\xe9\xeb'</t>
  </si>
  <si>
    <t>b"O\xc0n\xcf*\xbe\xfb&gt;V\x94\xec\x15\xc8\xd8)\x88X\xf51T\xf1\xbd'\xec\xd3\x059\xe6\xdaB\xfcr"</t>
  </si>
  <si>
    <t>b'\xf5\xed\xe3\x91\xdf\x06*\x18M\xe1\xe6\xf7\xba\th\x05\xab\x86p\xd0+k\x01f+ \x1df\xe7\xf3"\x10'</t>
  </si>
  <si>
    <t>b"h\x8d\x0er\xeb\xc2\xde\xe8\xfc~\x89\r\x1a]Z\xb1U\x90\xe8#B\xdb\x12I'\x94?\xc6%\xb2\xa6\xb7"</t>
  </si>
  <si>
    <t>b'\x11\x05\xa9 \xd9b\x00N2u\xaa\x94\xa0\xff\x0f@\x15\xe6\x1e\xa9\xe8pR\xbb1\x05\xd9\xc4/\xd1\xda\xc1'</t>
  </si>
  <si>
    <t>b'+\x02+\xce\x0fd\xbb\xe9\xa2]\xe68\t\xa9{\x94\x98\xa9b$i\x9a\xdf\xd4.\xd5\xbe\xf9#\xf8\x08f'</t>
  </si>
  <si>
    <t>b'-"\xc2!{\xf2,f\xc0Z\xf5\xdcy\x9c\x1b\x812\x94\x03S=\x8c\x80\x10\x1c\x1b\x8c\xee\x0e\xdd\xd0\xc8'</t>
  </si>
  <si>
    <t>b"8\xa3\xc3'0\xeb{f\xd9ftG\x9d%\x9d\xccG&amp;9\xa0\x08\xc00JKx\xb8\x81\xcbp\xc0\xb4"</t>
  </si>
  <si>
    <t>b'F\r\xe2Dp\x85\x95\xa1\xd7O\x91n\xb9\xe3(\xc3-\xa8\xd2X#. \x88\xb28\xe7O\x87\xb9#Z'</t>
  </si>
  <si>
    <t>b'\xd8\x07\xcf\xa9\xa1(\xb7KA\x0e\n\x97&gt;+\xf3\x9bq\xa0\xd1I`\xc3z\xe0Z\xff\x02\x11\xcdk\xb3]'</t>
  </si>
  <si>
    <t>b'\x81x\xb2\x1b\xc3\xac\x85\xd3^\xcd\xf7D0\x94$}+u\xce\x11\x8dN\x16\x87\xca\xae:W\xca4\xf4\xa8'</t>
  </si>
  <si>
    <t>b'Kmt\xf8n\x006\x9c\xe9c\x91\xb8\xde\xf6\x02\xaf"\xdfb?\x93\xb1\xc4{\xf9G\xf4v\x14S\x9ba'</t>
  </si>
  <si>
    <t>b'G\xcc\x84\xc2\x03:~\xf1\xb9\x06\xb4\xed\xca5\xa03\x8a\xbb\xf19\xc3\xaa+\xbe\x95\x06\x9b\xe3\xae\x99\x8b\x8f'</t>
  </si>
  <si>
    <t>b'\xd1\x81\xd79\xfd\x1d\xcfNJt\xd3\xe2\xb8\x07B\xf1a\xf5\xceJ\x80y\x9fq\x1a\x88.\x91d0"H'</t>
  </si>
  <si>
    <t>b'\xe6b\xd6#u\x98\xb6\xd4^\xa5\xeb\xb7\x07%;\xac\x0f\xeeq\xc0\xcf\xe9@.\x9b|\xdaB\xf7\xf0\xc5U'</t>
  </si>
  <si>
    <t>b'\xc8\xcf\xa8\x92\xcf1\xea\x1f\xc1M\xc0\xac\xe3\x8e2o\xc7g\x02z%\xeb\xf7\xb0\xa3\x81\xdd=i"\xac\xcf'</t>
  </si>
  <si>
    <t>b'Ca\xdc\xc2\xd6\x9f\xfaV}&lt;\x05g@\xabK\xed\x051q\x0e\xf2&amp;\\N\xa7G\x01&lt;?x\xd3\xca'</t>
  </si>
  <si>
    <t>b'\xb2\x97\x01)\xfa2\xd1V\x8e\x03\\\x93[\xd9(\xde\x963 \xd3\x85\x9b0\xf1\xee_\x88@r\x19m\xf1'</t>
  </si>
  <si>
    <t>b'\x86\x7f\xf3SO.\xdamc\x9f\x82\x08Y\x08\xdckI\x92r\x0e\x82\xb6\xab7?o\xe1rI\xbb\x07/'</t>
  </si>
  <si>
    <t>b'+&amp;\xdf;-&gt;\x8a\xc5Pt\xd9\xed\x87\x17\x84/\xae4D;\xe3\xd1T\xb6(\xc5\x07\xbb\xf8\xf1Tf'</t>
  </si>
  <si>
    <t>b'\xd5\x87\x86\x19\xe7d\x9f\x94\x18\xffx_\xae\xf9\xd4[\xceh\xf2\xb9\xfen\xe6\x8b\xc1a\xa84\xc0\xda\xd44'</t>
  </si>
  <si>
    <t>b'\xf9\xdf\xb8\xb6&gt;\xf7/\x87\xf4\xaa:\xed|4\x9b\xc5\x87}\xc3\xb6\xca\xbf\xd9\x9f\xad\rK\xd9K\xba\xa4\xd5'</t>
  </si>
  <si>
    <t>b'\x1c\xb3\x08\xfd\xc0i\xb4;\xd8\xee\xabS\xc0\x04\xc05AR\x18eD\xe1\xcc\xcc+\x8d\xca\xa1\x87\x81F\x00'</t>
  </si>
  <si>
    <t>b'\xeej\x18\xcb_3\x81&gt;\x15\xf0i\xbb+\xd8\xf9\xdb\xd4\x9d\x04\x82\xc1\xf6\xf7\xd0\xe2\xc4Nc\xdb\x9e\x7f"'</t>
  </si>
  <si>
    <t>b'\xe2\xc7\xc1\x7f\xd1,\xcc]\xa3[\n\x040\xd6\x84 \xea\xb5\xe6X\xf5\xe2\x97h\xc1eU:\xa2\x8c\xdb\x9c'</t>
  </si>
  <si>
    <t>b'+W\xa4\xfd\xd6\xcf/\xe0*\xc2i*(\n\xfe\xda[\xa7l\xb7Ub\xfa\xfcXe\xd5\x98\xa8\x04s\x96'</t>
  </si>
  <si>
    <t>b'\x1f\xe9g\x1aG\x16\x9c\xea\xae\xde\x0f6l\xb2\x9d\xe4\x92~z\x9dV\xbe\xcay\xe7ED\x01_K\xd7\x08'</t>
  </si>
  <si>
    <t>b'7\xff!\xaa*t\xf2^\x80\xb4\x03\x0b\xfdF\xe3\x0fo\xa7n\xf6Z%U\xf3\xa0\x8f\xc2:e\x8a\xfc\xe8'</t>
  </si>
  <si>
    <t>b'u\xc8ZufI\xec\x18\x93d\xe3Y\x1a*\xd9v\xef\xd7\xea\xce\xcc\x969e\n\xa22YD\x9d2|'</t>
  </si>
  <si>
    <t>b"\x84\xdaU&amp;\x91\xae\xf2\x18\x1dF\xd0\xce3\xfe'\x95TMs\xb4\xc8\xd3\\\xffjJ\x185\xf8X|0"</t>
  </si>
  <si>
    <t>b'\x1f\xc0\xa1\xd2\x91\x89A\x7fJ\x97\xcf5\x0f\xb5\xac&amp;i1ED\xa9j\xd9m\x82&gt;_Z\xbczQs'</t>
  </si>
  <si>
    <t>b'x\x8f\x9dkk\xba\xce\x1f\xbdk:\xad,\x0e\x0c\xa2\xea1&amp;3\xa3G\xabwi\xf3I:\xeb\x96\xcb\xe9'</t>
  </si>
  <si>
    <t>b'\xa3"\x0b\xcdA\xeb\x85\x8fN\xfbJ\x01\xca\xa1\xa5.3\xb9\xb8\xaa\xff\x18\x9e\xf8\xd1\x90+\x8e/\xed#\x1b'</t>
  </si>
  <si>
    <t>b"\xf0\x86\xe36\xc9\xf9\xdd\x0f{\xf63\x91WUT\n\xc77w\xdb\x1fOZ,[\xb2\x86D\xc4\xc2:'"</t>
  </si>
  <si>
    <t>b"\x88R$Ud\x1b1%,X\xdc\x075\xc2b'\xb8#;#\xfd\xde\xfa&lt;\x02\x05\xd8\x89?i\xa5\x1e"</t>
  </si>
  <si>
    <t>b'\xf15\x8fN\xdb\xebO\x82-6\x97\xc6s\r\xb3}o\xb3\x8e\xae\x85\x91-\x98\x1d\xbcl!\x92]\xf7\x91'</t>
  </si>
  <si>
    <t>b'\xb0\xe0\xdd\xc5I\xc4\x88[\x03"\x8d&amp;\x0b\x95\xeb3=\xe2\xc6\xb3\x19)GD\x9f.\xeb\xac\x8b/qM'</t>
  </si>
  <si>
    <t>b'%\x16\x00O\xed\xdc!\xb1TT\xc13\xd72\x12\x8f\xba=\x9c\n\x86\xfa\xf2\x8b\x84|\xcf\x9ex\x05\xa8\x9f'</t>
  </si>
  <si>
    <t>b'\xfa\xb3\x93\x98\xfc\xaf\xab\xa0\xed\xe9\x1dGL\x07\xa8\x1c\x13\\\xf0\xba\x86!\x9cV2\r\xb6\xd8\xba+\x03\xb0'</t>
  </si>
  <si>
    <t>b'\x8f\xd5\x16\xde\x1a\xc7\xa0*j@\x00\x86\x9f\xd5\xbbGb\xee\xf2\t\x8fw-(m\xf4x\xadcZQ\x00'</t>
  </si>
  <si>
    <t>b'j\xc1P\x11k(.\xa9aY\xe6D\xa1\x9a\xcaW\x0f\xc7v\xd1\x87J\xd1\xecp\x87@\x99\x11\xc0&amp;\xc1'</t>
  </si>
  <si>
    <t>b'S\xc5v\xb5\xaf\xb9%\x97u\xf6\xdf)!\xa1\x1e4\xd4\xec\xa3\xe9\xb5Pw\xbbko\xa9\x85\xe0qc;'</t>
  </si>
  <si>
    <t>b'\xd7G(\xb0\xd6\x00\xb6\xca\\\x86\x11\xa4X\xb8\x95\x0f07\x0fw!@;8\xc0\xc0\r\x84\xe1^\x036'</t>
  </si>
  <si>
    <t>b'7\xa1SS\xca\x02\xee\xa3\x16(p\x80\xc2\x11N\xe76\xe7\xc8r\x1a\xddI\xdb6\x8dX\x8c\xf74\xb1\xae'</t>
  </si>
  <si>
    <t>b'A\x87\xe1I\x9a/F\xd9\xfe/!\x9a\xe4I\xd8\xad\xc2&lt;\xb5\xf6\xbeo%X\xb1c0\x07\x1e\x81\xe9\x08'</t>
  </si>
  <si>
    <t>b'{?b.\x13nE`\x1bn\xfa\x15\x17\x9a\xc6Q=0\x0f\x92\x1cy&lt;;\xd3\x0c\x8b\x87\xc0M\x81v'</t>
  </si>
  <si>
    <t>b'4\x1eZ\xd6\xd4\x1c\xecBy\x180\x14WGx\xd97=\x0f\x8e\x93\xbe\xe3\xc0\x01\x89D\xd9\x7f\xcd\x07\xad'</t>
  </si>
  <si>
    <t>b'\xc5\x9f\xafO\x13\x85Q\x9dl\x05\xca\x1c\xfbrI\xb7\xbb\x9d(Y\x99\x90+\xda\x85\x1d"n\xf1\x08\xef\x89'</t>
  </si>
  <si>
    <t>b'f\xdeN9a%\xd9\xb1~\xda!\x97\x18g\x19eH\xac\x94_K\xee{\xb0\x03(\xf2\xcf2\x8f#\x89'</t>
  </si>
  <si>
    <t>b'\x82\x8a}\x1c\xc1b\xddSBP&amp;\r\xf8o\xc55\xad\xa9\xccm\x07+\xc3\x03\x17\x95\x84\xa0rj\xbf\x9a'</t>
  </si>
  <si>
    <t>b'\xc1\x1d"a\x80ey\x0eg`U\xa6\xbb\x00!\xd7\x1b\xd3\xb3\x99z\x96\x97\r\xc6\xdb_.\xae,\xcc\x8f'</t>
  </si>
  <si>
    <t>b'\x00I\\\xba\xdd\xaavO04i"8\x8e\x87~7\x03\x9e\x85BO\xab\x1b{\xe9\xf5\xfcr\xd96 '</t>
  </si>
  <si>
    <t>b'\xdd\x1e\xfc\x08\x12\x86\x00\xbbt4)O\xee\x1b\xe5\x85\xcdn\x86\xf2\x11n\xd5\xa5\x9a#!\x89\x1f\x90V\x08'</t>
  </si>
  <si>
    <t>b'\xcdL\xa33\xd6\x94~\x97\xb3\xfb\xe7\xb1mm\x1d/\xfa\x07\xf3Z\xf8\xd3\x8b\x8d\xd4\x88!)\x88O\x85\xe9'</t>
  </si>
  <si>
    <t>b"\x89\xc0*V\x0eQ\xdd'\x9d:\xbf\xf2G\xda\xd4\xae\x1fy\xc8\xea\xc8Q\xeb\xe8'\xb8\xa0\x0efG\t@"</t>
  </si>
  <si>
    <t>b'\xad\xf9\xa8\xf9\xa2\x84C\xb5_\xe9Na\xc9U\xe9\x18\xd0e\x89.\x19\xfaGP\xd0B/\xca\x7fn9x'</t>
  </si>
  <si>
    <t>b"K\x9c\x06'$\xc1\xa1\xcb\x8a@h\xe0H\xad\xd8\xc8~\xce\xda\x06\xa2\x15\xe15\xa68\\\x187\x18d\xe3"</t>
  </si>
  <si>
    <t>b'-V\xa7\xb4\x17TR\xa3\xe6-*\x90p\xcb\x17\xeeP3\x9c\x0eM#\xaf\xc0\xd9!\x90\x8e\xe3\xb4B8'</t>
  </si>
  <si>
    <t>b'?\xa3xb\x00\x9bm4"f\xb6\xc6[s\x97\xfe5\x1c+\x86\xc81u\x18\xa0\xaf\x86J+%\xa5{'</t>
  </si>
  <si>
    <t>b'\x80\x89\x9b\xa9\x7f\xac:FNw-&lt;\xb1F\x92\xd2\x95\x05\xf1\xd9\x0c\xec\xb0\x8f\xf3\x1a\x1d=\xda\x1cw\xee'</t>
  </si>
  <si>
    <t>b'l/\x00 \x8c+\xb5\xe4\xeb\x11\x98\x8fk\xfal\x1e\x81\x06\x84\x1e\x82\xadK\xa8C\xc6\x8cy\x10\x92\x87\xcf'</t>
  </si>
  <si>
    <t>b'\x8e\xea\x1at\xbc\xb4J\x9c~\x1c\x14\xc5\x85h\xa4\x00\xda+\x83\x1f\xad{\xff\x9cS\xe8[NNx\x15\x7f'</t>
  </si>
  <si>
    <t>b'\r2/@\x89( vi)\xa0\xa4HD\xd1\x8b\x00\xaam\xd7\x96(3\xb9]\x903B\xdbu\x82n'</t>
  </si>
  <si>
    <t>b'\xb2o?Yc=\xfb\x91{\x1eF}\x1e\xd5*&gt;\xd0\xf1\x92/(\xc0\xc9\xa78p\x0e\x92\xc3\xff&amp;\xca'</t>
  </si>
  <si>
    <t>b"\x8c\x9c\x9dU\xe0\tR\x1f\xc7y\x86o\xa3&amp;Xg'\xfd\xf4.\x98\x15\xdf\xb2\x02\xb7\x95\xcd[_-^"</t>
  </si>
  <si>
    <t>b'y\xf8\xa0\xc5\xdf\xe8\xec[2\x87\xccuW%\x84r{X\xfda0Q]\xeaL\t#\xa1\x8d\xa9n\x9f'</t>
  </si>
  <si>
    <t>b'\xfe\x98qR\x1d\xde\xc1\xb36\x85\xce\xa64\x996\xc8\xa4\x0b\xe2\x1a\xc7\xd4\xfe\xcf\xf91\xe7=\x12*\x94C'</t>
  </si>
  <si>
    <t>b'\xb7\x0f\x1ez\xb92Eo\xe3\xff\xb1)d\xb4\x80\x837\x00\xbd\xee\xd4\xb26\xdf\xdc\xf11\xcd\xa6oLt'</t>
  </si>
  <si>
    <t>b'{\x15\x9ftQLw\nH$0\xff\xab\x93\x81\xb0\xb5Y\xc9\x15\xca^\xe3\x84\xa0v\x8c\xd0\xc7\x9800'</t>
  </si>
  <si>
    <t>b'8\x97\xef\xbb$\x9d+\x82\xb4\x13\x87g\xbc\x14\xc1I\xe9\xc0\xa4;\x81\x95\xa7t\x7f\x836\xca\xa1J\xa5\xbe'</t>
  </si>
  <si>
    <t>b'\xaev\x88\xf0,\xc27\xb9\x9cdm\x84M\xcb\xe9\x05\xa1@\xf0))\xcc\xc4Im\xed\xba\xf2\xb6q\xb7I'</t>
  </si>
  <si>
    <t>b'\xa3\x80\x8d\x9c@\xaf\xeetI\xcb\x0e\xc84k\xb2\xc8\xed\x98\x14l\xd2\xb1@?yB\xe0\xbb\x8e^\xfc\x85'</t>
  </si>
  <si>
    <t>b'\x14\xa6l`Fk\x11\xc7\xaa\xbf"\x00\x11@g\x8d\xf5\xba\x8a\xa9\xdeP\xe1\xcai2\x94\x0e\xc71\xb8\x0f'</t>
  </si>
  <si>
    <t>b'\xc0,\x03\xb4\x9d\x0b\xd2\x012\x1f\xb5\xfd\xd4\xe0-\xcd\xc5\xb3\x98\x023\xb6\xe9:L\x8d\xd4m\xac\xb9\xc8\xa6'</t>
  </si>
  <si>
    <t>b'\x97l\xf6\xb7\x8aN\xf2\xfbY\xbd\xfcI\xb6p\x13\xe9\xa1M6ux\xdde\x04\x8e\x87&gt;\xf5`\x8e\x1a,'</t>
  </si>
  <si>
    <t>b'\x8d\xcd+h\xdf\x8d\x89%+;\x98q\x97|7\x1f\xc4\xaaq\xa5+\x94!6\xf0U\xa3\x13\x8e\xcf\xbf\xec'</t>
  </si>
  <si>
    <t>b"\xfe\xe6z\x18\x96[0\xf1\xa7\x18\xf9\xd0\x06\xebO XC@\x80\x9c\xee!Q\xd0{\xe3\x85'\xcb\x1d\xc9"</t>
  </si>
  <si>
    <t>b'\xbf\xef\xfa\xfb\x17L\x90^\xa9\t\x01\xa7u\xb8\x94\xbao\x13t\x9f`\x04\xac\x91\xb6\x10h\xf8\xb5*\xcaF'</t>
  </si>
  <si>
    <t>b'D\xe4jx\xf3\x8b\x06\x91\xc2\x99\xf2HkA{4Zb\xc1l\x82r\x8f\x0eq\xbb&gt;\x81\xbane.'</t>
  </si>
  <si>
    <t>b'\x88B\xf0@\xcd\xb5\xe7\x8d\xf1/\xc02T\x8f\x08\xaf&gt;iP\x01\xbb\xde\xc4i\\=\rn\x8bq\xdc\xa4'</t>
  </si>
  <si>
    <t>b's\x0eH\xf9\x11\x8eG\xdc\xe0\xc6\xda\x13[\x99\xe2\xa7VX!\xc61\x82\xf5\x9d\x1d\xc1\xbed5x\x91\xa2'</t>
  </si>
  <si>
    <t>b'\x9c\xe13\\.\xd0\xfc(\xab\xfbN\xa1T\xbb\xd4\x08\x0e,\xa6\x92V\xbcR\xbch\x82\xf9\xdd?)\xec\x95'</t>
  </si>
  <si>
    <t>b'\x05\x14K\xc9\xc8Zf\x16\xb7/\x91\xab,\xd4\x11\x15\x03\xaas\xb0\xf4\xef\xa9\x1d\xd5\xd4o\xf2\x1c^\x8e6'</t>
  </si>
  <si>
    <t>b'&gt;\x8e\xec\xb2\xcf\x03\xdesc\xc2\x93t\xab\xe3\x83\xa5\xe9\xc2\xcbcsu%\xc9p8"\\u@\\\x83'</t>
  </si>
  <si>
    <t>b'\xa2C-\xa9\x8b\xd3\xa2\x8aye\xbe\xca\x94\xa2\xbd\xdb\xe5b\x7f\x05 U"\xab\x93nbkc\xe2\xff\xce'</t>
  </si>
  <si>
    <t>b'\xf4\xf0 \xa3\x8e\xb9\xd1\x94\xb7\xde\xe5j?\xe84\xefFE\x9b\xcfkz\xd9$8r\xf1\xc7\x04+\x84\xb1'</t>
  </si>
  <si>
    <t>b'\x15m\xa4\x964D)\xe0H\x8c\xc4\xc2,X\xec\x9f+\x96\x87\xb2\xf4/\x9a\xefz\xf5\xd9\x15\x8a\xab\xcf\xc5'</t>
  </si>
  <si>
    <t>b'\xd3\r\xbf\xf8\xb5{0\x1e]\xc1\xbe\x1e\xef\x89\xa9\xfb1\x14\x977\x91\x86g&lt;\xba\xf6\xbbS\xdeML*'</t>
  </si>
  <si>
    <t>b':\xe83\xc7u\x08\xb3\xcb\xe6\xef6\x86\xbfU%\xe1\xcf~\x1d\xf3l\xc07\xa1\x7f\xc9k?\xa9\xdf\x0f&amp;'</t>
  </si>
  <si>
    <t>b"\x03\x95\xe9\x90\r\xe2\xceN\x83m\xe6K\x07\x19\x06\xb6/\xe7\xee\xe6\xb3\xf9\x92\xbe'~d\x01dm\xb8\xf6"</t>
  </si>
  <si>
    <t>b";\xfd\xe9&amp;W'\xa0 U\xe4\x12&lt;`\x94L\n8Y\xc57@8\x95\xc0\xf8\xc3c\x8c\xe3\xe6.\x06"</t>
  </si>
  <si>
    <t>b'\xcex\x19\xc3\x9f\x12\xc0\x1b\xc3\x89\x176W9\x00\x17\xc7\xc79\xc7\xf0k\xc3\x8c\x0e\xd8\x86_Kb\x8cx'</t>
  </si>
  <si>
    <t>b'\xbd\xab\x9bU\xb8\r\xda&amp;\x01\x10\x16`\x81\x7f\xdb\xa4H\xea\xe8\x8eD\x93u\x1cd\x19\xfa)\xb5t\x9e\xb3'</t>
  </si>
  <si>
    <t>b' \xc9a&gt;\xa9\x07G\xb6\xf0s\xf6\xa1\xdbb\xd6\xc4\xa4\xea1@\xb5\xad\xf8\x193\\\x08\xd2\x06?\x1fh'</t>
  </si>
  <si>
    <t>b"\x97\xcd\x85\xd3_slm\xb7\x08\xaa\xdfOy\xb9\x83v\xc5p\xd37\x11:\xb6H\x0bT\xae\xc6\xdc'W"</t>
  </si>
  <si>
    <t>b'\xf8 `\x0c\xb7%q7\t\xb2X\xc71\x9b{\xdb\xb3\xaf\t\xc6\xf7\xd3\x17\xccL@\x0fi\x9d\xc3@\x94'</t>
  </si>
  <si>
    <t>b'q\xbd\xea\x02+\x03}\xba\x99\xd0\xd0\x8b\xd2\xb4\xba\xb8\x9d\xe1c\x89\x97\x04{i&lt;\x82C\xd0\xea\xb1"_'</t>
  </si>
  <si>
    <t>b'~Jb\xbd\x8d=\xdb\xfc 3\xb96\xd2\xf7\x88`\xa7\xd5\x00x\x17\xf6f\x90E.\xe5wp\xb2\\\xcc'</t>
  </si>
  <si>
    <t>b'\xdbNh\xcf\xa9U\xa5u\xae; \xe0D\x8e\x81+\x96\x9f\xa9\x96/)\x8e\x8bt\x8fF\xe3_}&lt;\xac'</t>
  </si>
  <si>
    <t>b'\xc3\xdf\x19 (Z\xc8\xf2\xafo?\xcc\xdf\xa7"\\\xd9\xa53\xbd\x87z7]HFWG\xb5v\xa8\xf1'</t>
  </si>
  <si>
    <t>b'~\xf5\xf2\xb7\x88\x9e\xe1n\x0c\xecR\x15\x17\xed\t\xcc\xa2\x97]\xfd\xdc-\xe1L\xc73\xb6`A\x15\x87\xe7'</t>
  </si>
  <si>
    <t>b'\x9e\xe7f\x0f25\xb5\x03P\xdf\xe3\xd9v\x1b\xb0*\xe9)\xdd\xd58\x82\xf5\xe9\x8c\x90&lt;\xeav.\x05h'</t>
  </si>
  <si>
    <t>b'19v\xc2w\xfcz\xa0\xae,H\xe1\xa7sD\xa0\xc3\xd8\xb2\xce\xac\x1d\xb5\xffcq4\x83o\xe6\xb5\x92'</t>
  </si>
  <si>
    <t>b'{\\;\xedj\x93\x9a\x89v\xdcy\x12_\xcd]q\xffU\x90p\x06\xfb\xbesB\x8f\x0b8M\x9c\xe2}'</t>
  </si>
  <si>
    <t>b'(\x93\xd3fC\xbb\x00\x8c]\xd4/\x10\xae\xe0r\xb1\x98\x8e3\xad\xa6A\xdc\xf0\xbf\xec\xe1[\xd6\xca\x9a$'</t>
  </si>
  <si>
    <t>b'\x8d\xb6^\xfc\xb9\xab\xffB\x1d\xbd"\x8d\x8aO\xad\x1cO\x18\x13fD+m\x0b\xf2\xc0W j\xc8\xd8,'</t>
  </si>
  <si>
    <t>b'\xcfQi\xa1\x15&amp;\xf9\xb4!\x80rC9\x95\xf7jN\xd5\xf1\x88\xc2_J\x85\xb2\\\xf3\xd8\x19\x99\xf7a'</t>
  </si>
  <si>
    <t>b'\xde\x01\nf\xbah\xe9\xe6R\x19|u!\xc6b\xb8Dh\xbb\x95\xa2\x9e\xb3g\xfd\x91\x1c0\x1b\x06Q\xe8'</t>
  </si>
  <si>
    <t>b'\x9d\x13\xa1\xad\xe9\xe9\xf5\x88\xfc}n\x14\xab~4\x86E\x85\xeb\xe4@B\xf1F\xb2\x06\xad\xc1#[6\x17'</t>
  </si>
  <si>
    <t>b"a\xfc\xe8\xdf\x16\x0f\x95\x05b\x10y'\xaf&amp;\x18\x84m\xcbS\xb9\xf8\x02;0U\x8fh\r\xb2o\xb6\x1c"</t>
  </si>
  <si>
    <t>b'f\xbf\xc2\x80\xf3\xa4;H/\xeb\x07\xb1\xeb\x04{\xe4\xc7h\\kj\xdev\xffDl&lt;\xe8\xcd#\xd7\xc4'</t>
  </si>
  <si>
    <t>b'\xb7\x0bQGA,:\xc0t\xb4\x80\xae\x1fz\x9c\x17\xc2\xe3\x07\xc3\xda\x8f\xe1\x83\x16@}+K\xd8\xed\xb0'</t>
  </si>
  <si>
    <t>b'\xe3N\xa9\x92\xfe;\xdb/En\x82\xeb#\xac\xec\niM\xadw\xd4\xe0\xb5\xad\x15\xf8\xae9\x01\xad\xbb\x9a'</t>
  </si>
  <si>
    <t>b'i\xb4\xc1L\xde\xf6\x12\xe4\x85\xac\xb3\xa4\x16k\xe0t&amp;\xb91\xdf\xd4\x10\xf3c\xead&gt;\x07\xe7w\xdc\x03'</t>
  </si>
  <si>
    <t>b' \x14XP\x86\xa9\xf6\x0e\x80\xa0\xc6x\x87}\xd9\xd3\x88\xf2%\xb4\xff\xd7\xec\xad\x0f\x1e\x94$Y\x86C\x9c'</t>
  </si>
  <si>
    <t>b';Hd4\xbb6\xc9\x82\xe0B\x07ZS+~IH\xc2\xd2\x9eH%X\x80\xaa\xea\x86nY\xd5\xcb\xa6'</t>
  </si>
  <si>
    <t>b'6\xaf]y\xf5}\xff\xfb\xe1\x08\xc71f\x87\x1b\xf5\x12\xac\xe1\xd40\xb9\x04W\x1a\x1a0\xfd\xd4"\x86\xcf'</t>
  </si>
  <si>
    <t>b'\xaad\xb5\x9c\xc7$\xaf\t\x0f\x8d\x85\xdaP\xdb\x0c\xa6\x16I\xdc$\xe1j\xf0CE\xdbZ]\x8a[\xe0\x0c'</t>
  </si>
  <si>
    <t>b'\xb9\xb1p\x90\xe22\x13\rB\x93q\xc5\x18k0\xa3\x03\xaf\x96e~G\xbcR\xe6\xe0DBu\xf5\xa8c'</t>
  </si>
  <si>
    <t>b"\xe3\xd6'\x8c\xb3\x8b\xb4p\xa0\xe6\xecx\x9e\x0f\x9bd\x8e\xba\x84\x8b\x95h!X\x0e\xe9\xb9\x8e\x03C\xf0\xa4"</t>
  </si>
  <si>
    <t>b'\xf17|?d\xaf7#\xae"\x86\x84E\x13\xa4\x90\xec\x11Z~?\x12\xaaE+\xe6\xbd\xc4\x87\x06O['</t>
  </si>
  <si>
    <t>b'\xc2\x9bn\xb0\xf8\xd4\xe4\xf4*A\x899\xf4\x884\x92\xde7\x07\xbe[\xe2\xe0\xbb\xadV\x0e6D\x7fGs'</t>
  </si>
  <si>
    <t>b'e\xf5\x06\xb8Tn\x06\xfa0\xa8\xe2e\x9d\xab\xc00\xc1\x14$\xad*\x88\xe7\xa8\xfc\xec\xce\x86\x039\xafH'</t>
  </si>
  <si>
    <t>b'\xf0\xe6\xa8\x89\xb4\x02M!\xca+\xa4\x0b\x0c\xfa\xba\x8b\xecm\x88\xe5\r\xac\xb0\x99\xa5\x8fT!\x18\x19\x90S'</t>
  </si>
  <si>
    <t>b's_\xcc\xd9y.\x9c2\x9f\xe9UP\xe5;\x81\xf4\xe6\xe2Z*\x12\x1d\x99u\x9f\xdez\xf4\xbf3\x19c'</t>
  </si>
  <si>
    <t>b'\xf7D\x18"j\xd0\xee\xd39\xf8\x81]\xd1\xcb\x0fj(O\xf9\xe86\xbaI\x15\xdf_\xcf\x86G\xcb\xe3\xd3'</t>
  </si>
  <si>
    <t>b'\x9b\xda\xbbs\xac\x19\x87\xad5\xb2h\xf8;(\x1cC79\xe9\x1b\x8f\xf7--\x94\xc1\x85~w{\xdf:'</t>
  </si>
  <si>
    <t>b"\xac0\xce5\xa6\xff\xd86x\x0cLUHh\xeb\xe3\x9bIu'}\xfe\xb7\xf1\xc1\xb4r\x02$\x9b\xd9r"</t>
  </si>
  <si>
    <t>b'v\x82\xd7p\xf3\x17\xa3\x99\xaa\xa9\xdbsT\xb1m\xa50\xf9mGk\xd7\xfa@s\xe0b\xb8Z"p\xe5'</t>
  </si>
  <si>
    <t>b'\x16\x01\x9c\xb6\x11\x1e\xdb\x1e\xa8\xe8\x18\xd48\x83?\xe3x\xb4o\\k\xfd\\\x08\x16\x0c\x8aO\x9d`\rU'</t>
  </si>
  <si>
    <t>b'\xd8U\x94P\xda\x7fe\x1a\xbe\x94\x0c\x08\xf2H\xd4\xe9\x03F6\xf2\xdc\x9b\xef\x0f\xbd\xe2\x88$\xc9\xa5\xdfL'</t>
  </si>
  <si>
    <t>b'\x83\xf5\x87| \x8a,_\x05\xf2\x13k\x0bf\x1c\xb1\xcez}G({\xd1\xcd\xbb\xec\xfd\x83\xf2\xde\x88:'</t>
  </si>
  <si>
    <t>b"\x9a\xe6\xa2A?\x03W\x01N'\xf6\xda\x10\xb3\x80bg\xa2\x85\xa1\x08\x0c\x8d\x0f\xa9\x9f\x05EX\xbf\x10\x01"</t>
  </si>
  <si>
    <t>b'0\x90\xfa\x83\xe6\x90\xd4\x9e\x93\xee\xa5\x11\xdc\xe1\xa7e\xf9W\x9d\xb0\x1b\xdc\x8b\xc2 m\xf3\xc4\xf7$\xb5\xda'</t>
  </si>
  <si>
    <t>b'\xd9\x16\xfc\xff\xf1UD=\x16\x8a\xe2\xdaA\x14\xc4\tSx\x00\xff\x0e|sX\xa3\x1e\x8d9a\xc6\x00w'</t>
  </si>
  <si>
    <t>b'3\xbfNv~@}k\xf7\xb9\xed\xae\x95\xee6BO\x08\xfb\x96\xb3\x9e\xce!e\x1dD\xb1\x94\x08M\x1c'</t>
  </si>
  <si>
    <t>b'\xc9\x04W\t\x0e\xb5\x83\xc8\xb4\x07\x86\xdas\xdd\xc6\xf2\xafO\x15\xfa\xb0\xd8\x1c \xd4.,\xd6\xa64n\x07'</t>
  </si>
  <si>
    <t>b'\xc7\xbf\xa2\xccx\xb0\x00\x03\xb2\xe5\xfd\xf5p\xfa\xd4;fp\x9b\xd6\x9dH\xaa\xbe\x1a\xda\xb6\x89\xad\x92\x95\x86'</t>
  </si>
  <si>
    <t>b'dN\x13\xfb_\xa5\x88V\x850\xf7\x1f#f\xed\xac\xd5\xfe\xa5\x9e\x93.\x96\xa2\x9b\xf0\xfaf(\x13\x1e\xee'</t>
  </si>
  <si>
    <t>b'\x1f`\x9c\x85\xfb:\xc3]}ub\xe4\xfc\x04\t\xf9\x0b\x0b\xe91}\xf8I\x9etY\xc8\xa9a\xa9\xb0\x8f'</t>
  </si>
  <si>
    <t>b'\t\x9f\x98\x1e`\xd5OX\xfb\x18Hi\xfc\xed\n\x82\x9c\xef\xadN\xa0\xa5g\xc1dqir\xc5&lt;\x81\x11'</t>
  </si>
  <si>
    <t>b"\xab\x1b\xf2j\xecW\xab\x84\xd9'\x15/b8CJ2\xfa\x9dr\xce\x8c\r\xc3\x0c\xfb\xa6\x82x\xeb\xec\xa3"</t>
  </si>
  <si>
    <t>b'\x048$V\x12&lt;+\x16\xa6\xbb\x84\xabI\xd9b\x91*\x94[\xeb\xf0\xdeV\xba\xc8\x1d\xf3\xbbc\x90\xde\xed'</t>
  </si>
  <si>
    <t>b'\x06\xe5o\xf2\xa3\r{\x1e\x9c\x98)\x13/\xb8\x81%\xe7\xb8\x1b\x10q~q\xfe\xc2\x86y\x1e3#x~'</t>
  </si>
  <si>
    <t>b'\x06\x03\x92\xe2\xac\x85I/OL\x19\xaf\xdd)X_\xc6p\x8b\xd6\x01\x84h\x17:\x95{0\x17|\xb4I'</t>
  </si>
  <si>
    <t>b'a\xfa4\xa3\x8c\x7f\xa0&amp;\x05=\xed46GqO\x82Y\xbf\x93k\x07"\x8bUW\x90\xc8\xc2\xa2\xfd\x0b'</t>
  </si>
  <si>
    <t>b'6\x88p\xdb\xe9\xea\xff\xb4qo\x16\xfe4\x7f\xce\t\xa3\x1d\xccf\n\xb2t\x87\xe0jY\xa8\x95[\x8b\xc3'</t>
  </si>
  <si>
    <t>b'\xf6\xde\x98mde\xdb\x89[Z$\xe5z\xb5\x8e`\x1e\xb6\xe1U\x8e\xc8\xdf\xd3\xfd\x16\xe2\x9b\x95\xeb\xb9/'</t>
  </si>
  <si>
    <t>b'\xc8\x0bP\r\xa7\xc0\xa8\xe8U3\x0c\\\x02\xc4\x1a\x81j\xb3\x07\xa2\xc8X\xf5\x15b\x1bJ(F{\x19\xae'</t>
  </si>
  <si>
    <t>b'\xf1\x9aU\xf4H&lt;M5\xe7\x03\xca\xe0\x9amC\xf5~v\x93\xb74\xfap\xda2\x93\x0ca8\x81h_'</t>
  </si>
  <si>
    <t>b'\x92\x9e\\\xb7\x81\x85\xb8#\xe691KB\x80\x16m \x9c\xdc\x0c\xa8\xf1\xc3\x11FP\xc5\x87\xb2d\xf2u'</t>
  </si>
  <si>
    <t>b'&amp;\xcf\xdb\xc3l1)&amp;\xf5\xa2(\xd6\xeb\x07\xe5\xe4\x13\xd8\x94~~\x067\xb6\x1co#r~\xb4(\xee'</t>
  </si>
  <si>
    <t>b'\xd52\xe7`\x9bAT\xb0\x04CQj9_.\x80r\xa4\xc8\x84\x89\ri\x8b\xcaq1\xc09\xb4\xb4M'</t>
  </si>
  <si>
    <t>b'\x9b\xd3\xcc\xa0\xd2"\x1a\xe7\xb0X\x01=\x87\xba\xf4t)r\xf0\xfa\xe5\xcf\xa6\xe8\x9f\x8d\x05\xf7&lt;\xebj\xec'</t>
  </si>
  <si>
    <t>b'y\xf4I\xfdTg\x89\xf2n\xb4\x10\xaeJJN.M\xd4\x8f1\xc6y7r\x19\xa2@\x88n\xf8\x1d\x0c'</t>
  </si>
  <si>
    <t>b'fv\x12\xb9\x04c.\xd5\xea\x17\xaa\xaf\x05\xdc\xb3\x9f\x03F\xec\xe0\xe3\xe5A\xd9\x9c\x96\x02\x96\xe3\xa8\xed\x1d'</t>
  </si>
  <si>
    <t>b"\x9b\xd3\xcfeF'`/,&lt;\xbcPv\xf6i\x85\x82\x99*\x890\x96\xbb\xa5\x8d\xc9^\xa8?\xbdU\\"</t>
  </si>
  <si>
    <t>b'u\xf8\xba\xc9\xe4U\xeb\xbcT.PP\x93\xcb\x8a\xbd\xdc\x0f\xb4a&amp;\x02{n\xd1p\xea\xbee8\xeb\x1d'</t>
  </si>
  <si>
    <t>b'\xa7\xe8\x91\x8f\x1ak\xa5\xbcYL\xf6@\x04%\xa6.\xdbA\xc90@u\x00\xac\n;H\x07xz?\xa4'</t>
  </si>
  <si>
    <t>b'\xdea"&gt;\xbb\x9em\'\xe6f\x18\x8fn\xf0@"\x80\x1a\x07U\xc5\'\\\x14\xac\xe3\xd5\x19\xea\xda\xa7 '</t>
  </si>
  <si>
    <t>b'\x1c\x1b\x02\xf4m_\x82G&gt;\x15\xd1\x1c\xb2\xac\xd84&amp;\xc34\xdf_Nd(\x970qCC\xed\xce\xba'</t>
  </si>
  <si>
    <t>b'4\x8f\x96\x81\xec\x1e\xc5\xf7\xbe\x00oE\x0cJ\xaa\xe4\xbb\xa5e\x9f\xd6?\x1a\x9bq\xdf$\xfb\xd7\x01e\xd1'</t>
  </si>
  <si>
    <t>b'=,d2\xc9\xce\x0b\xdc\xe5\xc4\xfa\x05\xb4u\x0fe%\x0c\xad\x0brZS{\xbd\xf2\x04\xaf\x88n\\\xf5'</t>
  </si>
  <si>
    <t>b'O\x8aH\x8c\xc9\xbd2;\\\xcbC\x92\xb7;xN\xd9\xaf\xca\xfd\xdd\xdc\xf1\xf4\xa0\xda\xa4C\xa4\xf0\xc3\xc4'</t>
  </si>
  <si>
    <t>b'\xfed\xd7@\xca\x8d\xa1\xf1\xb2\xa3\xf9\xac\xa5\r\x1b\xa82]\xc1?\x042)7\xfe\xdc\x9eaU\xd4\x11\t'</t>
  </si>
  <si>
    <t>b'\x1c\x0f\xff_\x19\xc9\x10\xec\xf7)\xc1\xcbso\x83\xc5I[\x15\xd3\t\x16\x95\x18\x14\xaf\x90\x99\xe1\xd8\xc6\xc7'</t>
  </si>
  <si>
    <t>b'\xe5\xbe\x9f#\x1f+\x7f\x07\xa2\xc2\xe0\xa4\xddm\xac\x87\xc23oG\x92g\t\xa8xL\x87,\xfdb\xdd\xd2'</t>
  </si>
  <si>
    <t>b'`p\x89}\xd3e\x0e\x00\xab\xa3\xa6\xa1&lt;`X$H&amp;1\xdd\xed\xa0\xbe\t\xf4\xf9\x12&amp;\xe2\x90\x84@'</t>
  </si>
  <si>
    <t>b'\xe7"[\x1a\xa7\x97\xbe=\xa6i8\xe8o\x00.\xd8\xb3\\\x18\xee\xda\x04\xd1h\xb4K:9\x13\xc6\x14\xed'</t>
  </si>
  <si>
    <t>b'\x8d\x8e\x96`\x06\xae\xac\xbe\xf87\x03D=\xea\xb1;\x92\xaf\x93\xd5i\x19\xf0"\xdd9F&lt;\x10\xc41\xda'</t>
  </si>
  <si>
    <t>b'G\xcd\xd8\xff\xd2\x91\x1a\xe0\x12D1\xdf\xe0B\x01\xf1U\x0c=c\xc7k4\x88vd\xb5l\xcdD\xe3\xf2'</t>
  </si>
  <si>
    <t>b'\xe1\xd7\xae\xd6\xf4SNE7l\xaf\xea\x17Y+\x92a\xf3\x1e\xc9CSD\xf9(#\r\xcc"6\xaa\x8e'</t>
  </si>
  <si>
    <t>b'\x8fi,6W.7\x02Su6-oT\xba\xd6\x1e\xdc\xb0&gt;\xbf\xb7\xf1\x0e\x17h\\\xdc9\x0c\xd9\xcd'</t>
  </si>
  <si>
    <t>b'\xc4\xe3\xfd\x15\x82\n\x17\x83{\xee{\xaf\xa9\x15)N\xb3}S\xbc\xb2\xc2\x183@\x84\xe0I\x91VB\xca'</t>
  </si>
  <si>
    <t>b'\x99l/L\xad;\xd2\xc1\x9c\xd31\xceT\xb5U\xa4\x9e~\x0b\x11.WfO\n+&amp;F:\xb5\x03u'</t>
  </si>
  <si>
    <t>b':&amp;/\x15\xd8\x982\x92r\x91\xf53\x11\x81\x1d\x18P5W4*\x88o\x92\t\x01\xa5\xca\xb11\x11j'</t>
  </si>
  <si>
    <t>b"\x9a\xbc`\xe8m\t\xcd\xb2\x80\x06\x03=\x9b\x9c\x84\x1d\x94\xf0\x1f3|\xcd\xda\x9b\x8eq'i\xd53p\x8b"</t>
  </si>
  <si>
    <t>b'\xbd \xeeiy\x9e\xf6r\xb7?*\xb7\x1e\xea\x8c\xa0E\xf7\xac\x8c\xea\x00= t=h1\xa1\x80s\x1e'</t>
  </si>
  <si>
    <t>b'\xb2Y`\xc0D\xc9\xa0\x83\xe9a\x87\xc7\xeay\x9c\xab\xfd\xc3\xac%\x13\x8a\x96`\x89\x86@\xaf\xd9\xb3`{'</t>
  </si>
  <si>
    <t>b'/\xb5\rl\x19\xebc\xdcR\x02t\xa1\xd8\xb5\xb8\x7f\xa2d\xff\x93\x0br\xee\x9a\xe3\xe8\x83\xd36\xa1+n'</t>
  </si>
  <si>
    <t>b'\xff\x8eU\xe3\x16\xe8\xce6&gt;\xc4L\x81\xcf\xd2\x94\x96&lt; \xbc\x186\xe0\x1dw\xc3Q\x8c\xae\xcb\x97\xe7\x18'</t>
  </si>
  <si>
    <t>b'\x99/\xae\xa8\x10\xcco+\x10\n\xf8\xd9%\x9b\xe4\x9cMH\xbb4f\xebx\x1aC\xc0\xd6#\x0e\xc9\\\x8f'</t>
  </si>
  <si>
    <t>b'\xe0\xe7I\x91?;[\x89\xe1\xa2\xd6I~*"\x98|y\x8c\xf6\xde\xae.\x19\n\xb9f\x96O\xf2\x95m'</t>
  </si>
  <si>
    <t>b'\x85\xec\xbcaA\xa9\x03~\xb5 \x04{\x14\xc6\xe7\xc0\xf82o\x9d{\x860g;\x92\x8bPLpY\xef'</t>
  </si>
  <si>
    <t>b'\x1cun\xf3\xfa\xae{u\x83g6L\x16\x1c8%D\x00O0\x9a-\x18\x9a\xe9\x19\x1c\x1b\xcf\t`\xa2'</t>
  </si>
  <si>
    <t>b'\xc2\xbc%1P \x9a\x98\xa3\xc3R\xa2\xa55\xcd\x0bR\xb7\xd8F\x961\xc7\xe8v\x88o\xcaL\xbc\x1d\x80'</t>
  </si>
  <si>
    <t>b'\x98\x8a^\x87c\x81\xd2\xbf\r\xf69\x1a\xa1\x90.\x97\x9d$u\x1f\x0c\xa9\x91"Q/\xef\x88\xd5\xa5\x92\x92'</t>
  </si>
  <si>
    <t>b'\xdd?v4\xfe\xa9WN)bp)\xb7*&lt;\xae\xd0r\x86EE\xe5\xf2\x11\x96\x88\x12i\xda\xb3H\xb3'</t>
  </si>
  <si>
    <t>b'R0d\xd9yw\xe7\xeb\xed}v,\xf9\xd4\x17\x0c\xbbmLW\x87Z\xaf\xe8\xc1\x94\x9b6XX\xa2M'</t>
  </si>
  <si>
    <t>b'3Y\xa9&lt;A\xde\x84\x89\xaf\xa4\xecz\xdf]\x13\xfdq\xc2\x87\x9e\xac\n\xb6=L\xcb\xc5\n/\xf2-\x91'</t>
  </si>
  <si>
    <t>b"F\xeb$\xbb\xf8\xfbX\xaa\xf3\xaf\\.\x89\x9b|\xce!\xe8\x8d\x13\x9dI\xd4\x05i'\r\xa7N\xf8d\xd5"</t>
  </si>
  <si>
    <t>b'\xf3b\xea\x84\xc6\xef\xa9N\xd4A\x0e\x0eC\xdd\x9e\r\xd9\xe6\xac\xbdcz+x\x15\xa5BPn\x8c\xfb\x98'</t>
  </si>
  <si>
    <t>b'\x05\x1e\xa9,\x02\xb9X\xb5\xaf\xc6\x82ir\x10\x0e:&gt;\xf5\x84\xc1\xc9s\xd1.l*\x1a6\x82\xb1\ns'</t>
  </si>
  <si>
    <t>b'L\xbez\xcficE\xc0W\x10@\xab\xf5\xf0m/\x84\xde\xae\xdf\xf7\xebl\x9e\x9c=\xf7\xc0\xf1&gt;\x92J'</t>
  </si>
  <si>
    <t>b'\x07\xb3\xbb-0{\x94\xf0\x8cMQ\x88\xcc\x1d\xfe\x17\xd3O\x8b?Tu\x93\x17`\xd9\x14\x99\xb5+\xcf0'</t>
  </si>
  <si>
    <t>b'-X\xb8\xedtB\xa2\x81+\x1e\xcc\x80\xafD\xddQK\xe5\xfd\xa1\xe2V/\xf7!\n\xca:4\xe6O\xf8'</t>
  </si>
  <si>
    <t>b'\xbeRg:\x14/\xf49\xad\x15[\xf7\x1b\xa7\xa8\xcdq\xe0JEYK\xf4\xf8\xb6u\xba\tSK_\xbd'</t>
  </si>
  <si>
    <t>b':\xae9\x15\x93\xb5\xe4\x81\xa2\xda\xf7\xc9x\xb0\xb0Z\xe0a1\xb5}\x10C\x01\x87\xdaM\xec\xd0%\xe0\xcf'</t>
  </si>
  <si>
    <t>b'_\x88&lt;\x1b\xd6\x80\x86\xca$#`\x1fa\xc0\x81&gt;\x13\xd1B\xa349\x95\xfb\x1a\xd8\xddPtf\xa7\xdc'</t>
  </si>
  <si>
    <t>b's\x90\xde\xdb[\xcaD\xf6\x162N\xc2\xe7\xe5\x83\xdbg\xebX\xfd\x00j&lt;\xc6TO\x10\xfej\x8a\xfb~'</t>
  </si>
  <si>
    <t>b'P2\x11\xe5\x0c\x1c\xbbq\xadL\x187\xc1%\x1e\x02\xea\xbb\xf7\x88@k\xe1\x8f\xd1Xer\x17\x0c\xe7l'</t>
  </si>
  <si>
    <t>b'\x13\x0e%\x0c\xe5\xc8\xbb\xd8\xe4\x839\x11\xce\xd2~6\x02\x19Q\xeb\xa2\x98\x96\x18\x9e\x8c\x0c\xee\x1cUwM'</t>
  </si>
  <si>
    <t>b'\xe9\xc5\xa9\xf0\x15^\x85\xb25\x80G\x84\x02\xc6\xfe\xa2q\x06gW)S\xf2\xd9v\xe3\xbc\xd7\x86\xa1\x10\x9a'</t>
  </si>
  <si>
    <t>b'\xf7\xaa\xffn\x95\xba\xb5\xe9\xd3\te#\xf9]\xf00\xf0\x1b\xc3\x85\xef\xcf\xba\xca\xe8\xbfs\x85mW7\xe4'</t>
  </si>
  <si>
    <t>b'\x1b{\xe8&amp;%hr_\xb6\xe2\x19\x1d\xbb\xde(\xd1U\xd9\xa6M\x17\x9f\xfa\x96z"\x85\x1f\\AT\xdf'</t>
  </si>
  <si>
    <t>b'\xb6\x96\xb1a\xc7\x86\x08\x92\xad\x08\xce\x9e\xa7\x07\xca\x87\xff\xa0\x933\xbd\xe15\x05\x83&gt;\x16N\xad\xae^\xec'</t>
  </si>
  <si>
    <t>b'\x98\xec\xd0S4"$ Y\xb16\xcc\x8cs\x9aK\xeam \xad\xebq\x89\x83\x10\x1e\xe3\xe3\xda\x93\xbe\xb8'</t>
  </si>
  <si>
    <t>b'\xfc\x9f\xc1Z4\xc0\x88\xa0\x97\xa5\x8eo\xc3\xff\x0b\xe9c\xd9\xb8\x80\x9c( \xebH\x07M\x08V\xa6\x82\xe3'</t>
  </si>
  <si>
    <t>b' \x88\xcbM\x95\xa9:\xac\xf3S\xe6A\x9c%\x05\xd2\xc4\xb8\x17\x05\xaa\xc1\xe4\x07\x9c#Z1\xdb\xa9q\x10'</t>
  </si>
  <si>
    <t>b'\x1d\xe5\x17\x85c\xb06\xbc\xd3\x91}\xbf\x0e\xbaX\x1fzjd\x86&lt;\xed.\x9a\xe7\x9fD\x02\xe6ow\xb3'</t>
  </si>
  <si>
    <t>b'\xb1\xa6I\xefI\xedKQ\xc9O5x\xf3\xfa\xb7\x141\xae\xca\xed\xddJ\x90\x10\x94\x92\xeb\x98X\tk\x01'</t>
  </si>
  <si>
    <t>b'q\xa2\xa7*\xcd\xf7\xb5\x14\x7f\xc4\xa0\x1cP\xd8\xfa\x8e_\xa0\x8d\xc1\xff\xc38\x9d\x86y\x91e\x9a\xa4\xbc\x82'</t>
  </si>
  <si>
    <t>b'\x88=;2J\x96N\xfd\xfe1fk\t\xcb\x8e\xc5 \xffc\x81\xe4\x80\x8ap,\xaaUp\xd1\xa93~'</t>
  </si>
  <si>
    <t>b'\x8cc\x82Vq+\x8e\x06\xcb\xd1\xa0\xac#\x1a\xe6\x87H\xd9?\x1f\xf6\x87R\x06q\xe84\xa7\xef\n\xfe0'</t>
  </si>
  <si>
    <t>b'\xe6\xa3\xc4\xad\n\x9f\xa2\xa1Z\xbe\xddS\x07\xf8\x0fw\xd4:\xe7:\xc0$\xb5%X,\xbb\x8aR\xa2\xdf\x03'</t>
  </si>
  <si>
    <t>b' \xcdj\xab\x11?\xfa\x82\x08\x9c\x9f\xfe\xc2\xd1\x85PI;\xec\xf3\x9d1\xf1\xbd\x8d\x92a\xf9\xfcV\xdf '</t>
  </si>
  <si>
    <t>b'T{\x7f\xa3x\xc7\t\x9dDvq9\xca\xf3\x11\xcc\x86\xd7X \x14\x1b\xc7\xc4\xf8B\x030W}:\xda'</t>
  </si>
  <si>
    <t>b'\x0fc0\x03\xc00\xe3\rRG\x86\xc4_\xc8&lt;W \xdc\xb4\xc3\xee{\xf8\x0b\xf7s\xa2eW_\x8e)'</t>
  </si>
  <si>
    <t>b'\xe98D\xfa\xd3\xd49\xdct\xf1\x90\xba3\xea\x16\x1b\xf7_`8\xcc\x14?e+\xd7\x0c\xd4=q\xc8\x02'</t>
  </si>
  <si>
    <t>b'\xa7\xc2O.o\xe1\x1fL!=\\sM\xfa\xf0\x0c\x93\x96`\x06\xad\xe90L\x1cR\x8f\x14\x130\x8d4'</t>
  </si>
  <si>
    <t>b'\xaa9\xaf1\xfd\xe1B\xd0\xad0-\x91\xf4jV\xf1\xae1\xda\xa2\x8ad5)\xc0=\x8c?,\x9d\xce\x05'</t>
  </si>
  <si>
    <t>b'"\x1e\x15\x8f,\xd1i\xbeP\xb8*z\xbb\x9f\xf9FUF\x00\x06\xcc\x06\xff\xef~\xaet\xc3\x80e\xe29'</t>
  </si>
  <si>
    <t>b'\xbe+DX\x1b?Y\x0b\x80\xe3\xe4{\xb6&gt;&amp;\x9e\xa8\xaf\xe8\xe0\xb0\xf5\x02l\xdf\x89\x14\xf5\x16\xf6\xf2\x10'</t>
  </si>
  <si>
    <t>b'\x7f9\x192/\xa7\x94\x1eZ\xc0\xa9\x1c=L\x99\x1d\xad\xc6\x12J\xf5\xc3e\x88\xc9\\_\x80\x9b\x1f\xedk'</t>
  </si>
  <si>
    <t>b'\xce\xd0k\xdf\x02\xdf\xe5g\xd4\xe6t\x8dBy\xf3\x9b\xce\x13\xed\xc7\x0f\x8e\xd4\xcaU9V\xa2\xd1n0K'</t>
  </si>
  <si>
    <t>b'r`\xa8\x16\xd5\xebK+\xae/\xf0\xb2\x0c\xce\x11(\x99u\x19\xf2\xd2\xea\x18tm~\x17\xf2\xb5\xa0"\x16'</t>
  </si>
  <si>
    <t>b'\xbb7\xed\xe5\xb8\xa8\x11\xda\xe6\x024\x83y:\xe8\xc8\xc5\x1a5u\x85\xa2.{`\x03\x8d\x89d}Z\xb4'</t>
  </si>
  <si>
    <t>b'T\xa03+\xdex\xf4\xe8\xca\xe4D6k\xc7\x07]\xfbd\x83\x13\x7f.\xbb\x12\r\xee\x10_\xddL]\xfa'</t>
  </si>
  <si>
    <t>b'\x86\xa1\xdd\nzk/\xdcP\xc7\xe5f[k\xe14\\\xd4\x18\xcc\x05~;\xb4\xe9yJ9\xb5I2\xa3'</t>
  </si>
  <si>
    <t>b'T-\x00Ah_\xd6/m\x9d\x8fH\xca$\xd6\xe1\xc0}\xa4\xca\x0e\xe5\x8a\xb6\xa1v\xf5\xb4\xb6$h\x1c'</t>
  </si>
  <si>
    <t>b"\x17\x98\x10t\xf6\x17\xfd\x9cJ\xe3'qC\x84\x99\xcfF\x9d\xfci\x97\x85L\xcb\x80\xf9&gt;\xc6p.#\x95"</t>
  </si>
  <si>
    <t>b'\x98\xe5c\x01\xff\xceK\x80c\x05\xd3\xed\xf1\x84\xb5R~qp\xe4\xe4\xd4\xcf`\x04?7\xa3\x1d4o\x12'</t>
  </si>
  <si>
    <t>b'\xdfG\xd1\xd49E\x99\xbbm\xc7\xfeQ\x88\x15\xc6\x11\x05\x93\xeck\xc0G]\xcdi:\xd8\xea;8\x8d\xf6'</t>
  </si>
  <si>
    <t>b'\n\x98"j\xd1B\xa6\x8b\xb8R\x1fi6m\xdc\xba\x8d\xe5\xd8\x19P\'*\xf4\xa8\x9e\x12\xfd9\x82\x00\x1a'</t>
  </si>
  <si>
    <t>b'\x88 \xf6A\xa0\x12\x01\t\xf3I?\x8f\xdb\xaa\xf0\x9e\xdaA\xfe\x92\xb7G\x81\xbc\xb2I\xf5\xd0\xca\x9b\xf6a'</t>
  </si>
  <si>
    <t>b'CR\xbb\x88_-\xb3/\xb6\xf8\x00\x9e\xf5\xf2\xbdH5\xa5L\x0f7\x9c\xfc=\x19+;D&amp;\xa3\x94d'</t>
  </si>
  <si>
    <t>b'K\xe3\xda\x04\xa0D\xd5\xef\x9d\xbfC\xcft5*\xad\xb0\xe2\xc9(j\x05|s\xe1\x0e\x13\x95\xe8\x0e\xa2]'</t>
  </si>
  <si>
    <t>b'\xed\xb8|\xeb[\xf7\x0c\xd3\xab\x0b\xe6|GtU \x00h\x06\xd3\xd8\xa7\x14J\x84\x88\x1c\xbef\xeb\xbf\x95'</t>
  </si>
  <si>
    <t>b'.\x9b\x0fa\x06\xebA$ \xb1\x8f\xf8\xf2\xc8\xc0\xc6\xeedf!\xf6kp\xc4\x9d\xdd;e\x1c\n\xad\xf3'</t>
  </si>
  <si>
    <t>b'\xed@\xdeE\x1f\xa8\xf3\x9d9J\xec\x9f\x87\x8c(\x1e\x95\x16\x9cT\xdb-\x92\x8d-\xd0\x9c\xd6\xc6\xb8i\xbb'</t>
  </si>
  <si>
    <t>b'\x06\xbfA\x86^\xf4\x81\x86M\xf1{\x1fm\xd8%C\xc4\x117r\xd5\x98\xafA\xf8\n@\x90*\x8d&amp;2'</t>
  </si>
  <si>
    <t>b'.\xcaP~\x93\xdd\x1dz7%q\xf6A\x04\xc8\xd7\xab\x1a}O4\x98\xd5\xb1@:"\x88\x95\xafq\xda'</t>
  </si>
  <si>
    <t>b'V\xdeJ\x91\xddWI\xcf\xc9\xc3i\xca\xe2\x96Sf\xe1\xf7\x80\xaf\xf4\xd6\xdbj\xf1t~%{\xc3v\xe9'</t>
  </si>
  <si>
    <t>b'\x9f\xa3P\xe3~;15\x08,\xb0\xbc@\x95\xcc\xc7\x15\xfcEDs\x82\xcc\x1e~\x11\x8f\xf3\\/nT'</t>
  </si>
  <si>
    <t>b'#k\xe8\xd9\x1d\x02\x04\xc0\xb2\x89\xb9\xd9\xe8\x8c\xa3M\x87\xa2\xd9\xeab\xe8o\x94\xfcH\xa9:r\x8e\xaat'</t>
  </si>
  <si>
    <t>b'\x0f."\xed\xbc\xa6GO\x07\xdb\xc8\xc5\xaa\xfa"N\x8c;\x89\xa1S\x94\xde}\xe5\xf6Y\xc1\x9e\xc4N\xc5'</t>
  </si>
  <si>
    <t>b'\x8bp`\xf8\x06\x89\xcd\xdd\t\xbf\xcbN\xe58\x87"^1\xd3\x06C\xe44\xca+Mo\x03go\x8fG'</t>
  </si>
  <si>
    <t>b'\xfaQ\xd2r\xd3\x05\x96\x99\xc2?\x81M\x92z\xecTWM\xe0\x08S%\xfb?\xec\xb8\x95\x18\xc7\xb1\x0f]'</t>
  </si>
  <si>
    <t>b'%E1\xd6\x95\x19@w\xfb&lt;\xdf\xb8\xcf"\xd3\xf7)\xc9/\xb3\x8e\x1b(\x80\xd6\xba?\xce\xce{\x9fw'</t>
  </si>
  <si>
    <t>b'\x86\t\xf9\x1d`r\xe05\x1b\x98\xa6\x7f\xdd\xb5\xc7_\xdb\xecDU\xd84\x9f"\\9\x17\xb9\x13A\'k'</t>
  </si>
  <si>
    <t>b'\x8b\xa0\xbe\xec\xb8\xbf\xea\xb62$\xb2\x9e\x02\xb9\x8f\x02\xce\x03\x85\xd6i\x042\xd6q\xeepk`Wjy'</t>
  </si>
  <si>
    <t>b'\xd2!\r6\xc9\x02O\xb7\x1bB\xe7\x82\xca\xe9\xb6\xb6\xecu\xaa\xd7\xe2\xdc\x98\xda\x8a\xe3)\x9cn-\xff@'</t>
  </si>
  <si>
    <t>b'\xf6~\x1d&amp;\xe1\xe7\xd3Z\x0b\x1e\x8a]\xc8\x92\xe8\x9a\xefA\xe2t_\x1d\xb1\xc7\xe2\xea\xb7\x17[8\x06\xfc'</t>
  </si>
  <si>
    <t>b'\xab$Rv~\xcahi\x17^L\xfd9\x04Zq\x1a\x0fr\x87\x9b\xc5(\xb0\xe5\xd4\x8ca\xf4U\xce6'</t>
  </si>
  <si>
    <t>b'\xcb\xbb%"\x9b\x9f\x19\xcf\xb71\xfbF\xf9\x0e\x9f\xbc\xad\xeeY\xdeY\xf0\t\x86H\xbd4\xc9\x034d\x11'</t>
  </si>
  <si>
    <t>b'D\xd7e\xb9|\xcaBDO\xbc)\xeaU\x8f\x94\x99\xfc\x85\x02\x8e\xd4`\xe99\xca\x1a\x1c=\xf6\xb76\xdb'</t>
  </si>
  <si>
    <t>b'/\xeb\xc6\x16\x9d\x1d\xf8s\x1e\x147t\xf29\xb9\xdaF cFS\x02#\x7f\xcc\x95\xc6h\xe1?Q+'</t>
  </si>
  <si>
    <t>b"\xf3\x02A\xd4\xb0kkX\xc4\x1b\xad\x90\xb2\x8d\x9d\x87'\xa1\xac\xd49Z\xb0C\xd1\xa4\x8dl\xec\x1f\x7f\x92"</t>
  </si>
  <si>
    <t>b'\xbf\xe38\x9b\x7f0X#0\xbf_F9\x86\xb6sq9\x02\xdd\x1d\xfcO\x0c\x80\x90&amp;\x070\x87S\x8e'</t>
  </si>
  <si>
    <t>b'\x92\x81\xc5\x87\xb09\x91\xb4b\xdeL\x1a\xa3 \x88[p\x8c\xa6\xa6\xc4\x1f\xc3\n\x8a\xfa\xab\xe7\xb4\xeb\xcd\x85'</t>
  </si>
  <si>
    <t>b'\x88\xa9[\xefg\x81\x07\xf1\xf2\x8euX\x10\x90-a\x8b92\xfa1\xd8q\xfa\n\xbf\xc46\x90I\xc9\xc8'</t>
  </si>
  <si>
    <t>b'\xf9X\x1aY^\xbc\xbb~*\x1f\x1e\x7f(\xed\xafD\xe9}\x82z\xf8\x1a\xb7|\xf5jG)\x9b\x1f\xb3T'</t>
  </si>
  <si>
    <t>b'\x01D\xe2&lt;\x98\xc301t`E\xaf\xf8]\xb0\xd8\xfb\x03\x17F\xe3\xa8\x02\x85\x99m\xcb\x95\x9c}V\xc0'</t>
  </si>
  <si>
    <t>b"#l\x9e'\xbc\x01\xaebl;\x0f\x1di\t\xae\x19\xfe\xa9\xd2BeE\xa35}4x\xe9on\xd0\x0f"</t>
  </si>
  <si>
    <t>b'\xd6\xec\xe8\x99\x07\x17\n\x00j\xad\xdf]\x9c\xa0\xb4\xd1\xea37\x0ba\x0c"r{\xb5\xe4\x8b=-\x95\x8f'</t>
  </si>
  <si>
    <t>b'\xa4\xcfF\x19\xde\x10bf\xa4\xb3vvp|7\x13\xbc7\x9ej\x83\x1bAsgb\xe0\x84a}\xd6Z'</t>
  </si>
  <si>
    <t>b'\xb8\xab_\x17\\%\xe9k,\x99V\xf8\xdaZ-\xd0\xe3\x19B\xe8\xac\xbb`j|yeR\x07\xf7v\x17'</t>
  </si>
  <si>
    <t>b'\x7fx\x8f\x88}&amp;\x98@Z\xf24\xdf\xe4=[\x99\xb5\x88\x16\xe0\x13\xa5\x12\xa6\xd6\xed)z\xef7\xd3\xfd'</t>
  </si>
  <si>
    <t>b'=\xd0\xd3\x00\x1c{%\xcb\xa7}\xbc\xfa\xce\xb7\x1fq\x80\x82]\xef($\x80\x03\xc9&amp;\xcexW%x\xdc'</t>
  </si>
  <si>
    <t>b'\xfc\xc0\x1ey\xd5\xceq\xd0\x97\x04?t\xa4\x92X\xbeTY&lt;\xe5\xad\x8e\x87\xf8\xa7\xe0.~\x9a\xd4\xf9\x9e'</t>
  </si>
  <si>
    <t>b'\x18\xdb\xb9&amp;\x0b\n\xbek\x9f\x11h\xce\x7f\x81\xf8\xf3Yv\xce+\xc2\x8coWW\xef\x08\x91E\xb4\xd7k'</t>
  </si>
  <si>
    <t>b'h\xf5\xd3\xcc\x8c^\xf2\xce\x11\x06\xb8:d\xd2\xf3\xcaXV\x18-\xa7\x05:\xf4\xa7\xb8F\t\xa12S\xb0'</t>
  </si>
  <si>
    <t>b'`\x91\xdcBX\xa9\xda\x99\xac\xb5\x18W&gt;\xdf\x8f\x0e\xfe?Z\xa7\xa8\xddNK\x8f2\x92NgZ\xd0\xa7'</t>
  </si>
  <si>
    <t>b'\xe5\xb9\xb0[\xe3\x03\xf3\x10\x82\r\x9e+\xb4\x82\xe5\xdf\xe8\x9f\x0f\xb9\x16\xa0a\x8f\x94nZ\x03t\xb4\x17w'</t>
  </si>
  <si>
    <t>b'qv\xfb+O\x99\x1f\x97WkR\x0f\xed}\xc9\x04\xe3\xa7B\x7fOAh\n8{\x10\xaa`\x89l\xed'</t>
  </si>
  <si>
    <t>b"=\xb1\x97\xbf8\xa4\x86Jy\x03\xff~\x05\x89\x04\xbf,\x9bX\xce\x9e\xe9\x16\xd5t\xb0\xdd\x1d'\x7f\xb6\x07"</t>
  </si>
  <si>
    <t>b'\x95\xf1\xe3\x85\x1e\x02\x9dO.V\xc5\xa7\x8e\x91\xfd\xb2\xde\x85\xd1MI?\xff\x81\xb6~;\x80\xf6\xe4\xd6\x1a'</t>
  </si>
  <si>
    <t>b"\xe0\x82\xd8&gt;\xd9\xb6\x07\xe1Mt\x01EaK1\x1c\x95x\x15\xef_'j\x1aepd\\\x9d\xbf\x9e\x19"</t>
  </si>
  <si>
    <t>b'\xc8E\x9e\xe5\xdc\xb9^U!\xd7e\x14\xd4\xf8\xfa\xc7 \xb0\xa1\x80\xf5z\rT\x05\xb6\xd3\xf6\x04\xf0\xe4@'</t>
  </si>
  <si>
    <t>b'C\xad_\xf8\xa2E\x06\xa6\x9f&lt;\xde\x7f\x1fc\xf5F\xe6\xe2\xfd\xa4B0I0P\xe8\x14I"\xcd+\xa3'</t>
  </si>
  <si>
    <t>b'ii\xd4=\xfcU1\xb7\xb0\x91\x9b,[\x98\xc9\xd8\x86\x08fg\x0e\x10\xf9\x84\x98O`\xe5\xba$\x0e\x98'</t>
  </si>
  <si>
    <t>b"#\xbf\x84X\xa5'v\x90\x06\xef*'X\x0f\x04k\xe6!\xddX\x8b\xaf\xbf\xe3\x1f\t\xa6\xf4\r\xed_y"</t>
  </si>
  <si>
    <t>b't\xcd\xa5\x837@\xdf`\x02\x81C\x9eE\x9eP\xc6\xb9\x10\x14M\xaaM\x0f\x0e\xc9;\x0e\x18+gT\xc0'</t>
  </si>
  <si>
    <t>b'\x9e\xc2\xd4o\xc6\xaa\x04\x18\x00d\xec\x0f\xb88\x96Y\xed\x01\x0f\xd0\xd5\x80\x0e\xf8\xdb\xfch\xba\x04pP\xcb'</t>
  </si>
  <si>
    <t>b'6h+\xc3D\xa3}s97\xff\xdb\xad/\xce\xe3\x96\x02\x82z\xa7\xd6\x04\x8a\xc86\xad\xb7\xb2\xa7&amp;4'</t>
  </si>
  <si>
    <t>b'(\xfe\x8f\xbc(j\xf1\xd1\x99\x13^\xdf\xe0To\x94\xf6\x04s\x0b\xb55z(\xd0\xe1\xfc\xe0H\xa6\x9d\xf6'</t>
  </si>
  <si>
    <t>b']b\xc8Sw\x08-p\xb9i\x0e\xc5(b\xc5)\xa7\x9b\x8e\x9b\xd1A|\x04\x9c\xec\x9bk\xecP-\xb6'</t>
  </si>
  <si>
    <t>b'L\x80\xc50\xbaZu&gt;\xbeR\x13m\xb1\x9d,\x97\xfcqd\xc6Ut%\xf8\\\xde,M\xc5\xce\xda\xcc'</t>
  </si>
  <si>
    <t>b'b\xd9\xa7\xee\x9f\xaf)\x0e\xe8\x81j\x1e\xecg\xad\xfd\xbe\x9a8-\xf1\x034eQ\x03\x0f\x8f\xfe\xd1\x90['</t>
  </si>
  <si>
    <t>b'\xbf\xc6m"F5\xfc\xa9Gjh&amp;^*\x96T\x056\xd8\x13\xb0\x83Y\xc8\x91\xcd\x8d\xad\xfb\xbd\x1c\x16'</t>
  </si>
  <si>
    <t>b'\x92+j_*\x1c\xa6\x1b,\xfe1\xc6\xc5\xb8&gt;\x9e\xfe9\xa2d\x8e\x8d|v\xf5\x0b\xec\x0f\xef\xd9F\x06'</t>
  </si>
  <si>
    <t>b"\x86\x91\x1d\xa0'\xf3\xecF\xbe\x1f\xdf\x85\x85/Ao\xe0\xf0\x93P^*\x8cz\x8d.3n\xa1F\xabD"</t>
  </si>
  <si>
    <t>b'\x8e\x8f\xd2\xc2\x15M\x11\xd8=w\x1ff\xfe\xeeG\xab\x00\xa3\x81RB\xad\xcd\xee\xdfV\xebc Ao\xa3'</t>
  </si>
  <si>
    <t>b'+}P\xfd\xdc\x07\xfd\xb4\xec\x8c\xb8`\xbc&amp;\xf1N\x18\xd0\x18{\xfb\xae\xc7\x9c\xe6DjH\xa6G\x18\x8c'</t>
  </si>
  <si>
    <t>b',#\xc14\xa8\x81\xf8\xf81\xe1\x1c\x99g#\xef\x85\xf7?c+d\x96\xf9P\xc8\x0c"\xeb\x9cB l'</t>
  </si>
  <si>
    <t>b'\x1e\x07_\xcec\xd5\x19\xbd\x06gbH\xef\xf3\xf8\xf4\x9f\x89\x13\xb2\xe5\xdft\x12\x07\xde3\xe3\xbdI\xf3\xa7'</t>
  </si>
  <si>
    <t>b'\xab\x05\x97\xcb\xdb\x7f\xac\x19A\xd2\x85\xd42\xfe\xc7\xbe\xeciR\xfd-z}\x05\x97+\xa3p\xb6\xff#\xba'</t>
  </si>
  <si>
    <t>b'p\xfb\xfe9a\x90%{\x87#h\xbbi\x8e\x1aP\xc2PZ\xe9y}?\xc0\x1f\xf7n\x82O\xa5\x9f='</t>
  </si>
  <si>
    <t>b"\xd6\xb2q\xa7H\x12Ui\xd3\x19\xbc'\x08\xbalu\x0c%\xe7e\xf2\xbdq\x932\x11\x07\x11#\x92\xcb\x89"</t>
  </si>
  <si>
    <t>b'\xc7B\x0e\xa6_\xe1\x06h\xc1W\x02k\x83\xd5\xaa\x92\n\x14E\n\t\x95\xbaO\xd5h\t\xa6\xd5j\xee|'</t>
  </si>
  <si>
    <t>b'g\x7f\xa9\x11\x101\xdc\xc9\x02\xbe\xa5\x01J}\x0c\xa4\xaa\x1dE\x94;\xb0\x0eD\x940\xeb\x94l\x93\xf3N'</t>
  </si>
  <si>
    <t>b'1x9\x8fs\xa8o\xe0\x08\xe2\xed8\xb7\x91\x9b\x1fm!\x96\x93\x80\x0end\xad"\xd39\x1f\x854\r'</t>
  </si>
  <si>
    <t>b'/\xd3\xb64b\xac\x01\xb9\x10\xf3\xb2\xf3{\xd9\xa8\x18a9~\nZ\xd9\x08\x014\xbd=\xc2l\xfe\xa0\x01'</t>
  </si>
  <si>
    <t>b'E\xd0\x00P\xfcP\xe9H\xc2s\x9cH\xc4\xd4\xa1h\xf8\nq\x9e\x13Z\xcd\xe2iC\xaa\x83\xe3P\xb0\xc2'</t>
  </si>
  <si>
    <t>b'd\xbc\x9d\xba2\xf2\xaf\x04\xa3\xe0\xe1\xb6\xd9\xb8\xa88\xd1\xf3\x94\xb7\xc4\xc0\xdaR\xdd\x196Q\xc2\x86\xd6\xf6'</t>
  </si>
  <si>
    <t>b'4Qs\xde\t}\x89@\x1e\x90\xddS[\xf9\xc8\xe6m\x98_\xf0\x1a\xf6\xe8P\xb8\xfeU\xc4\rmR\xcd'</t>
  </si>
  <si>
    <t>b'\x9b\xd6z\xa6n\x83\xe3\x1bU\xd8\xc8\xacMdw\x00mu\x91\xbf%S\x8a\xbdp\xd7\x80D\xff\xd8\x19}'</t>
  </si>
  <si>
    <t>b'&lt;\xdd\x92\xe9\xee\xb4\xb6\x83A\x07*\xf3:\r\x1e^\x7f\x84"\xdbY\x8e:\x13:g\xfe\x19\x90(\xa9\\'</t>
  </si>
  <si>
    <t>b"LJ&amp;\xe1\xbe\xfc\x05F\xadE\xde\\\xd0Y\x9d\xa8y'1\x98ae\xc2\x0c\xdeI\x1f\xf7\x81\xe8\x9d["</t>
  </si>
  <si>
    <t>b"\x98\x94\xea\xf7C\xfa\xe5/H\x96\xaeY\x9d\xe1_\x0fbP\xf4Z\xc7\xe9NK\xd9 \x85G'\x92\x8e\x14"</t>
  </si>
  <si>
    <t>b'#\xebL\xdbx\x0b\x802\xc9\x8e\xa0\xa8\xd7h\xd9\nN\x15a\xf3\xd8&amp;\x927e\x9f\xf5\xe5\xa8W\x8e\xd4'</t>
  </si>
  <si>
    <t>b'\x85\xcc&lt;\xaa\xcf\xe6\x06\xa8j\xf7o\xffvam\xb1\xbb\x1f?,\x14v\xb2J\x0f\xac\xb8\xbe"&gt;7\x13'</t>
  </si>
  <si>
    <t>b'\x88]h\x055\x0f\xe0v\x13\x9a0\x85*f\x12\xa7\x04\xed\x01\x93dYRaB,\x18\x1a \xb6q\x8e'</t>
  </si>
  <si>
    <t>b'\xf6\xbf\xc2\xb6\x88\x8ci\xabc\\\xbd\xba\xd1\xb8=\xea&lt;\xc71\x8e\xbe\xe1\x92\x1a\x88\x14q$\x88\x1c\xe1m'</t>
  </si>
  <si>
    <t>b'\x0e^\x84\xd0^M\x886\xbb5\x17\x08\xe1{\xb4\xe7\xed\xff\xbe\xd1\xcf\xf6e&amp;\x889y77\x9d2\xc6'</t>
  </si>
  <si>
    <t>b'7\xb4\x99\xed\xadH\xcd?\xdf\xfc \x9d\xd5\xfc\xda\x82\xb5\xc2;\xdc\x90\xbf/\xdf!\xa1\xbe\x97\x96bW\xc6'</t>
  </si>
  <si>
    <t>b'\xa50\x93\xbe\xa8\xbe \xb5\xb3v\x87\xf9r\xea\xebXn\xb4BK\x15~\x14\xfa\xd9r\xf3V\xb5\xc03\x9b'</t>
  </si>
  <si>
    <t>b'v\xb8\xf1^q\xbe\xfbt\xd4E\xc7\x1d\xd7l\xf1\x0c&gt;yA!\xa6G\xf0\xf5(?\xe4\x83\xb8\xafQ\x0b'</t>
  </si>
  <si>
    <t>b'W\x8d\x8d[\x16\x1c\xc2m!\xecGj\xd3\xcd\xda\xd8o\x81\x9e\x94\xc3\xdfP\xcd8\xb8~\xc2\xd2glk'</t>
  </si>
  <si>
    <t>b'\x02\xb8\xafV\xe3\xf0\xe7\xd8\xef\x81\xe5\x1bs\xaa[s\x92,\xaa$\xe5\xb4\xdd\x92\xd3z\x16\x11\xa7\xb20\xf1'</t>
  </si>
  <si>
    <t>b'\x1c!%\x8f\x9c\xf7\x7fN8\x86\x1b\xcb\xa5\x0e\xf7\xb2\x99\xdd\xa4\xc9\x95\xfb\xd0\xf0\x9e\xff\xee\xa9\xd1\xce\xcfk'</t>
  </si>
  <si>
    <t>b'Z.\xfd\xed\xbc\xb08&gt;\xd4Lv\xb2.U\x1e\xae\xb7,:\x8d\xd5\xaa\xab\xce\xf3?\xe7@!\xec\xbe\x8d'</t>
  </si>
  <si>
    <t>b'Zx\x01\xc2\x18\x86\xa5\x8bE\xc0\x0cD\re\xe0OS\xad\xd6;D\x9a\x8a~-W\x15\x19-\x80\xcc\xb7'</t>
  </si>
  <si>
    <t>b"\xfc\\\x9a@\xd3U\x1a{\xd5\xe4'MSK\xed\xe8\x8b\x84}\x9bQoY\x04\xef\x90\xae\x887\x17\xede"</t>
  </si>
  <si>
    <t>b"$\xcc\xe1\x91\xea\xa1\xdf'QV\xeb7}\x16\x87\xdc4lW3\xd5\xe2Wq\xefc\x90~\x0fG\xbct"</t>
  </si>
  <si>
    <t>b'\xb3\xdad=,\xa0\xf4\x01\xe0b\x8d\x07\xce\xf42\xeb\xd37m\n\xf5\xee{\x1a\x0e5\xfaO\xc1l\x83B'</t>
  </si>
  <si>
    <t>b'\xb5elAOD\x1c\x84\xd7O\xce\xd2\xc8\xe6\xd5\x08\xec\xb4\x12`?\x8d\x11\xcb\x93K@\xe3\x86+8+'</t>
  </si>
  <si>
    <t>b'&amp;\xf1#\xff1\xce$T\xd9&gt;Kc]\xf6\x13\x0f\r\x03\xd5\xc0j.v\x10/\x82\xc9\x16\xeeS#_'</t>
  </si>
  <si>
    <t>b'&gt;]\xbe|9h\xd2)\x17=\xe5\x0c\xae5\xadc\xc0~\xb86j\x14\xe9G\r\x888\xd9\x85\x81n\x9d'</t>
  </si>
  <si>
    <t>b'\x05K\xf8\x8e\xed\xfe\xc1b\xbe\xa9^\xf8:\xb6q\x19?j\xde,\xe8-\xd6\x90\n\x00`\x8e\xfd\xab\x8a\n'</t>
  </si>
  <si>
    <t>b'P\x8eB044\x8eu/ys\xd2\xb0K\x81ug \x90q\xad)\xfd^\x0b-c\xa4\xa8\xc6T\xf1'</t>
  </si>
  <si>
    <t>b"E\x12X'X\x88\x14`\xf7\xeeo\xfbxw\xd2]\x12\x1a\xb3\xad\xc6D\xf7\xe6\xb6\x83[\xaf\xb1}\x10q"</t>
  </si>
  <si>
    <t>b'\xdd\xeb\x0b(\xe7\xd6s)A\\\x15P&lt;v\x8e\x03\x9d\xba:\xaf\xfb\xc1\x06\x00u\xf3\xe5i\xcc\xa2\xd0\xee'</t>
  </si>
  <si>
    <t>b'\xf1\xbdTb0\xbc\x81\x8c\xa9\x10A\xa6\x02\x1f\x02s\x01\xf5d\xe3\x95M!Mv\xb7\xe4\xd0\xd9\x18\x08"'</t>
  </si>
  <si>
    <t>b'%^Ob\x93\x8aB\x82y\x19\xe7\x03\xc9\x97\xca\xdb\xeb\xf8\x17\x0e\xba\xb1\x7f(sjms\x87n\xef\xae'</t>
  </si>
  <si>
    <t>b'\x1c\xd5\x1d\x1b\xca\x08&gt;\n\xc4V\xfcu*\xe9\xdaJ\xdb\x07\x08\xda1\xc6\xf9[\xb9\xa4B\xec\x8f\xca\x13\x9c'</t>
  </si>
  <si>
    <t>b'\xb3\xa9\xd3\xd2W\xe8Ew\x12\xdc\xb1\xdd\xd9YQ\xeb\x80\xf9\xa5d&lt;4[\x0c\xda&gt;P\xd7\x85N\xe4\xed'</t>
  </si>
  <si>
    <t>b'\nZ\xc8\x03,3Pa\xb9Q+(\x1e\x92\x86\xf7\xe5\x9e\xe4\x03\xe1\xf5!0`\xc9\xc0K?@\xc2\xb6'</t>
  </si>
  <si>
    <t>b'\xf9\x8b\x05&amp;_\x02\xae\x98Y\x8a\xac^\xcfbE\x87\xc0\xb5\xbf{\x19\xceQ\xac&amp;j\x8f8\xd9\xba\xda\x80'</t>
  </si>
  <si>
    <t>b'a\x9dF0I\x14\x99Yb\xc9b\xf0\xc3\xec|V^d5\xa9\xda@8M\xdc\xcc\x91\xa7d\xec\xa2)'</t>
  </si>
  <si>
    <t>b'&lt;\xeb\xa1\xbc3\x07i\xd9\xacUE\xca\\\xd1\\.\xd1\xa0\xf2\xf3\x12|\xaa]\xe5\xf4\xfe\x1b\xc20\xe7`'</t>
  </si>
  <si>
    <t>b'+\xa5\x1f\x1f\xa47A8\x07&gt;\xda\xf8\x07\x82T\x02\xe1\xb1\xb1\xaf\r\x9f\x19|&gt;\x1a\x10\xcd\x18dn\xe9'</t>
  </si>
  <si>
    <t>b'{\xc8\xe4\x9et \x10\xe7\n2\x17o\xba\x92\xc0G=\xcfw\t\x12\t\xd9\xa7x\xaa\x07\n\xe9\xe9\xea\xb9'</t>
  </si>
  <si>
    <t>b'\xafM\x8a{\x91\x9b\x96\xf7Hd\xa9\xaf\x82ey\x9b\xe8\x9e\xf0TQ\xca\x02:\xc1a\x9f/\xa5\xf4?\r'</t>
  </si>
  <si>
    <t>b'\x1c\xee.\\=Unrl\xd2\xc4\xa83SxnW\\\xe0-\xb1\xc6w@9\xeb\xfc\xb3\xa4\xbd2\x8d'</t>
  </si>
  <si>
    <t>b"\xa7\xc18\xaa\x93\xc3\xd8&gt;\xd4\x9a\\\x83\x8a\xbd\xf7~.\x18*=d'\n@\xbf\xd0\xaa\x9d\xd1\x9d\xae/"</t>
  </si>
  <si>
    <t>b'\x8f\x07\xb5\xc3\x8f\x13\x15i\x9d\xa0\xc3\xf3\xdb\xa9\r\xdd\xdd\xdb\xc7kD}\x0b\xe3\xf1\x9a\xcaA\xc1\x88X\xfa'</t>
  </si>
  <si>
    <t>b'\x15\xa4t\xee\x92\xefn\x98\xe8\xe1\x90\x1cs\xc5-\xd1\xd5/\xc9\xe3\x15\xacUa\x85\x1a\x1c\xb7\xa8\xa2\xc0$'</t>
  </si>
  <si>
    <t>b'\xd8y\xdaV\x1a\x89\x06\xfe\xeaq@\x1b\x85\x90\xc8R\x91\x17\xd1\xd8`\x8bS\xc1s\xf1Ej\xa0-Cv'</t>
  </si>
  <si>
    <t>b'\xd0O\x03/\xa7\x9dXAW:5\xbd\x97|\xff\xc9\xda\r\xd1\xcaT#&gt;\xba\xea\xb6\x07^l;\xfa\x9e'</t>
  </si>
  <si>
    <t>b"\x1e\xffN\x14\x85'\x84\xfbJ\xdet\xb6\x8db \x15G!\xec\xc7\xff\xa6\xbe\xf5\x18\x13\xcaJ\xf0n\xb5\x02"</t>
  </si>
  <si>
    <t>b'R2\xfc\xa6G\x8f\x8a\xc9G/ \x98F\xca\x8bN\xafA\xc56)\xbf \xf9\xf0\x8c\xd6W6)L\xe7'</t>
  </si>
  <si>
    <t>b'*\xcdkN\xc6}\xa0\xfe#\x872\x15\xfa\xea\r\xe2\x84\xe0\x8bL\x98\x19bT\xf9@\x01\xff\x82\xfe\xb9\xb9'</t>
  </si>
  <si>
    <t>b'\xbf\xa0\xb9\xebX-z\xcb\x83\xdd\x83\xe4\x9b|\xaf}\xbe\x81m\xa0v\xdf\x00|\x92\xca\xce\xa4\xba\x98\xc97'</t>
  </si>
  <si>
    <t>b'=\xc3DkK\x8b\xe0\xe4\x1e\xb81h\x082\xc5\xdb\xd0";%0s\x14&lt;6\x842\x82\x8d7\xbd\xac'</t>
  </si>
  <si>
    <t>b"\xe6O\xc4N\x89'\x13\xd0\x154JE\x9e\xb8\x05\xe3\x16D\x95r\xb9\x82\xec.\x1e&lt;\x9e\x9e:\x0bx\xbc"</t>
  </si>
  <si>
    <t>b'\x93\x87\x1e\x94\x17\x1d\x95\x89\x06\xa7\xfc\xea\xc0\x00\xc1\xdf\xe6W\xaa4HV\x0f\x95\xef\xd1\x8c7\xed\xe4\xa7z'</t>
  </si>
  <si>
    <t>b'\xa4\x96\xcd\xa8e\xf1$O\xcf}+2&gt;\xd2-w\x89C5\x84\xf2\xc0\xf3\x8d%\xd2^U-\x9b\xaa/'</t>
  </si>
  <si>
    <t>b'\xf9\x1b[\xb4\xd2\n\xd7\xaf9\xc8\x9e\x17a\x03\x88ml\xe2M\x13\x92\xc7D%7\x8e\xc1\x86\xf4\xaeW\x9e'</t>
  </si>
  <si>
    <t>b'\x9fS\x85F\xf9\xe7\xdd\xac\xff\x93\xf8\xea;h\x1f\x01\x84\x9b\x82X5DI?\xe8\x9e\xfd7\x84\x077\xba'</t>
  </si>
  <si>
    <t>b'9p\xf1vF\xcd)\xcc,\xb2\xfb\xf8J\xe0i\xa1\x9e\xd6\x9d\xa4\x97\xb5\x9c\xd9\x11\xa7m\x8e\x10hBY'</t>
  </si>
  <si>
    <t>b"\xb6'U\xba\x85WS\xf4e\xdf\x02\x92\xf0\xabV\x88\x9a\xa5\x8e\x82\xb6Qql\x02':\xf8\xbch\xa7."</t>
  </si>
  <si>
    <t>b'\x07Y|\x0e\xb0\xeb?\x9f\x17^U\x80\n\xcf\xeeo\x195.h\xcf\xf4W\x9eJ\x9d\xb9\xd4\xde\xe8\xdeE'</t>
  </si>
  <si>
    <t>b'i\x08\xd6\x15\x00\x13}\xdds\xae\x97\xbbDu\x1e\xa9\x04\x03T\xa6A\xe4\xf9R\x8f"\x81\xf9\x97\x97\x07\xf6'</t>
  </si>
  <si>
    <t>b'E}p\x06_iL[\x8d5\xb6\xc1Q\x00U2(\xcfN\x9a\x92y\xa6g\xd4\x81-@"\xf6\xc4\x14'</t>
  </si>
  <si>
    <t>b"X\xae\x06\x81\xf6\xbd@\x92\\\xbc\x1f\xba\xa2ie\xac\xce\xe8\xacO-\xf3\x8a\xd2_\xa9'\xf2\xbf\xa8;\xb9"</t>
  </si>
  <si>
    <t>b'\x9e\x9b\x9e:ut\x89\x04H\xbcu\xff\xab\x89\xf0S\xee^\x185[.DE\x06\xc5~Nj\t\xa6w'</t>
  </si>
  <si>
    <t>b'\xd5\x91\xd5\xb2\x9e\xc1\xa1{#FX\xecl\x89\x9f\x11\x0f\xc6\xc8\x1ev\x0e\xb5\x03\xe0\xab\xe1y\x08\xa9+\xf5'</t>
  </si>
  <si>
    <t>b"*nV\xd2\xdc\xb6\xf0\x87!'\xc0l\x1a\xcbO\xce\x17`vkqZt\xe5\xc3L\xf4\xc3\x9e\x93\x96\x17"</t>
  </si>
  <si>
    <t>b"\xef\x8a\xb6\x15\xde\x08\x11\x8a\xf5~\xe1\xf0F\x92\x06\x83\xe2\xa9\x87\xc2\x14b8\x81'/\xf3\xe7\xd47\t\xbb"</t>
  </si>
  <si>
    <t>b'\xae\xbf\x98\x1e\xb0\xba\xa9\x93dr\xe2\x9d\xbf\xd3%\xd7m\xfa4\xa4=\xaf\x8bH+\x18)\xfd\xf9\xec\xe7\xdb'</t>
  </si>
  <si>
    <t>b'}\x99)\xd3!\xb3\xf8\xec\x1a.\x9d\xc1\x18\t\xbf\xde\xbaPKz&gt;\x17\xb8T\xbc,\x03\xf33\xafH\xb8'</t>
  </si>
  <si>
    <t>b'\xe8\xe7+N\x99\x85\xaf\x97/1\xc9\xca\xd2 \xfe\xd3\xa1\xf5\xb6}m\xc1\xf6\x05\xc8\xec,\xe5\x80\xbc|\xae'</t>
  </si>
  <si>
    <t>b"e\xb6z\xa1\xd4\x85\xde'\xb0\xcd\xf3\xf7\xc0\x92\x85\x8c\xc0\x9a\xa7j\xac\xd5\x9d'?\xd6?\x12:e\x8e\x00"</t>
  </si>
  <si>
    <t>b'PYP\xdc\xfa\xe7\xa1\xa9\xd5\xb1.\xd5\x0f\xe3{\xfe\x84\xec\x03t\xb2\x7f\x08b`\xebA\xb7\x9c\x1d6\x81'</t>
  </si>
  <si>
    <t>b'\xb1-?7\xdb\x1c\xe2\xb8\xfc\xa1 \x17!\xc8q\x1aN\xff\\\x89|M\x8a\xe4}=\x1ft\xfd\xff$\xfd'</t>
  </si>
  <si>
    <t>b'\x9a\x0c\xef\xa5@\xd1\x88V\xc1\x96\x94\xfc\x9fq\x8d\xe3\xb770`\x15\x1e\x8d\xba]\xfadh\xba\x1b\xa3 '</t>
  </si>
  <si>
    <t>b'\xa4\xec\xcf\xdf\xe3\x00?\x0b\x14\xc4\xcee\xc3\xc1\x0ee\x15\x853jfX\xc0\x01n\x96\xfd35!\xfdo'</t>
  </si>
  <si>
    <t>b'\x9d\xea\xf1^\xc7L\x1d\xf0\xd68\xd7z8;30\xcd\xa2\\Y\x84e\x92\xa7\xe7\xacR4\xce.\xd2G'</t>
  </si>
  <si>
    <t>b'\x03\xd6\x042\xf1\xc0B\xeew\xc0\xb69\xaf\xcal\x04D\x8e\x05U\xda%\xb5I\xdbb\xeakm\xe2\xed\xe8'</t>
  </si>
  <si>
    <t>b'\xe1\xb7\xe2w\n\x9d\x91c\xba(\\\xc8f\xd2\x02~y\xa3Iy\x95\xac\x9d\xafS\x12\xba\x05\xeb@\x1b\xd8'</t>
  </si>
  <si>
    <t>b'\x9fnu:\x1d\xb3_\xd5\x0b\xadc\xb3\x03c!\xa4\x90"\x02q\x98S\xdeCKXr\xd6\x8b\xfd\xf8c'</t>
  </si>
  <si>
    <t>b'v\xb1\x14e\xdb\xcbJ\x1a\x9a-\xf4\xc6x\x15\x03.e\xde\xfff)S\xd9\x80\xc8Yx\xde5\x01\xa6\xea'</t>
  </si>
  <si>
    <t>b'IdD\x1fc\x05W\xc9o;"y\xf2\xdd\x98\xdc\xd4\x83+\xbb\xba\x04\xd2qt\xf5\xf6\x00x\xee\x9f\xfa'</t>
  </si>
  <si>
    <t>b"\xed\xd3'\x98\x96.\xccz\xd0\xc9\x85\ncc\xd1\xfc\x89\xf1\xe8u\xc1\x9f\x84HN,\x17\x0e\xfdD\x81\xd9"</t>
  </si>
  <si>
    <t>b"\x83t\xf9\x1e\xce\xab1\x88\\|\xa6}\x16\xaear\x08\x9f\xf9\n\x84O\x98\xfa\xe8Y\xd6\xa4\xa7\xb8\xeb'"</t>
  </si>
  <si>
    <t>b'\xc2K\xf7\xa6\x1a\xc3\xdf3\x81\xc0\xafb\xbca\xd1\x8d\x98\xc2\xe9[\xb6vk\xe1\x8aBB\xc1\xb20.\xb8'</t>
  </si>
  <si>
    <t>b'\xbd\x93\x89\xff\x91\x95\x10\xbf3\xf6\x15\xf1Jd\x12L\xc0\xf2\xdf\x12rqc\x18&lt;4\xb2\xb7\x91\xbf\xa4('</t>
  </si>
  <si>
    <t>b'\xf3\xc8O\x19@\x98\x92LS?\x96\xfe\xd17\xb0\xbc&amp;%\xac\x8d\xff\xf9.\xcb\x7f\xfd\xdb\x95\xc9(\xd3\xf1'</t>
  </si>
  <si>
    <t>b'\xdd\r\xd5\\\x9d\x1a\xd6\xb6\xa1Lg\xe6\x02\xdbS8\nx\x0e\xae:$%\x81\xeb\x01\x97\xf9{\x1f\xb1\x1b'</t>
  </si>
  <si>
    <t>b'\xc7\xa0\\%\xe5bA\x8f&gt;\x8c&amp;\x0c\x7f\x0f\xde\x82\x01K\x02\nU\xfb1\x13%g\xac\xee\xe7\xf2\x05\xe5'</t>
  </si>
  <si>
    <t>b'Q\x8b\x88\x8fsu$_r\xe9=QO\xe1\xec8u0o\xb9Y?\xda\xd0[\xddd&lt;kY\x8e\xf0'</t>
  </si>
  <si>
    <t>b'2\xc7\x08\x07\xe8#/?y\xe4\xc0}\xb9\xa3\xb6}\xa1B\x15{\xe8g\xadm\x8c\xabb\x8a\xd2!(a'</t>
  </si>
  <si>
    <t>b'\r\t3u\xb5\x16\xc6\xe5t\xb6\xe1\xab^\x8f\xd9EH|4=3\x01\xcc\x92\x8em\x908&lt;\xb9\n\xa5'</t>
  </si>
  <si>
    <t>b'GdN\x16\xe5W\xbc\xd6\xc7\x8e\x9d\x81R\xa3\x1b@\xa2\xbc\xd0?\xa8\xc8N\xca\xc3\xd6\xc7\x05\xbc]d\xfd'</t>
  </si>
  <si>
    <t>b'F\xfbRH\x93\x05Xc.\x04\x02|\x13\xbc^\xf7\x98\xb9\xc7t@GA\n\x89\x87\xcd\x94\xf4\x0b\xcfa'</t>
  </si>
  <si>
    <t>b'\xec$\xf1\xc1\xa1\xf6p\x9aw\x0b[\x1b\xf5\xf6\xba\xd0\x11\xb2\x1b\x82\xab`\xe4Dw\xff\xd8T\xdaC\xcb\x81'</t>
  </si>
  <si>
    <t>b'\xa2\xa5\xcc\x9b\x96\x0f_\xcchE\xac\xf1\xedj~\xf0\xb4M\x1e~)f\xfb\xd5l\xef\xdb\xbd\x86\x81\x836'</t>
  </si>
  <si>
    <t>b'\xd3%\x0b\x1f\xb2\x19\xb6\x8d(\x02l\xa2\xafo\xba"\x94\xf9Q&lt;\xbcE|\x10\xcd*r)\x90\x0e\xad\xa9'</t>
  </si>
  <si>
    <t>b'x\xfb%\xc4\x85\x9c\x98\xcd\xce\xc7O\x0c\xbb\xafD\xb6\x8e{\x8b\x15?\x88\x83s\xbc\x91\xa6\x01\xc1ZL\xbf'</t>
  </si>
  <si>
    <t>b'\xa6i\xe8?pAi~\x1b\x0e\x7f\x1b\xa6\xe3U\x1c\xb7&gt;\xdej\xd6\xdfr\x7f\xe8\xf1\x8f\xdf?q(q'</t>
  </si>
  <si>
    <t>b's#ZD\xc7\xfe\xde\\\x9d2+\x8bF\x86\x0b\xe7A\x96\xea\x96i\x92\x86\xa3\x17\xd8\xf7\xa1\xccz\xe35'</t>
  </si>
  <si>
    <t>b'\x1a\x10az\x9c\xb2\xb6\xa8\x82J\xb6$/\xad\x174\x05\x19\xb4\x00\x9c[\x07\xb0\xd2\xdc\xf0\x8f\xdd\x90S\xc5'</t>
  </si>
  <si>
    <t>b"\xe2 \xa4\xdc'\x8e\xb1[_\x1c\x95a\xb4\x91#\xe0phO\x13\x97&lt;%m)\xfeA\xdc\x8f\xfd\xbf\xdf"</t>
  </si>
  <si>
    <t>b'eT\xa0\xeb\x1e\n\xb0.\x8d\xe8\x00\xfb\x94\xae\xed\xb0\\\xd0R\x02\xc9c\xf1\xcb\x99Z\xed\xb3\xcd3\xa5\x08'</t>
  </si>
  <si>
    <t>b'L\x81E\xfa$M\x9c\xec\xfc\x1cfF \x98\xa2S7\x10q\x83\x0f@,b\xc0"\xb27]\xe2\xe2|'</t>
  </si>
  <si>
    <t>b'YZ2\xa5\x89\xc2 e\x85PX\x01pd\xdf\x1c\x06\xa3\x8c\x06V\xe5"8\xc7.\x9c\xa8)\x0f^/'</t>
  </si>
  <si>
    <t>b'\xfc\xf0#aH\x19\xcd\xd5\xdb\xdd\xf1\xe0/\x84\x9e\x91\xc9]\xfb9\xcf(M\xa7\xae\n|?\xae!\xd1\x1d'</t>
  </si>
  <si>
    <t>b'\x8f\x82\x96\x97\xbc\xebm\xcdg\xe8I\xb7+\xef\x91\xc4y\xbb\xc0\xf7\x14\x07\xe8\xb2`\xc6o\xb7\xe0\x89\x8bM'</t>
  </si>
  <si>
    <t>b'_\xf9\x83\xb0X\xf2\x17\x1d\xd2\xcc\x9a\xa8P\xe0hR\xfd\x9f.\xfe\x98\xcf\xbaf\xc59WA}\x052\xea'</t>
  </si>
  <si>
    <t>b'\x9e\x02\xaa\x17n\xf4\xa6\x84m\xe6\x92\xd8]2,\x8cp\x85HfFc\xabx\xe89\xee\xe2\xdfR\x1b\xd4'</t>
  </si>
  <si>
    <t>b'H\xf0\x1e\xaca\xae\xa37m(N\xcdA\xb6\xb5\x1d=\xcb\xe0\xdc\x90S\xc1~w\x04\x9eF\xf6\xdb\xf9"'</t>
  </si>
  <si>
    <t>b'\x14\xbd\x94\x9e\x93R\x06\xa4\x90\x9c\xc0v9\x1a\xd5\xdd\xe9"\xdb\xe6\xbe\x10\x13\x82\xb0K\xe4Y\x0cy@\x8a'</t>
  </si>
  <si>
    <t>b'\x1f\xac^\\d{j\xb09\xb5\xae7\xd7\x1c\xdf\x1d\xdb\x86\xbe\x88\x81\x88vc\xe7\x04\xc4\x1f\xaea\x9c\x8f'</t>
  </si>
  <si>
    <t>b'\xab\xaa:BT\xdecto\nv\xb3\xa4\x1a\x0f\xd44X\x1cJ\xfd9y\xb6\xbf\x15\xd1\xf2\x12\xf4\xc8\xf9'</t>
  </si>
  <si>
    <t>b'\x0c\xfe\xdeA\x80\xaf\x1c\x0f\xe3\xd2\x9bzW\xd2\x82\x97\xaf\xe5\xfc\xaeTU\xebW\xf2\xb5[\xeb\x9d\ta\xe9'</t>
  </si>
  <si>
    <t>b'\xc3\xb0\xdc\xc6\x96\x7fH\xd3\x02\xe0\x9b8\xb6\x1bF\xc3G\xca6\x83v0\x16\xe0no2\x91)\xa0\xe2G'</t>
  </si>
  <si>
    <t>b'aR\xec\xfa\xeb\xdfj\x8dK\xec~=\x81x8@e\xc1\x13t\xe9\x85uP\x1e\xdb\xd9\x8e\xf2\xa2\xd1\xd5'</t>
  </si>
  <si>
    <t>b'\xe3\xb8\xd5\xfbG\x87\x0fX\x8c\x02\xfd\x84\x00\xc2\x9c\xe8\xccM`q&amp;3\xa5"`m@\x89\x04\xd9S\\'</t>
  </si>
  <si>
    <t>b'\xfb#M[q\xf18``\xa9?e5\xf0O\x92f|\xb6P\x92"\xbdlgug\xd1\xc5tn\xf2'</t>
  </si>
  <si>
    <t>b'\xd86\x9c?\x1d|\xafx\xb9\xc6\x8e|\xaa\x81\x16\xd2\xb3|\x18,\xb7l\xe5\\;\x7ff\xaf\xd3\xcd-\xff'</t>
  </si>
  <si>
    <t>b"C\xb0\x97\xa2'\x0c\xd7\xad\xaem\xa5Q\xcfq\xd5\xf1\xd2`E*\x02\x89\xb8\xed6\xe0\xf8\x05\xb0J\x02\x03"</t>
  </si>
  <si>
    <t>b'\x7f\xaaNU\xf1&lt;\x0c\xd0a\x19(&lt;\xa0\xef\xfa\x9c\xd9\x85\x8a\xb2\xdd}\xc6y\x12.\x86\x01\xf1\x1e\rq'</t>
  </si>
  <si>
    <t>b'\xa2r|\x1b\xec\x93\xd5\x16\xf73JD+L\xa1\xbbB8\xda\xfb\xaa\\\x95\xd9R\x9e\xbb\x06\xd5\x15\xe2G'</t>
  </si>
  <si>
    <t>b'\xa7\xbb,\xad\xe9N\x15^IW\x849W\x8bG\xef\x1a\x0c\x82?\x19\x16o\xe4Z\x89\xe1m\xef\xc0\xc9\x00'</t>
  </si>
  <si>
    <t>b'\xeaT\xf7\x84"\x14V\xa5\xe8\x18\x01\xba&amp;&amp;N\x9cC\xea^\xb5\xdb\xad\xa5\xf71].z\xbe\x025W'</t>
  </si>
  <si>
    <t>b'y]\x84Lr\x15\xae2]z\xd1C\xd1s\x9e\x124\x90)2$\x01`G\xeay,A\x12d\xdd\x81'</t>
  </si>
  <si>
    <t>b'\xcb\xdav+\x0c\xbd62iFD\xdd\xa7S=]\xf0VK=s\x96\x8c.(\xcb\xa909\x12qZ'</t>
  </si>
  <si>
    <t>b'*\x96\x86\x01\xf7\x0b\x00\x18\xb8\xd8\xa0(~\x1a\x81\xf3U\xb3\xef\x96\n\xebgaAR\xe9\xa8\x9d\xc5\xc9-'</t>
  </si>
  <si>
    <t>b'@\x03\x1dL\x06\xdd\x9b\xe1~\xc7\x9b\xa2z\xc0\x1f\x80f\xca+\xd0\x04\xbe\x83\xdc\x1e\xffX\xd1\x9dx|\xd8'</t>
  </si>
  <si>
    <t>b'y+\x96\xadi\x8e|\xc3Q\xe5\x05\xbeR\xb4\xd8jwXw\xcc\xc3\xd0h\x13\x93\xebGj\xf3]\xcf\xb4'</t>
  </si>
  <si>
    <t>b'[\x8c\r\x01\xeeK \x18s\xa1\x99`\x17\xcb\xbd\x92\xef~\xf1\xf7G\xbfd\xe0\xbb\x0b_\x9b_zq\xe7'</t>
  </si>
  <si>
    <t>b'\x84^\x08\xa7K\x94\x1e}\xd8l3\x8f\xe5\x19\xa4(J\x16P\x82\xc7\xbe\xdfL\xfa\\\x90\xbb\xc6\xe0$m'</t>
  </si>
  <si>
    <t>b'\xd6\xa1\xe0U\xf7C8\x1dGt\x93z6(\xf4\x1b\xfe\x0c\xab\xfbX\x06(v\xdc\x02\xb0\xadf\x9a\xdeE'</t>
  </si>
  <si>
    <t>b'9\xef\xfbsQ\x7fbV*\x93\xe0\xefo/p *\x86M\x1e,\xde5$\xb9\xe0vc\xc8\xbe\xc8\x88'</t>
  </si>
  <si>
    <t>b'j\xab\xb1\x1f\x83\xbel\xe3r\x9a\xc5w?\x9e\xa2\xd1\xf8SE\x01\x8e\x1a\xfd0g\xd8\xf6\xce&amp;CA\xe6'</t>
  </si>
  <si>
    <t>b'\x96\xb6\x14\x83\xef(\xadb\xa8\x92\xa0\x1b6\xb2\x99\xe6\xf9\xc1a\xbc\x93sm\xe4\xbb)\x8f\xc2\xe8m!\x1a'</t>
  </si>
  <si>
    <t>b'c\xc7\x98\\J%\xb8\x9c\xcf\xbd\xfb\xef\x0b\x95\xcb|ztK=\x024j\x15\xa1\xa4\xa9"\x17\x954\x04'</t>
  </si>
  <si>
    <t>b'\xa9\xdb\xa2\x01\xfeF\x8c\xd9\x08\x81~\t\x01W\xaam\xfcV\x01~\xdb\xc3\x1d\x08\x84}+\xbe\x1a\x16\n\xc7'</t>
  </si>
  <si>
    <t>b";\x7f\xaa\xfb\xe1\x9d.\xcd\xdc\xe3\xe6'N&gt;\x98\xe6\xde\xa9\x96[\xcf\xe1\xda\x86P\xeap\x141\x9f\x1a\x17"</t>
  </si>
  <si>
    <t>b'\x96\xbe\x0bw\x84\x9e\t\xaf;\xee\xda\x906\xf2!\x01\xaebU\xee\x7f\xd9\xf2\x07\xcd\x808\xceQ\xde\x86\xd0'</t>
  </si>
  <si>
    <t>b'[\n\xd9\xfd\x15\xd3\xf9&amp;6Mq\x8a\xe7.\xa8\x9c\x11\xbep\xab\xbbF\xc3\x96\x7f*\x117\x90\x82\xef\x1f'</t>
  </si>
  <si>
    <t>b'Wi\x05!\xe0\xddJV(fZ\xd8\xa2q\xc9\xf3\xa6+\x9e\x82\xb7\x95\xeegS\xdc]\xce\x1c\xf8=\xc4'</t>
  </si>
  <si>
    <t>b'\xd7\x112\xa8F`\x1b\x9c\x03\x82\x9f\xdb\xe9\x83\xd8&lt;\x91f\xa2\xcam\xa8\x9c\xd6g\x942\x93-\x19\x08\x03'</t>
  </si>
  <si>
    <t>b'+\xfc^&amp;\xe9~|\x8d\x14E.Y\xd9\x0cf\xc3\x032u\xfa\xe9\xfc\xc67\xbe\x87\x08\xa3\x9e&lt;\xd9\xca'</t>
  </si>
  <si>
    <t>b'\xff\x86\\%\xd3\x00|\xd1\xf4\xdb\xa0\xcd\xfe\xc7\xbe\nq\x0f\xf6\x186\xa7l\xc4\xe0\x088\xd6\x8d\x93N8'</t>
  </si>
  <si>
    <t>b'\xdf\xb5\xfe\xd7\x1c\xa7\x16\x16k\xc0\x87\x0f\xbcM;\x00\x82\xc3\xf7l\rx\xf81\xd2#\xb3\xd3\xb0\x0f|R'</t>
  </si>
  <si>
    <t>b'\xde[\x0eo\x14\xab\xc4;\xac;\xa4\x8d\x12\xdeXx\x87\xc7*T\xd6\xea@.p\xcb\xaf\xa6ZL\xf1\xbb'</t>
  </si>
  <si>
    <t>b'0\xe5\xc2\x8fD=\xb2G)u\x8b\x07\x16-\x03`J!\xce\xb4lD\xbc1Y|\xb2G\xce\xde\x81\x18'</t>
  </si>
  <si>
    <t>b'\x13\x04h\xa5VS\xda\xab\xcbt#\x93\r?\xef\xf2\x99\x87$\xfaMGX\x7f\xee\xc9D6IPe\x9e'</t>
  </si>
  <si>
    <t>b'\xd7\\\xf7\xa1\xa1\xa1;\xb2\xb7\xe2~\xaey\x10\xdf9\xaa\x02Cp\x973\x8e\x1e.\x08mL\x01\x05\x80('</t>
  </si>
  <si>
    <t>b'\x0e\x91\xfe.\x97L\xe3\xb9\xa58\x91\xa0\xc0\x1c\x0fK\xe0$U\xea\x80\xce@\x0fSZ\xe5~5\xed&amp;\xfb'</t>
  </si>
  <si>
    <t>b'\xf7\\\xff\xb99\x9d\xc2\x9b4\xdb\x95!\x91\x11\x89\x18\xfd\xd2\xf1\x07d\xf6_;\x80\xfb\xd5R1\x97\xf2\xc7'</t>
  </si>
  <si>
    <t>b'x\xd7\xa7\xf8\x98\xffNNP\x18\x93)bSz\xb0\xff\xa0\x85R\x84\xd4\x16\xc6E\xc8\xb3\x81,\x97\xcd\xa0'</t>
  </si>
  <si>
    <t>b'\xd4cX\x93\xa3\xcb\xb7\xbd\xca]&amp;\xa7\xf4\xd7#{SuY\xe9b\xbf-b8\xc1t\xfa\x87\xc6\xb4\x1c'</t>
  </si>
  <si>
    <t>b'\xa6\xdf\xb1\xbb\x13Q\xa9\xf2\xa1\x91\xe5\xe7\xb5\x8c\xd8KG&lt;\xa2\xe5r0\x1f|\xc3\x86P\x7f\x91\xa9)\xc3'</t>
  </si>
  <si>
    <t>b'\xa4\xaa\xb8~\xacy\xbb\xcc\xc3fk\xbd\xf2\xe8\xaa\xd6\x01a\x82*\x16o\xc2\xfc]\xcd\x1bo\xad*&amp;\x0b'</t>
  </si>
  <si>
    <t>b"&gt;\x8b\x17\xec\x81\xce\xa1\x1d\x1e\xc8N\x88r\x00\x10\xdaO\xe5\xb0y8G'\xe9\x83\x89\xed\x11\x80\xb3C\xe5"</t>
  </si>
  <si>
    <t>b'\x03\x027\x08\xd2\xfbq\xe8dN\xe7q~\xec]T%S\xfb1\x88\x1a\x1eq)&amp;\x8b\xa4\x15\xe7&lt;b'</t>
  </si>
  <si>
    <t>b'\x90O\xc4\xe3\xea;QGN\xce\xa8m\x7f7gZ&amp;3\x87\xacj\x84C/\xc6\xaeeqf&lt;\xf2&lt;'</t>
  </si>
  <si>
    <t>b'#\xae\xef\x9dM\x93U2womMFK\xbb\x1e[\xa1\x94K\xe5\xf6\r\xf1\xf7j\x0fi\x0e\xf0\xe4\x9c'</t>
  </si>
  <si>
    <t>b'\xf1\xb0\x98\xac\xf67x\xa8\xd8B\xc1FU\x83%\x92P\xd3\xbf\x90\xcb,l7\xe7B\x12\xbc\x06\x1a)\xdb'</t>
  </si>
  <si>
    <t>b"'\x06\x7f\xeb\xbd&lt;:j{mP\xa9\x924s\x98\xe6\xd7\x12\xf1\xefyjW_5f9R\x92%\xe3"</t>
  </si>
  <si>
    <t>b'{Q\x1b\xfe\x17\x97\x1feG\xa9\xacJ\xfd\xbcv\x9d\xfb\xd7,&amp;\x8e\xf0\xab}lY\xf4W\x80\x9d\xe9\xaf'</t>
  </si>
  <si>
    <t>b'\xe0\xb7\xca\xde\x00Q~\xb5\xf3x\xf9\x16P\x08\x11\x9a\xaer\x9b\xecj\t\x0f\x1f\xcc`\x81\xb6\xe1b\x95\xed'</t>
  </si>
  <si>
    <t>b'\x88@\x8f\xb3\x9fN\xf3\x1br\xbc9\xe7\x12\xdb\x95]\xaa\x94\xd1\xab\x17\r\xa8Sl7G6\x01\x85\xe7\xce'</t>
  </si>
  <si>
    <t>b"\xf2\x1f\xc4\x11\x1c\xc9'\xdcO\x8a|D\xa5\xe2\xceOU\\\xbc\x1ck\xdd\xe9;u/\x85\x82\xa8\x05\x96("</t>
  </si>
  <si>
    <t>b'\xb6\xa5\x1d"b\xb4\xfc\xc8\x81HyGJ5\x84Q\xab)wge\xbfg&amp;\x90\xb7\xe9\xfd\xbdc\xf4h'</t>
  </si>
  <si>
    <t>b'\xa9\xad\xe9\xebL\xb4\xf6\x17x\xa0\xb8\x0e\xd5]nX\xc30\x80I\x8d/j\xb3\xa2\xb4\x8dV\x1b\xdd*\xb6'</t>
  </si>
  <si>
    <t>b'\x14\xf2\xdd\xfa\xd9\x1c\xa9\x0f\x0b\x12\x11\xb7\xea\xebM\x08Xz\xae\x97\xca\x07\x90\xcc\x81j\xc0\xdcs\xfa[\xa6'</t>
  </si>
  <si>
    <t>b'G\x97\xd5CR\x9f3\x98\xadp*{\x1a\x12\xad\xc9\xdb\xf2L\xe1dy\x06@\xf7\x8f\x81&lt;\x92K\xc7.'</t>
  </si>
  <si>
    <t>b'\x8eJ\xe7;D\xb1n\xdb\xbcFz\xe1Y\xcc\xc6\x1c\x1d%\xac\xacr\x03\xf1=\xe7\xe8d\xff\x81\x81%\x02'</t>
  </si>
  <si>
    <t>b'\xe3\xd7\xb5\xf2\x97\x02\x11mX\x01\xa2\xac\xab\xd8\x8a\xbb\x151\x98\xb6\x90\x8cg\xc4A\xd2!\xbb\\X\x10\xa3'</t>
  </si>
  <si>
    <t>b'/\xd5n\x13\xd5\x07\xf0vB\x89\xaa?\xea2T\xbf[\xce%\x19\xd8\x0b.H\x01\xad\xfc\xf4}\xdb]\xcb'</t>
  </si>
  <si>
    <t>b'`\x01\xbd\x19d\xab\xf3\x16]\xd5\xc1oA\xab\xcc\x08\xc0\xea\xb8\xb7\xb9\x17\x11?\xe3\xdbh\x02AA\xf5l'</t>
  </si>
  <si>
    <t>b"\x82HI\x8b\x92\xad'\xdd\xfe\xbb\xb2,k\x9e\xaa3\xa9v\n\x97-\xdc\xbe\x8dI|\xa3+\xc4\x18\x02\xc1"</t>
  </si>
  <si>
    <t>b'mK\xf3\xa4\xd3\xb2\x10\x04\x93Lt~\xf01\n\xce\xcb\x8c\xb5\\I\xae\xde\xaa.\xd1\x9c\xf3G\xf0a\xde'</t>
  </si>
  <si>
    <t>b'\xfa\xcb\x9a\t\xcf\xe9F0\xc2\xc1x\xfa#U\x1a\xcf\x96\xc3\xaea\r\xd9B\x121S\x16\xde\xb0\xd5\xac\x99'</t>
  </si>
  <si>
    <t>b"$\x97\xf2OI\xda\xab\x0f\x02\xb0Dr'\xb0S.\xff\xd2&gt;x\x84\x80\\\x10\xa2\xb1\x9c\xa1~d\xdbF"</t>
  </si>
  <si>
    <t>b'd\xec\\\x89\xf2\x01\x82\xf4;\x8a61\x8a\n\x16L(\x83\xcf\xdf|\x05l\xfb\x13\x12F\xc9\xa5\xee\x9ar'</t>
  </si>
  <si>
    <t>b'\x1e\xd2\xc7\x9d\x05\x05\x12\x133&gt;\x9b\x18\x15D\xf6\x8a\x83\x9c\xc5\xac\x11\naJ\x8d\x15Ri\x81\xb51\x88'</t>
  </si>
  <si>
    <t>b'\xbb\xcai@+G&lt;\xc0%{?\xe0\xbep\xfb\xb9V,\xc5\x13k\x00)\x0b\xba\x11\xba\xa3_\xee\x16k'</t>
  </si>
  <si>
    <t>b'\x7f\xbd\xfb\rT\x01\x96=o\x99\xd2\xc5\x91\xaaC\x87R(\xb2\xbc\xf3&gt;\x1aObl\xc0I\xb0\xa4\xe4\xb6'</t>
  </si>
  <si>
    <t>b'V\xb9\xdeEU\x03\x92\x8a\x11\xa5j-,\xab\xd5\x9f-&gt;\x03\x8f|\xb0~\x1c\xe1C#\x84\xf9\x1f}\x88'</t>
  </si>
  <si>
    <t>b'_\x92\x98^l\xc9\xcf|r\xbaf\x8f\xea\xb95\xfd%I\xeeI\x95u\x1ekO\xff$\x9a\x94\xc0\x0e7'</t>
  </si>
  <si>
    <t>b'\x1f\x1b\x83}\xa6\xee]\xd7\xb4%]F\x15\xff~\xee\xd3\xac\x1e\x04\x95\xff\xde\xf2R\xa8\xd9\x94\xe3s\xcc('</t>
  </si>
  <si>
    <t>b'\xa6\x82M\xb6\x9b6j\x86A\xa0\xa6\xeb\xb7\xa5yA\xb5j\x1d\x0b\xb4?\x1e\x10\x11:Th7d0i'</t>
  </si>
  <si>
    <t>b'rL\xb1;rxE\x00\x9d"q\x05\x1e\xf3\xc3%QC\xdaj\xf6\xaa\x03\xfd]j@\x98\\\x1aLW'</t>
  </si>
  <si>
    <t>b'\xf1\xcd\x9fN\xd7\x90\x16c\xe7\x89}A&gt;\xd1S&gt;\xab\x05\xb1j\xbd\xce\x97\xf16\x8aRW\x14\xba\xbc\x96'</t>
  </si>
  <si>
    <t>b'\x18\x7f\x08U\xe4\xbc\x02\xbb\x85)\xa5\xbbE\xc9\xd5\xf7\xc7(\x15\xe6.-N\x86\xfdS\xb6\xd1\xaa\x153\xb5'</t>
  </si>
  <si>
    <t>b'\x13T\xb5\x1b\xf5|\xcb(\xd5\x04\x86H\x80\x92\xa2J\xd7X\xd5U\xd1\xe1\xe8\x87\xe9\x13\xdbu8H*\xa8'</t>
  </si>
  <si>
    <t>b"\x8c\xad\x8f}M#\x1a\xd4\xb0\xa2\xad*[\xd3\xab\x94\x99\x13\x1ff'\xa51\xab\xfe\x90Hd\x08\xa5\xac\xf9"</t>
  </si>
  <si>
    <t>b"\x03\x8eY*\x0b\xb7\n\x8f\x85\x89a\xeeT\x8b\xb3u\xa7nS\xfbe\x8a\xbb\x16\xb3\x18'\x8dK\xf5\xac\xbd"</t>
  </si>
  <si>
    <t>b')f\t\xc1\xfe\xb1h\xc2ET\xf3\x890Qbh\x18\xd0\xd5_\x954\xd5VG@\x1c\x94G\xda\xcc:'</t>
  </si>
  <si>
    <t>b'\xf7T\x00-(5\xd6&amp;&lt;\to\xdc\xdcS&amp;E\xcco\x08\x82W\x86\x07\x9e?\xaa\xb6f\xf7\x06y,'</t>
  </si>
  <si>
    <t>b"\x85\xc2\x83\xfb\x92\xab$D\xda\xccyw&lt;\x13X]\xb2i'\xaa\x91\xc2\xe7-\x9bj\xc5\xcb\xa5v\xae%"</t>
  </si>
  <si>
    <t>b':\x9e\x15\x9e\x04v\x8f\xdaQ&gt;u\xadpt\xec\x9cw\xd5\xb6\x8dFt\xaa;\x06\x93V\xea\xe7\xb8\xec?'</t>
  </si>
  <si>
    <t>b'\x9eV\x18*JZ\x05U\x849\xbd\x97\xd5,\xb2\x9b\xb4H/\xdc\xae&gt;\xf3\xff\x16\x08\x87b\x0c\xc2~\x08'</t>
  </si>
  <si>
    <t>b'\xd5\xbcti\xf2;\x88}\xdbt\xb3B\xa04\xcb\x91\xa6\x99\xc8\x96\x93\xd5S\xe6P\xe2\xf4Fc%\r\x8e'</t>
  </si>
  <si>
    <t>b'\x89H\xaal\xb1i\x90\xea\x04\xa9\xa3mG\xac\x05\x98\xa3\x9c@\xb4hIq\xaa,\xb5\xd7\x9aZ#;\xc0'</t>
  </si>
  <si>
    <t>b"\xf0\xb6H\x1fp;\xf6\xc7\xa0\xa4\xfaig\xbf3\xa8\xef\x9cz\xe4\xca\xfemI}e\xefFG|\xf0'"</t>
  </si>
  <si>
    <t>b'\x18\xf2\x93\xa4"\x04\x1eh$\x1d\xfe\x86\xd0g\'CI\x0e\xb2X\xb0\xf4xU\xb24\xbd\xdb\x96,`\x12'</t>
  </si>
  <si>
    <t>b'\xaf\x02\xed\x11\xf8\xa3\x1c\xe3\x9e\xfbj\xe9\x91@\x84\xcb\xc0]\xb0Oc\xb2u\x9b&lt;\x99~\x1aVg\xd2\xda'</t>
  </si>
  <si>
    <t>b'\xf4\xa0\xf0U\xc8\x06p\x99r,\x9f\xb8\xa6hpS\xfc\x96\xd4\xd72\x07y\xc1VlH\x96\xef\x91\xba\x11'</t>
  </si>
  <si>
    <t>b"\xcc\xab`{`;k\x0e\xa6\xcf\x1a,,p\xfe\x9c\xa4\xa9IP\xeaf'\xc7\xd4\xbb5\xff\xf4\xaf\xd4\x1b"</t>
  </si>
  <si>
    <t>b'\x02\x81cn\xb7\x16\xc92\xe7\xa0\x02\x81\xb7\x1f\xadQ\x08B\xde\xbd\xc6Z\xd7\xb1\xc0\xc4\xf3\xc7\x18E\x1dZ'</t>
  </si>
  <si>
    <t>b'\xa4wLhe\r\nQ\xb5\xf6\x01Y8\x84\xa6%\x05\x0c&gt;\xb4\n\xddl\x99\xf6+\xf5&lt;\t\xdf\xce\xc6'</t>
  </si>
  <si>
    <t>b'\x99\x0c\x18G\xd4\x18;\xc8`\xe26hd\xb9\x1c1l"k\x02i\tL.*=\xe6\xd0z6\xff\x83'</t>
  </si>
  <si>
    <t>b'\x84\xf0\xd0_@8!q\xa8\x03I\x9f\xa6R\xc0kPq`\x81-\xe2v\x84&amp;\x164x\x01\xfbc#'</t>
  </si>
  <si>
    <t>b'4\xfb`Y-\x0c\xca\xa1H\xe9\xed\x00\xbfj\xfe\xb6.\xb2,t\xc1\x14\x98\x8cA\x93B\xa7:\x00\xc6\xb0'</t>
  </si>
  <si>
    <t>b'\xa0\xbe\xe6H\xbe\xa3\x9c\xd9\xf5\xd99\x90\xca\x0bE\xeb\xe2\x81}\x7f_Vg\x86\xca\xe0|I\xf9b\x18m'</t>
  </si>
  <si>
    <t>b'=tP\x07G\x149]\x98\x86B\xf4\xde\x8d\xcd.\xac_ \xbew\x9d7z\xa2|\x1d.\x97\x00dy'</t>
  </si>
  <si>
    <t>b'I\x9e\xaa\xf7A_:\xa1\xaa\x7f\xad\xa4W/\x02\xa6\xbc\xb5\xa4\xdeY\xc0\x1b8\x95+\xab\x85\xdfy\xca\x04'</t>
  </si>
  <si>
    <t>b'\x7fXv\x05\x86\xfb\xcc0\xf1n}/\xb9\xac$`\xa4)\x88\xfbS\xdf\xc6-\x99\x9d\xf2V\xec\x85\x93\x9a'</t>
  </si>
  <si>
    <t>b'\xa43=\x0by\xc9\xec\x01\r\xd5fK&gt;$u#,\xdf\xc9\x99/\xc0\x8a\xde\xc1\xbd\t\\\xfa\xe9v\x1d'</t>
  </si>
  <si>
    <t>b'\x8c\x91s\x01\xa2nJ5F\x13\xa8\xbfV\x0f\x1a1\xbe*0\x98\xa2j\xfc\t\x07\x99%\x82\xf72\x9d\x9f'</t>
  </si>
  <si>
    <t>b'&gt;\xf3O\xe9z\xfa\xce\x88\xba\xacv\x97\xddKO\x1e\xcf\xac$\xff\x1b\x9d\xbb\x05~ K#\xce\x03\xbc\x84'</t>
  </si>
  <si>
    <t>b"r2q\xab\xe3\xa8\x9a\xa9\xe8q\x8b\xc6\xed\xc3\xed\n\xf0\xca\xb9\xeb-\x10\x19}V\xdb\x05'Zt\xcd\xcc"</t>
  </si>
  <si>
    <t>b'\x05E\x16B\x1d\xb8&gt;\x1f?\x8e\x9f\xdc\x87:\xa4\xae\x9b4]{\xbe\xa0n\x02Q\x00N\x0c\x90\xc1u\x01'</t>
  </si>
  <si>
    <t>b'~\xb8\x1f\xb1cF\x8e\xcd\xb92\xb5j\n\x07\xa3\xaa\xc3\xae\xb4\xc3\x02\x81\xae\x1e\x8a/\xa7\xd1\xd2\x14\xb1\x11'</t>
  </si>
  <si>
    <t>b'\xfdV\xcf.o\xa1\xf5\xa7K\xa8p\x08\xba\xe8\xca3\xee\xcc}\xd4\x16\xb4&amp;\x1d,t[\x00\x16\xcd&gt;f'</t>
  </si>
  <si>
    <t>b'\xff(5\xa8\x14\xd4\x84\xeen\xba\x9ey\x91\xafy\\\xbar\x06\xf7WHNg\xec\xe2\xf8\x19I\xcf=\xe2'</t>
  </si>
  <si>
    <t>b'\xc8\xc7\x1f\xe7+\x8a\x87\xb2\xa1`\x16\xea\xbd\xe9\x11F\x1f\xcbf\x9b/\xef\x97\xef\x8fW\xf4\xc9\x07Zy\xe4'</t>
  </si>
  <si>
    <t>b'\x1bF2\\x\xfdg\xf5$I=v|\x84\xc7\xd7\x0f\xa7\x0fm\x99\xcd\xb4\r\xaf\x11\xcaH6j\xd39'</t>
  </si>
  <si>
    <t>b'W\xfe\xb8\x1c5\xdfVu@\xc8\xack\xb2\xce\n\x05\x8e\xb9E\xb1\xef\xd1\xd1``\xc2.;\x01\r\xe2\x90'</t>
  </si>
  <si>
    <t>b"\xdf\xaf*\xdd\xb9\x10h\xf0\xfa\x8b'x\xc7e\x81\x80\xc1}klMj\xff\xa7\xfc\x18JS9H\x95\xc3"</t>
  </si>
  <si>
    <t>b'|c\x08\xba\xb3\xbb\x87\x8fu\xc9\xfb\xc7\xfd\x86]\x9e{\xa0/\x04l\x83A\xd9W\xbe\xd9\xc0\r2#\xe6'</t>
  </si>
  <si>
    <t>b'\xb9-\xe9J;U\xf3\x84h\x1d\x04Yh0\xfb\\\x8f\xfa\xf9\xca\xe9\x1f\x08\xc2\x0c\x1f\x849Cl\x07]'</t>
  </si>
  <si>
    <t>b'\xbe\xa6&amp;"V\xa4I\xe6\x10\xe4]\xde`\n\xe1dv\xc6\xa8ExXj\xff\xf4\'th\xffs\x8e\xce'</t>
  </si>
  <si>
    <t>b'N\x8b\xc1@J\xc5\xd1\x8dlY\xd7\xde \xae\xff\xed\xaa-:m\xe2BN\x05Iz\x0f\xf8\xe3\x83\xa8\xc6'</t>
  </si>
  <si>
    <t>b'\xd1t\xd4]_\x1d\x883eu#\xb4u9\x9c\x1f\xd6\xdb&lt;\xef\xeb\xff\x84t+\r\xf2\x07S\xa7\x8d\xbe'</t>
  </si>
  <si>
    <t>b'h\xf6\xa2\xb2N\xe2.\x8b\xe3\xc0\x82\xfc\xc0\xdc\xae&lt;\xa6:\xef\xe7\xb3ut*\xf2\xec\x92\xe8[P$\xb9'</t>
  </si>
  <si>
    <t>b'\x84g\xd1\x05\xean{\xe2\x95\x0e\xec\xafO\xfe\xbc\x99(\x97n)L\x92\xd0\x88\x80\xe3\x1c\x91h\xae[c'</t>
  </si>
  <si>
    <t>b'=\xec\x94\xf1\xae\xe6\x80x\xba\xdf\xa6\xa9a\x95\x1f\x04EBU.F\xc4(\x8a\x8c8\x06\xefy\xd0T\xb4'</t>
  </si>
  <si>
    <t>b'\xf1H\xad\xfd{c\xd4\xd5\x00\xed\x8c\x1eS\xa6\xfft\xbc\xa8)\x12)\xe8\xfbk\r\xe0\xc6\xa7\x05(\xc5t'</t>
  </si>
  <si>
    <t>b'\xfd\xa2\xfeqxD+\xd9k\x7fY\xb3\x9c\x9e\xce\x9a\xb0{;L\xa0\xcbU\x12\x19VD\xde_3\xa4\xaa'</t>
  </si>
  <si>
    <t>b'\x06&amp;w\xdb/\xcb\xd2\x10\xa9\x03\x9e\x97!\x86\xa0n0$\xe9\xcc\xa8n\x0b.A\xe1Q\xf7@\xd3\x16\x88'</t>
  </si>
  <si>
    <t>b'|\xff\xeb"\x03\r\x9b\x19\x93#W\x7f\xf991\xf7\xd9\xd1+\x13-\x1b\xf0\xc8y\xbc\xf3v!\x9dy\xa6'</t>
  </si>
  <si>
    <t>b'Q\xe7m\xaf\xf3\x00\x16G\x0cK\xb2b\xa2\xd3&amp;u\x95\xe7Ju\x93\xec\x9a\x80\xe0X\x07Jh\x05\xe5\x9a'</t>
  </si>
  <si>
    <t>b',\xfe\x819\xba\n\xe1\xd7\xcbh}e\xc1\x856\xf0\xd4K\xe6d\xad\xe8i\xebM^4\xd6r\xa7@['</t>
  </si>
  <si>
    <t>b'K\xb8\x85d\xd3\xd8\x9f\x13\xc8j\x089]q\x0eX\xef5\x05\x1d\x9e\x9f\xfe\x0f\xfeZ\xd2t\x99\x03\xfc\xb2'</t>
  </si>
  <si>
    <t>b'\xaaT\xd1or(\x1c\xe7\x1c\xa8\xdc\xf11\x086\xb9\x88\x9d\xcey\xe2"\x89\xad\x11\xf4\xb0\x8aS\x00\x130'</t>
  </si>
  <si>
    <t>b'\x05i\x90\t\x00H3\xcf&amp;1\x1d\xa9x\xf6\xdc\\\xf4GH\xbe\xda\x0f\x188*q?\xe1%\x90\x83Y'</t>
  </si>
  <si>
    <t>b'\x06\xed\xce$\tX\x8e/\x8e4\x8a\xc1\x0fI\x90\x9d\x19&lt;\x81\n\xf5\xab\x83\xfc\xee\xe2\xae\x925\xfc\xf2\xf4'</t>
  </si>
  <si>
    <t>b'\xfd\xdb\xd9-6\xa4\xb2cV\x130_\xa3\x1c\x0c\xea?&gt;\xef\x01\xaa\x95P4)\xba\tq\x01U\xbam'</t>
  </si>
  <si>
    <t>b'\x8fnm\x1b\xbdgi\xd2\xce\xf1\x86\x8a\xf9@\x81\x99*z#\xbf\xa2\xc2\xd3\x8e\xdf\xce\xd9=\x07\xdd4\x00'</t>
  </si>
  <si>
    <t>b'\x88E:\xd3r\x92\xc0\xf3C\xda\xd5]\x8a\xdfKH\xff\xb7`\x08~;=\xf3\x05\xb6\xe3 \x93\xde\xe1p'</t>
  </si>
  <si>
    <t>b'\xe8V\xe7@\xd2\x84\xca~\xb4~\xa9\xe9y\x019\xbc\xb7\xda%\x04K_\xa0$\xa1E\xbejk\x05\xdc\x83'</t>
  </si>
  <si>
    <t>b'a[\x94\x99\x8en\xa2\x18\x04a\xbdtFxoNu\xabM\x07\xe91\x97\xcbh\x8e7\x9e\xf4\x8c\xc3\xec'</t>
  </si>
  <si>
    <t>b'\x14\xf9"\nS\x91i\x84\xc3\xbbB\xde#3}\x11#\xb2f\x03v\xfa\x17_\xa3&lt;\xa6H\xf1\x126\xe5'</t>
  </si>
  <si>
    <t>b'\x95\xa3N\xbd\xd6C\x0c\x9b\x9ag\x037}W\xb9\x85D\xa6\x9d\xcf\x14\x8c\x1d\xfe\xa2\xbe\x95\xf1\xf0\x8f\x7f,'</t>
  </si>
  <si>
    <t>b'\xa5\xe5E\x06*\xac\xd9!\xad&lt;\xb2~\xca\x06\xc4\xe6\xf5\x15\x03\x99\xf6\x96-+=N\x06\xa9]\x87&amp;='</t>
  </si>
  <si>
    <t>b'Yp\xff\xd0\xd2`\x0e\xe1.\xc9u\xe4Y\xd8\x12\xf3\xc3@\x01\xe5\t$"?\xd6\x00u\x81\xcd&lt;\xf5\x92'</t>
  </si>
  <si>
    <t>b"*\xef\xd7\x08\x9b'3s\x92B\xd4\xec\xf5&amp;\xde\x0f\x88\xb6x\xf0\x1f\xdc\xf4\x16\xadq\xf7f\xc3\xdf\x13u"</t>
  </si>
  <si>
    <t>b'\xa0\xc4m\xa0\xc6\x075/\xaa\xf6C\xb8\xb8\xd0\xb6\xae\x84\xf6ju\x01S\xb8\xf7\xd1_4\xca\x07\x9a.w'</t>
  </si>
  <si>
    <t>b'\xe1[y\x1e#\x80-\xe4\x9b\xed\xa10\x01\x82\x0e\xa9\x8b\xd3\xbe\x9d\xb9\xac\xeb\x83\xfe[$TPv\x9a:'</t>
  </si>
  <si>
    <t>b'\x9c\x11\xf1\xc1D\xf7\xecN&amp;\xddY\xe4$\x9e\xc4m\xad\x8f\x9a_\xe8\xbcNS\x11\x15\xd0\xa84\x8d\x87\xf1'</t>
  </si>
  <si>
    <t>059xx</t>
  </si>
  <si>
    <t>b'EE8\x83u\xfawY\xdb#ZTFHY\xc8q#\xaaK\xe4[\xc27\xd8`\x99\x0f"\xc3\xa3\x07'</t>
  </si>
  <si>
    <t>b'{\x84\xbc\x8c\xbb\xa8\xf4\xc0\\[\xfe7\xcf\xf3\x1cJ\x0e\xc1\xa0\xbe\xa1\x1cU\x07\xd9\x0cv\xdf\xebL\x8d\x88'</t>
  </si>
  <si>
    <t>b'\xd4/lb\xfc\xf6M\x05lE\xcbh\xdd!hG\x07\x94_~|\xf7\xe4\x01WD\x9e\xc5\xc4~\x82o'</t>
  </si>
  <si>
    <t>b'i4\xdfFV\x1f/\x02&gt;\xdd7\xcf\xea\xf3\xda\x86\xa2\x1e\xef\xe6\xb1\x8e\xdf\tg\xd4)4\xeaX\xc2R'</t>
  </si>
  <si>
    <t>b'"P\xeaKfmd\xac\x03\xf9\x98vr\x04\xcc\xc7|(\xdc\x9e\xd0h\x02\xf6\xd6\x90\xa8s\xedf\xda\xf1'</t>
  </si>
  <si>
    <t>b'.\xa5\x87\x88\xa1l3\xd3HU7\x98\xe9\x1f\x0c\xb6.\xc6\x86\xf4\xc9\x8a&gt;az\x13e\x89\x16y3\xa2'</t>
  </si>
  <si>
    <t>b'\xc9\xadA\xf3\xf5f\\\x96\x1c\xfc\x05\xc6\xe3Y\x90\xca\xb4\xe1\x94\xed\x02\x03yQ\xbd\x02\xf3\x9c.&lt;P\xca'</t>
  </si>
  <si>
    <t>b'\xe5\xa6%\xc0\x84\xe6\xb3\x0eg(\xf5\xa8O\xe0V\xdb\x99\xd9\x7fx\x00PM[\xe71\xdaF\xf8\xa9\xb5\xf2'</t>
  </si>
  <si>
    <t>b'\x00\x86m"v\xe5\x10^\x04\x86\x83\x14-2\nG\x97\xd7\x90\x83c\\6Y^d\xfdd\x8fJt\x12'</t>
  </si>
  <si>
    <t>b'\xd7\xe3o\xaf\xf3\x9d\xd2\x1f~\xd7\x11K_(#\x9aX\x86p\xff\xab\x11w\xb3\x0f\xa4\xee\xcd\x970\xb5P'</t>
  </si>
  <si>
    <t>b'\xf7\xf3w\xf6S&gt;\x1d5v\xbf\xab\xca\x1a\xa3_qB\xca%\xdc/k\x9eF\x02\x12\x10$\x92\xac\xba\xa3'</t>
  </si>
  <si>
    <t>b'K\xe4h\xae"\xe4/\xdc!g\xab\xa5wx\xf1U\xf1\x12;\x17F\xaa\x87\x10\\\xf5\xc9:]\x87\x17v'</t>
  </si>
  <si>
    <t>b"\xaa\xeb\xf7K\x16\x8d\x1dL\x86'9\\n0&gt;T_\xddF\xa4\xab\xd5!h\xaa\xc1\xf1m\x84\x89t\xe9"</t>
  </si>
  <si>
    <t>b'K\r\x9ec\xad\xe2U\x13x\xb6\xeb\x836\x94\xf8P\x1a\x11\x01j,\xe6q\xb6o\xf4&gt;X+1x\x97'</t>
  </si>
  <si>
    <t>b'\x89\xd1X\xe3\x1e\x1f\x13\x97$y\xa3\xc7$\xda\xcdE4D"\xa4\x9b\x0c\x0cQ\x9a\x02\x080\xdb\xf5\xa84'</t>
  </si>
  <si>
    <t>b'\xfd\xa9\xa1n&gt;b!^\xbf\x8d\x01O}\x93\xb9\x15\x06\xd6/H\x88\xe9\xa24\xaf\xf4%\xe9\xdf\x1b\xaf\xad'</t>
  </si>
  <si>
    <t>b'\x8b\xfc\xa1X\xf9\x9d%@\xd4\x04\xb1\xc6\xd3C=\t\x05\xdf\xda-\x8b\x0e\xee d\xe2\x1a:a%\xec\x83'</t>
  </si>
  <si>
    <t>b'\xfa\xef\xa2X\xa1T\xb8\xf9\x8b\xa4"\xf7\x10\x9d\xdc\xaf\x15\xf3&gt;\xb5\xd1A\r\xceE\xb15\xdbc\xde\xcdu'</t>
  </si>
  <si>
    <t>b'&lt;\xfc\xc4D\xb2\x16\xd7a?\xdd\xf5^\xc7\x0c\xb0G!\x1f}\xd1M\xd5$K\xa9j\x1d6!\xd1P@'</t>
  </si>
  <si>
    <t>b'\xe1\xe7\x02[u^\xacC5\x02\xce\x94\x02~\xe9f\xa2\xd1\xe4\xb7\xd98\xd7v\xde\x9bM\xe6qa\x9bt'</t>
  </si>
  <si>
    <t>b'\xb4(\xfc\x11\x03\xd5\xffJ\xbd\x10M~\x86\xf8\x9fmZM\xb7\xc4\xfag\x04+\x97\xbaq\x9f\xf1PO\xd3'</t>
  </si>
  <si>
    <t>b'\xdb\xa9@\r\x06\x9c8\xcb\x1f\xfdy\xd0h\xbc\xfb\xa7\xed][\xbevd\xc6SoY4\xb7)\xa6.\x08'</t>
  </si>
  <si>
    <t>b'p\xf8\xb1\xea\xe3&lt;oy\xd8{\xef\xe8\xac\x01\x15&gt;\xa4\xa0h\x1b\xb9\xadL\x95\x9b\x98A\xe6h\xc4A\xf2'</t>
  </si>
  <si>
    <t>b'@\x8d\xb5V\xf3!\xff\x02Cc\x99&gt;6S\x1c\x1ey\x91\x0c\x02\x050z\x16C\x9cF!\xa17\xe5:'</t>
  </si>
  <si>
    <t>b'\xa3\xa6_}&gt;l\xa4y\x06K\x04\x86\xd5.\x89B\xa9f\x92\x9b\xa1Q\x82jn*\x96\xf6\x9c\xe7\xf3\xfc'</t>
  </si>
  <si>
    <t>b'\x7f1hS\xca\x16\xc5\x11&lt;\x1a\x1f~\xf1\x00\xce\xed\xdb\xdcC\x17\x16~\xf4f\xd0\xcd$\xe1\x83x\x08\x86'</t>
  </si>
  <si>
    <t>b'y\xe4\xeb2\xb8O\xe1\x0fl\xc0S\xc7\n\x87&lt;[\x04WT\x9byJ\xf5O\xf7\xf3\xba\xfa\xa2\xba\x83\x16'</t>
  </si>
  <si>
    <t>b'\x9e\x0f\xdb\n\x81\xf9\xc8r(\xe2$\xb4\xe0MG\xfd\x96\xfa)\xf7\rn\x90-$U\xfeCP\x04d9'</t>
  </si>
  <si>
    <t>b'\xb3\xbf,\x88\x7f\xd1\t(\xfc\x110\x03w\xdc\xf3a\xbc\xa2\xfe~0\x80\x02\x8e\x9a\x9b?01\xb6BR'</t>
  </si>
  <si>
    <t>b'O\xde\x96gr\xf1\xf0\xce\xc5\x00\xb3:\xe5\xf2\xac.\x93\x10*\x95\x18\xe6Ol\xf8\xb8\xcfP\x01F\x9b\x82'</t>
  </si>
  <si>
    <t>b'p&amp;\xf5\x01Q^b\xeb\xbba\xe3\x10i\x1a\xa3D\x82\xa0\xd4\x022\xe1\x15`\x1bl\xa3\x8e/\xe7\xd2\xd0'</t>
  </si>
  <si>
    <t>b'\xf8\xce\xf8:\xfa\xab\x1dg\xb7\xc7\x0f\x11T\xc1\xaf\xfc\x7fT\xa8I/\xb2\x0f/l\xaes\xf64 \x16\xff'</t>
  </si>
  <si>
    <t>b'\xfc\xb9|\xc6l\x94\x9dF]\xd4\x17Rv\x06\rI\x93\x96\xf1\xd8\x99\xffuF\xab\x9b\x1c\x04\xd3\xc0\x0fY'</t>
  </si>
  <si>
    <t>b"[I\x1e\xbd'\xfc\xb8\xa9&amp;\x8c\xa7\xddb\xd9\xa7\xb9\x12=\x928\x8a\x8c\x90U\xba\x94R\xf7\xaa\x07\xeb\xdf"</t>
  </si>
  <si>
    <t>b'\x17FN@:\xc6=\x81\xc8\xfc&amp;\xd7\x8e\x12\x8f\r\x92IG_\x80\xfd\x961\xb1\xd5[\x03\xf9\xdf!G'</t>
  </si>
  <si>
    <t>b'5\xa9j\xcb\xa8R\xb7&gt;\xc7\xed\x9e\xd0\xb6+.E\xa4\x93\xa6n8\xdc\xc6\xd9\xe0\xe3z\x96L\xe4\xcf\xe8'</t>
  </si>
  <si>
    <t>b'\x93\x92\r\xfa\xaa\x05\x8e&lt;M\xcd?\xcb\xbc\xb3\x9cz\xc8\x10\xfc\xca\x8f.\xe5{6\xcb7h]\x19\xf5\xd5'</t>
  </si>
  <si>
    <t>b'(V\xdf.i\xfd\x08\xacI\xd9L\x90!\x06\xd5c\x06\xf64\xf0\x15\xacN11\xc8c\x8aK\x17\x8a\xdb'</t>
  </si>
  <si>
    <t>b'\xb4\x15\x83\x96\x03+\x8c\x1fDY\x98\x9f\xb8(\xdb\t\xd6\x1e\x022\xda\xd6\xf8\x87\xa9^T\xa91\xe6!\xfc'</t>
  </si>
  <si>
    <t>b'\xf1[f\xf9\xb4\xe5\xbf\x1a\xcb\xea\xd0c\xd8\xc9B\xc1\xe7\xa5&lt;\x9c.\xf8"\xb1&amp;\x0c\x99\xf95\xdb\x08\xd6'</t>
  </si>
  <si>
    <t>b'\xce\x86\x0f\x94\xc9\xca\xa5^\x10\x8b\xdeY\xe4Fe\x9bp/SYh@\xb1\xc4\x86&gt;Ef\x9bm\xa5\xba'</t>
  </si>
  <si>
    <t>b'4\x97\x7frW\x1a\x01\xaf#\xfb\xfb\xa2\x17\xec]n\xa4\xc2[\xb4Q\x94"c\x85}\xddO\xeeE\xb1\xa3'</t>
  </si>
  <si>
    <t>b'\x9e\x8d\xa1\xbe\xb0w\xe3\xd9tm1d\xae#$\x9aP\x86\xb91#kl\xfd\x8cT!\n\xd1\x9f`\xf4'</t>
  </si>
  <si>
    <t>b'\xeb\xc2H\xe1\x15` \x04E\xd0\x82\x8d\xf0\xa5\x88\xafe\xb5V=\xbbG"\xf71\xe2\xef\xf0aw\xe6O'</t>
  </si>
  <si>
    <t>b"\xf8\xa5`WKAE\xa0\xeb\x8au\x06\xdb\x9ea\x89\xbd\xff\x1b\x8e\x87'\xf5\x19j\xe2\xd7\xec\xb0\x9av\xca"</t>
  </si>
  <si>
    <t>b"\x86M\x93L\x98\xe5\x8d\xc9\xd6\x04\xac\xd5\xe1\xf4\xd0r\x8eG\x0e-\x96'\xf4,\xe4\xc5+\xd5\x1c\x17#\xc6"</t>
  </si>
  <si>
    <t>b'\x98\x10\x8d9_W\xcf:Ge\xd0B\x82\xa4\x11XU\xd2\xc0,L\x17U\xa9.4\x18\x0c\x87\xe1\xbb:'</t>
  </si>
  <si>
    <t>b'4\x03\x04[L&amp;\xff\xd1a\xa3\x0b\x83\xd7!}\x9a\x1cC-\n\xa9k\x9f\x81\xe8~\xddQL\x8d\x13\x80'</t>
  </si>
  <si>
    <t>b't\x08\x05@r8\nm\x88E\x8f\xa6cZ\xa9\x1b\x9d:\xf8h\x98HD\x13X\x8ad7\x88M\xe1\xfc'</t>
  </si>
  <si>
    <t>b'\xe4\x98{0kW2`\xdc\x96q\xaau&amp;xm\xdb\xb0\xedP\x0e\xb7[\x802\xad*4V\xb2\xa6\xaf'</t>
  </si>
  <si>
    <t>b'\xc1\x8fM\\\x1f.\xa5\xd5*&gt;\x02\x89\x96\xd8\xb4\x04\x0ftX&lt;U\x91\x93&amp;\xd5e\x84\xe3\xee$\xbd`'</t>
  </si>
  <si>
    <t>b'q\xe2F$\xd7\x96\xcd5\x1aD\xcc\xd1\xe9\x88a_\x8d\xd7M}&lt;EEt\xcf\xf3\x8f\x0c\x8b|\x88!'</t>
  </si>
  <si>
    <t>b"\x19\x1bR\xbej\xba5K\x13\xa9x\x08\x1d-\xae'\x95\x87\xb6\xeat\xc1XG\xf5\xd8u\xf7\xc7\x99q("</t>
  </si>
  <si>
    <t>b'@~\x14R\xdb\xd2\xa5i\xd3\xf36\x9byt1\xb5\x06+?\xe25\xf9\x9b\x0c\xc9\xb8&lt;.\xe7\xeb\xe5\xd9'</t>
  </si>
  <si>
    <t>b'h\xe6\xc6)0\xa0X+s8W\x14\xce\xf2\x81\xf1i\xc0\x90\x0f\xaa\xa6F\xb3\xd1\xcc*\x84\x80\xdc\x85J'</t>
  </si>
  <si>
    <t>b'\x1b\x93\xba\xc7\xcf\x14!\xf4(\xf30\x1e\xc5~9\xb9\xc2O\xee\xe8\xe4"N\x0fh\x0f\x1b\xfe\xe9-\xea*'</t>
  </si>
  <si>
    <t>b'\x10\xb7\xf6\xc2[/\x1d\xc9\x058@\xe9U\x14\xc3\xf1:\xa8\x17\x81\xbf\x13\xe3A\x8e\xcc\xf9\x93\xd1-\x7fo'</t>
  </si>
  <si>
    <t>b'\x1ct\xef,\xd3OY\xfab\xcb\xdf IWG\xf5l\x8d\x16\x81\xfd\x98\xf1\xc4X\xb8\x1c\xeb4\xb8\x92\x8b'</t>
  </si>
  <si>
    <t>b'xF*b.}\xee\xe8J^\xf7\xe7\x11\xe9@\x89\xfd\x04\xdaT\xb9qn6\xcb\xf9P\xe0-L\xdam'</t>
  </si>
  <si>
    <t>b'T\xe9\xb0/\xe8^\x04\xf0\xa4\xd5\x1aCY=\xea\xf1!\xed\xdd\xd3,u\x8e/\xf3\x9c\x0cD\xe7\xe0\x8b4'</t>
  </si>
  <si>
    <t>b'W\x1de=\xcb\xe5\xa0\xf3wV\x14\xfc\xa2\t^\xa5\xa0\xfa\x94PG\x0f\xa2\x10\xe2\xf3\xe7\xeb\xc8\x109o'</t>
  </si>
  <si>
    <t>b'\x14\x1f\xc1\x99\x93\x85\x86_$\xf0\x8cfHf\xe4\xf0\x86c\x0e5\x08^\xd1\xd2V\xf8pZ\x05\xc4\x83@'</t>
  </si>
  <si>
    <t>b'\xad1\xf7\xfb"\xe1KQT\x0b\x13\xff\'\x0b\xd08\x0f\xa8]5\xc4y\xa3\x19gh7\xe6\x81o\x13\x02'</t>
  </si>
  <si>
    <t>b'79\x18\xbb\xf5\x13\xd8\xf5\xdfO\x18\xdf\xe9\xd6`\xc1\xc4m\xd1\xd1\xbd\x88#\xc5)\x1c\xf9\xc0\x84(E\x91'</t>
  </si>
  <si>
    <t>b'3\x89\x1c*\xcbQ\xb6\xa2\xe1\x17\xa2\x0f7\xc1l\x8e6\xa7\x1e\xcb\x90\xd4H\\\xc4N\x0fA\xc3\xce\xfaQ'</t>
  </si>
  <si>
    <t>b'\xc8\x19\xb1\x83p\x0f;\x89\xb0\xb7Z7&lt;\xc7i\xcd8\xcf\xdd\x863t\xb3\x14\xbd\x98(\xa0`\xd92_'</t>
  </si>
  <si>
    <t>b'\xefr\xd1\xa2\xdd\xcc\xf8\xb6(""\xc8\x03\x16e66\xbe\x9b\xc4\xc61\x1b2\x00\x14\xbb\xfc 6\x8dY'</t>
  </si>
  <si>
    <t>b'\x0b\xfd\x00\x90\x12\xff\x7f+\x06\x92~\x8c\xbb m3\x19\x19\xa3\xe6[\xbc\x89[\x10\xb3u\xabs\xea\xc2d'</t>
  </si>
  <si>
    <t>b'\x18=\x1d\xf4D\xef\xd6\xdf\xb5!\x80V:\x9er%\x1a\xfe\x02\x11C\x16\xbf\x00S\x19\xe6\xd8\xd1\xcfM\xaf'</t>
  </si>
  <si>
    <t>b'f_\x9e\x0c\xb2y]\x82\xc0\xb0\xd6T_\xbf\xebY&gt;\xe1y\x10\xa9/I#\x87\x19k\x83\x97\xcc4\x10'</t>
  </si>
  <si>
    <t>b'\xdfL\x08L[U_-\xee\x9b\x0fl\xd3\xfa\x08\x8a\x83\x9c\xa4@\xcf)\xdaG\xbfw9\x1a\xd1\xcc\x90%'</t>
  </si>
  <si>
    <t>b'\xc9\x0eG\x94\xbcH\xcb0M+\x7f\xb0#]\x81\xd9\xd2\xb8\x0e\xb9\x84\xd9\x11@8\xael\xfbpm\x1fA'</t>
  </si>
  <si>
    <t>b'\xe5\xb2\x8e][j}\x90\xfe\xc5\xfa\xa6@}\xb7\xe5gy/^\xe1\xb1\x9e\x8b\xca\xb7\xce\xa8lA\x92\r'</t>
  </si>
  <si>
    <t>b'\x05\xaf^\xdff\x01\xd0]&lt;\x1e%v\x97\xdb\x11\x80\xb9\x7f\xd4.=O\xdcn\xa0\xca\x1b\x90\xfe|c\x8b'</t>
  </si>
  <si>
    <t>b'\xc0\x18uF\xa3\xf8\x97\x13\xe7u\x8a6";B\xc5i{\xdd|\x14\x9a\xf3\xdb\x9b\xa7\xb5z\xa8\r\x84\xf6'</t>
  </si>
  <si>
    <t>b"x\x88\xf0\xb8\x05\xc3^9\xaf\x8eE\xad\xa4=\xef\xdcV\x95\xfe=c/\x1d\xcd\xa2\xb7\x84\xae\xe6\x85\xe5'"</t>
  </si>
  <si>
    <t>b"\xfb\x96\xb5\x1f'}*\x91X\xe3\x03\xc0\xcc.i*c\xda\xdb.\x1d\x83s\x1f({\xfc\r`\xa5\xb8I"</t>
  </si>
  <si>
    <t>b'L\xdb\x03\\]\xdc8\x96\xb1\xfb\x81\xc0\xe6\xd4\x97\xb8\x10\xd4\xe6\xa1R.\x12\x87k\xd6\x88\xda\x1c\xacM\xc3'</t>
  </si>
  <si>
    <t>b'_\xa4\xe8\xdf@EX\xc6\x8b\xa1\xfen\rD\x19uhO!\xd7\xbe/\x98\xc2\x9f\x87:9\r-\xf2\xf9'</t>
  </si>
  <si>
    <t>b'\xfe\xbb`\x07\xae^\xd7!\xa8q\xd72\x00b\xd3\x7f\nLe\x17\x96\x12\x87\xcf{\xfd\x05\x14\x1fA\xd3\x1f'</t>
  </si>
  <si>
    <t>b'7\x0e\x10\xe2\x13,6\xc3\x93o\xb1`71\xab\xda\xf6\rF\xe7\x8f\xac\xb8\x07tv\xdd6\xfdy\x9er'</t>
  </si>
  <si>
    <t>b'i\xb0r\xf2\xa9\xe6\xa5\xdf5s\xe0\x93\xb7X\x15\xd7Z\xf3Y!\xdc\xab\x0f\x00\xcbU\xb4K\x80o\\\xb8'</t>
  </si>
  <si>
    <t>b'\x1a\x1e]\xce\xfd\xdb\nu\xb22\xaf"\x18{\xabI~\xf6\xc6\x988\xf3\xc87d\xa5\x08#\x9e^u\xd7'</t>
  </si>
  <si>
    <t>b'\xdb\xdc\xc2\x8c\xdb\x17\xd4@\xdf\x7f\x84&lt;\xa7\x10=\x8f\xc9\r\x16i\xc8\x1b\xd9\xf3\xbf\xec\xde\x92\x82\xda\t\xe2'</t>
  </si>
  <si>
    <t>b'\xfd\xcdx\xd3\xbf8\xb6\x12+\xa9\x1b6\x0c\x8bz\x83\xe5\xb5P\x1e\xbf=\xd5\xaba+\xc6\xfe\xed\xce\xd4\x96'</t>
  </si>
  <si>
    <t>b'D\xf4\x16\xed\xdf\xca\x86\x1bs6i\x8e\x04,\xfa\xd2\xfbe\xe3L\xcf\x82\xa6z\\qy\xc9y?\xea\x7f'</t>
  </si>
  <si>
    <t>b'\x80\xe3\x92t\x92\x98\xc2\x03\x90\xf8\xc3\x1d\xf4\x99\xe2\xb6\x89\xa2\xcbq\xdb\x9a=\x15x\x17e\x07\xa1\xab\x1d\xe9'</t>
  </si>
  <si>
    <t>b'Q7\x08\x88\xd6\r\xb1\xd1\x97-o\xef\xe4\\\x12~ZU\x1a\xe5\xa8\x1f\x84"\x8brf-Nt\x11\xf8'</t>
  </si>
  <si>
    <t>b'\x10\xa9\xed\xfar\x1aV\xc5\x1f\n\xde\x04\xf1\x0e\x17M)\xf8\xc2S\xb0&lt;\xd7\xaf\xb6*0\xc0\xcfH\x865'</t>
  </si>
  <si>
    <t>b'\xf3\xce\xac\xf2\xb9\xb7\xf4\xa3L\xb8\x89\x8b\xa2P\xa5\xeb\xfd\xe5\xceq)R\xea\xc2\xff\x80Z\xa2&lt;\xda\xa8v'</t>
  </si>
  <si>
    <t>b'\x01=ZN|\xd0f\xfe?)\xf6\xaal\xd4J\x182\xce\xba\xae\x95\xebx\x1c\xc5X\xd5\xc7&lt;#\xfa\x96'</t>
  </si>
  <si>
    <t>b'\x80\xcd:\x93\x9a\x11z\x16Ryn9\xb5p\xcb\xe8&lt;p\xc3\xcf\xd9\x07\t\xa5e\x14\xc3Y\xdeZ\xac\x93'</t>
  </si>
  <si>
    <t>b'\xcf\ni\xb2\x88Hf\xe8P\xff\xd6r\xe6\x8c!\x13yj+r\x98;\x9a\xb6\xf9\xc6]\xc0\x19\x1c\x7f\x9b'</t>
  </si>
  <si>
    <t>b'U\xc2\xbf9{\xd6\xc9\xbb\xd9\xd5\x00@\x1b\xa6\xc5\xb2\tl\x88\xa1o\xcc\x9b+\x019~\xb9\x9b\x16\n7'</t>
  </si>
  <si>
    <t>b'\x8e\xbd\x015\xc9\xaa\xec)\xc3\xd1\x03w \x8ePg\xdcj}\xe2\xac\xbcjm\xad\x012\xa1\xa5\xf1\xb5\x03'</t>
  </si>
  <si>
    <t>b'\xa6\xb0\xfaf-)\x98\xeb\xd1\x9b\t\xdc\x18K\x16\xc0@\xf9nO \x04\xe3\xf11d)\x939O\xbf\x12'</t>
  </si>
  <si>
    <t>b'\x1d.W\xda6W\xec\x13\xbf\x0e\xf1E\x06\xf4A\x94\xb4\xc6Uw\x96;\xfc\xd1\xd4d\xaeE\xc7\x04\x990'</t>
  </si>
  <si>
    <t>b'\x815\xe1\xe1\x12\xfbA\xf9D\xb6\x00,\xb7\xce\xcbSJ\xca\x1f\xc8%\xdc\xa6t\xecodA\x887\xb5\x83'</t>
  </si>
  <si>
    <t>b'a\xdc\xfe\xe6w\x92@\x15\xf2\xc2\x1b\xe5\xffxm\xfb\x8b\x19\xb3\xc4\xbb:\xef\x9e\xa8\x10F8nn\x94I'</t>
  </si>
  <si>
    <t>b'Y\xa6\x9f1\x05\x12\x04F:]c\xa0)&amp;\x16%\x01*V\x8d\xd4#k\xd8\xf4M\x0f\xcaJ\xcb\x18k'</t>
  </si>
  <si>
    <t>b'+Cr&lt;\x85\xab\x94\xf1\x83w\xa3\xbe\xf7t\x9b\xb3\r\x7f)L\xe7R\x91\xecb\xce\xd0\xfd\xe2:\x96{'</t>
  </si>
  <si>
    <t>b'\x0c\x0f\xc8,\x9d\x9d\xca\xf8B\xec\xe8G\x8c\xbet \x05K\xba\x01\x97\x07d\xdf\xc8q\xc7*\xf0\xef\xb2i'</t>
  </si>
  <si>
    <t>b'\xc9\xf6\xf7\xad!\x1b\x05\xc8\x18\xb0,\xab\x9d\xd7\x83=\xd5`\xd3\x1a\x088\x0f\x9a\xdc\x02\xe1d\x82 \xd9C'</t>
  </si>
  <si>
    <t>b'\xc3$\x07\xae}\xedc\xbc\x15\xcd\xa0\xa1V!?\x02\x89\xb3\xef\x9d!\x86P\xc4\x01e\xc3\x94\x0e\xf9\xe1?'</t>
  </si>
  <si>
    <t>b'K\xbd2\xd1PX\xb2\x80h\xcd\xfd\x07\xcdO\xf1\t\x1bi\xc43\x11\xeck\x0f"{\xba\t\xdc\xd0\xad\x89'</t>
  </si>
  <si>
    <t>b'\xfc\x83\xa9\xda\x1b3\xeb\xfb\xd2\xac&amp;\xb33"\xe6\xad&lt;)\xd0+\xe4\x11g\xd9\x80:~\xf5\xba\xb1l\x19'</t>
  </si>
  <si>
    <t>b'jq\x95\x8c\x040\xd6\xbf`\x82n\xe5W\x90\x93D\xce\xccBg\xe8\xc9h\xe6\xd7I\x00\x96\x16P\x04s'</t>
  </si>
  <si>
    <t>b'l\x92x\xca\x86a0\xadXc\xbb\xf7\xdc\xc2\xbc\xf0\xe1]\xde\xa9\xc5w-H\xedQ\xb90W\xba%n'</t>
  </si>
  <si>
    <t>b'\x13\x99\x8f\xf6B\x0cg\xb4\x90\n\xf7\xff\xa4\xbc\xe8E\xd3\xe4\x95\x0f)\xf5\x87\xfa\x9e\xe11k\xc8(\xf8\x9f'</t>
  </si>
  <si>
    <t>b'\x87\xe4\xaa\xd1\xcf\xa5\x0e\xeb\x0e\x93\x02H\xf5\xb7/\nh\xec\xc4\xf10y\xe8\xdaD=&gt;\xc6)\x1f\xdf~'</t>
  </si>
  <si>
    <t>b'\xf2&amp;\xd5\xa3\xd0\x0b\xff\xb6X\xa3\xc1lj\x8f\x83\xf4\xd9\x13\x8c\xa3y\x14\xbc\xd874\xe5\x19\x84\x19\xedk'</t>
  </si>
  <si>
    <t>b'S\x9f\xeaP%.AG]\xc67\xda\x95\xd94\x05\xb5W\x9fs\x96\xba\x93:\x03\x11\x00\x7f,\xa1\x0c\xed'</t>
  </si>
  <si>
    <t>b'\xcf\xdf\xd3\xec\xadh\xab\xcb\x15\x86\xf0\xd8\xd0\xbby\x08 \xb1;_\x8fxrU\x81\xc5q@\x06\x90`\x04'</t>
  </si>
  <si>
    <t>b'\xad-\xd3?\x12\xe6\xe4\xcd\xd1-\x18_\xe8\xf03\xb0\xb5K\x00AA\xcb?\xfa\xc6[P\x7f{\xa1$q'</t>
  </si>
  <si>
    <t>b'\xb7\xe8\\\x90\x050\xe3-N=E_n\xad\xa5\xbb\\{+\x970\x9ft\x98\xb4\xdd\x89\xfc*\xbeu['</t>
  </si>
  <si>
    <t>b'\xcdi[\xab\xe8\x1e9\xc6\xe4\x0e\xb8\x8f&gt;\x04\xa3\x97\r9\xd7\x97a\x18\xa0Q\xaaz\xdd\x80Y\xde\x95\xe6'</t>
  </si>
  <si>
    <t>b'{{\x9f\xf4m\xdf+\xeex\xed\xa27\x1e\x8c\xebp6\xc6 ]\x821\xd5,\xa7E\x10\xb2\x92\x16\xb0P'</t>
  </si>
  <si>
    <t>b'|\xe6pq`s\x133\x14l\x99\xc8\xc0\x88\x14\x94\x1d8Ew\x96\xd5\xa0\xad\x10\x1f\x0c\xd6\x98\xf8\xf0\x97'</t>
  </si>
  <si>
    <t>b'U\xff\x93\xe9\r#\xd5\xc4(\x94\xceDr\xa5ls\x8b\xc0\xb6j\xc2\x9d,o\xdd\x17&amp;\xbd\x937\x8a\xdd'</t>
  </si>
  <si>
    <t>b'\xd0\xa5\xcf~\xfc\xd5\xb8M\xe2l\x99\x10lb\x8e)\xec\x9c\xfa\x89\x97\x13\x1f\xe5{\xeb\x01\xb0\xe3h\x0cb'</t>
  </si>
  <si>
    <t>b'&amp;\x80\xa5\x9f{\xbb\x9b\x04\x14\xa8\xd9\xafU\xc5\xae\x1c\xb8|\x7f\x9c\x95\xbb\xd0\x8ff\xe8BZS5\x00\xd4'</t>
  </si>
  <si>
    <t>b'\xb1(Y\xb2f\xec&lt;\xa2e\x9a\xf0\xcb\xda\x8b\xca,S\x91\x8d\xb4d\xd5\xa2i*\xc8\xfc\xa27\x00~\x13'</t>
  </si>
  <si>
    <t>b'\xc1H\x14\xc0\xa9\x0e\xd2\xee\xeb\xf4\x91J\xfe\xb7uI%\xe4Av\xe4x\xbaja\xed\xa7\xe4\xc3\xf3r\xcb'</t>
  </si>
  <si>
    <t>b'\xd2\x9cr.\xe1\x19\xa6\xab\xf2]\xb3\xfd\xc4\x82\x0f\x1e\x8f-2X\x82E\xe1\x9d\x8e?\\s\xbb\xdd\xc6\x9e'</t>
  </si>
  <si>
    <t>b'`\xdfa\xf8\x83c\xe63\x1ce1\xda3\xd2\x85 \xe57\xc7]\xc3\xa1\x92\xa5&lt;\x93\xac\xff\xe2\xb5\xb5t'</t>
  </si>
  <si>
    <t>b'\xea;\xf9I\x9d\xb3\xf8\xf2.\x99\x94g\xe6\x9b\xa7K\x8d\xa9\x1b\x12\x8b\xcf\xb1\xa8\xeb\xb8\x8d\xb0\xb6,\xc7\xd2'</t>
  </si>
  <si>
    <t>b'\x81\xbc\xaf.^\xf6\xd2\xbdzZ\x88\xe3\xa0\xf8 \x14\x1a\x0b\x88\xe6\xdb\xf7\xa3:\xde\xa5L\x11\xdf\xa8\x0f-'</t>
  </si>
  <si>
    <t>b'\xda\x95\xac\xdd\xbc\xbf\xb5\x9b\xddl\xdd\xd1@\x85\xa6TR\\DN}w\xd0\x94\x9e\xef\xe1\t^\xee\xa5\xc3'</t>
  </si>
  <si>
    <t>b'\xbba\xc0\xd8\t\x01\xcc\x81/R\x92\xf8=\xa6\xfb\x86\xf39vj|a\x17*1$+1\x8d\xd8\xff9'</t>
  </si>
  <si>
    <t>b"\x0e\x15\xbfP'\xec~f\x03`\xed\x91,\x1b1\xbf\x10\xc3.\xcd\x0c{rH\xe7\x8cza?m\xc9\x0f"</t>
  </si>
  <si>
    <t>b'\xed\x17\x1eAz\xe0\x1fx\xed\xd4\xfc\xdbo\x05\xb3KZ\x7f\xe7\\|\xa0\x0c\xeaI/\xa8\x97\xd19\xf7\xa4'</t>
  </si>
  <si>
    <t>b'\xc4\xb1\r\x14\x80\x14\xc8\x15\xbd\x14\xb2e\x8e\x11\xe2\x8d]\x110\x14\xac\xb2N\xdab\xc7\xec\xe2\xb6\x9ag\xc0'</t>
  </si>
  <si>
    <t>b'x\x0f\xbaG`I6\xd0\x8e\xb8Yf\xfe7"\xed\x16\x17\x85\x90\x133\xc5YCq\x89\xebp\x81[\''</t>
  </si>
  <si>
    <t>b'\xf7\x0c\x9c\x9f\xaf\x9c\xeb\xeeAZ\x88F\x16A\xceJ \xc7\xac\xc6\xa77\x12\x01\x8a)\xa5\x11h\xf4\xa4\x08'</t>
  </si>
  <si>
    <t>b'*jzLg[L\x98\x894\xa1\x18\x8c\xc6\xd1\x1c\xc3\xa2\xd4\xd1\xb5m\xad\x99S8F\xe7\x1ciV4'</t>
  </si>
  <si>
    <t>b'\xa8\xa3RL\x06\x96\xca\xeb^\x8c\xc6\xb7\xc2W"\xd3\xc9\x88_J\x15\\8X\xae*\xdc7ue\xb8\xff'</t>
  </si>
  <si>
    <t>b'\x98\xe6\x9b\xc3M/\x0c\xea/#Z$#I\x84\xe1\x12\xd8\xcaz\xc2h\x0e\xcf\xf9@9\xaf\x99\xd7\x85\xdf'</t>
  </si>
  <si>
    <t>b'\x86\xf4\x9f\x11Ai\xfd\xfc/\x88}\xf7\xb3\xa8\x0c\xf9\x9cQ\xd5\xe9\x06m\xb1\x04l\xadW[\xd79\xf5g'</t>
  </si>
  <si>
    <t>b"?&lt;\xbd`\xf0\xcc\xdf:\x8a^?'\xe1:\xae\xa6\xa6\x9b\xa9Y@\xb9xV\x85'\x9b\xa9\xa2\n\xa5\xd6"</t>
  </si>
  <si>
    <t>b"Z#1\xe6a\xb5\x17\xa2\xc0\x80]\xd0\xd4;B|\xb7\x9f1\xc40[\xcc\x14\x12\x9a\xb62\x9c\xab\xf0'"</t>
  </si>
  <si>
    <t>b'\x8a\xd7t\xd9P0t\x8df3=\xe2\x9a*\xc4\xa3\nS\x11\xf1\xd7\xfbJVE\x93\x17\xd8\xe6\xd9\xe6\xc5'</t>
  </si>
  <si>
    <t>b'8@{\xad\xc7\xaf9I\xa7\x13\xf3\x9cjn]\xecS\xe0\x0c\x9e=U\xf5\xf1N\x90\xad\xb1\xa6\x1cF\xce'</t>
  </si>
  <si>
    <t>b'\xda\xaaL\x86\xd67ip\x9cKF\x8d\xaa[\xf0g\x91\x16\xefh\xd4\x05\x909:\x9f\xec,\xc6/n\xf2'</t>
  </si>
  <si>
    <t>b"ar\x08\x8f'\x9f\xfa\xeb\x1c\xd5;yd\x93C\xe6\xcfK\x98j\xafJ2\xd4\x92,\xa3.bM\xef\x9d"</t>
  </si>
  <si>
    <t>b'\t\xe3\xc4\xa1\xe7\xd4\xf9\x9dS@\x96\xf3\x9a\xc9kB\x96\x0b/\x8a\xd5\xbd\x18Z\xfe\x94\x1e\x91\xeda\xd3\xbc'</t>
  </si>
  <si>
    <t>b'\xcd\x02\x00\xa4\x05\x9cj\xc8\x8c6\xfc\x9cO\xba\x11\x99\xc6&amp;\xbb{\xa6/?\x12X\x14`\x10\xd5\xdf\xf0\x86'</t>
  </si>
  <si>
    <t>b'(,\xdc\xb3\xa2\xdf\x93\x87\xb5\xf0/\x9b}n\xd5\xa8\x8d\x0f*\x94\x12\xb3X\xf8t\xa8_\xd0\xa2W\xd7X'</t>
  </si>
  <si>
    <t>b'#*\x8apD\xe3F\xacN\xa1\xb0w=\xb1I\x06\xe0wZNf\x8c\xc6\xae\xde\x1a\xe2\xaf\x17\xd0\xc0\xa3'</t>
  </si>
  <si>
    <t>b"\x91\xe6-f\xc9X{\xdf\x13\xad\x9f4\xed3z3\xc5\x86\xdd\xd6 \r\xc2\x9cq\x1d\x1dm\x8dl\xcc'"</t>
  </si>
  <si>
    <t>b"\xd9\x82\xc6\\\x87\x16\xfe\x1b\x84Q\x0cY|A\xd49x^\xdd'\xf0&gt;\x16kM\xbdm\xfbc\xa8\x01\xd7"</t>
  </si>
  <si>
    <t>b'e\x85\xdc\xd5a:\xc0\t\xdb\xcc\xb7\x13\xbax\xc1\xc0\x10SVBFolJ\xba\x05M\xab\xc0\x11-\xb3'</t>
  </si>
  <si>
    <t>b'uk\xda@\xbc\xeftu\x8b\xf0\x84\x85\x9a\xb0\xe6\xcf\xd3\xc7\x0f\xf1\x17A\\\xd0x\xeam\xfe\xab\x9e\x97\xc0'</t>
  </si>
  <si>
    <t>b"\xe8\n\xf9\xb3\x1f\xcdw\xca\xef,\xaf\xe2W\xb8}/\xe2\xf6'Wx\xfd\xb1)\xd5\xf3\x88\x0f\x8cz\xf7\x92"</t>
  </si>
  <si>
    <t>b'\xcc&amp;\xd5\x96\xa9 ==\xb8\xa7\xe3\xb9\xb7\nBh0\xc5&gt;a\xd0\xc1;\x13\x92\xd7u\xb9$\x8b\x0b\x86'</t>
  </si>
  <si>
    <t>b'\xe3\xa2\xe9\xff[\xb8\x82B\x8d\xf0\x84G\x07{\xcb\xd8\xbf\x10up\\\x1b\xbd}[%\xcc\x1f\xbd\xa1\xd8\xf4'</t>
  </si>
  <si>
    <t>b"\x83K\x88\x9d\x90\xb1+\t\xe3\x7fr\xd2\xd5\xa6\xf6S\xe11'\r0\x8a\x0e\xfb\xbd\x84$3\xb7\x93\xa6\x02"</t>
  </si>
  <si>
    <t>b's4\xa1%\xba\x02}}9@\x8aU\xa0\x0e%\xd7\xc3\xb2\xb8o\xae\t\xc8\xdd\xbeT\x87\xdd\x11\x0f8\x1b'</t>
  </si>
  <si>
    <t>b'\x9f\xee\xd0tk-\x10\xbcx\xe2\xb8\xb4+\x80H\xa9\xbe\xc3\xd7\\e\xf5\xc7\xc0g\n}:\x14\xceX\xe9'</t>
  </si>
  <si>
    <t>b' \xc1\xb0\x0bB-{\xa5\xfd\xf1\x10pDCH\x81\t[\xbd\xa2\x14\xe5r\x1d\xc1\x83\xafoa\xbd\x14e'</t>
  </si>
  <si>
    <t>b'\xdc\xef@E\x93\xb3&lt;65I\xd0\xd8p/*\\a\xa7N\xd78=8\x92\xf7\xa0\xd8\x93\xfc\x1c\xf8\x18'</t>
  </si>
  <si>
    <t>b'\x8a\xc5|\xa4\x8b\xb1\xa4|\xd1t\xc5\x83\xba\x9e\x0e\xa4\x11}9\xc9@b\x06z#_#\x81\xdf\xf4\xe5n'</t>
  </si>
  <si>
    <t>b'\xf9\x00\xf31M\xea\x10\xf2[4\x9cX\xed\x1b\xa0\xce\x85\xec\x1c\x1d\xd0$Ha\xc9\x857i?\x94Mh'</t>
  </si>
  <si>
    <t>b'@\xb8\xc3\x15r\xc6\xa4\xe1\x88\x99\xc8)\x05\xc8\xc5&gt;~\xc7:s\x01\x07Yp\xc1\x10\xd6\xb2\x15\xc9\x1d]'</t>
  </si>
  <si>
    <t>b'\xf5\xd4ZQE4\xbb5\xabz\\tvu\xf0L\x80\\)(\xa0\xdd2+nLn$\xc8\xe9\xfe\xa0'</t>
  </si>
  <si>
    <t>b'Z\xb9\xb1\xd3\xcck\x0c@\xdeS\x00\xf7Q\xba%\x8a3\xfd\xf8he\x1d\xea\xba\xd0g\xf2\x0c\x8e\xd7\xe8\x86'</t>
  </si>
  <si>
    <t>b'\x81\xbc\xe9}\xcc\xa3\xb6\xde.\x97\x1f\xfb(8\xc7\xc2\x11&lt;p\xc9\xca\xe7\x862\xd7]\xd41\x13\x04\x7f\xf5'</t>
  </si>
  <si>
    <t>b'\x7f\xdb1\x88W\xa8\x0b\x8aT\x10\xe6\xe2qP\xee\x8cs\xd4$\xa5\xa8\x06\xe9u\x8c\xb11\xd6\x94\xd8\xe5\x98'</t>
  </si>
  <si>
    <t>b'\x16\x1f\x80y\x02\xbf\xee9\x8dd.\xcc\xcc\x7f\x12\xe3F H\xfbK\xc5|K\xffl0\xf4]4\x0c\xbb'</t>
  </si>
  <si>
    <t>b'\xccE\xd6H\xfa\xebL\x9ak\xdeh@:\x9cg\x80\x930\x88`0\xabTc\xc8e\xf0\x03\x8ajo\xe5'</t>
  </si>
  <si>
    <t>b'\xd8&lt;W\xd8&gt;:_\xf2\x8f\xae\xa7\x10l\x92\x8a\x8b\xd9sxr\x0f\r I\xb0\xf0\x89M\xefD\xa3\xb4'</t>
  </si>
  <si>
    <t>b"\xdd\xb8l!=\xee$\xb1\x92\xd3'o8F\xdf\xf7\xe3i\xad\xe5\x9c[B+\x07z\x88\xfe\x07*\x12\xdd"</t>
  </si>
  <si>
    <t>b'\x97\xe5\x9c\xd9&amp;\xe7_\x1a\x8avv\xe6\xca\xe0w\xbe\xb6*C"\xb7\xe7K3\x17\x8a\x030\x157\x90\xcb'</t>
  </si>
  <si>
    <t>b'\xc6g\xe5\xbc2D\x94U\xdce\xed\x8b2E\xbe\xcd\xfc|_\x18V2\xc4 \x07c\x82\xa6f\x86\xcf\xec'</t>
  </si>
  <si>
    <t>b'\xe5\x92\xf2?&amp;\xcaY\x15$\xe7\xa1"\xff\xf6\xdb\x9fQ\x0f\x94\x9ce\xf1\xac\xef\xca\xc2F\xb99\x08\x88\x96'</t>
  </si>
  <si>
    <t>b"\xa0\xb3\xce\xe2\xf2\xae&gt;\x06\x12\xa8\xdf\n\xc6\x88\x9e\xa6\xd7\xfe\xb3\x84\xcf0\xa4\x07&lt;'\x94\xbd\xae\xab\xb9\x0f"</t>
  </si>
  <si>
    <t>b'S\x8b\xcb\xf1\x9a\xd5\xa6dZ\xcf\xa4\xd3/\x1br&gt;\x8c\xfd\xfb\xec\x88\xf2\xed)\xed\x00Up\xeb\xf0\xf8\xee'</t>
  </si>
  <si>
    <t>b"@\xe2\x9b\xbd\xa5\xbd\xa0Q\xfdp\xb8\xb8-=\x9a4\x90\xa6\x1b\x9b\x95'M\xcdW)&amp;\x04P \xc8$"</t>
  </si>
  <si>
    <t>b'@=\xe9\xedO\xbfi\xa1\x06_9*l\xaf:\x04\xa3\x01\xaarb\x00\x02\x16s\xf72\xd3\xd6px\x94'</t>
  </si>
  <si>
    <t>b"\xf9\xe7z\x87\x9f3\xee\x9e\r\xcf\x04\xe6\xd2\xdb\x14\xf9\xc3'\x7f\xfa\xb2\xf5\x17b\x1f\xf0 y\x98{\xf8\x01"</t>
  </si>
  <si>
    <t>b'\x9a\xfe\x0b\xf8\r*\x04\x9b\xa4\xbb\xa77o\xa4\x882\xd8h\xe1\x1e\x03\x87\xe7\xfa\xa8\x8cb\x9b\xffZ\x01\xcd'</t>
  </si>
  <si>
    <t>b'38\xb7,\x9e\x13\x0f\xd3d\xb1B\xec5Mt\xe3\xc8\x81\x05\x01{)\x9d^\xb2l\xd6\x8fmsAY'</t>
  </si>
  <si>
    <t>b'B\xba\xbe\xf7p\xfb\xf8\xc6\xdc\x16\xbc^\xc2;\x02"\xc3?6\xf8\xd7\xc4h\xee\x93\xb6\x83\xa2=J\xc1('</t>
  </si>
  <si>
    <t>b'j)H\x91\x9d\xc0\x1d4\xff\xfbqK\xb8\xa4\xd1TJC\xe7%\xac\xfaS\xc5wo\xb2a\xb6$H\xbf'</t>
  </si>
  <si>
    <t>b'\xce\xba\x17\xc4\xca\xf4_\xe7 \xcdM\x0f\xb7If\xd7\xf6-\xf4j\x8c{M\xaf\x92/\xf8\xc0X\xf2m)'</t>
  </si>
  <si>
    <t>b"\xb1\x84\xeb+\xdaRn~IE~B'C\xd1\xfb\x1fG\xa9v\x151Bw\x96\xda:\xffu\xed\x9f\x05"</t>
  </si>
  <si>
    <t>b'\x91\xcb\xd6\x7f\x02rD\xa0?\xcc\xaa\x91\x85T\xea\xf3\xd0i@\x0c\xaf\xc6\x0580\xcc\xe2\x8d\x9d\xec\xe1_'</t>
  </si>
  <si>
    <t>b'\rT\xd1\x94\xa3B\xbbm\xb3\xb1\x91@\x19T\xe5F\xb8+\x1a\x85\xcf\x86=\x12d\xba\xde\x13&gt;\xcet\x06'</t>
  </si>
  <si>
    <t>b'7S\xb94\xab}\xf3rS\x847\x15\xad\xbd9u\x06\xc8\x0e\xd9h\x91y?\x81\xe4y\xaef)\x1f6'</t>
  </si>
  <si>
    <t>b'[\xfa\xc0*D\xf5\xcf\xf6\xc5\xca_K\x8bg\xad\xe6\xa9\xa8mr`\xddz\x87\x8c\x80\xbe!j_\x8b\x0f'</t>
  </si>
  <si>
    <t>b'{)\xfe\xb9\x8b\x14\x830"0\xc8\xa7\x88\xc9s\x8c\x16&lt;(+-\xb7\x12\xca\x8et\'s\xabR&amp;F'</t>
  </si>
  <si>
    <t>b'T\x80\xe9s\nln\x81\xdb\xbf\xa5a\x05\x14\x9eh\xf1V\xd4&amp;\xd1\xc4\x03mdS$\xce99\xd5\x08'</t>
  </si>
  <si>
    <t>b'&lt;\xd8\xc5\xbdi\x81\x00\x00 Z\x1e\xddxncZ\xc6c\xf2\x1a4l\x9eoj\xcf\x12\x0buV\xb5\xa9'</t>
  </si>
  <si>
    <t>b'\x9b\x17\x94\xeav\x1c\x1e\x10[\xfc\x85\xc7\xd5\xec\xc9\xda@\x1e\x03s\xbaO!\xe5\x8b\xd0D\xc4Y\xb4\xa5&lt;'</t>
  </si>
  <si>
    <t>b'\x02{\x86t\x84\xb0V)$\xc5\xde/\x9e%\xf2\xef\x82\x8c\xc3\xf9\xca:\x13\xafIe\xd9~\xb9\x118\xe6'</t>
  </si>
  <si>
    <t>b'\xea\x10\x0bD"*K\xc5\x83\x82\x99=.8Ue\x9a\x7f\xfd2svs\xfbo\xa1\xc9\xaa\x12\x9cm\x1b'</t>
  </si>
  <si>
    <t>b'T\x7f\x9af\x8a\xe8\x07\xd7\x01\xbe\xfe\xd4w\xa8\x1a\xbc\x85\xb6l\xf3\xb5R@T*\xcc\x81q\xc1{\n\xe0'</t>
  </si>
  <si>
    <t>b'+\xc6\xcb\x10X\xd3\x81w\xc1\xe9rf\x81\x8b\x85\x89\xba\x1d\x07%\x15\x90\xb8n\x9e\x9e\xa4\t\x7f\xda\x85L'</t>
  </si>
  <si>
    <t>b'\x15J\x82Q\x85\xb5V\xa9\x1d\xd2\xb6\xcad\x87\x9d\xd4\xed\xcbF\xbd\xd5\x0f,4\x8c\x80\xcd\xf7\xe9\xbe\xca\xad'</t>
  </si>
  <si>
    <t>b'.\x8f\xc5\x80\x85g.\xbfH\xe6Tx\xc9\x90\x9d\xf7\xe1\x99"\xe1_\xb6?\xf8\x04\x10\x12\xca(\xc8J\xcd'</t>
  </si>
  <si>
    <t>b'=\xd8\xcf9\xe2\xe8\x80\xa7\x01`\x18?b\xefw\xba\x1c\x955rew\xaf\xc7\xc3\xb4+DjS^@'</t>
  </si>
  <si>
    <t>b'\x04`I\xef@\x1b\xc8UQ[\x14\x18?p\xfa\xe6f\xd1&amp;\xaf+_\xe2\xee\xf0\x05m\x17\xba"vO'</t>
  </si>
  <si>
    <t>b'\xce!a\xffi\x9cq^\xc64\x91\xbf)\xab5\x7f\xbc\xfe\xf7A\xb1\xf8xBN\x12\xff\xdf\xba\xf03C'</t>
  </si>
  <si>
    <t>b'\xb3\x9c\xd5\xda\t\xbfkw`\x87\xf0\xfb\xb5\x0eI\x81\x03\x06S\xac\xdc"\xa1\x8b\xa2\x02`\x98\x1ee\xb6-'</t>
  </si>
  <si>
    <t>b"\xc9\x1f4qQ\xf7\xea\xdc_\xdaE\x8b\x91W\xfa\xfa\x0b\x14\x0fpx'\x0bG4'\xd0\xd3V\x8c\xae\x94"</t>
  </si>
  <si>
    <t>b'\xdfI24P\xbf\xef\xcd\x96\xc1\xb4&amp;\x86\x82\x12\xb1\x077\xf6\x8b\xfcv^\x91\x17\xb6\xa6\xa8\xe7\xa8\\\x14'</t>
  </si>
  <si>
    <t>b'5\x04\xc6/\xd36\xef/\x17\x80\xd8\xea/\xec\xcej\xd7\xda\x0c*\x19\xafS"\xeao\xfaI\x91+\xd4\\'</t>
  </si>
  <si>
    <t>b'\xfbyj\xc2\xdc\x9cH3\xd6\xc0\t\x0e\x08\x88\x91\xbe\x19\xa6@\xd7;OX\xddLP!\xded\x93\xdeq'</t>
  </si>
  <si>
    <t>b"\xd8P]\xa7we\x089\x8a'\xd82[\xda\xbd\x95\x14\x05&lt;h\x91\xb7\xd1+\x1f\xc5\x98\xd5~'\xa9\xec"</t>
  </si>
  <si>
    <t>b'q L:"\x80\x16w-\xad\xf1\xe7\xa2\xed\xe0\xe2\xba\x8c\xdd\xdd\x94\xafjG\xa6\xc1\xa4\n\xd9\xda\x03\xee'</t>
  </si>
  <si>
    <t>b'\x98\xfe\xbe\xbc\xea\xe2.gw\x94\x0f\x8e7\xf9T\xfa\xfae\x00\x17\xd6B\x87%oSg\xc5\xf8\xd3\xbdX'</t>
  </si>
  <si>
    <t>b'\xa5\x14\x9c\x9b\xdd\x10\x97R\xd52\xd4\x0f\x0e\x1d\x01\xfc\xb6\x85"\xfdW\x8eq\xf6@/U\xdaw\xe5*\xed'</t>
  </si>
  <si>
    <t>b'\xc0\x9d\x0b\xa9\xde\x88\xf3\x16\r\xc1\x1a\xb8O\x7f\x8f\xf6S[g\xf7\xa1\x8b\xcfrM\xdbE\x88\x00\xe2\xb4\xfc'</t>
  </si>
  <si>
    <t>b'w\xfc\xbaD\xa9=b\xf5\xb30\xe0\xfb\x1a\x11\x90j)ap\xe2\xc1\x95\x00\xc3\x82\x8f\xa8\xcdIz\xb4f'</t>
  </si>
  <si>
    <t>b'\xeb\xeeI:\x92\x9a_\xec&amp;CjG\xe6p\t\xc9.\x88\xc9\xd2\xac\xf5.\xc7\xd8\xbbl\xc5-.\x02n'</t>
  </si>
  <si>
    <t>b'\x84\x17\xaa"Rd\xc4\xa9En!6\xb9X0\xfe&gt;\xad\xdc\xbf\x8d\x17\xcf\xe4\xb7\xee\xd8\x1a\x05j!\x05'</t>
  </si>
  <si>
    <t>b'\x1e\x9d\xdb\xd7c"\x8b3O\xd1\xcb\x88\xef\x96\x9e\xd79t(\xf8!d\xd1\x9a\xa4\x004!c\x90\x13\xa8'</t>
  </si>
  <si>
    <t>b'44vNx\x90[&amp;"\x9aN5\xb3M\xec\x9d\xa3\tRTjW\xbc\xfc\xcc\xae\xf2g\x86\x96)g'</t>
  </si>
  <si>
    <t>b'-P\x83\x9a\x89\xf2=X\xec\x87\x99\x9b$X\xf4\xae\xe7R\xa3\xb0\x14I\xf1o\x91\x8e\x81\xc7\xc04\x0f\xb2'</t>
  </si>
  <si>
    <t>b'\xf9\xaf\x18\x04\xf6\xe3\xa8X\xaf\xdd\xe5-\xa0\xa5\xf4\xe9\x17V\xe4F\x10k\x9e\xf0\xe1]L\x80\xcc\xe4\xce\xcb'</t>
  </si>
  <si>
    <t>b'`\xc39\x1fa\x8d\x00/*\xaa\x9a\xff_Me\xa3\x18\xc5"h\x9f\xa3/\x9f\xb5\xe2\x14\xd1\x16\x02A\x89'</t>
  </si>
  <si>
    <t>b'\xcc\xcf\x8b\xe5\x13\xea\xc7y\xd3#:@\xaa\xdc\x7fi\xf15\x1e\xd7M?\xe2[5/s\x86\xee\xdd\x03k'</t>
  </si>
  <si>
    <t>b'\xf9\x16\x91s\x16\xa0\xbc\xb2F\x90\x03,\xb0\xd9\x82\xb8\xef\xb0~\xf2Z\xb6\xe4T\xad\xe9g\xd5GKL\x8c'</t>
  </si>
  <si>
    <t>b'"\xb3\xa0\x9a\xb4@\xc5\xd0\xa7C\\~\xe1\xac\x92\x1a\xac\x94\xd1\xe6?s/\x97n\x88`X\xbf\xa7\xb7\xc5'</t>
  </si>
  <si>
    <t>b'\xc6\xabg:X;\x00\x019z\x96\x9c0\x03\xc5\x82\xb1\xb5\x1b\x1a\xa9^\x7f\xba\x80Wc`\xb52\xc5\xbd'</t>
  </si>
  <si>
    <t>b'\xf7\x87\x15\x9d\xd1E9=\x0c\x1bd\x84A\x9a\xed\x028\xden\x91\x8c@\x12%\x94\xa230\x8f\x96\xdfp'</t>
  </si>
  <si>
    <t>b'\x97\xe91\x95\x8e\xca0V\x14\x13U@\x05`\xaf\x9fEr\xc0}\xd7\xa1\x07\xba\x13\xdb\xa6{\xc0\xae)&gt;'</t>
  </si>
  <si>
    <t>b'\xfe?^J\x983\xdd^Y\x85Q@\xfe[\xe5&lt;\xef\xc8\x19T\xaa\xee,6\x0b\x0bJ\x8c\xd5\x9e\xa0\x18'</t>
  </si>
  <si>
    <t>b'.\xd7\xb2Uo\x11\x86\x1eu)0s\xb2\xca\xedR\xfa\xa0\x97 \xd3&lt;V\r!n\xd8\x02\x08\xf3\xcb\xa1'</t>
  </si>
  <si>
    <t>b'u{}6\xfe\x8c8\xeb\xd8\xab\xbd\xa9\x1bB\xd4\xc4f\x1fB\xf9\xe7\x9f\xb7hJ:\xf5\xfe]\x89\x16\xfc'</t>
  </si>
  <si>
    <t>b'~EL@\xac\x92\x94\xe7\x13\xc4\xdb~\xc0\xe5\x80\xf3\x02\xdax%\x07|Z\x9d"\xda\xacJ\xb7N\x07\x06'</t>
  </si>
  <si>
    <t>b'\xde\xd5Hg{\xcc\xbc6\xb4\xd8A\x1eG\xf9?\x14xo\xb7\xa5\xa2\xe0\xd1\xb8\xa9\x88\xa2\x8dUZ\xbd\x15'</t>
  </si>
  <si>
    <t>b'\x0c\x83\xaaV\x86\xf2\xf0*)~a|\xf6\x94A\xde\\*\x12\x8b1\xa7\xb8&amp;\xec\xf4\xcc\x86\x8d\xc0\x90P'</t>
  </si>
  <si>
    <t>b'\xd7\xe4\xa5\xb9B\xf9\x05v\xf5\xf8\xe4\xdd\x18\x05\x98\xe7m \x8f\xfe \x9c\xfe\xa87xL\xee\x90\xff-\xb7'</t>
  </si>
  <si>
    <t>b'R\x19\xc4\x80\x07\x17W\x88j\xe9\xdd8\x19\xe2\xa4\x1d \x86\x06\xf3\xf5,O\xbdQx_\xfa,\xe7\xe7r'</t>
  </si>
  <si>
    <t>b"\x11\x13\n\x14\xfe\xba\x07\xa6\xf1@\x94k\x02\x95\x14'\xcd\xb23\x8f\xe8]\x18r.r\x8f\xee\xf2\x9e.I"</t>
  </si>
  <si>
    <t>b'\x1e}c\xd0\x1b\xd3\xf2\x8ek\xfap%\xa0\xba\x00%\xe3\xa5\xb8\x87\xe1\xe3`\x8aLxI\xd7\x070\xa9\x9d'</t>
  </si>
  <si>
    <t>b'\x96}i\xb0\xc0\x8b\xbb\x19t\xc3\x1e\xa7&lt;\xfbIEy\xbaC\xcc1\x9d@\xbcG\xe7&amp;\x91\\+\x02\x9e'</t>
  </si>
  <si>
    <t>b"\x17d\x88!\xd5\xb8\xdcX\xb1]\x82U\xe1\xc4#\x0c\x84K\t\xc75.W'\xe9\xbb\xef\xaaD9\x83\xcb"</t>
  </si>
  <si>
    <t>b'\xe2&lt;\n\x16\x8d\x97\xd3\x18\xdc\x0c\xc8\x8c]7\x01\\+\x01\xf7\xca\xb2u$\xe8.\x8e\x89\xb8\x15\x9d(\x86'</t>
  </si>
  <si>
    <t>b'6\x08\xad\x0e\xad;\x91,\xf7\t\xec\x9c\x94\x9d\x08~\xce\x03@\xcc\xd3\xa1\xbd\x83T\x85\x12\x91\xcf\x14\xf9\xcd'</t>
  </si>
  <si>
    <t>b'|\x99"\xe7\xf3\x17\x9b+\xad\xbdu\xf4!S\xcc2\x86\xbel=K\xe4\rK\n\xc8\x9e\x1f\x1c\x9b\x9cx'</t>
  </si>
  <si>
    <t>b'G\xc4\xf4)?\xc4\xa1\x82\x95X\x7f/\x08\xa7mJ\xb6\x9aD\xebzlN\xbe\xac\xadU\x1d&amp;\xb1m\xf6'</t>
  </si>
  <si>
    <t>b'\xe4\x7f\xb1\xc1[\xde[\x9a\xa1\xd9\xa8|\x9f\xd2\x01\xa4\xb5\xb7\xa0Y\x15o\\\x1eu-\x91A\x8c\xdf\xa7\xc7'</t>
  </si>
  <si>
    <t>b'EP\xaa\x1aq\xa3f\xd7\xbb\x99\x7f\xff\xea\x19\xb4\x8e/\n\xc5\xcb\xea\xc6\xce\xdf\xdb\x86\xb2\xa6\xc9B\x89#'</t>
  </si>
  <si>
    <t>b"\xdd\x85\xe2\xf1'\x90\x032\x19\x94%\xe4\x07\xe7\x00\xde\xa6\xc8*\xa4-g\xb7E\x1d\xec\\\x8f,\x0b_\xdf"</t>
  </si>
  <si>
    <t>b'\x9f\xd3\x171\xfb\x14\xe0P3?6H\xb3\xe5Z/\xe8\x94\x99\xa8^\xe9?\xc9sv4\x80\xfaj\xd3\xc3'</t>
  </si>
  <si>
    <t>b'\xd7\xad\x9b\x04&lt;(\xcbw(\xb2\xbdy\xd8\xbd\xbd\xdb\xdc\x1e\xa1&gt;`o\x82C\xf2g\xef\xe8\xd65s\xfe'</t>
  </si>
  <si>
    <t>b'S\xf9\xcf\xfc\x94\xdc\x83\xf3\xb4\xf7$\xe3%@\x8a\x08e\x95\xe3\xd8x4^\xb1\xb9\xb3-\x97\x9d\x96\x9bT'</t>
  </si>
  <si>
    <t>b'\x8fa/\x15\x02\x90\x9f\x19\x81g\x07\xe1m\xcd(_U\x9f+\xd3\x92\xfa\xf3\x9d\x08\xc1\xa4\x1a1wt\xf4'</t>
  </si>
  <si>
    <t>b'\x16d\x96\xde\xadc\xde.\xf0\x0e\x04\xe1\xa4\xf7\x10\xe1\xa7\xdc\xe4r:\xe2}\\\x91\xf3\xf5&lt;3\x17\x1b\xe2'</t>
  </si>
  <si>
    <t>b'\x85v\xcc\xc6\x0bY\xf3Ts\x8c\x8fx\xc2\rt\xf8\xf1\xec\x91\x99\xb5K\xce9(\x8f\x0eW\xb7E;Z'</t>
  </si>
  <si>
    <t>b'\x97\xe0 \x85\x83\xc1X\x15\xf2g\xea\x92\x07\x91\xad\xcf\x84X\xe8\x81\xa2\x86 \xa2\x90\x90M\x00\x02\x07T"'</t>
  </si>
  <si>
    <t>b'\xec\x9c\xc7\xcc\xdf\xdc\xd9Nw\xfe\xd8\xf9\xa6\x18nh\xa9\xe8\xa9\xfa\xcd=\x85{\x08\x81N\x91\x9f\xd1M\xba'</t>
  </si>
  <si>
    <t>b'J\x1b\x88p\x8e\xbf\xd0\xd8\x89\xf5{ \x7f\x06:\x97I\xe3\x08\xfe\x95\xc9r\x9d3\xb5t\x04+\xb0d\x11'</t>
  </si>
  <si>
    <t>b'\xf9#\x9cGG\x84\xa9\x89S\xccR~\xe7\xf5\xe6\x7f\xc9j6\xf1\xbc\xb7C\xf5\xe5\xb5\xe8\t\x13\xfb1\xf1'</t>
  </si>
  <si>
    <t>b"\xff\xc6\x86\x1a\x1c\xd0\x8b\x97\x04\x93\x82|'K\xac\xcd4e&lt;xF\x8d\xe2\x07P\xab\xe9\x90yR$\x16"</t>
  </si>
  <si>
    <t>b'\xf7\x80)\x88\x90,v\xd9q\xf1\xd1B\xc1\xb5\xb7\xb2!\xc2\xc5$t\x88L\x19u\xbe\xb0\xdf\t\xb9\xaaJ'</t>
  </si>
  <si>
    <t>b'\x00qo\xe3\x18\xba\xa1.I\x94\xd2\x1a\x04X\x1f\xff\x94\xe3\xd1\xa5\x8b\xf0!R\x08\xce\xbc?\x98\xe5\xe3\xfa'</t>
  </si>
  <si>
    <t>b'e\xf0#\x83N\x19I\xa8\t{*d/\xc6\xe1.\xf4\x9d\xde.2\xd7n\x14\x02&lt;\xf8\xf3I*$\xf4'</t>
  </si>
  <si>
    <t>b"\xa6\x96\x1a\x0b\xee\xce\xad\x81\xf6\xba\x01\x12\x7f\x1cl'\xca\xe1\xfe\x89\\\xb4$\x13\x1e|\xaa\x0b\x08A\x9f\x86"</t>
  </si>
  <si>
    <t>b'\x06\xf6Y\xf8\xcb\xd2\xe8\xca\xf0\x015\xf7\xf1i\xd2\x0b\xc0\xb8\x13\xee8\x93\xa7\xec\xc2|\xc252}\xb6/'</t>
  </si>
  <si>
    <t>b'K\x0c\xa4\x9e\xaf\xba\xf1\x15k\xd0Y}\x83M``M\xf1\xeaOE\x85i\x8cy;\x07\x9d\xc6\xe2Um'</t>
  </si>
  <si>
    <t>b'\x85\x13\xf2\xe9\xa7\x87!\xe3\xa2J4P5\xb1\xdc\x12\x1c\xb9}HOg\xec\xa1\xc2\x19\xda%\xa1G\xb1o'</t>
  </si>
  <si>
    <t>b"\xef\x13\x01\x17\xbci\x11\xfey\xe2\xb1\xa5q'\xb1\x8a\xec,u\rR;\xe9\x84\x9eA\x81\xe1\xaf\xb6j\xee"</t>
  </si>
  <si>
    <t>b'\xd1\xf399\x96v\x1dwe0\xb1\x0f\xcc\xe3#\x99\xcf\x93\x95DPC\x8foj`g\xf7K3g\x91'</t>
  </si>
  <si>
    <t>b'O\x91\xb8\x08\x15\x86\x18E\x98\r\xffT\xbb\xa5\x8e;\xa0K\xe2\xd3\x90\x87v\xf7&lt;p\x03\xbdQ\x9d@&amp;'</t>
  </si>
  <si>
    <t>b'x\x89\xb9\xeaq3M\\\xa9\x0c\x8dyJ\xf9z\x9e[5\x02d\xef\xcfi\xc75\xe3\xfc\x1b\xb2y5#'</t>
  </si>
  <si>
    <t>b'.\x1c\x05+F\x97\xf9\xd2"\x8a&amp;\x1c\xe0\xe2\xb5\xa6/\xa9F\x0e\xf5\x00el\xa0\xb5qD\xe6\xfa\xf4\xfc'</t>
  </si>
  <si>
    <t>b'0;2\x95j\xe24/;$\x9a\xe5\xf1\x7fb \xd5\xfa5\xd7\xb20~ \xc8\x84\x89\x1a!\x87\xeeD'</t>
  </si>
  <si>
    <t>b'|u\xe0\xc8\xfdU\x97va=-X\xc9]^\xe0\xe8Q9\x1d\xae\xf8\x85\x99\x19\xd2\xf2\x8e\xd7\xfb\xe6v'</t>
  </si>
  <si>
    <t>b'q\xcbs\xec#\x9b\xe2v5\xc3\xbb\xd4k\\RY\xe9\xa0\xfd\x83\x8f\xb6\xaa\x95\xbf\x0e\xe0\x88pi\xd1\x15'</t>
  </si>
  <si>
    <t>b'\x95&gt;\xd3\x80\x97\x83\xfdb\xe1\xa4\xdfX\x0e\x03E\x0c\ti\x01\xeb\xc6\xbf(\x01"3\x8f`\xb7\xd4Ql'</t>
  </si>
  <si>
    <t>b'\x12Z\xbb2#.\xbag\xdb\xef\x1a\xfbQ\xe8\x8f\x96k\xedw\xa36=63\xf2f6(\x17v\xe5\x1b'</t>
  </si>
  <si>
    <t>b"RX\x8d'\n\xb7f\x86_\xaaA\x97\xc9%40\x1f\x10\xe1\x16\xd0xr\xb8\xfb,&lt;\xbd\x1a\xc9\xeaI"</t>
  </si>
  <si>
    <t>b'\x9cg\x19D\x02LTl\xe9EVXh\xa0\xa6\xd3\xd1\xc3cAW\x97\x9bu\xce\xb3\xd2\xab@Rj\x0e'</t>
  </si>
  <si>
    <t>b'\xe2\x84\x97|\x93\xb0W\x8e\x0cM\x89\x06\xe9P\x89H3\xcd\x02}\xceX\x15\xa3R\xad\x88\xcbp\xfdd\xb5'</t>
  </si>
  <si>
    <t>b'^BJl\xf4\xf8\xecQ\xf6\xb4\xb1FQ.,\xf5X4\x141\xacG\xca\xd5\xe0\xcb\x89\xcb7#"V'</t>
  </si>
  <si>
    <t>b'4\x1aq\x18\xdai:\x97\xddLQ\xcc\xa0\xde"\xa4\x91%\x83\x18\xae\xc5gU\xc0\x95lM\x0e\x98\xfb\xec'</t>
  </si>
  <si>
    <t>b'\x12\x8cx\xc1\xbdOm*\xb0\xa5\xef\xaaF\x17f`H\xbfB\xefG\x02\x1b\xcd\x17\x80=\xfa\x91\xfc\xed\x18'</t>
  </si>
  <si>
    <t>b"{\x8b\xe6\xfc\xddM\xe6A\xc7\x15r\xf2\xec\x999g\xb9\x08\xf7\xa9&amp;\xa4\xcf\xfd\xf7h\xd9S'\x97H,"</t>
  </si>
  <si>
    <t>b'!&gt;\x87r\xbbI\x9by\x81\xdaL\xaf\x1b\xe4Ze\xe1\x7f2\x92a\x15\xa62\xd2\xd2\xa5=\x1c\xd7\xf4@'</t>
  </si>
  <si>
    <t>b'\x9c\xa6e\x07\xb4\x8a\x96\xd2\xd9\xe6\x04\x8b\x8f\x8d6\xfd\x9f\xa4\x82\xf3\xd0\x9b\x0c\xaa\xe1]\x1e\xd7Iq`$'</t>
  </si>
  <si>
    <t>b'\xb0\x9b~\\\xa0\xd8\xba\xd0\xd6\xee\xf8VY\xe3j3\xda\xbcr\x8d\xd1\x06\x13\xdbC%\xd8\xd9\xf5l9\x8d'</t>
  </si>
  <si>
    <t>b'\xef\xa8IQ\x1a\x1e*\x98[FOSo*\xf7\xec\xb1\xa1\xfcAAL\xf0&amp;\x0c\x85\xdcC\xf2(\xd4\xbf'</t>
  </si>
  <si>
    <t>b',\xb2v\t\x9c\x96\x15\xeakit\xd9)"\xbej\t\xcea\x083\x8e\xe2\xea\xc3~\xe6\n\xac\xb5\xcc\xdb'</t>
  </si>
  <si>
    <t>b'U\xb4\xd9\xd7\xc7\xe0f\x0b\xefe}\x89C\xcb\x83\xaf\xf388\x88\xef\xdf\xb5l%\xb1\xcf\xcd\xa4\x03\xa6k'</t>
  </si>
  <si>
    <t>b'%\x1f\x9f\xf7\xfa\x83\x9b\x8f\xe9=\xf1\\C\x84\x89=\xdb2\x16/7\xbc\x8c\xb0\xf5\xbe\xd5*L\xd6\xbb\xe1'</t>
  </si>
  <si>
    <t>b"B\xb6\x8d\xd4\xdcwN\xce\n\xe1?\xc7?\x86&gt;G\xb2\x04\xa6'\x7f\x94\x8056\xbbF\x80\x164E\xce"</t>
  </si>
  <si>
    <t>b'}\xa12\xe5\x88^S\xf7Q\x1f\xf7\xcd\xe3|,\\\xa8\xf3\x0fL\xdc\x98\xd2\xcf\xcf\xed\x98\xc3\xcc\x98\xaeE'</t>
  </si>
  <si>
    <t>b'\x17o\x16\xcb\xf0V1\xa5/\x96\nNp6\x00J\xc2\x08$\xbd\xf4\xa3\xc3p,\xc5Jn\xe1\x0e\x9cF'</t>
  </si>
  <si>
    <t>b'6x\xe5\xddZF\xdc\xa0\x9f\x02\x0c\x88d\xc0\x89g$\xe9\xc0$Tz\x9f\x9d\x9f\xb6\x17\x9a\xe3\xe7&gt;\xe2'</t>
  </si>
  <si>
    <t>b'V\xbc\x94\\\x03\xe4\xebo\x05&amp;\xa3r\xed\xd1\x08&gt;\xaf9\xb10\xb2\xcf\xc7l\xf9@\xf7\xf4\xdaA\xeb\xcd'</t>
  </si>
  <si>
    <t>b'M\xdc\xf7\x11\x82\xeb\xc3W\xa9\x97\x03\x89\xab\x11\xee\xee\xf8fB\xf3\x8a\xed\xde\x18RU3\x89W\xeb\t\n'</t>
  </si>
  <si>
    <t>b'\x13M\xe7]7~i\xd7\xbf\x02@\xf8\x7f[\xebj-\x00%l{r\\Y\x1d\xf0\x1a\xe7\xe2\xdb\x18\x18'</t>
  </si>
  <si>
    <t>b'\xa8\xca\x97Y\xdd~\x88\xed8\xd2elu\x02\xc3\xc6\xed\x84A\x0fX\xe1\xcd\xc3\x914x\x00\xa3\xfc\xfd:'</t>
  </si>
  <si>
    <t>b'];\x92\xd5\x96\n\x91R\xcd_\xb0ez\xaey\xeb\xcd\x8e\xf9\xc7\xfb\xd2e\xf6\xdd\x98\xf0\x1a\xae\xd6\xdb\x0b'</t>
  </si>
  <si>
    <t>b'\xc3\x97\x9e\xd9\xc7\xfbx\x07&lt;\xb9\xa2$\xdcjJ\xdb\x0e9\xaf\xe9\x15.\x0c\x93e\x8c\xcc\xdc\xc9\xef\x1e7'</t>
  </si>
  <si>
    <t>b'\xfb\xa1#lp-\x13z\x0e\xd6\xb1\x93\xe0\x03 c\x9c\xb6\xf6\xeap\nc\x98\x82\x98G\x1f 2\x80\xe3'</t>
  </si>
  <si>
    <t>b'_p\x9e$"_\xd4*)Gl\xbe]\xeaA*\x82bH\xee)\x821T\xe9\x90j\xf6\xdf\xd0/\xb0'</t>
  </si>
  <si>
    <t>b'\xc4Q\x04~\x8d\xbf\xc9\x0eLz\x8c\xe9j{RCiGc\x91\xae\x17&amp;\x03\x1d\xd9\xe8\x8ae:Bb'</t>
  </si>
  <si>
    <t>b'\xe5ge\x18\x8a\xa6\xd1\xe4w\xd8y$\xc6i\x99\x1a\xa9\x03\xce\xf6\xabr\xa5I\x81k\\\xd06\xd6\xe2\x15'</t>
  </si>
  <si>
    <t>b'?;}\xea\xb5k\xd2j1\xc1Q\x16\xc6\x99\xbb.$\r\xa4\x07\xf0j\xccRST|\x91?\xbd5\x1c'</t>
  </si>
  <si>
    <t>b'bZ|^^\x94\xe7\x87%\x99\xd2\x06;\xcc\xd9\x94\x067`\x07\xe4\xc6\xbe\xe8i\x07\xf9A\x05\x15\x86\xa9'</t>
  </si>
  <si>
    <t>b'sw\x89fP\xa0\xf5\x13\xd6m\x910\xc5\x07\xd9\xb5\xacl\x86\xc9\xf0\xd3\t\xe9\x02_A\x88j|%*'</t>
  </si>
  <si>
    <t>b'\xe9e&lt;I\xa0\xf6]i4\xe6A\x88/\xb2\xc1\xde\t\xc4\x00\x89\nP\xfbe\xbc\x7fh0\xf6\x85\xc9g'</t>
  </si>
  <si>
    <t>b'\x007\xe8VB\xfbi~\xd7\xd5`\xf9g.\xd4ZG\x99%$G\xcfe\x94\xf4\x81\x89_gN\xfd\xaf'</t>
  </si>
  <si>
    <t>b'\xcd"\x85\xaeF\x1c9\x9c\x08[j_\x07\xa4\xfb\x91G\xde\x0b\xbaH\xec\xcb\xbf\xf4Iu\xe2\x0e\x06\xbc\xb1'</t>
  </si>
  <si>
    <t>b'_\xe73\xea8@\xf4\x85\xfa@\xa6\x10jE\xe36\x1a\xe0\xceG\xb5\x16\xba\xd2)\xeb&amp;\x96\xf79(\x92'</t>
  </si>
  <si>
    <t>b"{\x02\xd5ahzP3\xb7EN\xb7XS\xa2;\xc9'\xe5V&gt;&gt;\xeeQ*\\e\x93\xa90(\x12"</t>
  </si>
  <si>
    <t>b'*-\x19\xf8o;\xe6\xcfv\xb3f\xa3\x95\x80\xe0\xc1\xf5W:|\xdbN\x0ee\xd7\x83D\xc7\xc10&gt;i'</t>
  </si>
  <si>
    <t>b'\xca\xd9\xe4!&lt;[M-\x9b\x87\xad 8(\xdf{\xa1\x82\xdcl&lt;\xa4W\xb7_]TE/+\xc0\xa9'</t>
  </si>
  <si>
    <t>b'K\xcf\xd0\xb8\xd2-\x8e\t\xe3&lt;\\8\xb0=\xc8j\x92\x15z\xbeO&lt;\x99\xa1Q\x91\xc787\xf8\xef\x97'</t>
  </si>
  <si>
    <t>b'X\xf3\xdfd?\x05\xd1\x1e\xd4\xb4\x99\x98n\x19#\xae\xd0l=n\xae\xb2Y\xe0j\xf7\xc8\x1bkR=t'</t>
  </si>
  <si>
    <t>b'\xf5\x1b\x93#\x83\x8e\x0f\xd2p\x9dlK\x9cg3\x93\xf4ky\x9f2(\xb7\xad8a\xeeO\xca\xcadp'</t>
  </si>
  <si>
    <t>b'\x06\xb4CEP\xc8\xdd\xb9@\x9c\xc6B\xbfN\x0c\xa5\xc9\xcbI\xe86@\x8aX"H\x1d~\xbbV\xd7\x0b'</t>
  </si>
  <si>
    <t>b'r\x1ar\xa8 \xb1\xc5\x1f\rKq\x91\xe5p\x9eH&lt;\xe2\xf2\x80}\x01O\xd11]\xea!@\x8b%\xfd'</t>
  </si>
  <si>
    <t>b'YPd\\4\t\x82Z-Ma2\x95\xda\x1d\x98l\xb6+\xaf\xfd?#\xa7g\x00\xffk\xf9\x85B\xec'</t>
  </si>
  <si>
    <t>b"\xb0\x96\x07%\x18\xc9-\xb2\x98Q\xd8|X'\x0fjq\x0b\x07~\xaa8\xdd\xc8\x9b\x1e\xc0|\xd3\x90\x07x"</t>
  </si>
  <si>
    <t>b'\xb7\xfbB\xfc\xa7\x83\xa6_!)\xcd\xe9\xfc\x99\xf9\x80g\xa6\xd2\x16~\xfa(\xfa\xb0\xee\x11\x82\x1e\x10\x14\x14'</t>
  </si>
  <si>
    <t>b'\xb6\xc3\xec\x18Z\xbc@\x82\xba\x10&gt;\x1f\xc4\xfd\xbc\xeeZ\xc4\xb94\x11\x8c\xc1\xd6;F\x1a\xafB\x19&gt;w'</t>
  </si>
  <si>
    <t>b'|\xd0\x0b\x8e\x8d\xecx\xc0C\x8aa\xf9\x116\xfbX\xf4\xb0\x1fG4\x1b\x92"\x1a\xb1AA^\xf9U]'</t>
  </si>
  <si>
    <t>b'\xd1\x08p\xac\xd9\xe6\xb2\xec\xf2P\xc6\xddN\xd0O\x0e7q\xd0\x12!E\x90\xa8\x0c#\xd2\xc5\x87y\xd4 '</t>
  </si>
  <si>
    <t>b'\xb5\x95\x84\xd3Y\x89\xf5\xf2\x18\xf2\xd2\xb4\x9fwD\xeeC89\xda.\x1fP\xea\x85W\xa2q\xd1\x13;*'</t>
  </si>
  <si>
    <t>b'\xa6N\x07\xfe\x1dE\x0eSP\x14\x02\xcb\xb3&amp;\x98\xe3%PN\xb0\xfa\x84\xe9?\xbf\xf2\xdd\xb7\xbe\xb4\xf4v'</t>
  </si>
  <si>
    <t>b'X=\x82\xa2[Y\x8f\xb3o\xb9\r\r]\nCi9\x80fM\x8f\xa6\xc3+\x9a\x14QF\xb5\xeb\xa6\xb0'</t>
  </si>
  <si>
    <t>b':X\xd0\xa15\x7f9\x12\x04\xaaHN]\x08\xc4\xc1\xb5\x83\x1d\xebTr\xce\xcf}3\\\xc2\x96\x87\xfcS'</t>
  </si>
  <si>
    <t>b'\x9e\xa6\xc3=yxW\x8e\xfe\xa6\r\xa0\\\xb1\xa9E3\xdf\xd9\xb9\xcb\xcc\x98\x01\x86L\xa0\xd4a\xd1a\xe7'</t>
  </si>
  <si>
    <t>b'n\x99\xd6\xa2\x89\xf5\xaf\xe3\x13&lt;\x0bd\xfeT\xca\xf2\xe5\xe6\xc7\x0e\x8a\x0bn\xdf\x99)\x8f\xe2\x9e+(m'</t>
  </si>
  <si>
    <t>b"\xaf\xfb\x9fH\x14AZj\xda\xafb\xfcA\xa5\xf4j\xd7\xe4'Hw9\\\xcat\xd2\xad\x112+C?"</t>
  </si>
  <si>
    <t>b'\x80\x10\x94\xd7P\x02\xf1\x82\xe8\xf6 \xa1\xa8~\xd4\xc4\x05\xe6F\x9fz\x97\x10\xd7=\xe8&amp;\x02\x8e\xc9&gt;R'</t>
  </si>
  <si>
    <t>b'L\xf1!\xd6V\xed\x8ctp\x00\xf7\xb2b$\x9b\x13t\x88\x81\xb5\xef\xb0"\xed\x19\x89\xb1U\xd5\x94\x0c\xe1'</t>
  </si>
  <si>
    <t>b'\xe22\xe0\x14\xb6\xc3\x86&gt;\xbc\x04\xbe@\x1b\xddb\xd2o\x86F(X\xe1q\xa6\x18\xef\xffv\xcde&gt;B'</t>
  </si>
  <si>
    <t>b'\xad\xdf\xf3\x8b\xcc&amp;\xcf\xa6\xc3\xab"\x912\x06\x19\xa1\r=\xbf\xcd\xee\'\x00\xf8C\x12\xe4\xb1\x86\xce\x17\x08'</t>
  </si>
  <si>
    <t>b'\xdd\xce\xe4D\x1a\xacgZQ\x8c\xc54u\x11\x8f\x92\x81\xc9\x9a\x10\xdf\xa3\xc4\xbf\x97&lt;I\xa8G\r\xfe\xc5'</t>
  </si>
  <si>
    <t>b"\x8a\xee\x87\x94~\xcd\x18U\x16\x80\xdf\xdc\x01\x965w\x16\xae\ru\x92\x99'\x9e\xe0\xc6]o\x930\xc9?"</t>
  </si>
  <si>
    <t>b'n\xc8\x85A\xa8P\x86\xbey\xc0\x88\x1d2f|\xc5\xf1I\xb9\x97\xd8\xc9\xb8~H\xfe\xfdN\x02\x14v\x8d'</t>
  </si>
  <si>
    <t>b'\x047\xd0\xca*\x87\xc9Q\xfe\xbf\x81\x9aH\xbcAMs\xa1$\xcf\xc3%\xbd\x8c}\xf8\xbaTz&gt;\xa8\xa2'</t>
  </si>
  <si>
    <t>b'&lt;m\xd00\xaf]\x9fI{_,7\xf6\xe2\xf5\xd05\xc6\x85\x84K\xfaL\xb7s\xf4\xab-\x9fI&gt;\x95'</t>
  </si>
  <si>
    <t>b'e3\xea\xb2*\x8a\t\xe4\xe6\x80\x87\xce\x0fI-\xa7\x84M[N\xb1\x1a\xdc\x1b\xc5\x17\x03\xff\xb1\xba\xf2\xf1'</t>
  </si>
  <si>
    <t>b'\xfb\xbf\x07\xa6\x06E\x009q\x17X\xc9O\x1d\xd0\xc9\x96\xecG"s\xa3\xea\x9f\xcf\xd3#\x01\xdc\xf1\xe0\xdb'</t>
  </si>
  <si>
    <t>b'N\xcb\xac\xe0\x18\xcd[J\xd9\xe1;S\xf0\xe8\xa2\xab\x9e\x9f\x0c\xff\xbf\x91U\xa4\x1b\xb8\xd3Glm\x15\xf0'</t>
  </si>
  <si>
    <t>b'\xc2\xcf\x03n\xc5i\xa0J\x94J\xcd\xd7\x9a\x1a\x072\xc5\x92g\xc8\x1f\x8f"tx\xf1\x80\x01\xaf\xd7x\x0f'</t>
  </si>
  <si>
    <t>b'\xf5`\xfd\xd2\xcf$\xd4\x1a\x8b\xf7\xf7f\x0f\xffTS\xfa \xc2\xf8\xa5\xc5\xbc\x11\xf7\xae6tf0QD'</t>
  </si>
  <si>
    <t>b'\x1c\n\xd4EL\xd8\xbe\xf8\xa3\xb3\x1d.\xa0\xd9\x83?9\xf0,\x88\x1b\xe38\xf0\xb2Em\x01\x00$\x83\xab'</t>
  </si>
  <si>
    <t>b'y\x9f\xe0\xf4\xb4\xc4z\xce4z\x1d~\xd3\xd4/\xe7;\xcb:\xe5@\xcd\xe8\xfa\x98hd\x97\x15\xf7\xf7\x86'</t>
  </si>
  <si>
    <t>b'\xb5f\xb1\xac\x9c\x9c\x82\xcd\xd4\xcc\x19B$`k\x96\xfe\xfa\xa1\x1b\x8cz\xd4\xa09u9\x1b\x9aQ\x95\xe1'</t>
  </si>
  <si>
    <t>b'd\x96\x8f\xc0\x18Q$\xaa\xcb\xbe\xa3\xb2b\xeey_\xb7(\xbdu\x9a\xa2f\xba\xe3\x13\xb0\x9fP\xd1\x9b\x90'</t>
  </si>
  <si>
    <t>b'=\xe9\x02\x17kQ\xb5\x9c\x94\xe7\xd6\x8c\x0e^\x14\xe8\xca\x880o!+\x9f\x18,\x08V\x93\x1f\xd3w^'</t>
  </si>
  <si>
    <t>b'\xe0\xfa\xe1\xf3\x8c\x8cc^\x91\xf4m\xfckaV\x07\x11\xddth\xe5\xdd\xd6\x0c\xd3\x80`^\x0eg\x81\xfa'</t>
  </si>
  <si>
    <t>b'\xf6\x01\xbds\xf3\xb9\xb2-\xbb\x7f\x05r\xc64\xbfM\xdcbf\xd1\x1f\xd8e\x97\x8b\xaa\xbbd\x0b\x89N;'</t>
  </si>
  <si>
    <t>b'%\xa8\xaa\xae2{\xf5aw\xe0Rj\xd9 +\xceS\xc6q\xa5\xc0\xb0\xcd\xe1\x83A\x1cW\xfb\xab\x93\x97'</t>
  </si>
  <si>
    <t>b'\xc69\x06z:p\x18\xef\xde\x17\x02\x95\xc1\xff\xd4[\xdd\xc4Oi\xe1f\xc1\x8f\xec\xd3\x93\x1d\x16\xbc\xefX'</t>
  </si>
  <si>
    <t>b'\xadq\x9c,\x7f\x90\x1f*G\x03\x8d}*?c\x8b\xba}\xedQ\xcf\xf53\xa0\x0e\xbb\xd1\x8f\x98&lt;\x00\x9a'</t>
  </si>
  <si>
    <t>b"#\x16\xa4\xa7\x8a'\xcdT8\xa0:8\xd6%\xfdX\xc19\xe9\xe3Ruh\xb66\x87e\x8d/$\x8bM"</t>
  </si>
  <si>
    <t>b'H\xeb\xddp\x15\xd0\xca;N\xe0\xee\xbd\x97a\xc9R!\x7f&lt;\xed\xbe\xd3\xaa\x10\xfc\xba\xac\x00\x86\x98\xe7\x9a'</t>
  </si>
  <si>
    <t>b'\x8a\xc5\x9e\xe1]\xe6\xae\xda\xfc\x9f\xbe\x8d{\x93\x0c\xdf\x05\x85F=\xecG\x83NX\xef\x98\x00f\xf6\xb0/'</t>
  </si>
  <si>
    <t>b'cK\x9f \x83\x9cDRo\\Tlj\xde\xb5\xe4g\xf9\xd8\xdb\x13\x0c\x19\xf1\xdb\xa0X\xfa\x84l\xc7\xa0'</t>
  </si>
  <si>
    <t>b'\xc4\x03\xa9&amp;p@\x8c\x0f\xb6\x1c={\xc6\xfd\\_\x9d\xf0py,\xa4\xb7+\xdf\xa2\x13\xb8\xb9D\xe8\x87'</t>
  </si>
  <si>
    <t>b'\xc3\xa5\xd3\xfd\xd1\xbd]\xe3d0\xb61_\x85\x84\xa1l\xfb\xd5\x9e\x1f\x87\xee\x89\xe2#*MK\xfe\xb2\xf1'</t>
  </si>
  <si>
    <t>b's2y\x9e\x833\x81\xb4D\x18oc\xc0\x16\xcc\x93\xfd\x00\xd2ym\xef~\xaf\xfe\xc9\x8c\xe7\t\x88fG'</t>
  </si>
  <si>
    <t>b'9\x1av\x89@\x12\xe5\x11\xb5\x91l\x82@\xc4\x13&amp;_\xd7?WXT\x02Ud\x16\xb0\xf5\xfe\xa4v\xd8'</t>
  </si>
  <si>
    <t>b'\x9dxG\x1b\x13\x06\x01{\x04\xe5\xe09\x04/Msy\x1f\xd1\x9a\x86\x1f\xdd\x00\x81\x9c\x9cu\x89\xd1+\x1f'</t>
  </si>
  <si>
    <t>b'\x84\xb1\x94\x83\x8a\xef\xcdYQ%\xa9\xa5\xf8\xdc\x1d\x04\xf3\xcf\xd1\x16s\xd5\x88\x8du\xb5\xab\x88s\xf0\x85\x06'</t>
  </si>
  <si>
    <t>b'N\xe3\xa75\xf5+\x90\x90&amp;R\x85\xec&amp;\x14\xb2\xde\x8d\xe6%\x8e\x13(E\x88;@\xfcg\xe2\xca\xb6\xf3'</t>
  </si>
  <si>
    <t>b"\xbe\xdc\xc0\x10|T\xffu\x93mK\xe1\xa5\x9d\x98'|\x17\x9f \x1a\xccq|\x12\x9258\xbc\xb4b("</t>
  </si>
  <si>
    <t>b"l\x91\xcb\x8aQ\xfa\x04+[\xc8\x11*\x01H\xf8\x8b\xa5\xf2\xc7\xfa\x0c\xf3;\xdd\n&lt;G\xd8\t='\x00"</t>
  </si>
  <si>
    <t>b'7\xd1\xfd\xeefD\xa7\x88\x89c\x84\xf3i\xd9\x05[b\xf4\x87#\x99\xd2\xaf%\xdf\xbe6\x96u\xe1\xd8\xc9'</t>
  </si>
  <si>
    <t>b')\xc6a\x89\xa7&lt;\x89F\xf5\xb7\xe84\xda P\xf8u\x08\xd8y,"~\x99m\xea\xf6\x00\xd1\xdc\xdcK'</t>
  </si>
  <si>
    <t>b"\x0c\xa5\xdf8\x92\x02\xd6\x8c\x05\x144\xb3\xa2\x08k\xac\xd4\x1d'\xe9\xef\xc6\x05\xa7\xc2,(,\x8f\xcc\xc8\\"</t>
  </si>
  <si>
    <t>b'\xc5O\xc3\xec\xd1\x8cg\xa5\xb2\xdd\xb0\x0b\xd9|&gt;\x18-\x0e\x8f\x80b\xa0\x0eB\xee\xdc\xc3\x05\xcb\x01\xfe\xe2'</t>
  </si>
  <si>
    <t>b'V\xab\xbf\t\x8d7\xdb\x8a\x91\xd0\xdbSr\xa1I\xd7bNz=c\xb3`W\t\xdb\xa5t\xea^\xf4\x1c'</t>
  </si>
  <si>
    <t>b"\xb2\x8d:'\xbf\xa4Y,\xd4\x9b\xfbl`\xecV\xdd&lt;\xe5\x0c\xf5p\x99\x0fN\xed\x80\x90\xd4\xd3\x04^\x0f"</t>
  </si>
  <si>
    <t>b'$\x81\x1d\xc0\xc5m\xa2.\xbb\x05\xf1V\x84\r\xe6\x0f\x80sG\xa9\x17\xf2\x99D&lt;p\xca$w&lt;L\x9b'</t>
  </si>
  <si>
    <t>b'\xd2&lt;\xd7\xc6\xda\xe6u\xc5\xbb\xb5\x83\xbf\x10Fs\xad\xd1\xda\xdeD\xec4ZX.\x981*Y\x8cud'</t>
  </si>
  <si>
    <t>b'\xe52^.\xdfL-Z\xd2W\xf5\x0e\xf1.\xcf\xdb\x0cPy\\\x07Dizg\xc9u\xa2\xb1\x9aZY'</t>
  </si>
  <si>
    <t>b'\xbdS\x91p\xcd\xa8\x13\xdfZ\xae\xda\x01I\xad$\xdd\x88{\xb0&amp;\x92`|\x97\x14\x06\xa2\xd7O\xa498'</t>
  </si>
  <si>
    <t>b'N\t\x82S\x98=\x951F,\xd2\xa3\xcc\x94*\xa3\xc3\x97\xe4=\xc3\x04\xde\xf7-t\x9a\x827\x90I\x88'</t>
  </si>
  <si>
    <t>b'o\xc8N0\x8e\x806\xef?|\x04\x18P\xbb\xc2\xe5\xd4\xd96\x15j\xb3?\xe9\x1dV1\xed\x0f/\xd7.'</t>
  </si>
  <si>
    <t>b'f\x99\x83\xb0g\x81\x85\x18X}\x86=n\xd9\x91\x10\x12\xe3i\xf2\x8b\x0eW\x13\xf9\x86\x7f{\x823\x03|'</t>
  </si>
  <si>
    <t>b'\xa4W\xcaV\x9c\xb6\xcd\xfc\xbe\xf7\x0e"\x89IP&amp;\xc1\x10\x0bqH\x9d\xf5\xfdO\xbd?\xd0\xa9\xcc\xa3\xb7'</t>
  </si>
  <si>
    <t>b'\x05\xa0\xdd\x88\xf4j\x0b\xd6\xaa\xd0\xf7\xf2\xd0\xc5\xb7\x01 IL\x1f\xae\xc4\xbc[\x9b\x81\xe9\xed\xf2 *\xce'</t>
  </si>
  <si>
    <t>b'\xa2\t\x89\xb8E\xa8&lt;\xf0\xd10\x05\x1fE\xcfQ\x08\xa8\x1a\x13\x99\x1cG\xd3B\x12\xefv\xd8\x1c\xee\xb5\xb9'</t>
  </si>
  <si>
    <t>b"\x8b\xfd.\x82\x88\xafWA\xc2j+7Y\xf7\xbf\xdd1'\xae\xc5X\xaf\xfb\x94P4q\xcd\x00\xf4!\xa1"</t>
  </si>
  <si>
    <t>b'\xc8\x0fs\x01\xf0\x83|\xfd\xfc\xac\\\xa4M|\xa3\x1e\xa9h\\-\xc6%1\x1c\xa1\xc8\x99\xbfH\xe0K\xa7'</t>
  </si>
  <si>
    <t>b'p1\xd3P\x07Y*\x11?\xa4C\xb2\xc6\xd4&gt;|\x94]\\&amp;\xe4\xce(\xfd|\xb9\xe6B\x02\xccU\xa9'</t>
  </si>
  <si>
    <t>b'\x96\xb30\xbd\xeb\xa4\xd2%\x94\xc6e\xbfR\xf7\x90P\xb2\x1c\xac\x8a\xf1RO%\xdb?\x9a-\xa8\x1fb\xa8'</t>
  </si>
  <si>
    <t>b'\xc1\x96k,\xefm\xca\xcb\xa1\xe5r\x95\xceoT\xacD\xd7\xd9L1\x16\xdc\x03\xcd\xb3\xea\t/x\xce\xde'</t>
  </si>
  <si>
    <t>b'w\xa4pVGm\xa0q\x9dAe\xc9\xab\xc0\x9f\x0b\xe4\x1f\x80\xeaL\x84\xf5{\xfb~{\xa334\x8cQ'</t>
  </si>
  <si>
    <t>b'\xbd{\x01"\xdb\xc1\xee\xa1\xaf\x99\xc6\xd4d\xdc\xd1O\x11g\x1e0\x0f\xcfs2\xf0\x91\xbd\xe2\xab\xe2\x1bZ'</t>
  </si>
  <si>
    <t>b'M\xd7\xdb\x91\x02\x19\x04\x14\xcc\xcf4\x1c}\xf9z\x90\xbe|\x93}\xff8\xe1\x07A\x0b\x14\x0e\xf3\xce\xd6\xad'</t>
  </si>
  <si>
    <t>b'vtV\xa8I\xbe\xad\x99\xa1\x1f\xf6\xcc\xa0\xa6qQJ\xa8Kd\xdbS\x91\xa69\xf4\\\xc0\x14V\xf3='</t>
  </si>
  <si>
    <t>b'\xeb\xc9}\x82\xc6\x04Q\xbf\xb1\xc3T5\x94\xe3e\xcdF\xe2NB2~\xe2\xd8\xcb6g3\xd8\xc1y8'</t>
  </si>
  <si>
    <t>b'\x95\xec\x83\xc6\x00\x04+\xffJ\t\x1f\x04R?(\xccr\xc8\xee\xbc\xfd\xe3rU\x9fY\xfc\xf5\xca\xd2F\x96'</t>
  </si>
  <si>
    <t>b'\x9a\xb9\x92%!\xcai\xdeOP;\xe2Z-\x89\x1c\x95\xf9\xed\xe8F+\xb3\xd8\xaf\xa0\xd8\x11\xe6m\x91\xe2'</t>
  </si>
  <si>
    <t>b'\xe1\x13\x01\xf1\x18\xd4\xa9\x9c\xb7We8Wj-\xb5\xbd\xeb\xd9\xd2\xd8iu\xec\xfc\x0b\xa1C\\\xa7*\x19'</t>
  </si>
  <si>
    <t>b'\xf8/f\xdb\x08\xc2\xb2\xc6\xe5\xd2\x8d\x0b\xed\x9cD.U\\\xe4\xa1\xc8\xe6\xaf`\xd1\xbaJTg3\xda\x9a'</t>
  </si>
  <si>
    <t>b'\xa7r:i&lt;`\xa4A\xe4+)BURg\x13\xcf\xd02\xd7\t\x8d\xbe\xa9\x7f\xa0%\xbb\x04\xdbw\x13'</t>
  </si>
  <si>
    <t>b'\xa1\x11\x11\xd3\x14\x84~\xaa\x93\xfbid\xe7xp\t\xbc\x9b\xac\x93\xd2`\xc1\xc0\x82\xb9\xdc\x7fo\x88\xaa\xff'</t>
  </si>
  <si>
    <t>b"\xfa\xf9\x0c:\x85\xab',*Q\xd1)\x07\x9f\xf0vim\x15E\x0c\xb3\xe0\x01 \xa5\xd5\x01\xff\x90dc"</t>
  </si>
  <si>
    <t>b'Z\x9d\x03\x96F\x12x\r\xbd\xd7+|;*)\xaaw\xd1_\xaa\x17\xcaU\xd4\xfej\x0f\x8f\xa5n;\xa3'</t>
  </si>
  <si>
    <t>b"]\xee\x03\xbag\x84\xea\x00\x18\nQ)\x89Y\x17\x00\xc5\xa7\x1eU\xf0'\x0b\x00\x17p\x1e`4\x1b\x95\xca"</t>
  </si>
  <si>
    <t>b"F'\xb7@\x8b\xa9\xaa*\x81Z\xb5K_yN\xa8\xe6\xf1k\xe9\xfdk\x83l\x16\xd0\x1fi\xd9D|_"</t>
  </si>
  <si>
    <t>b'\x82%ag\xb7V\xa0u\x8aP\x98\\\xed\x02bg\xeb\xa6\xb0\xaa\xaa\xd65\xfcj\xbb\xe9\xdd\xb0\x7f@+'</t>
  </si>
  <si>
    <t>b'\xbd\xf5\xab\xd8\x08\xef\n\xa2\xfeL\xf4\xb8}\x1c\xfb\x0e2\xa4]%!#eU\xcc\x89\x85J\xeddl\xf3'</t>
  </si>
  <si>
    <t>b'\xcd\x8f0_\xd4P?q\xfa\x80\xb0\x10\xb00\x142\xa3\xf9P\x16\x8cy\xe9?\xe7=\xb6\x8b\x86#\xd1\xb6'</t>
  </si>
  <si>
    <t>b'\xf9\x8eZ\xd7\xbaU\xf2h\xecc#&lt;\xcd\xb0d\xfc?\x9a1\xad\xaa\xbd\x0eX\xbb\x97\x9d\x98\x15:\xc6a'</t>
  </si>
  <si>
    <t>b"0\xeb\xc6hJ\x02\xa4\x94W\xa9\xec\xaf\xafI\xcb\xc0'\xb9\xf3\xb9N\xa1?MY\xd8p\xe2F\x95\x0f\x11"</t>
  </si>
  <si>
    <t>b'\xab\x8c\x08\x96\x8dco\t\xc8\xbe!\x1fCI\xf0V\xa4T\xa64\xa2\xc3No\x81\x83\x8c\x15-rA\xfc'</t>
  </si>
  <si>
    <t>b'i\xdf\xa2t\xbf&lt;\rV\x80\xb1\xc4\xdeCO!\xaf\x12\x15\x06y\xf3\x83\x8d[&lt;\x16\xda6\x97\xe2\x948'</t>
  </si>
  <si>
    <t>b'\x18~\x11c\x19TC\x87\n\x89\xa1\xcd3\x12\x9f\xe3z\xa3\xa1+\xb8\xcc+2\xbdF\xa5,\x8b\xb7F0'</t>
  </si>
  <si>
    <t>b'tZIZT\xb5M\xe0O\x9d\x19u\x89&amp;\xee\xae\x12\xdd\xc6M\xe4\xf3\xb4SW[\x10`\x1b\x810\r'</t>
  </si>
  <si>
    <t>b'\x1eN\xc5W\xcb\x89\x8dv\xff\x88RR\xbb\x83\x89\x89\xac)\x08-\xcbW\xb8\xf1%\xcd\x1b\x1d\xe6XTV'</t>
  </si>
  <si>
    <t>b'\x14i\xa9\xabCA\xef&lt;\xd1M\xeb\x03\xcf\xaa{\xaa\xee\xe0\xe7\x026Q\xf8\xed0\xe1aL\x11Ze\xdc'</t>
  </si>
  <si>
    <t>b'd\xdc\xc1\xa5"\x01\xcd\xbeoI\x90\xb6\xe3\xea)\x04\t\x19\x88\xa5\x9d\xfdZ\xac7\x02\xa7j\x10cy\x96'</t>
  </si>
  <si>
    <t>b'p\xb6\xf2}=\xd2(\xfa\xe7\xa2\xd3U\xb98j\x1b\xc0\x7fk@\xea"\x88\x7f[\x18|w\xb1 3\xe2'</t>
  </si>
  <si>
    <t>b'/\x1f\\.|N\xe0\xdb*\xb0\r\xc8\x0c\xa3\xdb\x96{\xc4\xd6|w\x8de\x90\x12\xa3\x02=\xf5\x05B\xf4'</t>
  </si>
  <si>
    <t>b'\xb7\xe1\n/\x00j\x8dK)\x15\x86u\xd5\xa3\xae\xbd\xb2\x02\x83H\xed\xd4\xfd\xa1lc\x91\x86\x0c\x91\xe0$'</t>
  </si>
  <si>
    <t>b'\x83\xbe\xce\xd9\x02\x92\xbd\xc6\xb6\xcb"\\.\x82\x88\x16\x85\x18\xbd\x81\xc5\xe5`\x08\xb7\xb8\xb1;\xa3\x80l\xd6'</t>
  </si>
  <si>
    <t>b'^\xf4x\x137\xbf\xf9\x878\x1d\xa8][\x15\xb8\xe3\x9f\xa3\xdd\xad\xc2F\xe8\x8fjj2\x1b\x9b\xb6\x1d\xa9'</t>
  </si>
  <si>
    <t>b'\xa3\x07@\x89\xcf\xc9\x8a\x05\x07\xbe\x84\xf5\x8dc\xbd\xd7\xf6O\x8c9j\x9f\x18\xe8\xed\xf7\xaf\xa9@\x96p\xeb'</t>
  </si>
  <si>
    <t>b'A\xc0\x0bOw\xc3(\xa1\x00\xc0\x8b@t\xee\xdf\xe1\x15\x16H\xac\xfc\x87!\xd4b\r\x90\xe3\x0cw\t9'</t>
  </si>
  <si>
    <t>b"\xe5!3\x93k:\xd1\x96\xc3kF=O\xcfc\xf6'\xe7*\x93_r\xdeed\xee\xdf{\xb4?op"</t>
  </si>
  <si>
    <t>b'\x8d\xc9~\xd5\xe0\x91\xd3\xbed\x11J\x9d\x13\xa7\x1c1\xe9\xe7\xc8\xea\xcdEc\xf2C\xbb2\x82f\x01\x89\x82'</t>
  </si>
  <si>
    <t>b'\xb6fG\xa4b\xaaD\xe6\xaa\x7f\x14_\xb1QB\xecv0\xc1\xa8F\x16\xdc)qltL\xc6\xe3\xe3\x8e'</t>
  </si>
  <si>
    <t>b'\x19\x04\xcb\xb3\x14)[\xb9;\xcfw\xf0\xbd\xc6\xe8\xe5a\xa0\xc5&gt;\x0cln\x0e\xeb\xec\xe2)\xb5\xea\xb1\x08'</t>
  </si>
  <si>
    <t>b'\xf4eOz\xa2F\x03)\x0b\x01\x9dk\x8e\x07\xf8\xd7T\xf3c\xc2\xdd\xae\x00\xe1\xf5\xf9\xc4x\xbb\t\xd1\xdd'</t>
  </si>
  <si>
    <t>b'\x1aFk\x95\x82\xd3\xfa\x1641\x98\x97\x14\xd2\t\xc8\x8fU}$\x0cL\xf0\xe6-\x7f\x96Ia\xc8\x83\xd6'</t>
  </si>
  <si>
    <t>b'\xfa\xbdEB_yF\xf7\xc6\x98\x17\xc4\ne\n\xeb\xe2\xb2t\xffn\x81-:yP\xa0 Z\x1aJT'</t>
  </si>
  <si>
    <t>b'\x9d\x98*\x9b\xa0hzN*%\x18b\xcd6\xdaU\x93\xab\xbd\xa4TV\xa6&amp;\x9c\xde\xd2\xc6g\xdd\xc6\x8b'</t>
  </si>
  <si>
    <t>b'2\xff\xec\xec\xc4\xcc\xd7\xe5s\xea\x8f\x9b\x9c\x0b\x86p-\x0b\rhJ,wk\xdb\x99\xf2\r\xff\x9dF@'</t>
  </si>
  <si>
    <t>b'\x9e\xa5\xc1\x875\xe3\xa2\x93x#r\x8b\xa4\x01A{\xa9~y\x17&lt;v\x07l\xa7\xa9\xe8\r\x8e\xe0\xa3\xd1'</t>
  </si>
  <si>
    <t>b'c,h\xf1\xdf\x1a\x11M\xb1\xab[\x1bK\xb0\xbazc\xe5\x8f\xc5|GG\x13j\xcb\x1c\x9bG\x9aH\xbb'</t>
  </si>
  <si>
    <t>b'\xc5H*\x84EE\xf1\x88\x0c\xbe\xfb\x17\xea\xf9\x1aq^OK\xa7+\x91\xa3\x9c!\x0c\x82\xb0U\xc4\x8fg'</t>
  </si>
  <si>
    <t>b'\x89\xe6\xd9\x8az@m\xcd&gt;\xfa\xea?\x1f\xb07\xbf&amp;\xf3\xe8\x1e;$\xbc\x1a\x13V\xadq_\xf0Q\x0f'</t>
  </si>
  <si>
    <t>b'P\xba\xaax\x13\x05\x03\xce\x9csO\x19\x02\xadF\xd7=\xc6\xe1-,]\x8e\x93bj\xf4\xb3\x9bM\n\xa8'</t>
  </si>
  <si>
    <t>b'I+\xbd1\xd8\x83*\x88p14\xc7\xea\xcc\xa5\x92\x96;j\x93]\xaa\xcd \x94\xa7\xb3L\\V\xd1\xfd'</t>
  </si>
  <si>
    <t>b'fj\xfbg\xd9Q}\x8fA\x1c\xbe;\xb8\xa7c#\xc2\xf9\x10O9f\xb9{\xe8\xc9\xc1\xc3\x15\x9a\x1b\xab'</t>
  </si>
  <si>
    <t>b'\xd7\xa8qM\xc4Q\x1b\x1e\xbc\xf4\x8b3u\xc3\x03\xe9\x08\x0b,f\x13X\xe9\x0c\xba\xb8\xff\xd1=\xff\x14\xe5'</t>
  </si>
  <si>
    <t>b'e]\xca\x8d\xed8\xaa\xb6;B\xdb\x96\xe5=u\x16a[!\x96\xb9\xa0\x0b\xe8\xbc[\x84+\x1e\x1e&lt;\xbe'</t>
  </si>
  <si>
    <t>b'\n\xec\xc8\x95\x9f^\xaf\xd1,\x12\xab+}S\xd3\x18\xa3\x81\x13\x05\xa5T$\xb2\xe5\xf8I8\xfc\x12\xec\xa8'</t>
  </si>
  <si>
    <t>b'\xe3\xfd\x8dP\x18\x93\xf4\x93\x85I\xcd\xfc\xf1H\xcb\x82ln\xd4B\x838H:\x18\xa1l\xb9\xd6\xccd\xbd'</t>
  </si>
  <si>
    <t>b'y\xd7w\xb5\xa4\xabB\x83p\x97wO\xd6c\xd1%\x08\xae/\xe9\x96\xa2\x17\x1b\xdc\x1a\xd4\xaaS\xb3\xe3\x84'</t>
  </si>
  <si>
    <t>b'\n4\x1d\xcb\x84EsC\xcb\xa5&gt;Uf\xfa\x90\x16t\x9d\x1e\xdf\x11\xe6A\xb2nAi\xda\x83\x93+t'</t>
  </si>
  <si>
    <t>b'qq\x9f\x97\xc7wr\xf18\x97\xb3\x1f\xa3\x0fV\x85&gt;\xd2\xdal\xf3\xe2\xf6m\xeb\xf9\x1a\x0c\x88\xa1\xefE'</t>
  </si>
  <si>
    <t>b'X\xe9\xa9\xcd\xbe4\x93\xb2\xb2\x97-\x11H\xd20cL\xf7+\r\x10\x10\xfaq\x02\x99\x0e2s_\xd6\xab'</t>
  </si>
  <si>
    <t>b'\x8dy\xcf%\x12u}Q\x1f\x04\x9ak\x96={{,o\xb3\x14]\x07\xd6\xb2I\x9bo\xc4\xb9\xfa\xb9\x02'</t>
  </si>
  <si>
    <t>b'\xb5"\x84\x948&gt;\r\x83\x88\xber/\x08h\xcd\x0e\xfc~\xf2\xab\x80T\xc2a\xa5\xf4\x9a\xc4\xaf\xef\x1a\t'</t>
  </si>
  <si>
    <t>b"\xf3\xb1\x9f\xe5\xf20\x0f\xb8\xd8[\\\xe1`&gt;\xb1\x95\xe2R9\x0cy\xd6`\xfb\x1c\xfdr6\x14\xf9'I"</t>
  </si>
  <si>
    <t>b'[\xf97\xf25\x06\rSP=\xa2(\xa7\xcc\x9d#%\x86\xa2\xa7\xb9`\x14v\x1d\xad\xd7\x18=\xa6\x8dU'</t>
  </si>
  <si>
    <t>b'l\x0b\xdf_c\xa4\xd5\xf3 \x8c\x9d\x8b/\xa9\xd8\xa2\x9e\x7f\x91\x17\xd5\x02C\xb2\xbf\xed\xf6r\x82\x04\xaa\x95'</t>
  </si>
  <si>
    <t>b'\xb9\xfenz\xfd\x14\x8ajQ%\xfb\xde\x0f"&lt;J\x0c\x15\xb1\r\x11\xafQ\xdc\x9f\x85\xa9\xf1\xdc7g\xf0'</t>
  </si>
  <si>
    <t>b'aFT7\xc4\x1b\xc7\xe6\xa1\xa1\x15H\x1fqFp\xa5\x89_MF\x98\xea\x0ez\x1cl/\xdb\xbezJ'</t>
  </si>
  <si>
    <t>b'\xd0\x9fi\xe1\xce\xb9/q!\'\x95\xb8$\x0c\x1f|\x14\xec&gt;G\xd1"j\\\xff\x00\xdfa%\xd6\xfb+'</t>
  </si>
  <si>
    <t>b'_\x82M\x7f\x86\x9aCxQo\x10\xd0\xdc\xf59\x88\x94\x87\xb3"\xdcAy\xae\xe14\xdb\x0b&amp;\xd0$\x0e'</t>
  </si>
  <si>
    <t>b'\x18\xf7d\x8b\x9a\xeaMFz\xc9Ic\x98\xc7^m\xb3\x98\xf0\x1f\x9b\xcd\xf8Dh\\;9n\xa4\xfa\x8f'</t>
  </si>
  <si>
    <t>b'\x02-2\x13l\xed\xf2E\xd2\xb7\x9c\x84\x15\xc1\x10it.\xc7\xaf\x0bu\x9bp\xf8\xd0\x83\xe9+#!\x1a'</t>
  </si>
  <si>
    <t>b'\rg\x1bv\xd0\t\xe9-\x0e3\xd5\x08E\xc2I\xd8T$\xdfv8$\x91UN+\x9d[\xcd6\x87\x92'</t>
  </si>
  <si>
    <t>b'\x99\xc2\xcb\x11\x8aZ\x1b\xe6\x9d\x15*z\x9d=m\x88-n\xe0\xae%\x8a\xc5\x96&gt;\x03\xaa\x9d\xcdi\xa4='</t>
  </si>
  <si>
    <t>b"\x8bD\x19\xca\xfd$\xf3\xc9\x08!\x1c\x7f\xde\x8d\x8b\xc0\xd1\xa3\x8fO`\xf4-\xf5\x01\xb3'\xc3\x82K\x08\x97"</t>
  </si>
  <si>
    <t>b'\xdc\xf8q_\xa4\xa10\x8c\x1b\x9c\xfd7\x8a\xdf\xcd\x9aWq\x80\x82\x19\xbf\xb9&amp;\\RJ\x87\xa1;H\xee'</t>
  </si>
  <si>
    <t>b'\x8d\xb5~\xed\xaf}\xb1P\xf7X2C\xd26\x84\x83\xaaj\xa3\x9d\x17{\x00\xa6\x9d\x08`\xe9S\xe6\x9d\x00'</t>
  </si>
  <si>
    <t>b'\x17\xac\xaa\xba\x84\xee1\xf7\xef\x0b\xc2\xa1\xfba\x0e\xac\xc5\xc3R\xb4\x9a\x1f\x8a\x1f\xff\x01\x90\xb1fML9'</t>
  </si>
  <si>
    <t>b'\xa3\x02\xb1I\xfc\x99\xc2\x92\xff^\xf7\x87\x13\x02\xbb\xd7-\x99\x80\x11\xc75`\xb1$\x96\xba\xf8a\xf4\xe8\xc6'</t>
  </si>
  <si>
    <t>b'\x92^x^r`T@\x12\x06v\x80\x82\x8a\x81\x10qH\xa0q\xc8\xb99\xcf\x93?\x05\x98\t\x17\xbc\x12'</t>
  </si>
  <si>
    <t>b'\xf1\x0b3\xbe\x87E~\xd0\x94\x93\xcc\xe8\x05\xc0i\r\x9c\xe9\xfd8\xf8h\x1a\xcc\xf0\x0eQ\xf9\xf781\xd5'</t>
  </si>
  <si>
    <t>b'\xebe\xe02p\r\xe7\x0c~Bb\\l+B$\xa7\x90\x15\xe5\x17\xa0\x10\x15=?\xd4\x87\xfa&lt;\xb4X'</t>
  </si>
  <si>
    <t>b'\n\xe8\xf5\x9c\x16q\xaa\x8cK\x1f\xc6\x81\xed-\x14\x14\x8b\xdf\xa0^\x89\x02B\xb5\x9ej\xda-\x1c\x1745'</t>
  </si>
  <si>
    <t>b'\x81l\xae\xc0\x8a\xf6rc\xe0X\x8f\xe9"3\x17\xd1\x96g\xfe\x93N\xc2\xd9X?\xfe_\tw\xd2Or'</t>
  </si>
  <si>
    <t>b'\xc2\xcf\xea\xd7\xf5@\xe5*\xd6\xeb^\x16x\x16\xac\xb7\xa2\x1f\xe7\xdd\xacG\x00+O 4\xbe\x85u\xdf?'</t>
  </si>
  <si>
    <t>b"\x91F\xb2EL\xdaxw\x9d?\x1f\x9bk]\x02+!\x96\x0c\xef\x00\x9b{\xd4O\xdb:'G\xde\x12H"</t>
  </si>
  <si>
    <t>b"=\xaf+P\xb6\xe1\xa2\xb2Pl\xa2\x18\x13'`l\x9d\x91\xb7\xc5\x10\xe34\xad\x1aq4\xb1\x0b\xd1`#"</t>
  </si>
  <si>
    <t>b'\xfe\xf3\x94\x85\x81\x0b?Li\xad\x11f\x07\x94LC\x92M\xeau\xf0\xd5Qo\xaa\xe7M\x13\x168_]'</t>
  </si>
  <si>
    <t>b'\xaa\x06\x96\x0c\x13ef\x0b\xec\x9a\xdd\x9d\xc8\x0c\xf1\xa9]zHJ#\xfa\x82?\xcf\x14\x03\x82\xea\xe6\x88k'</t>
  </si>
  <si>
    <t>b'oOf9\xa5\x98a\xe6\xbc$\xaaw&gt;\xe0^\\\xa2\x00~]\x1f?I\x06$^N@V+\xb4\x01'</t>
  </si>
  <si>
    <t>b'p \xff\x9by\x14\xa6J\x0c\xcc\x18\x82\xd4a\x1a /\xe4H\x81\x7f\xfa\xf0\xc4\xbf\x8d\xd3\xa4p\x16W&gt;'</t>
  </si>
  <si>
    <t>b'\xee!\x90\x1d\xa1\x10\xfb\xea\x1a\xa8\xeb\xf0\x9a\xb5\x01\x1f\xccSp\xed@\xe9&lt;\xc1\x82\xbcT\xec\xef*2Q'</t>
  </si>
  <si>
    <t>b'\xeb\xf7\xb4\xe1\xddzy\x8ba\xb4[C(\xfd\x0b\xbf\xd0\xde\x81\xf1,\xd11\x1e\xder\x1b\x08O\xab\xaem'</t>
  </si>
  <si>
    <t>b'\xfb\xf3\xff\x02\xe3u\\\xa2@\xd9\x8f\x8a\xb1 \x81=\xc1\xc8\xc2\t\xea\x87\x12R=\x14\x80\xb9v\xde\xc9]'</t>
  </si>
  <si>
    <t>b'\r\xee@\xf1\xe2y\x06\x96\xb1\xa2ikJ\x89\x82|\x9b\x85}\xe6\xe8F\xb9iP\xbdy\x9aI*\xd6]'</t>
  </si>
  <si>
    <t>b'\xae\xf2\x1f9\x08{\xec\x86&amp;-yq\xfdD\xd0\xff\xef\xd2\xc1\x93\x85o\xb21\x0b\xf9\xcf\xcd\xef\xf8\xf9i'</t>
  </si>
  <si>
    <t>b"\x02\x1b)\xf6~E\x9d_B&gt;v\x97\xb6\xe2\xcf\xf8\x03\xa6'\x98V\xb6\x97sB4f\xe8q\xc4%x"</t>
  </si>
  <si>
    <t>b'\x12q\x15Q\x88jU\xd1\xd1\xf8\xb7s\xca\xaa\x15\xafF\xf9\xc5z!&amp;\x07@(\xdd\xcc\xa0y\xcd\xa8\xe0'</t>
  </si>
  <si>
    <t>b"\x8c\x19|\x8a0\x81\xcc)\xe0\x8er'\x92\x8e\x8afw\xf1\x88\x18\xfa\xab\xa2\xe6\xea#7\x10\xfd\xd3\xcdJ"</t>
  </si>
  <si>
    <t>b'\xd9\xe6\x1b\x97\r\x83\xf14}\xa9\x96\xb9eY\x84\xc4\x13\x88\x8b\xb2\x04\xa2\xff\xa9+\xce\x01\x83SU\x91\x1b'</t>
  </si>
  <si>
    <t>b'\xba\x80\xae*\xef\x1e\x9d\xc4\x90\x97oH\xfb\x8c\x0cT?\xa9u\xdad\x1c\xbb\xd64ia\x8aHE|\x18'</t>
  </si>
  <si>
    <t>b'\xbdOD=\xe8F\xfc\x04\xb8\xa4\xf9\xf5\x99\x89\x7f\xef\xa9\xbf!\xdco\xec4\x0c\x10x/\xb9\xd6\xbc\xc1.'</t>
  </si>
  <si>
    <t>b'\x1d*\xdaLi=\xcc\xbd\x8f\\\x98&lt;\xed\x1d\xd0L\xfa\xfe\x1cl7 \xe7\xb2\xa7*E\x14\nV\x15\xc1'</t>
  </si>
  <si>
    <t>b'\x94\x0f\xfeI\r\xf2Bq\xda\x00KR\x9e\xa0\x91\xe2\xe4\xae\x9c\xb5\x0b\xd5&amp;3\xf0X[\xb3\x18\x1e\xf9z'</t>
  </si>
  <si>
    <t>b'\x12\x99\xdb?\xb3\xc9\xb8=\x99\xa0\xb0nAP\xd1y|\xdd\xc9\x10BK\x8a\xc8\xce2\xf0;\xc0\xda,\xfa'</t>
  </si>
  <si>
    <t>b'\xf3\x1fgDcPS-\xbd\xff\xd9\x8e\x0c\x13\x11\x17\xa6\x87\xeeN\xa7\x8d:\n\xa5z\x06#\xa25\x97q'</t>
  </si>
  <si>
    <t>b"\x0c4' r@\x1a\xe3M[\xb6O\xc19|eru\xd2\xa3\x9f\x07P\xa4[w\xe5\xf9\x1d\xb7\xa67"</t>
  </si>
  <si>
    <t>b'\x0c\xe6\xd0\x97\xaf\xce\n\xe2sUf7FaOq\x80\xf7\xdb\xa0\x85\x0e\x83\xba\x93D\xe7\x8a\x02\xae\x7f\x97'</t>
  </si>
  <si>
    <t>b';} \xab\x98C\xfe?\xed\xc0\xabO\x95\xeaW]\xa6\xd2g\x0ec\x06\x01Z\x1b\x9e \xd5\x9e\x1b\x0b\xb6'</t>
  </si>
  <si>
    <t>b'\xcd\xd1v\xe2sF\x9e\xad\xa0\xf9o0\x1d\xeb\x89V\xa6M\xa8\x8d\xdc\xae\xd8B\x1d}:\xc3\xcd\xb8X\xb9'</t>
  </si>
  <si>
    <t>b'\x8d\xa1\xd4\xd1u\x03\xd7\x93\x8d\xb5\xfc%\xa1\xe2\x94\xa2\x14\xaf\xa5\xf9/\x95\xa3\xe5\x87\x8am&lt;^\x02\xde\xe6'</t>
  </si>
  <si>
    <t>b'}p\xd8\xc1\xd5\xea\xca\x0cU\xe9c\x85\xb1\xeb\xc1cz.*\x13B\xae*\xc6Z$82\xc5\xa9U_'</t>
  </si>
  <si>
    <t>b'j\x1b\xa9\xee\x1e\x02\xc4\xeb \x03~M\xcc\x1f\x00\r\xf9\xc8\xd7\x01\xe3a\xca\xad\xedf\xbe\x91i\xb4\xa4\xf9'</t>
  </si>
  <si>
    <t>b"\xca\xb9~U\xedLQfl\xc5\xbbf\x80\xf9\xe7\x1a\xb5j\xa0\x07'}\x8f\x8d\x1b\x87U\x10\xf3\xf9Iu"</t>
  </si>
  <si>
    <t>b'\x9coF\xdb\x89\xcc\xea`\xa4\xdc\xf5\x08M\x85\xcc\xff,,\xf1Bzz`.\x03\x13\xcb\xcdE\xde%j'</t>
  </si>
  <si>
    <t>b'X\xdc\x9d\xf6\xeb.rB\x10\xf0|\xbbv\xf1\x9c\xc2\x8ea\x08\x15Z\x82\xa8\x95\xf6Z\x1aFfOk\xcb'</t>
  </si>
  <si>
    <t>b'\x11\xc6\x90\x1e\x8d\xc9\x83\x00\xd5\xde\x89J+4T\xb9k\x12\xdf\x94*\xb8\xbcJRh\xa7\xe6&amp;\xe1hw'</t>
  </si>
  <si>
    <t>b'\xb5\x14A\x91\xf1\xea\xc0s\x01\xba\x07\xfd\xdf\xb9\x03f\xac\xcf\xd2\t}\xd2.\x0c\x0e\xcb"tE\x14x!'</t>
  </si>
  <si>
    <t>b'#\xb8\xbc\xe2\x94\xe2as\xcfJT\x96\xf73\x91\xde\xec\xa6e\xeb\xed2ES\xb8\t ?\xee\x1e\xa9k'</t>
  </si>
  <si>
    <t>b'\xdf,w\x1b\xcbd\xda\x8a\x86\xdaH\x85\xe2\xc0\xe8\xa4\xa3\xabM\xfd\n\x9e\x8e\x88\xf9\xc3`f\x0e\xe0\x16\xb1'</t>
  </si>
  <si>
    <t>b'Y\x83\xc3J\xfb\xd2a\x0c\x13cv\x7f\x8e\xe1\xbc\xf4S\xb5\xa6\xd5\x0fg\xe5\xa88\x9d{\xb0}\xa3\x17I'</t>
  </si>
  <si>
    <t>b'\xda\xfa\xcchU@\xdd1{\x85\x95:c\x95\x03Hz\x06XIc\xff\x87 u\xba=n&lt;\xaa\x01\xf0'</t>
  </si>
  <si>
    <t>b'\xeay\x9cv(J_\nwm\xb3W\xcf\xb0\xaf\x0c\xbf[\x8a\xcec\xf2\x16\x1a\xe0@\xcc2xd\x992'</t>
  </si>
  <si>
    <t>b'\xce\xec\xe5O\xbf\xb6e\x87\x01\xad\xab\xcb\x0f\xb9\xcb\xcaB\x1au\x02^\xe3\x90\x01\x98\xcf\xc5\xc1g\xf4D\xa2'</t>
  </si>
  <si>
    <t>b"\x82\x15)\xd88iw\xa7\xa4\x8f\xe1\x83\xff\xde4\x89`\x8c!\x11\x08\xa4\xb5\xfe\xf4\xf2\n'F\x13\x1f\x07"</t>
  </si>
  <si>
    <t>b'k\xb3\xe3\x89\xfa\xe8Y]J\x84x1\x0e\xfde\x9a\x03:\x7f\xf9\x8b\xd6\x18\xa0\xaf\x9c\xfaw\x90\x85h9'</t>
  </si>
  <si>
    <t>b'\xda~\xf3uN,\xed\x92\x13J\xbeJ\xb02\xaa\x82?\xc1D\r\xaco\xcb\x11\xf2\xcd\x10n\xa2t\xab%'</t>
  </si>
  <si>
    <t>b"\xe3\x1b\x1aL\x04O\x01\xe2\x8c{\xf1\xb5\x99\xa4'o\x81\x8f\x02\x0b\x0b\xcfnG\t\x8aq\xf1\x99\x81\xf9\xe9"</t>
  </si>
  <si>
    <t>b'\x0ckf\xc9{(\x07\x95x\xcf.\xa2\xcf\xfa\x91\xc1z\xdcw\x15\xca\x841\x9b\xf2\x87\xa14I\x16`2'</t>
  </si>
  <si>
    <t>b"\xc9\x89\xfb\x0f\x1ft[{'o\xf6\xc1~\xaf\x9cx\xbc\x08\xb6 \x85\\\xe9)\x97D\xe1\x00\x1d\x9b\xf4\xec"</t>
  </si>
  <si>
    <t>b'r\x16\xedh\x13\xa8z\xac\x9d,\x814,#\x8c\x13\xbd\x10\x9f\xb2\xbb\xab\x92\x85l\xf3\xa3\x9f\xe4\xd2\x7f\xc5'</t>
  </si>
  <si>
    <t>b'\xdb{ekx\xb6\xed\x9b\xd7\xca\xe5\x97\x80\x16\x01?x.\x00\xa5PgV\xed\xfd+[\x80=wA\xfe'</t>
  </si>
  <si>
    <t>b"\x0f\x84\x88(m\xd3\xc9\x1e\xff]zZ^\x8e\xf1\x0e\x9b\xb2\x9c'S\r\x03\xa7s\xf8P/\xd9\x1f\xcd\x96"</t>
  </si>
  <si>
    <t>b',\n\xee\x1fT\xb1\x96\xa4\x8e&amp;\xdc\x9f5\xa5\x81N\xad\xe3r"\xec\xaad\xbd\x90\xee\xbaB6Qb\xf7'</t>
  </si>
  <si>
    <t>b'\x01*a\x05\xdc"\xf5\x9a\xf3\x922}K\xf2\xb6,\x81@{L\xd4\xff\xcb\xd7\x9c\xebI\xe3\xc2=6\x9b'</t>
  </si>
  <si>
    <t>b'$\x8f\xaai\xd3\xba\x9e6\xd8\xaf\xfbt[\x96\xbe_I\x9f\xbf\xd9\x05\xacc\xe3F\xcf\xc8\x08\xf6\xe5\x0f\xf2'</t>
  </si>
  <si>
    <t>b'\xc0\xd5\xf2-\xb1\x95dl\xf9\x86n2\xa0\x10\xa6\x19\xea\xd0\xf6S\x1e\xf9\xb0\x87N\xf1\x89s0\x05?&gt;'</t>
  </si>
  <si>
    <t>b'S\xdb1\xe8\x1b8&gt;\x8b\xdc\xea8kZ%z\xde\xdav\xeb\x1f\x07\xf7rQ\x1d(!\xcf\x00\xc7\xe6\x15'</t>
  </si>
  <si>
    <t>b'B\x85\xb8\xd9\xa9&amp;7\xa52\xf7\xfb\xce\xd8\x9a\x84\xf6\xdeqd]\x02\x85\x8b\xe4z\x8c\xbf\xf6PZ\x80O'</t>
  </si>
  <si>
    <t>b"\xea\x12Y\x9c\xc0&gt;q;\xe2\xec\xf2\xab\xa3\xcd\xe6\xebHh'3\x8a\xd6\x9e\xe5|\xd36O\xdb\xad\x97?"</t>
  </si>
  <si>
    <t>b"7&lt;\xaf\x11=Pw\x94{r\xa7C\xad\xafF]\xbb\x96|\xb5'H\xea\xfe\x1e\xa7\xeb\xfbZ}\xb3H"</t>
  </si>
  <si>
    <t>b'p\x9fw\xa2\xa5(\xbf\xf6\x11\xfb\\\x12\xa1jL2Q\xd4j\xddR\\\xbf\xab;r\xc3U\xf8A\x91_'</t>
  </si>
  <si>
    <t>b'\xae\xed{\x1d-\xc5\xb4Mt\xd8\xc6TM:\x0ciz\x96\xb1p\xc3\x0c\xeew\xf8\xca\xed\xe0o\rA%'</t>
  </si>
  <si>
    <t>b'OO\xe1\x033\x1b\xceS\xdf\xd9\xcf\x06\x14\xe5\xba\xeb&gt;S\x92\xc1\x07\xb1\x10=\xcf\xb5\xe6\xfaa\xe2\xabJ'</t>
  </si>
  <si>
    <t>b'\xae\xc3\xcc\x97\xdd\x92\x9bM\xf5(\xabx\xe8\x1f\x04\xb6\x8c\xda\n o\xe3+\x07\xca\xd2T\xc9\x17.d\x12'</t>
  </si>
  <si>
    <t>b'\x89\xe3\xa1Q\xf9\x04D\x92p\x1a\xc6Q\x86\xbd\xfck\xf6\xa9\xab\xfdb\x03\x07\xbfE.Jf\xdeG\xf2\xe6'</t>
  </si>
  <si>
    <t>b"\xfb\xde\xf0\xac*\xa0f\x9ek;\x9b\x1aE\xe79e\x15\x0e\x02\xae\xeb\xc1\xea' \xd9\xed\x182}\xd7\xdc"</t>
  </si>
  <si>
    <t>b'\xc8\xd9\x13@0B\\\xd2\x03\xa2\t_\x99\x16\xeaP\x9cf\x9c!vK\xfc\x90\\:{\xd3\xb5\x81\xb9\xa5'</t>
  </si>
  <si>
    <t>b'\xa8\n]\xf3I\xdc\x05r`[\xc36\xf1y\xb4D4\x11\x9c@A\xebb\x06+/U&lt;}\xcdZ\xf7'</t>
  </si>
  <si>
    <t>b'c\x91qE\x84\x16\x9f\xac\xad\xc9\x1ci\xa0J\xf7R\x131\xae7m\x87o@n;\x0b\x868\xc6\x05\xea'</t>
  </si>
  <si>
    <t>b'q\xa2\x84~b\xeb)\x97\xf5\x12\x8f)x\xfb2\xc7\xd6\x1a\x0e\xb5Ug\xc6\xbf\x84\x8e\x91\xa8\xa3\x1b\xdf/'</t>
  </si>
  <si>
    <t>b'\x9e\xdf2\xe3\x1c}\xcfUO+Z\xd7\x84E\x92\x87\xa4\xa6\xe1\x93\x8f\xe2\xf9C\x92\xc3\xfc\x01R\xfa\xcb:'</t>
  </si>
  <si>
    <t>b'\xe0\xe9\xa3\xcf&lt;j\xc6\xd6SkR\xc0\xeb-\xa4 \xa3D\xb4\xa5\x9f\xb5\x1a\xa9\xb6g!\x89\x0f\xfd\xae\xfa'</t>
  </si>
  <si>
    <t>b".\xd7\xddhT')\xf1\xb0\x13O\x18\x94\xf4\xdc\xddQ]\x95\xdc\xf8\xa1\xb4\x1dZKZ\xf2\t\x01\xaa6"</t>
  </si>
  <si>
    <t>b'\xdfx\x08Z\xf3\xa0\x13C\x1d\xb0;\x9c\xa8\xd3\xadN\xbeU\x9b\xffWe\xa7,\x17\xe7"\x16),c\xd5'</t>
  </si>
  <si>
    <t>b'\xde\x84\xef\xfas\xe4\x119?F\xa0\x90\x81i\xb0C)\xa6A\xd1A\xe5\xd6\xd8\xa5\xefyz\x00A?\xc9'</t>
  </si>
  <si>
    <t>b'$\xa2\x8f\x1b\x9ef0\xed[$J\xd1d27\x94{\xfc&amp;\xc6I\x16L\x03\xccG\x02xviGo'</t>
  </si>
  <si>
    <t>b'\x1f\x14\xd1\x10\xb1\x87\x9b\xaf\x17l5\x1d-\xee\x7f\x828\xce\xea\x9d\xba^\x97\xce\x0e\xbd"!m\x08\xf0\x00'</t>
  </si>
  <si>
    <t>b'\xc6/\xd3;\x1e4GZf\x0e\xa6t\x03\x11\xdc\x06d\x95\xc2\xb2\xffM\xdc\x0b\x83Y.\x8f[,\xc0\x8c'</t>
  </si>
  <si>
    <t>b"\xa8^\x19\tk'\x92d\xab'\xa7\xcan\xca(:\x83\x9d\xf9\x87\xa5\x13\xa2\xce\x1e\xf4\x89j%[\xc3\xad"</t>
  </si>
  <si>
    <t>b'IA\xd0\x05\xdbc\x10\x89\x94\xc8g\x8b[\x83\xb2\xce_"\t\xa5\xdf\xc5\x14[*\xc4*_d\xd5\xdd\xc4'</t>
  </si>
  <si>
    <t>b'\xa1\x9d\xc7\xa3\x17q~\xc8\xe9Y,7$\xcf\xf8I\xdf\xe7j\xb2\x8f\x08\x844t\x85\xa2X\x9f\xf8\xdfF'</t>
  </si>
  <si>
    <t>b'\x0e}\x96\xa6\xcd\xff\xae0-\xde\x83\xd4\xea\x92\n\xd2~\xfb\xe1X\xf3r\xa2\xf3}W)\x9be@B\xcb'</t>
  </si>
  <si>
    <t>b'\xc5\xb7^W\xf6#LM\xf7\x89\xe1\xfbZ\x19p\xed|\xdb\xef\xea\xf4Z3\xda\x05\xb0]\x14\n\xee#\xef'</t>
  </si>
  <si>
    <t>b'9\x0co\x08S\xdb\x8a\xeeb8\xcd\x81\xdd\x9e\xce\xfev\xe3\xa0ngv\xe6al\xed\x9e\xaa\x8d\xf6.|'</t>
  </si>
  <si>
    <t>b'\xfb\x9a\x04M\x93\x86\x08..\xcep&amp;6\xde\x87myQ\x9f\x01\xe8\xfc\xad\xf8\x96A\r\xd0\xa8\xbc\xea\xe5'</t>
  </si>
  <si>
    <t>b'`1\xd3\xa2\x00\x8f\xa2\xa9 \x83\xa2\xa1)\xa2U\x07 $\x03v\x1e\x9f\xd1c\xe1 \xf9tWm5&gt;'</t>
  </si>
  <si>
    <t>b'aA\xf0\xb6\x99\x00Q8\x9dF\x82\xe3\xf2\xe5\xa9\xfc\xe8+\xbcQk\xe1/\xbf\x8f\xe0f\xfd\x97\xf2\x91\xa1'</t>
  </si>
  <si>
    <t>b'\xc2@e\xc4\x19\xfe(=\xb4\xe8\xa9Nk\x82\xa9%\xb3\xed\xb4i\xc5@\xf3+T\xb7\xf4\xcdB\x7f8\x15'</t>
  </si>
  <si>
    <t>b'\x18\xab\xde9\xff\xb8\xd2\xfdE\x8f|+\xc4\x8ak\x8d9\xe4\n\xbd/\x94\x8c\\\tm\xdb4\xb1%\x97\xcf'</t>
  </si>
  <si>
    <t>b'M\xcaM\xbe\xaf\xedt\x06\x1d\xe5\x80\xf1\xd5&gt;\x1b\xfa5\x9b`Lx\xc9\xf2\x12\xa8\x01 \xc3\x17\xffp\xbf'</t>
  </si>
  <si>
    <t>b'\x1a\x8f\x1cHg7=\x14qQR\x18\xdd\x80\xcf\xb9K\x0e\xf0Kt\xe7\xbf;\xbfc\x15\x87\xafN\xbd\xed'</t>
  </si>
  <si>
    <t>b'0\xbdf\xf8\xa9Y\x1c/W\x9d\xa3{\xa0)?\x90\xe193Y\x9es#7\x17\xdb#2N)\x0b\x9e'</t>
  </si>
  <si>
    <t>b"G\x83\xb4\xfdK'\x8e\x84&lt;\x9epz\x9a,Gqy\xc4\x07\x9e\xef\xf2\xd8'\x9cmr\xf8\xab\xa3K\xe4"</t>
  </si>
  <si>
    <t>b')U\xaaN\xbco\xf3\xaf\x9a\xdb\x1f\xbf\x00\x92Ub8M\x80\x9b\x1e\xe9\xe7\x1d\x14\x8c;\xba\xe7\x9b`\xc7'</t>
  </si>
  <si>
    <t>b'\x84H\xb9$\x7f`\xc6\x9c\xefuS\xf3\x12\xbf\xed\xa3\xa5\xb6\x93&lt;3\x8a\xdc/lb\xc2\x80\xd2\x16\x04\xb6'</t>
  </si>
  <si>
    <t>b"\x1d\x8bS\x7fB*\x9a!\xb6xH_\xef\xa1\x81'\xcd\xc7\xa2\xd2KR:\x9b\xd3\x1c\xcf\x94\x9b~\xd3\xea"</t>
  </si>
  <si>
    <t>b'\xc6\x00Ms\xa8\x17c\xf6#\xe4\xa7\xb5\x92\xac\x7f\xad\x8b(~&gt;\xb6\xb9=\x88\xa3\x95\xc9a\xea\x93\xf9\xea'</t>
  </si>
  <si>
    <t>b':\xf3\xf4\xd8!\x95m\xa4v\xfe\xe8\x83D\xb4\xbf\xde$u\x12\x97\xe5\x1bRQ\xbfC\x1cey\x11T\x13'</t>
  </si>
  <si>
    <t>b'\x99\xb5\xc8\xcfG\xea\xa5{\x1a\xfe\x13\x16\x9a%\xf2\x8e\xac\xc6\x85\xc3H\x9a\\\xac9]\x07\xe4\xbb\x06K4'</t>
  </si>
  <si>
    <t>b'\xc5$&gt;X#\x19\xb9T_\xa5\x0fq\x95\xab\x8e\xf95C\xec\xee)\x92\x95\xf5\xb5\xe4\xa4\xe8\x06I\x1b\xdf'</t>
  </si>
  <si>
    <t>b'i\xc7g\x8cA\xc9\xde\x94&lt;\xca\xd6\xc0\xe6\x1c\xe3\x1c\x10evpS\x85y\x07\xef\xa5\x9e{S\x14\x109'</t>
  </si>
  <si>
    <t>b'\xe5$$\xc8hI\x1f[/\x88\x868\x05\xc6 \x81&lt;\x14\xa0|\x9d\xda3} Ku@\n\\\xab['</t>
  </si>
  <si>
    <t>b"G\xf7br\xa6\xf0p\xe3\x9c\x11:T&lt;&lt;\xe8\x98\x8d''N\x8c\x82\t\xa0`\x0eQsX\xe7*j"</t>
  </si>
  <si>
    <t>b'\xb8c\x95L^J!\x12\x1e3\x8e\xe8v\xe3@]\x15\x85wo\xa7\xacT\xe4\xfb\xd6z\x0c\xcem/\x02'</t>
  </si>
  <si>
    <t>b'&lt;\xcf\x9e\xa1q{X\xb5OE\xe7\x973HB]\x9f\xce\xc0l\x08\x83\xab\xd7\xe6x\x13P\xc8!\xe3\x91'</t>
  </si>
  <si>
    <t>b'\xa8YG\xe7\xfaz\x99\xe1\xc0H\xa3\x9d\x9e^\x10\x0f\xea\x15\x83ndd\x9a\x0bV&gt;\x96\x80\x0b\xbc\x90\xa2'</t>
  </si>
  <si>
    <t>b"5qz\xf7\xc5f\r\x8a\x81\x8e\x86\xc2\x88\xdfP\xe4\xfa\x8a\x1e\xa9m\x11\n\xb9'\n\xe0\x8a\xbc\x89\xc4C"</t>
  </si>
  <si>
    <t>b'\x01z=\xc7\xe6\xcdq\xb0,\x84j\xab\xe2K\xd9\x9dB\x9f\xc9k\xcd\xc6BN\x9fY\x0b\x9c\x99O-\x9b'</t>
  </si>
  <si>
    <t>b'\xda\xfa"\xacH\x0e\xe0\xb9q\x1f\x0e\x17S\xc3\xf1\x9e\xbe}\xbd)\xe0=\x01\x1d\xfeB\xeb\xccD\xa0\xed\xfa'</t>
  </si>
  <si>
    <t>b'\x12\xa2\x19\x1d\xe95z\xb9\xc6\xce\x8b\x97\x02\x17\xb4\xa9\xe3"\x94\xf1r\xdb"x\xc7\x005\x8bqpLx'</t>
  </si>
  <si>
    <t>b'\x85\xc3d\xea\xb8\xcf\x8b\xbd\x81\xc5N\xdf\x16\xc7\x017\x85+\xb9\xfd\x03\xb6\xda\xc4\xf8!VfM\x80\xfd\x82'</t>
  </si>
  <si>
    <t>b'd1gW\x1f\xb7\xbdM\xd6edC\x00lfa\x98\x14{\xf0\xd5\xdb\x1b%\xc8\x9c@\xe4S\xdb\xa0Y'</t>
  </si>
  <si>
    <t>b'\xb9]\xf9I{\xc0#q\x947;\xa2H\xadf\xfe;\xbd\x1dn\xcbsc\x9d\x97\x02[L\xb2\x8a\xab\xfa'</t>
  </si>
  <si>
    <t>b'\x0f9\xf1\xa2\x86IC\xc8T\xb8u\xd6\xac\x0e\xd18\x98z\xb9\x8e\x85\xe9Tv\x11P\xa1\xeb\x0f{\x9b\x8f'</t>
  </si>
  <si>
    <t>b'r46iK\xd6\xe3\x9ax\xcd\x83j\x01uR1\xc9N\xe37\xaf\xef\xaf[\xfc-\xbb/\x04_\xf8\x97'</t>
  </si>
  <si>
    <t>b'\x07\xe2\xaf^\xb3\x98\xdb\xbc\xa3\xcd\xf0/\x850 EuO?\xfcf\xcd\xc6\xc0\x9e\x167\x90U{yb'</t>
  </si>
  <si>
    <t>b'1X\x84\xdeW\x01\x02\x0b\xcfp\xcf\xe6\xa4\xa6\xb9\xb8\xa9\xf24\x9d8\xc9&lt;\x93\xd15\x9c_q\xb3\x82Z'</t>
  </si>
  <si>
    <t>b"\x8aK^\x11\x0b\xb2x?\x00Q\xb0\x97\x01\xb6[\xbb\x13\x9f\xe5\xa3\tbXz\xfb'\xfaEm\x8e\xdb\x8b"</t>
  </si>
  <si>
    <t>b"\x15\xa4\x9dBH\x95\xe8\x97\x0e~\xbbGy'/'mM\x07\x06w\x03\x10\x95j\xae7Y\x9b;\xf0\xcf"</t>
  </si>
  <si>
    <t>b'\xe7\xed\xd03\xcf\xe8/\xc0d\xe2&gt;AW\xed\xe6\x06\xfa\x14\x1d\xb8v\xd7\xdf\x8f-&gt;\xb06\xe7\xc1\xaf\xc4'</t>
  </si>
  <si>
    <t>b'\xe6B\x1e\xfaI!%\xa1\xb9\x82\x0e\x8f\x9ed\x84\xdcR\xd1:\x93\xf1\x84C"\x9a\xdd\x86\xb4\x0f\xef\xb3*'</t>
  </si>
  <si>
    <t>b'\x0b\x86?g\xa4\x93\xcb\xe3^/\x93~\x90\xa8\x03Cz\xf64x\xaaOn.\xaf\xa5\xf4g\xcf\r \xb6'</t>
  </si>
  <si>
    <t>b'\xd0\x95\xb9\xdfR\xbc-\xf06\x82E\xc2+\xf5\x8b*:\x0fA\x0cH\xc6\x18\xbd\xcc?\xcd1\x14\xfdn\xbb'</t>
  </si>
  <si>
    <t>b'\x1e\xf9\x07Cq&gt;\xf0\xcc%\xe9\x89\xea7\xe1E=\xee)\xae\x95\x80jS\xca\\\x0e\xa8\xbe\xcd9i}'</t>
  </si>
  <si>
    <t>b'q\xf7\xb1\x07\xee\x08\xe3\t\xc5\xacz\xf8\x93\xf3\xb3\xc8\xf8\xaf\xd1w*\xb8\xfa-\x8a\xdd\x0c\x9c~\xe5$\x90'</t>
  </si>
  <si>
    <t>b'\xb3\xc8m\x01\xd4\xde\xcb\x98)g\xcc\xc8R\xf4\xef&lt;\xc2h\xfc\xf2T\x02\xba\xef\xfd\xe5O\x88\xd1\\\x97\xdc'</t>
  </si>
  <si>
    <t>b'^f\xab\xc5(\xad\x87\x04\xa8\x13\xe2p\xeaXK&lt;\x1c\xfd!\xd8n\xce\xcf@E\xcf\x7fB\x139\xab1'</t>
  </si>
  <si>
    <t>b'\xc6\xca\x03\xe4\x86\x11\xbe\x1bB@\xaa\xcb\xff\x05..\xa1\xbfe\xfd\x14\\\x10QXBk\x82\x06\x14\xa8\xf3'</t>
  </si>
  <si>
    <t>b'\xd9A;w\xc6\x07\xaa\x82\xed\x8c9\xc5\xfa2\xf2#|\xc0\xd1l\x03\xbd\x07E\xc1^5\x18\xfaa\xd7\xd9'</t>
  </si>
  <si>
    <t>b"\x91'\xb7yZ\xdcJ\xe6\x1b\xe9\xcd\x87\xbc\x04\xde6\xadF\xd0\n\n\xba\xa6Y\x86L\x93S\xb0\xd8\xd9\xfd"</t>
  </si>
  <si>
    <t>b'\x86`\xf4\xcd\r\xab\xed]`rz\x12\xc4\xe7or\x9f\x988\x93p\xdd\xf6&gt;x\x8fS\xce\xfa\x8f\xdeW'</t>
  </si>
  <si>
    <t>b'\xbd\xb3\xa5\x91$\xadr\x81\xb3\x87\x83\xb8P\xe4|\x11\x0f\xf8\x13\xe7\xc6\x90B\x05\xf49@\xd0\xa15\x01\xbd'</t>
  </si>
  <si>
    <t>b'\xca\xe3\xe9^{\x1c\x9c9\xd5\tM&lt;$f\x86\x7f\xcd\x84r\xaa\\;\x89\x0eg\x88\x9c\x9dW \x84\x15'</t>
  </si>
  <si>
    <t>b'\xaf\xe8\x89w*R\xe1\x92\xb5\xc0\\\x95=\x08w\x9f\xb0k\x85\t\x06\x08\xb4\x05\xdb\xdf\x13_l\x86\x7fd'</t>
  </si>
  <si>
    <t>b'Z\x8a\x89\xc9\xab\xe3\xe7w\xc6Kg\xc3{|\x11\x1b\xb5\xf8\xca\x1f\xdfdU\x1f\xda\xe0\x8d\x05\x7f\x16\xcd\xd4'</t>
  </si>
  <si>
    <t>b'%\xe6cPy\x18\n.,\xfdy\xc3\x1f\xbf[B\x1c\x0f\x08\x86\xbc\x88\x1d|\xe2\xfcM\x99\xfd\x85\x9aE'</t>
  </si>
  <si>
    <t>b'\xbe\x91\xda\xbd\xcb\xcei\xe3\x1b\xb1\xcc\x14\xc4\xbcI\x9e\xff\x16\x96U\xa3\x8f\x9bC!0+\xde\xfa^\xe4\xa6'</t>
  </si>
  <si>
    <t>b'\x00\x8c\xcf\xbd\xd9ax\xc7\x83|\xdb\xba"\x90\'E\x176\x1d\xe0\x0e\x0b\x03\xc6MG-g_~\xd9|'</t>
  </si>
  <si>
    <t>b':\xfd \xcd\xe4\x1e\xea\xf6\xd9\x9b\xab^\x84|\x99k\xb4!N+\nL\xee\xeb#L\x0f]6\x16\x07\xd2'</t>
  </si>
  <si>
    <t>b',\x15KO\x10fp#\x8e\x8e\x8e\xa4$\xdfo\x8dU\xd4"\x8f\xf5\x13\xd8\xb1\x13\x16\x02D\xea\xd0=\xae'</t>
  </si>
  <si>
    <t>b"pVz\xc2\xb2c')\xd9J8\xef\xaaFy]\xcfMr\x04\xa2\xda`\xc6\x85\x9a\x849\x19Xy\xbd"</t>
  </si>
  <si>
    <t>b"\\\x88\x87?\x0f8\r\xcd\xdd\xd2\x1fx9\xb9\xae'\xb9\x96\xa92\x10\xc7\xb2\x1b\x08\n\xc5\xab\xd4R\xf6\xd8"</t>
  </si>
  <si>
    <t>b'9U\x12!\xffC \x90\x9ca\xac\x96\xd7\xab"\xbf\x8c\x9f\x12\xdbz)\xaa\xc2\xc6p\x1a\xd4\x9d\xd9-\xb2'</t>
  </si>
  <si>
    <t>b'\x9c;\xd1\x87\xf6n\x85\xa06\xcc#\xd9]\xc9\xa8ru\xe7\xed\xae\xcfM\xe0\x0ee\x8a \xe3\x8b\xfb\x13\xd7'</t>
  </si>
  <si>
    <t>b'\xb5\x9a\xf0\x8e\xd6{\x10g\n\x95\x8b\xa4c\xbf\xcbR\x13\xed\x98l\xf5*\x88\xf3q\xa1P!vt\x10%'</t>
  </si>
  <si>
    <t>b'#%OF1\xe3\x1e;\xea*\xb3q\xd0\x14\x0bi$\x10Q\x9c\x11\xb0\xb0h\xa8\xdd`A\xfe\xb3\x1at'</t>
  </si>
  <si>
    <t>b'\xceGa\x88\xcc\x8c\xd5\x1e\xa1\x11\xcc\x8d\xe1$\x0f\xdc\xabf\x8e,\xda\xce?\xeetk\t\xf9\xa8\xee\xa9k'</t>
  </si>
  <si>
    <t>b'b(\x126\xbd\xd7\x03\xc5\xe5xv\xd0\x7fF\xb8\xc9!&gt;\xb8?A"\xad\xd5Gb-\xae\xcd]y\x14'</t>
  </si>
  <si>
    <t>b'2\x9c\xad8!g\x9fs\xf8\xde\xb9\x15\x9d97\x1eJ\x88\xb5^RO\xce\xaf\xb7\x02K\xc8o\xb4\xc9~'</t>
  </si>
  <si>
    <t>b'\xe8\x10\xe3`\xb3\xef\xa1\xd7\x93\xdf\xf8^\x1e\x82}\x915\xbe\xd9\xca&lt;rN[\xe0\x0c\x85T\x04x0\xc7'</t>
  </si>
  <si>
    <t>b"\xf6.~]\x94}:\xda\x15\x02c'}\x1d\x8f\xe2\xffiL\xf0\xb8J\xd1\x9cX2i\x89!\x15\xceO"</t>
  </si>
  <si>
    <t>b'\t\xbfy\xf97B\xd8"\x9c\xce)\xc2\x02\x88:\xc3\xb8Oe\xffa\xc1A\x83\t\x0bJ&amp;c_\x9b\r'</t>
  </si>
  <si>
    <t>b'5\xbaTo\x83\xbe\xec\x82\x02\x1e\x9a$\xd7w]h\xf5@h\x121\x87\xfc\xca\x08f\xf2\x80\x015\x13\x1b'</t>
  </si>
  <si>
    <t>b'4\xfeI#\xa16J\xdc\x83\xc2\x91u\x17\xbf\x88!/\xc0\xab\xe1\xbe]l4l\x06\x93\xad\xc4k\xeb\xfd'</t>
  </si>
  <si>
    <t>b'\xf4\xbc\xb85\xf9wI\xa0\x1e\xb0\xf2*H\xaaJ\x10\xc64P\x0f\xd5I\xb1%U\xa1\x19`o\xc4D\xfd'</t>
  </si>
  <si>
    <t>b'&gt;\x9e\xd3*\xc5d3\xa8\xf1\xe6\xcdP\xe6\x101\xf0\x02\xaa\x06y\xaf\xb5\xc5\xd4\xdb\xa5\xe4v\xfa\xed\xed\x95'</t>
  </si>
  <si>
    <t>b'F8\x1b\xbd@#\xd8}A\x02H\xdaNu&gt;\x0ccO\xaf\xb6P\x02Z\xb6\xf0\x1aKA}\xdc\x90s'</t>
  </si>
  <si>
    <t>b'\xd4\xafn\xb0\xea\xb3\x88#\xa3\xfe\xa5]G\xc6"\xfa\x0fP\xd7Z\x9a$q+[\xc3\xc2f\x80\xed?\xc0'</t>
  </si>
  <si>
    <t>b"\xc4\x90=\xd08q\xe2\xbf\xf1\xd9l5\x8a\xc96\xdaB\xdf\xda\xbb'\xbe\xee\x93\xc2C\x01.1\xcf\x01\xb7"</t>
  </si>
  <si>
    <t>b'0f\x97\x86\x8e%\x08\xc7uB\xc8\xedZ\x97\x91d\x94\xefH&lt;\\x\xe0FMo\x8fT\x0e\xf3\xc9H'</t>
  </si>
  <si>
    <t>b'\xe9m\xf4\xe8\xd8\x89\x9fX\xbc\xd2v\xf6\xc8\xe9$\xe9\xbf9-l%\xa4\x95nT\x10\xb6\xe1\x97\xa7\xac\x05'</t>
  </si>
  <si>
    <t>b'\x90hm%\x0b\xbdFR\x18 \xcdi7\xb0\xd9@\x90\xcb\xe5\xa7\xd2\xb8x\xa7\x80\xbbYQ\xd8\x10D,'</t>
  </si>
  <si>
    <t>b':\xddS\xb3\x0cy\x9d\xd9ez\xd4r\xbf@\x17\x90U:\x04\x16\x96\xd6mrg@\xab\xafk\xc2\xd0\xd1'</t>
  </si>
  <si>
    <t>b'\xf49k\xceY\xd3\xba\xd5Y\x1ej\x7f\xe7\x12b\xdfI(O\x8b\xfa\xf9\xb5\xcfDq\xfc\xaa\xd9\x93~\xc1'</t>
  </si>
  <si>
    <t>b'~\x82HJ\x834\x1dx\x93"=\xa3\xa0\xe3\xc3\xf6\xaa2\x96]\x8c\x92\x8bK\x8d\x9bw,_\x02`\xad'</t>
  </si>
  <si>
    <t>b'\xcd72G"\xd4}K\xdeRNL\x85\x83cB\xd0\x80\x06\x88\x86\xf2o\xa2\x9cN\x8f\xdbjfH\xe9'</t>
  </si>
  <si>
    <t>b"\xfd\\c\x1a\x1bD{'\xd6\xa4\x94 \x9fg\xb4\xfc(\xbbZg\xe0UPQL\xda\xf3J\xf4\xdc\xc5\x93"</t>
  </si>
  <si>
    <t>b'hD\xd5}\xc5\xc3\xd7R-\x85i\x05Q0&gt;(Fns\x04\x8f\x03\x92\x8f\\\xb2\xd1u\xbfg\x10@'</t>
  </si>
  <si>
    <t>b"#\x17\x85~'^2\x99\xee\x8c\x85\xe5g&gt;S\x13\xed\xcb\xc9\xb2\xcc\x8cNr\x8aX\x89\xa6\xd1P\xc4\xff"</t>
  </si>
  <si>
    <t>b'\x89\xd2\xaa&lt;ia\xf7\x06(\x00l\\\x18\xf9a\xb4\x83\x01\x92\xf3%S&amp;\xde9\xa7\xec\xdfW\\\xd0\x88'</t>
  </si>
  <si>
    <t>b'\x8d\xbe&lt;\xe01\x93\x16\xe3\x8c\x92H]\x93&gt;\x9b\xf0]\x81s\x90\xe5\xeb\xaeD\x0flB\xeb\xf1\xec\xe1r'</t>
  </si>
  <si>
    <t>b'Z\xb7Q\x19j\x19=N\xf0\xbb,\xcbB\x06\x0b.\xa1cB\xf5\xac\xd3\xbd\xf9\xd0\x94\x83\x13\x185\xeb#'</t>
  </si>
  <si>
    <t>b'\x91.\x0e&lt;\xf4t$\xb6\xeap\x0c\xb9\xbc\x83\xae \x85\xfe\x05\x1d\xe5\x16\xd7r\r\xce\xca\xf2*\xd7B#'</t>
  </si>
  <si>
    <t>b'D\xc5\x8c\x98\x04\xcdp2\xe7D\x18\xbe\xee{\x9ba\x1a\xab6\xae\xf3\xd1\x1ew\x8e\x06\xc3\xe4\xf2\x966='</t>
  </si>
  <si>
    <t>b'\xe66\xcf\xe2#\x1f\xb1\xba\x00\x9e}N\x18\xd6\x10\xef\xdb~\xea\xd3\xb4\xa7\xed\xdf(\rV\xbaG\x92\x9d\xdf'</t>
  </si>
  <si>
    <t>b'\x18F\xe6\x18(\xe1J\xf7\xb2\x93z\xf8u\x1b\x81\xfd\xff5\x9fn\xca\x8c\x19\x10\x8c\xa3\xa2\x96\xacd\x99\xec'</t>
  </si>
  <si>
    <t>b'\x8c\n\xe0\xce\xd0J\x80\xd9\xa6\x11@\x82\xcd\xa6\x1a\xd9\x84\xfc\xd25R\x14\x7f\x00\xabyW:\xfa\x81ON'</t>
  </si>
  <si>
    <t>b'\xaf\xcb\xb5\tug\xf7a\\JD\xd2\x0bm\xe3\xe5\x97W\x13\xb1Yu\x06\xd4\x9d\xff\n}0\xb2Uu'</t>
  </si>
  <si>
    <t>b'EV\xf6\x97\x10\xcd2\xaa\x90\xa0Z\xc4Y5p\x16\x10F\xe2\xb7d\xe3\xc2z\x14\\;\xf8\x8a\xe5\x1aU'</t>
  </si>
  <si>
    <t>b'\xe6M\x91iB@H\x15\xe4T\xa1\x83\x9f\x01G\x90^\x170\xf6a\xa7W\xeb~&amp;\\\x1a\x18\xd7\xc5\xa3'</t>
  </si>
  <si>
    <t>b'sF\xc3"\x0f\xa6\x16\xf2\x0f#\xfbRZ\x00"q\xfe&amp;\r\xa2\xab5&amp;$&amp;\'V\xc3\xd6\x9d\xc4\xe5'</t>
  </si>
  <si>
    <t>b'eE\xf3\xe3\x1a\xafh\xf2\xe1\xd9\x92\xf2\xd7\x9bC\xefJK.)H\x8d9\xd7\x96\xc1\xce&lt;\x0c0H\xb3'</t>
  </si>
  <si>
    <t>b'\x16\x8d\xac\xf6d\xaa\xe1\xafl1\x9fW\xa0\xdbB\x08\x18\x8dA\x87\xe9_2\xc9\x1dM\x8b\xdb\x9d\xc4\xa4\xc5'</t>
  </si>
  <si>
    <t>b'\x86\xear6~WtaK5\xa3\xfa\x18\x06\xa5\x9a\x8d\xa5M\xa9b\xc1\xc3\xc8\n\xa7\xf0\x8e{\xc8\xf3\xdd'</t>
  </si>
  <si>
    <t>b'\xa7kBL\x92\xb81\xa2\x9f\xe4\xad\xc3H\xd0/\x1c\x99S\xa8\xe9\xeb\xba\x81\xa9t\xc2m\xdaQ\x81\xa9\x86'</t>
  </si>
  <si>
    <t>b'6n\x16\xf0\xa0\xf5\xd8"\xcbw\x9b\x95T\x0b\x17D\x1c\xcb&amp;\xfbv\x87\xe3\x11.L\xef\x1f\xfa\xa7\x17\x90'</t>
  </si>
  <si>
    <t>b'r\x1a\xfcd\xb4\xb4h\xac\xd2\xb3aG\x0c\tt\xe8\xacKO\xd1\xd7\xe7p\x81\xf5\xe9q`\xecB)3'</t>
  </si>
  <si>
    <t>b'\x90N\xac\xf4`\x838%\xe7\x97%N\xa2\xe9\xd8\x18[(\xbfPt\xf7\xc2\x9a\xf3UT\xa8\xdc\xdf\x1f\xd8'</t>
  </si>
  <si>
    <t>b'\xb4=\xbf\xf6\xee+o\x05\xc3\x84\r\x01\xe5k\x01\xb7/\xff\x0cg\xda-\xb6\xf7[\xce2\x0f[\xbd\xa2\xba'</t>
  </si>
  <si>
    <t>b's\x9f\xef!x\xce\x9a\xc8~\x7f\x89\xf0\xc8\xcd\xec\x85/f\xd2&gt;\xaf\xe2\x14\xf3\xcd\xdc\x87\xe0\x8e\xfah\xe0'</t>
  </si>
  <si>
    <t>b'\xe3\xaa\xfa\x18\x19\xf2#@\xb9\x8eWc\x1b\x97\xdb/Gl\xc3\x8c\xda\xea\x88j#v\xc8\x848\xfff\xa7'</t>
  </si>
  <si>
    <t>b'Sg\xf6\xb6\x15\xb2\x06\xfd\x0c3\x089\xa0\xb0\xf6\xb9w\xac`\xd1\xde)\x10\xf8\xdc\xda\xd1\x89\xdf!\x98\xb1'</t>
  </si>
  <si>
    <t>b'\xc3f\xebV=j\x8b\x8dZ\xec%\xbb|Z\n\xea\xb8\xbe\xb4c\xbc+Y;\xa0\xcabo0v\x07\x11'</t>
  </si>
  <si>
    <t>b'#&lt;\xb4=\x0e\x87\xafI\x83\x82\x04\xb3\xceT:\xc0\xaf\x0e\xa65\xff\xe4\xc5fGR\x02\xeb\x13\x0b\xab\x94'</t>
  </si>
  <si>
    <t>b"OQI\xd5j\xc5\xd9\x8b\xaa\xf6\x95/\xfb\xc1\xcd\xb9\xf9\x9a\xc0\x84'\xfa\xe5\x9a1\xfe\x8cc\x7f\xe7\x16\x0e"</t>
  </si>
  <si>
    <t>b'!2\x91+:O\x19L=\x97\xb4\xcb\x82\x993\x9f\x9b\xf8\x9d\x9b\xa7\xe1\xcf?\\\xea\x8e\xda3\xad\xdf\x82'</t>
  </si>
  <si>
    <t>b'Y\x97/\x8a\xf8\xcb\xae\xa8\xbeA\x95\xce/XX\x87\x13\xfc0\x85\xb9v^\x95C\xf4\xf7\x9f\xdf\x8a/\xb8'</t>
  </si>
  <si>
    <t>b"'\x83\xd7\xd3\x8d0\xafo'i\x05)A+\x0c\x82\xc8\xa17p#*\xcc\xaf\x96\xb8S!\xb6\xaf\x91e"</t>
  </si>
  <si>
    <t>b'\xbf4\x16\xcf\x80^\x92}Qg\xdcND\xa9\x8bdJ&gt;\xe9\xf2\xbe\x9fQ\xc2,\xc7\xe1\x18H\x02Wo'</t>
  </si>
  <si>
    <t>b'\xd2\x06\x8b\x10T\xa64\xaa\xda,\xd2\xd107%\xd4/\xa6m\xee,\xca\x06\xce4\xb3W\x99Vg\xdf\xff'</t>
  </si>
  <si>
    <t>b's\xdb\xc9\xe8%\xcb\xa1E\xf8\x99!\x1a\xbf\xe1\xe2S\xbaO\x8a_\xa1\x91y\xb6\x9f\xe1\x0c\x8e\x80\xea\xf0\xa7'</t>
  </si>
  <si>
    <t>b'\xe55\x89\x0c\xaaD\xfeu\xf1\xfc\xb5\xce\xf8w\xd0\xcf\\wS\xf9$\xac\xeb\xd1\xf8\x11h\xf3\xcb\xfaG{'</t>
  </si>
  <si>
    <t>b'.\xb0\xdb\xabT\xd1{m\x81\x9c\xf3\xa5C\xd4q/C5\x8c\xfd\x82\xf5)\xb7\xa7\r\xdcT\\m\xd5\x1b'</t>
  </si>
  <si>
    <t>b'\\\xb9\n\xc2V\x9c\x08\x11/\xb0\xdc\xde\x1aP\x8d\xe1\xa5\xe9\x17w\x90\x9f\xa0\xe6\x80\x03\x8d\xff\x02E\x86\x01'</t>
  </si>
  <si>
    <t>b'\xbb\xa6&lt;\\Q:\xb8\x85\xf3z\x8e\xf2=0\xd1\x8a\xe5\xc6Os\xa4\xf7\x16\xc5\x82\xc6\x8b\x10\x83\xad\xaa\x07'</t>
  </si>
  <si>
    <t>b"\x876'\x07$l\x03\xd3'\xdb\x90f\x04\x11@b\xf2|\xa1\x1e\x7f:\x96Y\x86\x9d\x16\x01:\xf6\x1a\xb7"</t>
  </si>
  <si>
    <t>b'\x0f\x16\xf1G3\x9a\xed"F0\xb1\xe3\xe0R\xe4\'\xee\x07\x94\x8c6\xb4\xe3\xc2?E\xbd\xc1\x9a6~\x90'</t>
  </si>
  <si>
    <t>b'A\xac\xda\xf5\xdc\xd1/1V?\x15\xc7\xa5\x04\x99\xbfP\xfa\xe1\\\x8bp\x90\xacn\xd1\x0e\xc2\xb2\xe8\xda\xf0'</t>
  </si>
  <si>
    <t>b'}j\xe1\xa5\xcd\x15\xe3\x89a\xed\xceY\xe1U*\\\xe6\x1e\xb6\x1e\x03\x1b\xee\xbc\xee{\xe1\x10:\xe5Q\x18'</t>
  </si>
  <si>
    <t>b"\xedj4U\xbe\xa0?\x1e\xc6-\xd5\x9f\xf5f5\x85\x98L\xe4;\r$\x9eb\x08k\xba\x04\xff\x99'\xf2"</t>
  </si>
  <si>
    <t>b'\xda\x90\x90\xd8\xc7\xf3\xcc\xbb\x98 \x86%\xb4\xe5\xb9+t&lt;\x93\xebP\x84\x15\x8f6l\xeeeK\xab\xb9\xf1'</t>
  </si>
  <si>
    <t>b'\xcb\x7f\xb6\xe4@;\x9f\x18\xb3\x11l\x8e\x1f\xf1\x9d\xd9\xc9\x19\xc2\xc6\x9apw^&gt;\xe9\xca\x8b\xb3DY\xe7'</t>
  </si>
  <si>
    <t>b'\x1a\x05\n\x00\xaf\xab\xe7\xbf\xe0\xee\xcb\x8a\xa7\xc7\xab\xe1}\xf9\xbb\x99\xd1\xab\x96i\x1d\x06\xbaV\xb5#\xbb\xdf'</t>
  </si>
  <si>
    <t>b'\xf8\x06\x87K\x18\xf5\x7fwG\xb6-LL\xbc\xc0s\x97\x83\x00\x01/f4\x92\xd1\xfeo\xf3\x11u\x96\xeb'</t>
  </si>
  <si>
    <t>b'+\xb3\x99\xb7\xc5fl\xb43\x9ek^\x15\xcf\xa9\xc4s\xe3\xb9\xd3\x90\x0f}\xcd"\x82\xd2\'\x89\xee\xe4m'</t>
  </si>
  <si>
    <t>b'p\x08\x1bf$;\xd1\x16\x0f%\x00\x88eX3"\xc8\xf5\xfd\x9b\x99\xf2\xc45C6KX\xe4&amp;\x9e\x85'</t>
  </si>
  <si>
    <t>b'\xbf\xf0\xf4\xd9\xc2\xf4\x0b\xd2D\xc01\x1c\x89.\xb4\xfd\x19\x1a\xfd\xbb\x83\xeeGY\xc6\xcbNe[\xc4\x12\x9b'</t>
  </si>
  <si>
    <t>b'\xb3\xa5\x10\x13\xda\x07\xdd\xc8V\xc6]|T\xb8\x03\xdf\xa6\x03\xa81\n\xc1\xd7\x8b\xc3Yo\x8f\xf9\x8b%/'</t>
  </si>
  <si>
    <t>b'!f[\xd3\xc6\x13\x9bv\xb9\xc1\x11\x07@\xfe\x01\x15\xba\xed\xf7P4\xfd\x11\x84R\xf1\xf7\xc53KX\x93'</t>
  </si>
  <si>
    <t>b'\xa4\xb1\xc0c\x87\x19\xa9&amp;E3\xbb/\xac\x1f\x1b\xd2S\x812\x8a\xd9R\xcfy\x03\xdd\xef\xb90\x96\x92\xd8'</t>
  </si>
  <si>
    <t>b'\xa7\x83\xfaM\x95\x15\xf4\xffto\xcc\x176\xc3\x05\xca\x8c6gqP\xe1\xcd\x08c%\xcd)oD2G'</t>
  </si>
  <si>
    <t>b'a\x90m\x80\xfd\xea4)\xaf\x9e\r9KZ\xd0\x13r\xe92p2Ovo\x90\xea+\xcd\x81`\xbf&amp;'</t>
  </si>
  <si>
    <t>b'\xdd\xe6\xd0\x8e\xf5\x06bC2\xc7\xdf\x0c6 \x87\xa9\xa2e\x10L\x18\xa2l\x182\xd0\x9eO\xf4r&gt;\xe0'</t>
  </si>
  <si>
    <t>b'S\xf9\xa9\xb9\x02e\xf9_\xf9\x9d\x931\xd1+-QW:\x1d\x14\x07\xbf\xf9\x8a\x15\xa5\xb1\xae\xbcG\xe4\xbe'</t>
  </si>
  <si>
    <t>b'\xcd\xcew\xa9T\xc6\x84\x8a\xa4\x96\x14NOi\xed\xd7\xc9\x07\xec\xb5\xcb\xe7\x08\xee\xb8:|\x9f\xf5\x8f\x87\xee'</t>
  </si>
  <si>
    <t>b'Q\x87a\xc9\x12i\xf1\xae\x80:b\xca\xd6\xa3\xa8\x88J\x18\x10\x02\t\xe6\xdam\xb8-|\x81\xfa\xc3[\xf5'</t>
  </si>
  <si>
    <t>b'\xe1\xbd\xad_\xe1\xab\x1b\xcf\x9e\x1et\xf6\xa9TWE\xd9]v\x08\xb4\x92\xe9\xe1\x84\xae&gt;\xde\xd4\x11\xf6*'</t>
  </si>
  <si>
    <t>b'\xbef\xf3ro\x16\xd7\xddvY\x90\x14F~7&lt;\x8d\x1e\xde~\x0b\xa5\x19\xeex\xe4}\x8fa\x90\xa5\xb0'</t>
  </si>
  <si>
    <t>b'\xf4%\x06X@\x03\x11\xdfJ\xca\xba\x07\x97\xf9)\xe0B\xb5\x1cA\xcau\xd9\x80$D\x002\xba\xe2oF'</t>
  </si>
  <si>
    <t>b"\xe6'\xc5{\xb8\xdcWE\xf8\xe6\xe8\xb2\xc2*\xa69{\xc0\x12\xf6\x12\x83;Ot\x14e\xbb#\xca\xd8t"</t>
  </si>
  <si>
    <t>b'\xee3\xa9\x1biy\xca\r\xe9\x1c-\xdb\x82\x05\xddnCx\xc18\xc3\x00+x6;&amp;t\x03\x0144'</t>
  </si>
  <si>
    <t>b'\x10\x1a\x1d_\xea\xd9\xcb\xe6\xdd\xce\xe8z\x11)\\\xd4Wq\x99\x8d\xff\x00\x0ey5s\xee\x1a\xf5\x99\xe2*'</t>
  </si>
  <si>
    <t>b'0^A\x1f.+\xcb\x8cpC\xc2\xf1=\xd2\r\xb6k\xac\xe0r|\xde\xc8\x8b\x9d\xcde\xacj\xed9\x05'</t>
  </si>
  <si>
    <t>b'\xe9\t\x94\x8a9R|\xb5\xb9R\x98\xe6\xd8c\x9fC\xc5h6 \x8f\x08\xadb,\xe7(\xb1\x96\xd7\xcf\xfb'</t>
  </si>
  <si>
    <t>b'\x03\x0f\xa2\x9c\xee(\xc3\n@#\xa7\xa2\xbc\xdf\x18`\x9a]\xd3_\x9b&gt;\x96t\xce(\xd3U\x03\xd5\xeaV'</t>
  </si>
  <si>
    <t>b'\xc73\xce\x86`\xcc\xdaH=+\xc8\xcb\n\xf8\x90\x0f\xf1\xcfW8}\x97\x8d\x88\xf9\x88\x02\x85|bcX'</t>
  </si>
  <si>
    <t>b'P\xaa\x1a*\xcd\xf8o\x90)\x02\xd2\xdc\xbdG\xaf\xe0\xe3\x81\xf2W\xc6G\x99\xdc}\xe6g\x8e\x82\xfc\x90\x91'</t>
  </si>
  <si>
    <t>b'w\xef\xb6\xc0\xb8\x0em\xff\xad\xa1\xad\x04)?1x\xe8\xd0\xa3OQ6\xb8O\x95\xf5v\xe6x\x90\x1fY'</t>
  </si>
  <si>
    <t>b'\x17OC \x0c\xbd\x88!\x85\xcfL\xef\xb1\xcf\xf5[K\xe0\xd0\xc0.\xbd\xbf,\x93\xbb\x1a\xf3\xba\xaeO\xe8'</t>
  </si>
  <si>
    <t>b'\x81\xe2\n\x9e\xae\xb8\x8eB\x8e@K\xb2\xa1\x0f\xe6\xd9\x06\x15^\xd4\xe2\x06\xf0\x07\xa9:NK\xe9\x15\xab\xee'</t>
  </si>
  <si>
    <t>b'b-\x9b\x93\xc8?TO\xc0\xf4vP\x1do\x06\xdd\xca\xad\xccU\x07\xab\xd6\x80.\xe2\xa4\xd0\x82S\xddC'</t>
  </si>
  <si>
    <t>b'\x87\xdc\xd60\x84\x10\xba[\xfb\xaf2\xdc\x044\xb1^\x8d"\x988,\xca\n\xb8WD7EdsN\xe6'</t>
  </si>
  <si>
    <t>b'\x0fX`\xe7\x03\xff\xcf\xa9~\x13\xcd6\xf4\xa4\x10\xe8\xfa\xb5\x8d\x82\xb7\xea\x08F\x91\xb6&lt;_\xd5\xc4n\xa3'</t>
  </si>
  <si>
    <t>b'\xe5m\xa2P&amp;Y$\x00\x1f\\|:\xe6{Z\xa9\x82\x15\xd8\xa57\xa1=\xfb\n\x9e/\x9f\xec\x1a\xf3\xf6'</t>
  </si>
  <si>
    <t>b'\xefW\x8e\x9f\xe0\x8e\xf8\r\xdb\x800|\xf2\xb4\x89\x97\xf4\xb0\x7f\xa1&lt;\xe8 }\x81\x0f}v\xfd\xaek\xf7'</t>
  </si>
  <si>
    <t>b'\x12K\x8b\xe7\xe7\x9c\xfd\xd79\xed\x94\xc8X\x10\xde\xbeZ\xeel\xe7\xcaO\xaf\xe0-\xee\xe1H\xc0\x84\xa2\x05'</t>
  </si>
  <si>
    <t>b'\xde\xbf\xdboT\xe8T\xee\xe8\x8c.~ij@\x18\x1e\xe3\xc1\x10R\xab\x1e\xc9\xf9\x80\xae\xa79D\x93\xb5'</t>
  </si>
  <si>
    <t>b'\xef\xe4\xa7n\xb9\xce\xf8U\xf3@V\x14\x00\xd2\xa6+\x89\xe7=\xd8Us7\x99\xa1l\xbe@S\xab\xc9\x1f'</t>
  </si>
  <si>
    <t>b'\xd9k\xf8\x8aLg&lt;\xf5\xe9\xbc\xfd\x00z+f\x88\xdd\x9feCmQ\x90\x90B\xc4\xaf\xbb9!^F'</t>
  </si>
  <si>
    <t>b'4\xbe\nH\x93\xb2\xe1\xc8&lt;\x9a\x9d\x10}\xbb\xe3\x0f\xb0\xef\xb7\xf0\r\x8b\x7fr}]\xabT&gt;\\e\x16'</t>
  </si>
  <si>
    <t>b"R-%E'\x18\x14\x953\xa5\x18\xd8c\x8e\xfe\x0c\xe1d\xb1O\xd4q.\xd2\x03\xa4\xf9\xf5\xe6\xf3\xbes"</t>
  </si>
  <si>
    <t>b'}\xa2\xbc\xfc\x85 Q\xfe\x88t\xdf\tA\xf0\xe4z\xf3+g\x1ay(,V\xe5\x11\xdb\x04\xec\x10\xd7|'</t>
  </si>
  <si>
    <t>b'^\xda\x02\xa2\xf2\xddu\xaa:\xc0\xf5\x17\xc8\x15\x89\xb5\xcd2x\x15M\xfc\xf8V\xc1\x8f\xcd\xd6\\\xd5\x1e\xac'</t>
  </si>
  <si>
    <t>b'\xc3\r\xbc\xec\xf1\x9d\xdb\x10bx.*J+nu\x8a\xf3\x14\x8a\x90\xa5.\x15\x08\x88\xe3;x\xe5H\x1b'</t>
  </si>
  <si>
    <t>b'\x94\xeb\x99\x82/|\xc2|\xe3\x83R\xcd(\x10\x10\xee\xcd\xb3\x92\x99\xf0\x9d\xb3\xab\xb6.\xd8A\xd7l\x03\xf1'</t>
  </si>
  <si>
    <t>b'9x-\xbfo\xeeP\x9c\xda \xe8\x95\x97\xce\xd8\x80|\xaf\r\x82.\x1b\xbea4\xda\xd3\xd7\xfc!\xc5*'</t>
  </si>
  <si>
    <t>b"\xf0g'\xc8\r\xf4\xe8\x1dS\xfb\xb0\x93}\xafTQ\xa7\xd0\xe8Yr\xcb\xee\xec\rJ\x95\x16G\xd7mu"</t>
  </si>
  <si>
    <t>b'\r\xa8\xfc"\xbf\x90\xff\xef\x99\x07\xe0{v\xa2R\x1a\xb7\x06\x17{sL\x18@\x0e\xc2\x9d\xbcZ\xc7\xc3M'</t>
  </si>
  <si>
    <t>b'o\x9e\xf8q\xf75j\xe0\xfa \x0e\x18\x1a\xae\x8b\xdb\x9f1\xd1*lM\x19$\xd8\xf5\xf8\xa7\xfaB\x85\xfc'</t>
  </si>
  <si>
    <t>b'|\x8a\xe9\xf2\x0b-[\xc9Z\x97\x98\xf0\xa3~{r\xd3\x9fN\xfa\xf6\xc3\xe7\x11t\xab;g\xd2V\xf4\xa1'</t>
  </si>
  <si>
    <t>b'_-ymRv\x06`BX\xa6"M\xa5j\x8cn\xdc\xb0\xc4\x02\x1b\x89\xedLu[\x19\xa4|\xbfy'</t>
  </si>
  <si>
    <t>b'T\x1c\xfe&amp;\x01\x06\t\xe8\n\x87\x9bW\xa1\xf7J\xda\x86\x10\x19S\x04\n\xdb\xb2\x91\xa8\xf6+\xdcR\x12\x10'</t>
  </si>
  <si>
    <t>b'-\xbd_\xca\x87\xd3\xa0\x7f\xc8=`\x0bH\xa4s\xa0q\xef\x98\xb9\x85\xc8\xb7\x11ue\xb7\x1e_\xfa\x1e/'</t>
  </si>
  <si>
    <t>b'\rc\x06\x11\x9f\xeb]\x96\nm.\xddO\x05NN\x06\x88\xd2p\xf3\x15{\x8dMu8\xc6X\r\x7f\xc3'</t>
  </si>
  <si>
    <t>b"\xd9\x83Q\xf7'\xee\xb9\xbd\xb7\xae-\x93\\#)I&lt;Jc\xa7\xf0\xe0/\x19P+s\xef&lt;\xc6\xd6'"</t>
  </si>
  <si>
    <t>b'\xb3y\xd4\xce\xf0~\xe1\xab\xe3%\xfb\x081\xdf\xac\x11\xd4\xd0C\x18\xcd\xd5\xe5\x7fC\x0bbL\x82\x0e\xaa\x8b'</t>
  </si>
  <si>
    <t>b'd\xc8\xb8HX\x90\xa6\x9d\xa4\xc6\xd1\xffO\x9f\x9e\x1c\xfc\x966X\x97\x96=e\xdc\xc9\xc5\xa1%)\xdf\xf1'</t>
  </si>
  <si>
    <t>b'\xb8eN\xd0\xc4\x9c\xe2Qde#\xd3\xce\x17\x7f9\xb4\x80t\t\xc0(_"\xbeY\xe5IBhUX'</t>
  </si>
  <si>
    <t>b'\xe8\xd0b|\xa9\xd9\xadj\xc4\x19\t\x8br\x0b[\x0e\xb0\x90p\x03\xd4i\xe2\xd1\xa1\xe3\x03&gt;\xb4\xf0vk'</t>
  </si>
  <si>
    <t>b"\xb7\xd7@y\x0f3\x8aH\x1e\xae\xbc\x19\xce\x0e'x\xe5\x13-T1\xc2nG0\x12\xb7\xa6\xf2\xcd\xccE"</t>
  </si>
  <si>
    <t>b'\xa1\x0cg\xa9\xaf\x91\x99\x873\x02\x83\xf9\xb2\xe4\x01\xf6\x99\xa3\x85\x8c\xce}\xf1\xf0\xfb\x03\xa5{\x08ZS\xb9'</t>
  </si>
  <si>
    <t>b'E\x93\xe3\xe7V,\x92?\xcdA/6\x84Fp\xee\xe5\x98\xc33\xc3\x7f\r\xc4_\x83\x8d6\xf5\xce\xb2\xf1'</t>
  </si>
  <si>
    <t>b';\xdd\xaa`\xcbX~\xb6\xeb\x92K\xe2k\xa5\xcf\xfc\xa2\xd2\xf7\xd5\xdf\x84j\x99\xec\xbf\xce\xb8$\xbf\x16g'</t>
  </si>
  <si>
    <t>b'\xce\xbc\xea\xae\xf3\xb4\xf7\x1f\xbain\x1e\xe9\x9a\x12\xcf\xeav\xb1\xde\x85\xa3\x83p0\xbd\x84}\x9d\xaeF\xb0'</t>
  </si>
  <si>
    <t>b'\x01\x98\xd8\xd3\xdbnxM\xa8\x16\xb2\xcc \xfd\xd6\xa8\xf7\xf4f\x08Y\xdcE\xbaj\xb2\xd1G\xce\x07fF'</t>
  </si>
  <si>
    <t>b'\r\x85\xd6uT\x7fA\n\xb0\xcc.:\x9c:W\xa5\xb0]\x8ci\x83\x92WC\xa9\xe8&amp;\xe1\xfce\xfb\xe7'</t>
  </si>
  <si>
    <t>b'\n\xe7Z\x8e\xb1\x08\xba\xfd\xcaQ+p\xef\xe0\x87\xa7\xc5\xc3}Q\xa4\x88c\xe2\xdch\x90b\xb0\x17qS'</t>
  </si>
  <si>
    <t>b'/\x95t\xb6_\xaa\x05\xdd\xf5A\x14\xcbKuG\xdb\xf9/D"\xb3\xd0\xd7F\xf2\xa4\x9dV\xa8EOg'</t>
  </si>
  <si>
    <t>b'\x95\x87\x98\xccoNI\x9cs\xff\x03a\x1e\xbd\x0e6.\xf7\xd0H\x97\xc6\xa8)\x1a\xd6J\xb9\xa4\x08\xcei'</t>
  </si>
  <si>
    <t>b'\xc4\xb9\xd18\x1b=\xfd\xe5nn\x9c\x0f\xf0\x05jk\x06b^W\xe4\xcf\xa5c\x1fl\x18;s\xd0MK'</t>
  </si>
  <si>
    <t>b'\xfe\x99\xe6\xac\xbe!\x99\x11\xccCx\xd6K\xfdy\xce\xd9\x10\xbfX\x87H^\xd9\xc4$K\xf9f\xc3%b'</t>
  </si>
  <si>
    <t>b'\xc4R\xf7\xf9\x88\x12C\xa3\xf8U5\xef\x10\xa8\x83&amp;\x1e\xc7\xfe\xdb\x97\xa6\xa81\xbd\xa1*\xca\x978\xa41'</t>
  </si>
  <si>
    <t>b'!\x1e\xef\xc4\xf7\\\xd9\x98?"nlc`$\x12\x92\xa3\x02-\xbe\xeb[LQ\x9b,\xf9gAU\x1a'</t>
  </si>
  <si>
    <t>b'\x14\xe8\x87\x93\xc7\xb2+\xeb\xd9\x93\xf9jY\xb4\xf5\xe8Hi\x02\x8e\x1aM\x96\x88\x97\xccw\xb8\xac\xdb\x19\xb2'</t>
  </si>
  <si>
    <t>b'\x12\xe4\xf8Tbt\x08]\x82\x83tqPIo\xea\x19\xca\xa2|\xc4\x16\x88\x0e\x9cr\xa8;\xb7f+\xf4'</t>
  </si>
  <si>
    <t>b'\x92\xaf%jK\xf7\xffl\x1a\xaa,\xb3o\xfb\x98\xe8\xb3\xb5\x8c\x81sd\x0c\x11Z\x9d\xc9\xdf\xcc45?'</t>
  </si>
  <si>
    <t>b'\xf0xju\xff\xd6\x84\x02\x08G\xb3g\xe4\x01\x95iX[Yf\x0f\xc3Vilc\x83QQQKP'</t>
  </si>
  <si>
    <t>b'\xfd\x84v\xc41\x00z\x00\xe3e\xf7\xa6\xa3-\xd9u\xc4\xdb\x99\xcf\x8b1\xc1\xa8$\xf6)St6ov'</t>
  </si>
  <si>
    <t>b'sf\xb9\x05\x12\xd5\xcc\x1c\xcc\xeb\xee\xe1`\xcd\x9b+G:\xa0\xd3$\x80\xd7\x81\x85[\x923y\xa9h\xf3'</t>
  </si>
  <si>
    <t>b'6\x8fbx\x9d\x1a\x86G\xd0|y\xd8\xb1\x06\xb8\xcc\xdb\x12\xab\xd8\xbb$F1\xda\xf5-\xc7d=\xe2\x10'</t>
  </si>
  <si>
    <t>b'0)~\x9f\x1eA!\x84+\x92\x1a\x03\xd3\xb7\xdfp5&amp;\xde\xb1\x04t\xd3\x03?|\r|/\xb0(\xf7'</t>
  </si>
  <si>
    <t>b'\xe7\x1c\xd8[\xa1\x811\xf6Zv\x81\x95\xd4l\x97\x03\xe9^\xfcy(B\xa5\x82};\xce\xcaW\xce^\x99'</t>
  </si>
  <si>
    <t>b'%\xc1\xe2\xeeS\xf6\rjEO\xed\xb7\x93\x8a\x8f\xfd\x1b\xb4K.;\xcaSj\\\x0b\xec\xf21I\xc7O'</t>
  </si>
  <si>
    <t>b" \xd1\xaeyi\xb1\xc6\xbaz\x96?\x98\x92\xaf\xfa\x92\x86\xe4\xfe\xf88\xe0r`\x8f\x1d\x00\xf7'\xbb\x7f\xa8"</t>
  </si>
  <si>
    <t>b"1\xe4\xe6&lt;l\xdd\x90\x1dm\xe2\xbc\xd1=P\xd3\xf6\xea\xd8y+\x0e\xf6\xb0\r'\xa83\x93`\x9f\xd7\x9a"</t>
  </si>
  <si>
    <t>b'*\x92\x99\xe9\xc9:\xe0\x86\xb2\xb7\xeaT\xecV\xce\xbbR\x1a\x94S\xa0\x86\x98\x07\xd0\x12\xa3\xa6&gt;\x81~\xf2'</t>
  </si>
  <si>
    <t>b'\xca/9\xca\xaa:Nj\xea\x04\xe7\xa1\x1d\x842Auxb\x9b\xcd\x86\x15$s\xf7\xc6\x9enC\xc8_'</t>
  </si>
  <si>
    <t>b'\xc8\xc3\xb3\x18\xc3\xab\xa1\xfd\xf6,\x92z\xb6\t)\xbb\xc3\xa3_\xe5nv\x8f\xa4\xc5q\xb2\x1b\xf1\xee\xfd\xd9'</t>
  </si>
  <si>
    <t>b'\x08\x93\x19\xe4\xc6\xc7\xa0\x18h\x11\x8b\xdc\xe4Ao^\xa1\xc5\x1d\xaa\x1dp-\x94\xd7\xa8Ul\x82,S}'</t>
  </si>
  <si>
    <t>b'xE\x9dT\xb1\xd4o\xc1&amp;\xf8\xbf\xfb\x0cM\xfb \xf9\xbc\xb4\xde\xae\xf8S\xc6f\x8f\xe8\x0e0L%h'</t>
  </si>
  <si>
    <t>b"'D\x88\xd8\x04 \x97w\xea&gt;\xd2\xd6\xe3[\x88\x0e\xc7\xa3\xb9\xf1\xd5\xdd\xe9\xba\x80[%R\xd3\xe1K\xc1"</t>
  </si>
  <si>
    <t>b'Q\xc3h\xbdz\x9f&amp;\xd7\x91\xfb\xb9\x1f\xd5\x85\xd1\xd6\xa1V4\xc7S\x9fFr\x1cxmPK\x81Y\x07'</t>
  </si>
  <si>
    <t>b'&lt;V\xcc_u(\xf8\x95\x96\x00\x81\xde\xc0&gt;\xe7\xba\xd8\x0c8x\xe5q\x8f$l\xef\xa5,H\x8b\xdd\xb1'</t>
  </si>
  <si>
    <t>b'L\xd3z\xe0\xa6\x80t\xbe\xa2\n\x7f}V\xcdN\xc5\xddI\x0b\xce&lt;\xd4\x9c\x0bl\x86.K(u\xbd%'</t>
  </si>
  <si>
    <t>b'\xa4X+\xbf\xbfZ\xed\xb3\xc0,\xaeH I%L\xce\xad\n@\xa3,\x94_:\x87N\x1e\\\xdc\xbb\xe5'</t>
  </si>
  <si>
    <t>b'\x96\xebv%;{j;\x05\xcb\xab\x18\xd1\xeb6\xfd\xee\xe2\xf2\xc5\xe9-\xcc@\xb5\xa5\x9d\xb2\xf2\x81{\xa4'</t>
  </si>
  <si>
    <t>b'\xe9\xcf/\x89\xfe\x1dp\xa0\xc4\xd4\xa5a1\xd5\xd8z\x959F[\x11\x9b\xd2\\hmW\x1d\x9f.\xf36'</t>
  </si>
  <si>
    <t>b'\x0b\xc0\xfc\x10\xa2\xc5\x95A\xc7\x9aj\xb7X\xa5\xfa[S`\x12\xbf\xe4\xb5\xfd\xc6\xda\x06\xe4f]\x066C'</t>
  </si>
  <si>
    <t>b'T\x81\xea\xca\x8bF\x9d\xa14\\u\xb8\x03\xa7\x9a\xa1\xa8G\x84H\x9eS\x18L\xbb\x10t\xb6\xee4\x08N'</t>
  </si>
  <si>
    <t>b'\xbc\xd8\xa6\x03\xbfH\xf4Qm\xeb\x9e\x85j\x1ea\xc8\xd9\x90g\xb0\xec\xb7\xdeOP\xf0\xbb\xe49k\xab\xe5'</t>
  </si>
  <si>
    <t>b',O.\xc118\xec\x98Q\xa6\xf4I\x9c7\xf2?,\xb4\xf2\xca\x16\xca\x13\xad#W\x80\x9al\xfa6\x85'</t>
  </si>
  <si>
    <t>b'\xac\xe8\x11\xf7\xc7\\\xc1\xa9h\x99\xbe\r\xa7r\x00\xd7\xd2\xc8Ea\xde\xd8Q:\x87\xaa\xddK\xf0x\x8e\xbb'</t>
  </si>
  <si>
    <t>b'g&amp;\xcd\xaf\x95\xf0\xa6\xae\xdbe\xd7\x1f\xe1\xdd\x95\x05\xfd\x91\x03\x02~\x80/\xa6z\xf8wa;2r\xfe'</t>
  </si>
  <si>
    <t>b'\x1bzn\x94\xf1\x90\xed|A\x08\x1a\xad\xd3\x08\xd3P\x18\xb8)R\xa24\xd0\xa0\xa36b{\x01\xdf$\xbb'</t>
  </si>
  <si>
    <t>b'\xdd\xab\xe8X\xd3U\x0c\x94\x00\x15Sx\x92\xce\xcdu\xac\xb9\xba\x1a\xd6\x1al\x13\x1a\x80\xd6\xd1\xd3k\xd7&gt;'</t>
  </si>
  <si>
    <t>b'\x83\xd8\xd5\r\x906\x0e\xd5\xfe\xa9\x7f\x8b\xb3\\\xa6\xc3\x93\x9a(B\x99\x92e\xfdJ\r\x16C\xeft\xe5\xac'</t>
  </si>
  <si>
    <t>b'\x1aFq\xacs\x0f\x07\x19\xe2~h|M*\x982\xf2\x0f\x08\xd8\xcfAO\nB\xc5~\xea5\xc6\x03b'</t>
  </si>
  <si>
    <t>b"e\xfa'\x0b\x1b\xe1\x94o\xfa\xef\xa7\xe1\x1eT\xf2bh\\\xa0\xe3\xf0\x9a'2\xbcQ\x87^\x95\xc9&lt;^"</t>
  </si>
  <si>
    <t>b"\xfbA\x11\xad\xda\xd2\x10\x16\xabhO\x99\x94/\x10.8\x14*0\x8e'\x8c\xf2\x9e\xfa\xc8\xa4\xd7\xf7\xad\x1c"</t>
  </si>
  <si>
    <t>b"\xb6'i\xd7:\xc6N\x81\xfb\x17\xd6e\x91%=\x08}\r\x8f\x1eE\\\xc7\xb2y7o\x0f\x0eP]z"</t>
  </si>
  <si>
    <t>b'\x12\xeb\xa5\xc7\xfcx\x19c\xd6\x98\xa6\x06\x85\xb2\xe6Q&gt;\x1b\xe8\xe2\xfe|\xe4\x96\x0e\x19|\x1eHe\xa6W'</t>
  </si>
  <si>
    <t>b'\xd1\xaaL\xfa\x03\xf1&lt;\xd4\xa4t\x8f&amp;"\xf7\x08\xcd\xd3\x8d\xf4\xd9E\xe6\xc4\xda.\xda\xcf\xb8\xa8J\xef\xbc'</t>
  </si>
  <si>
    <t>b'\xc5\xba\xd3\xech\xdb\xffI\xa3\xfe\x0c\xa0\xbc\x90h\xa78z\xf5\xb6y\xfc\xfd\xaag\xac\xe93\xa6\x1d\nI'</t>
  </si>
  <si>
    <t>b'\x92\xdby\x95\nQ_\x92\xdci\xd8\x12\xff\xb1\xde\xb8\x88\xc4\xbf\xfb\xdfa\xc4d\xf5L\xeb\xe09\xbcZD'</t>
  </si>
  <si>
    <t>b'b\xa4\x8fW\x84\xc4}yxM\x1e\x1444\x04\x9a\x0b\x89\xe6==\x07YT\xe6a\xd7\x8b\x1f\xfcE\xab'</t>
  </si>
  <si>
    <t>b'9\x9e\x16R\xd0\xa1\xd4\xf0k\xc0.\xb6!\x82\x8e\xe6z\xd7\x1bVr\xa7\xa7\x0e\x93]\x13\xf4\x9f\xef\xd8\\'</t>
  </si>
  <si>
    <t>b'\x07\xdba\x19N\x1d\x9fe!/\x9b\x8e\xd26\xa2\\\xd1yj\x99\xb8Nw\x0b\xb4W\x13*#\xda\xe8a'</t>
  </si>
  <si>
    <t>b'\xc1\xb4\xcc&gt;)\xcd\xf52Q\xa8\xa2\xca\xa6j\xac\xdf\x19\x9e[|\x8a\xf5Ge\xf93u\xc2`\xde\xfaw'</t>
  </si>
  <si>
    <t>b'\x0e\x9d\x83\x88\xb1GC\xa9\x02\xab\xbe\xfeg\x88\x92\xcb\xfbY\x8a\x96|z_i?\x0f\xc5{{y\xd7 '</t>
  </si>
  <si>
    <t>b'\xab\x82\x99\x03\xca\t\x86\x9c\xa6n\xba\xfa\xd2I\xc2\xeeU\xfb\xe2\xca+s\xe0\xfb\x92:\x16-S%\xb8Y'</t>
  </si>
  <si>
    <t>b'\x90&gt;\x9a\xba\xf7\xc8\xdaE"b\xfa]\xa2\xc8\xcdR\x18\x82\x92i\x8f[+\xba\xcabP!\xfch\x9e\xf2'</t>
  </si>
  <si>
    <t>b"\x04\xb2\xd6\xd2\x02x\xf3[*aW'\xb4)\xca]\xbcU\x17\x14h\xdf\x82B\xad\xf3Y\x9f\xa9(\xe8\x98"</t>
  </si>
  <si>
    <t>b'\x19K\xcb\xf1O\xb3\xd3N=\xb2\xfa`%%;\xf6\x85\xb9^\xa1\xae&lt;\xbf\x96\x8eW\xa7\xba~\xb28\xc4'</t>
  </si>
  <si>
    <t>b'~qY\xfe\xf1\x1b;\x14\xe9i\x99E\x07&amp;\tdp\xbbS\xa2\x8f\x02\xde\xf8\x07\x1d\x8e\xf3\xe0=\xeda'</t>
  </si>
  <si>
    <t>b'\xa3\xb0\x8fP\xc1WL\x07\x9eC\xf3\x8a3\ti\xa2Y\xd1}\x18t$\x8b\xc1\x02\x05y\xa2\xe5B\xdc\x1b'</t>
  </si>
  <si>
    <t>b'h\xb4R\x91\xf7\xf3\xbc\xbf\x95a\xd0\xf13I\x86d\xf9k\xb1\xeam7f\x7f\xc0\xee\xec\xcd\xc0J\xdd\x90'</t>
  </si>
  <si>
    <t>b"Zz'\xa6\xb8\x04\xed\xb0C\xd7\x08\xf3v\xf8\xb3MI\x18/\xf4\x1bI|v\xdd\x8b\xeb\x14\x86(\xd5\x90"</t>
  </si>
  <si>
    <t>b'\xb2\xda\xd6\xecY\xe4/qP\x86/\x9b\\\x1a\xa0\x1b\xe7;\xd6s\x1aZH\xdfr\xaeap\x82\xfa\xa7\xe8'</t>
  </si>
  <si>
    <t>b"\x94'I\xa5y\xc2\xc5\xb4x,\x9f_\xc1\xa0.\x0c\x8f\x92\xb4\n\x1d\xc2\xa9\xa2_\xe1\x99\x95\x14\x08\x1c\xdc"</t>
  </si>
  <si>
    <t>b'"]1\xbcv\xda\xe8\xcc{\x19\xcbQ\xcfQ\x8c\xadUB+i\x05o\xf4X\x8e\xf0\xc0\x9f\xba\xa6\x9a\x96'</t>
  </si>
  <si>
    <t>b'\xd5%R\x1a|\xc0\x1d\xce\xbdG\x12\x0fQ\x07\\]\xadz\xad\x83g\x8az?\xa7\x17\xfe\xd8-(\xab\x1c'</t>
  </si>
  <si>
    <t>b'1\xca\xc2Q\xff\xcf\xe0\xaa\xf3\xca\x8a\xfc=JH6\x17\x7fy\xa1\x95\xee2\x87\xb5\xb3e\x04-\xfae\x88'</t>
  </si>
  <si>
    <t>b'\xb4\xca\x86zN\xd6\x0c\x9353|\xf1\xe5:\xd3\xa2;\xd2r\x173%\xc0\xc4\xb4\xbf)CbDu\xc7'</t>
  </si>
  <si>
    <t>b'\xc5\xd4!\xfaF\x84\xec\xb3)\xc2p"IR\x16Ax\x94\x12k\xc2!m\xf7%A\xa0l\x8c\xcf\xd7*'</t>
  </si>
  <si>
    <t>b'\x91\xde\xc0\xb4;\xc4\xd6\xde\xff{8\xa0pB\x8f\xd0&lt;\xd3\x8f\xab\x12\xa7_\xe5\xdfm\x01\x84a\x9d\xea('</t>
  </si>
  <si>
    <t>b'{\xd3e\x02G\xd9\xa6\xd1_\xd9q\x99\x83Rl\x83\x82\x1f_F\xa1\x02:\xe3p\xf3\xfalB\xd3"\xb9'</t>
  </si>
  <si>
    <t>b'A\tgWk\xa1\x9a\x8djhcd\xa1\xb6\x9b|\x05\x8e\x80V\xe3\x8ap\x90\x96v\xe96\xaa\x07\xf5,'</t>
  </si>
  <si>
    <t>b'\xad\x0e)\x9d\xca\x8bW\xa7Z\xa6/\x12\x90\x99\xde\xfe0\xcc\xda\xe9U\x13\x12\x86\xa3\x90m\xd7\x7f\xea\xee!'</t>
  </si>
  <si>
    <t>b':\x85\n\x93\x10\xee\x17e\xf0\xc1\xd3\xabfgpKxj&lt;A`\x0f\xc7t\xed5\x0b06\xaa\x94\xd6'</t>
  </si>
  <si>
    <t>b'\x0c\xaf\xc7\xa5\xb5\xd2G\xc1F\xd5\xdc\xd3g6z\xf0\x9b A\xc7x\xa5BC\xbe\x96\x1a`\xa3Ey\xf3'</t>
  </si>
  <si>
    <t>b'b\xf1\x8a?\xec\xa3\'\x86\xddp\xb6\xdb\r\xb7\x9f"\xd7p\n\'Y\xf38\xb0XrJ@\xfd&amp;\xfb\x1b'</t>
  </si>
  <si>
    <t>b'\x08s\x95\xa4\x98`A\x06\n}\xa7S\xb5A\xe8`\xb32^\xcb\xa2SH\xa4\xacg\x0e\xf6\xb4\xfe*\x0c'</t>
  </si>
  <si>
    <t>b'i\x93\\\xe6c\x94\xc3\x9dF\xc8&gt;\xc1\xb3D`\xc5Rt\x7f\x9b}+4"\xb1\xbd\x10\x93\xf2F}R'</t>
  </si>
  <si>
    <t>b'Y\x86\x8fu\x04\x1f\xaa\x8d\x17c\xc2n\xed\x1d\xaa\x87Y\xcd\xd8\xe8c\xa5\xda\xfe\x9b?W\xc1m\xd3\xf9a'</t>
  </si>
  <si>
    <t>b'\tf#u\xd0\xa9\xee\x16\xa5\x07\xdd&lt;\xdfq\xe4\xe6\x87\x08\x0c\xf8\xe4q\xc6\xc9cm|1\xb5\x157\xfd'</t>
  </si>
  <si>
    <t>b'P\xf7\xd5\xb9\x14\xf5;Z\x08\xdb\xf8\xfb\xd5\x0ek\x8b\x94H\x05BS\x12.\x0c\xbe\x81~v\x07\x91r&amp;'</t>
  </si>
  <si>
    <t>b'\xd8\x152\x00\xce\xf1\xfa\xfa?2R\x96\x8a(\xd2\xf6U`\xa4\xa1\xd2\xa2\xdd\xf8\xdd\xd2\xe7\x91\xf3\xa8mr'</t>
  </si>
  <si>
    <t>b'\xb3h\xdd\x9c\x1et\xd2+Y\xd6\xde D/9,\x99|FqKV\xa8~\x06j3\x97\xe1\xa6\xb6('</t>
  </si>
  <si>
    <t>b'!.\x1al\\\xbf\x15\xa9\xe8PV%(\xdd\x10\xf0+\xb1\xcd\xf3#\xe8\x0cX\xbb\x15\xc5\xe1\xe4&amp;3\xf5'</t>
  </si>
  <si>
    <t>b'\xe47\xb7\xe0\x04\x972\xe53\x8f\x92\x11\xde\x8f\xef\x97\xdb\x86\x94Q\x9b6H7Gu\x00\x1d\x97\x16\xf2\x00'</t>
  </si>
  <si>
    <t>b'\xedE\xdfdl\xa3z\x82{]\xec\xe2IGi`i\xcf\x87\xc2\x9f\x8a\x00H\xc52\xca\x84\x9d\xa0\xf6\xb3'</t>
  </si>
  <si>
    <t>b'\x83\xc34\x99\n\xfa\x98~\x84\xf5\x1f}\x88C\xd3\xa3\x8cv\x9c\n#\x99\xfa\x8f\xbf\x99\xa5\xe2\x9e\r\xff5'</t>
  </si>
  <si>
    <t>b'\xb8\xe1\xda\xcd\xe1\xea\xac\x81Oa\xa9\xe8\xe9D?\xcb\x1b\xa6\x1c\x19\x9c\xe8\xd3T\xeb\xcbv5C\xb0)\x9e'</t>
  </si>
  <si>
    <t>b'\x90]H\x9b\xa1\xcf\x9007\x9f\x1a\xae\xba\xb8r\x82F\xae8\xf2b\xdf\xb0F\xca\xc2\x08Y\x07*\x94\xd1'</t>
  </si>
  <si>
    <t>b'r\xd8-\xb4\x9d\x81\xa9\xed}\x1e\xcf\x13\xeb\xb5\xcaHx\xa6\xfd"\xb7\x84\x17\x9e\x9cY\x81eL\xf6\xbae'</t>
  </si>
  <si>
    <t>b'\xb6\x96\x0cyS\x1b\xb5n^\xa3\x02D:=\xf8\x8f\xd3\xf2_G\xfcmB \xbeG9(\xe6Nk\xef'</t>
  </si>
  <si>
    <t>b'\xd43\xf2a\x0b\xd8\xc7jfj\x82\xb1\xe3\x8dv\xf6\x08G|\xf0\xd2|\xb3\x00\xc3\x92(I\xf1\xd8\xfe\x0e'</t>
  </si>
  <si>
    <t>b':\x12zD\xc8\x01\xff\x91+\x13!&lt;\xa4V\xc3\xb8A\xdb\xd1x\xb1\xd7\xf5\x11Nk\x84\xba\xe4z\xb0"'</t>
  </si>
  <si>
    <t>b'eV\xc8M\xceT\x80\xa1\x8d\xab\x8a\x91\x1a"\xdf\xd18\xbf\x95m\x01\xe4A\xfd\x7f4\x02:\x18\x9cXi'</t>
  </si>
  <si>
    <t>b'\x82\xe5v8\x05\xfdNp{\x9f\x11\xdd\xbfG\xd9Te\x99qOc{\x8c\t~r\x05\xcc{g\xd6\x06'</t>
  </si>
  <si>
    <t>b'\xe2\xa0\xfb\x91N\x83\xef\x0c\xd7\xa33\x1a \xf9Rz\xab?\xcbx\xfco\xf5N\xf1,\xa9-\xd9\x84\xd4\x0b'</t>
  </si>
  <si>
    <t>b'}0\x1c\x8cm\xec`\xb8)T\x1e\xfd\xa0\xf2X\xc9\xbe\xe1/A\x92\x19\xaa\xe0|4&amp;\x01 \xbc\x8f\x8e'</t>
  </si>
  <si>
    <t>b'\xbc1\xa6\x1e\xec&lt;\x03&gt;\xa7\xb5|\x8cb\xf1n\x98\r\xd0\xc4\xec\x06\x9ei;\x0cW\x878Q g\xa3'</t>
  </si>
  <si>
    <t>b't\xa9\xcd\xf1r\xdf\x90\xa8\xa4\xd6OU\x99\xbd\xd9k\xdb\x83\xf8?N:\x97h\x98\xd9\xc6&gt;\xa1\x83\xec\xa1'</t>
  </si>
  <si>
    <t>b'A\xd0\x85&lt;\xdaJ7k+\xb3\xd4\xc3\x84\xb1qU\xcf\x9ax\xc9\xc5\x98k\x0b\xb93,J\x9f\xf6\xcag'</t>
  </si>
  <si>
    <t>b'@\xe1U\xb3;\xf1\x05B\xf6\xf8,\xc5\x94\xc1u\xba\x9b{QE4t\xdfe\x89\xf1\x05uyRN^'</t>
  </si>
  <si>
    <t>b'\xfe1\xafj2\xa3$8\x9e\xa7n\x92\xdb\x92\xe3g\x9e\xb2\xca\xa9\xcd\xe3\x92\n\x88\xaf\x10\x1eH\xa1\xa1\x9f'</t>
  </si>
  <si>
    <t>b'X\x14\xec\xbf\xac\x08\xfe\xdf\xeaF\xf9CeE\xdf\xa2xEs\x17o]\xcdQD/\xbal\xa3\x91\xa9\xb5'</t>
  </si>
  <si>
    <t>b'sNs-S\xc2eos\x9d\xad\xf0a\x109K\xae\x1dkEE\x8en\xc2G\xb9\xaf\x83\x94q\xbe\x1d'</t>
  </si>
  <si>
    <t>b"G\x01\xaf\xcf\x18\xe70n\x15\xc5\x96\xd3\xd3\x84\xecU\xf3V\x00\x18\xadR'\x1d\xba\x01\xcf\xea!\xef\x05\x17"</t>
  </si>
  <si>
    <t>b'z\xdc7\xc7\xd1|\x1e(Y+D\xee\xd4\xf0\x18 \xb2\xb8\x85]#~\xd9\xbdr\x18\\\xf2lH\xfan'</t>
  </si>
  <si>
    <t>b'n\x90\x1d\x11\xa7\xb8\xf3S\xd0+VRiB2o\xe3\x0f\x8d\x82\xf5M\x1d\xbd\xf7\x05\xf8W#$\x95\x9e'</t>
  </si>
  <si>
    <t>b'\x88\x81\xa9\x1f\x97\xf79\x00\xbe\xe03\x97\x9e#\x8b\xb7\xaf\xec,\xe8\xb7\xb9\xbf~\x86p\xb3\xce\xd2\xc8\xa0\xea'</t>
  </si>
  <si>
    <t>b'\xc5\xa20:H\x93\xb1KY\xfc~O\xae\xfe_\xfa\n\xf1\x0e\xd3\x9f\xdb\x15lD7\x986\x1f\xe0\x128'</t>
  </si>
  <si>
    <t>b'&lt;\xbd\x7f F\x16\x8d&lt;[\xad\xc4\x06\x94\x0f\x1f\x8d\xf5\x7fu\xe1Z\xee\xb7W_\x89\xe9\x8e\x9d]EX'</t>
  </si>
  <si>
    <t>b'\xf0;\xb7e\x19n{\x01\xf4W\x9a\xf2*eL\xc3\xf2\xde\x90\x91+yzQ0\xf5{\xa6oxA^'</t>
  </si>
  <si>
    <t>b'\x02Au\x00\x05\xe1\x8bN\xc6\xd4:\xb1\xaayNM\x00\x804\x80\x89:\x13\x81s\x16\xb3GgO\xe4\xb3'</t>
  </si>
  <si>
    <t>b'\xae\xa0C\x7fA\xf0\x89y\xea\x13\xe1\xf0\x92V\x19\xe7"\x0c!\xc4q\xe9\x14\xcc\x86\xd0\xc8\xf2.=\x80\xa1'</t>
  </si>
  <si>
    <t>b'\xaa\x9bxR\xb2\xc5s\xbe\xeb\x9b8(\xf0\x7f\xd4\xb2\r\x9a?\xfa\x0c\xbb\x06\xce?\x7f\x86/H\xe1\\g'</t>
  </si>
  <si>
    <t>b'K\xc2\xfc$v_\x10\x90\xfd[\xcf)\xe9\x02]\x0e,\xfdV\x80\x82\xe3\x0f\x97\xb3\xe1\xc4&gt;\xbc\xec\xd7\x93'</t>
  </si>
  <si>
    <t>b'}2k?\xeay!\x84\xb8\x97\x95Y\xe9\x94\xfc\xfcw\xd9\x04\xf9\x18\xce}\x9c\xe8\xf59\xa7\x85\xf4\xf8\xe2'</t>
  </si>
  <si>
    <t>b'\xcauR!By\xdb\xa3,Wv\xfaZs\xb5/\xc3\xcaRX\xe8\xf8q\x05\xf4\xd5\xaf/^\xc7\xa7\x0e'</t>
  </si>
  <si>
    <t>b'\xfc\xf1Y\x93\xf5\x02\x01\xfa\xa7\x1e\xac7\x1avyY7\xeb+\xb8\x99\xf5Wk\x18\xbc\xa7%&gt;c\x9aJ'</t>
  </si>
  <si>
    <t>b'\x19\xda\xbfe.XhV\x8f\xb1\x01{2=\xaej\x14),\xc8\x0f\x1a\x8cm\xac5Z\x86\xac \x02\xb9'</t>
  </si>
  <si>
    <t>b'\x80\xc6\xa4dx\x00,\x0b\xc2|\x8f%\x00\xeb\x1cj\xb0\xa7`\xe3q\x16\xf7\x81\xf8\xba\xe4m\xc5\x1e\xb7\x08'</t>
  </si>
  <si>
    <t>b'\x1ctxI\xf8Yz\x11k\xfd0}|\x02+\xc1ke];A=\x0fi]X\xba\xda\\\x84[g'</t>
  </si>
  <si>
    <t>b'\x853\xd7\x05\x85\xb8\xd1\x19\x9fv&lt;\xc4\x05\x91{\x1eZ\xafW\xa8(\xe2\x01\xbd\xc0;3\xd7\xba\xa0\xc7\x81'</t>
  </si>
  <si>
    <t>b',3\xf5\x8e\xcd\x86\x8f\x15\xb6\xd4\x8e\x0bf\xf6z\xf8\x93\x1e9W\x93\xde\xcc&gt;\x01\xa1\xea\x7f]\xfb\xc84'</t>
  </si>
  <si>
    <t>b'\x16\x9a{\x9a)\xb8!\xb1%h"\x8f\xbf}\\s\xf2\x1b\x9d\xd4\x87\xfcn\x13\xc4y\xcaM\xc2`\x0e\xd1'</t>
  </si>
  <si>
    <t>b'\xfdM\x99\xbd\xcd#J\x01\x7fw\x0e\x96\xd7\xb5\x82\x8d\x15K\x92\x84q\xee\xd35\x01\x18lxN\xebG\x7f'</t>
  </si>
  <si>
    <t>b'i\xb1\xb7pk\xcbb\xd1\xe29dE\r\xf3H\xaa\x8e\xdf\xee\xa9\x86\x82Q\x17\xc7~\xcd\x15Ij\xcd\x11'</t>
  </si>
  <si>
    <t>b"w\xd35;Lj' \xb0\xc3l\xc8\x075/QKd\xb1\x897\xbf6T\xd4\xf4M\x8d|\xf6\x08\x8e"</t>
  </si>
  <si>
    <t>b'\xf4W\x833i \xd0`z\xf4\x0fK\xfe\x13Ph\xbb\xdf\x9bJ \xf4k|\xd8\xc2\x1bo\x13.\xf23'</t>
  </si>
  <si>
    <t>b'\xf1\x9e\x11a\xf8.\xd9j\x8f\x89\x8d\xaf\xaa\xfb\x13\x04\xb5\x0c\x19D\xe5{,\x1a\xabe\x8c\xa4y\x81\xf9Q'</t>
  </si>
  <si>
    <t>b"d+32\xd7\xf2!w\xa6'\xe1\xe1\x03q'\xad\xd6q\x90\xe9W\xcbX\x18\xf97\r\xbc\xf1\xf9\xa0\x89"</t>
  </si>
  <si>
    <t>b'\xe7S\xb8n)\xa7jr\xce\xcb\xb9ee\xc2\xca\x88\xe2\x03\x01\xf1~\xdb\x8d\xc8l\x1a\xae\x02\x9a\xc2\x90:'</t>
  </si>
  <si>
    <t>b'\x90\xc2\xf4\x82/=7F[\x85tB\xfa&gt;\x96\xdf\xf0-i;\xf7*\xee\xda\x8c\xf5\xb0\xf9\xacjP*'</t>
  </si>
  <si>
    <t>b"\x97\x8aHJ&gt;\x16\xce'\x9a%\x1dN\xa5j\x0f\xf0\xdb1P\xe9)\t\xf9j\xc0\x94S\x94\xa2\xed\x14D"</t>
  </si>
  <si>
    <t>b'\x15j\xbed\xed9\x8f\xe2\xf6\xa7 \xae\x9bM\x16w\xf7\x8b\xb6\xfa\x166\x06`\x84\xb7\xf5\x1d\x94\n7\xf7'</t>
  </si>
  <si>
    <t>b'\x87r\x83[\x8c\xa7\x89\x00\x8d\xc7\xe7\xcfx\x05d\xb2\x7f,\x9aq\xb8^6\xa1\xe0\x93%7k`\xf2A'</t>
  </si>
  <si>
    <t>b'Xc\xcb\t\x99o\xa3\x9d[\xa1\xc1\x1c\xac\xd1\xf2/(\xf5\xddd\xa5\xa8\xdf\x11xy\xcf\xe5\x9dLV\xe0'</t>
  </si>
  <si>
    <t>b'\xcdj\xad\xf8c&gt;p\xacU+@\xfeV\xderk\x11y\xf2\xb9\xad\xd2"\xa8\x18\x81\x92\xfc\x01g\t`'</t>
  </si>
  <si>
    <t>b'$\xc8p\x04\x9f\x02\xb2\xc1\xf3\xcf(\xce\x1c\xbd\x06\xa4\twx\x02\xe7\xe5\x86\x03\xef\x98Q7s\xdb\xdf^'</t>
  </si>
  <si>
    <t>b"\xa3\x1csg\xa6\x8a\xa0\xd8\xe2XW!\xde\xcd\xb1\x86\xa8o\x88\n|}\xf2Z'\xca\xaf\xfe\xe2\xc6\xea\x06"</t>
  </si>
  <si>
    <t>b'\x12\xb0\xb3\xa8\xfe\xfd\r(\xef\x01\xf8\xaf+\x0cn\x9a\xcc\xe5\x1a\xd0\x89\xed\x00g\x13%\xef\r\x83\x0b\xaee'</t>
  </si>
  <si>
    <t>b"{9\x8fpV)r\x8a\xfc\xfe'\x97{/y\xd8\xdf\x1f6\xb3\x8d\xac7\x15\x7f2\xd9\xec\n\xee\x97("</t>
  </si>
  <si>
    <t>b'\x8b\xc2\xc9\x1cp\x96\xeb\xf4\xa0Rm\x07O\x99\xa8\xdf\x90 u6h\xa2S\xeai\x04\xd7\xca\x1d\x96\xa8\xb2'</t>
  </si>
  <si>
    <t>b'+#\xe0\x00}\xfc\xf4\x02N19(\xe12\xf7u\xb6&gt;W\xbf\x98\xd5\x04^/8\x89\x1bO"\xb8d'</t>
  </si>
  <si>
    <t>b'\xca"\x8c\xbe\xee\xa6\xfb\xcb\xca\xaef\xd8h\xb3s\xffM\xfb\xa5p\xe2\xbe\xf0\xac\x10\xb8cj\xa0j\x92\x83'</t>
  </si>
  <si>
    <t>b"\xe5\x81\xac\xfe&gt;Z\x12\xe5\xa6\x87\x9eC\x8e\xfd%\x13'\x0e\x0fC?P\xc5\r\xf6es\x02\xd1\xdc\x1cg"</t>
  </si>
  <si>
    <t>b'6t\x98\x8f\xd7\x96\xcddH\xd5\xa9+`\xb1\x12!S\xf6\xa2\xea0\x97/M\xaf\xd8\xdd$(\x06\xa1U'</t>
  </si>
  <si>
    <t>b'6]\xdc\xd5\x19XD/\xe1\xf1\xd9\xb9\xe0W"\xd1e\xd8\xf4\xda\xf9v\xe6\x8dIJ\x14z(Z\xd2*'</t>
  </si>
  <si>
    <t>b'\r\xe8\xe7\n\x08(\x17X\xf4\xaf+\xad\x95"\xdc\xd1\xa8F\xdb\xc5\x1b\xd2\xbf\xef\xf9\xf4\x06\x08\xd2 \xc3\xbf'</t>
  </si>
  <si>
    <t>b'\xef\xabN\x87\x06\x04g\x9e"E\xb3\x07nZ\xc12\x91R\xaa\t\x8b\x11\x0c\xf8If&lt;\xc2Y\xf7Ge'</t>
  </si>
  <si>
    <t>b'\xb1\xcfJ\xb8\xdb\x12\\\x1c\xe82\x7f\xee\xd2&amp;54\x87\xdfxy\xa1\xf43q\x89\xfb\xa4\x84h\xe6\xb6S'</t>
  </si>
  <si>
    <t>b'\x0e\xb7|\xf8 C\xfe\xe6\x00\x9c1\x8fOO 3\xe7\x1a\x1e\xe2\x8f\x0cM\xdb\x10\x9b\xbf{\x91\xca\x03\x9a'</t>
  </si>
  <si>
    <t>b'\xe1\xc3\xc9\xc16\xde\x90d\xa9M\xe9E\x9b\xe1842\xddy\xc1.,\xe0c\xa5=\x92\xc7~EK\xf9'</t>
  </si>
  <si>
    <t>b'\x1d\xb2=\x96\xf5Y\xcaH\xfa\xb1\xa6-6\xd4\xce$/\xb2\xd5\x82\x9aZ\x89\x19/\xb4\x9e\xc6\xf6/\xcd '</t>
  </si>
  <si>
    <t>b'\xe2}\xd7j\rJ\x0f?$O_\x17\x1d\xc5\x06\x0e8e\xeed\xdd\xad\xcf\x80\xcbf~\xf6\xaf\xacC\xb4'</t>
  </si>
  <si>
    <t>b'\xd1\xa1\xfb\xa6\xca\x94\xb4r!zOF\xb9\xce\xf2m\xa1\x88\x1atL\x88\xd0\xdbC\xb7\x1b\xf2\xd7h\xf3\x85'</t>
  </si>
  <si>
    <t>b'\xd3\x99\x80R\xd8\x0e\xd4z\xd6\x92\xa6xQ\xdd6\x85\xbd\xfa\x12\xfb\\T\xb4\xc2\xe7\xe1\x8c\x80d\x83\xceq'</t>
  </si>
  <si>
    <t>b"0\xf0l\x94\x19\xb0'\x8d\xc1\x12py3mm\xd7\xaa\xb8p!K\xb5\xd3\x174N\x1d\xaf4\x93m\xa2"</t>
  </si>
  <si>
    <t>b'D\x1d9\xb4\xbc\xb2;6\x19\xd7\x7f^\x9e\x83\x93\xf4uD\x91\x19\x0e\xea\x07\x1fx\xe9\x17\xa3\x8dxO2'</t>
  </si>
  <si>
    <t>b'\n\xc3l\x12\xbc\xe0l\xdb\xfb\x01\x02\xec?\xc0\xa2\x1d{~\x92`\x02\x044\xcar\x9a\x9b\x07Z@\xd8\x7f'</t>
  </si>
  <si>
    <t>b'\xb9dn\x81\xae\x9c\xfe\nF\xb4FRe\xef\x7f8\xec\x16\xe04\xef"\xff\x82%\x89\xcbU\xdc\x83\x85\xa9'</t>
  </si>
  <si>
    <t>b'\x04\xff\xa4e\x83\xcb#\xb7^s\xf4n\xba\x12\x02\xe8*\x19\x92&gt;\xbeYy\xe1&amp;\x99\x06/-\xe0\x12o'</t>
  </si>
  <si>
    <t>b'\x04/\x14a\xe1;`\xf5\x17\xd6\x8b\xd5\xf1\xe1\x80\xea\xe4]\xf0\xe3[\xfd?D\x8f\xb0\xd1h\x80\xb8P\x08'</t>
  </si>
  <si>
    <t>b'i\xf7\xd6\x16\xf3\x16\x05\xf8\xca\x1a3\xdf\x1e\xfd7\x9b\xf6\x07\xa7\xb6\xce\xc6\xd5c\xf4\x97\xd65L\x879\x94'</t>
  </si>
  <si>
    <t>b'b\xd5}S\xa1\xc0m\rB\x8e\x1f\x00q\x95\x90y\xb8\tz\xb7R\x0e\x9bUEN6a\x8co\x05J'</t>
  </si>
  <si>
    <t>b'\xc2\x1d\xb3\x1a\x9b@\xc8\x8f\xd2\xca\xf7\x8b=-\x02\x95\xa2\x9e\x1a\xc8\xc3lOH\xab\x85\x08{\x1d\xe1p('</t>
  </si>
  <si>
    <t>b'\xcc4\xdf\x86\x144\xaa\xef\xbe\x03I*\xc7\xc9\x88\x1f\xbe\xc7\x01\x7f\x13\xd9\x80\x11\xd4+\xdb\x04\x1c\xe3\x86\xd7'</t>
  </si>
  <si>
    <t>b'\xcdi5]Zm\xa2\xf2\xd2\x13f@\x14\xbd\xba~\x1e\x84\xcfI\xe1^9\x9eM0\xd4\xa1\t)\xc2K'</t>
  </si>
  <si>
    <t>b'\x82)\x02\xd1\xb9\x06\xc4\xa3\xc2\xa0kz\xfb\xcbngcb\x8b\xfc\xd5\xec\xb8\xdd\x00\xec6\xa3\xd6{\xce\xa3'</t>
  </si>
  <si>
    <t>b'\xcf\x11\xdc\x80d\xf0\xb7?\xd64\xc37\xddQ\x02x&amp;N\x10\xa4\xf3_=k\r\xf2\xc1\xb9\xc8\xd9\x04\x9c'</t>
  </si>
  <si>
    <t>b'un7-\x98\xd7\xba*\x17\x81t-\x94;)!8\x08\xffI\x97\xc5\xb89\xb2\xb4\x12\xe9\xdb\xc20\xda'</t>
  </si>
  <si>
    <t>b'h\xec\xd9\xe8\n\xbc\xb3I\xbc\x8dH\xad\xedU\xb6\xe1\x94\x9e\r*\xf2\x9f\xf7T2\x80\xbc\xb5!\xa13\x0f'</t>
  </si>
  <si>
    <t>b'\x99\xad#DNT\xbcD\xa0g\xf2\xaatY\x14\xaf?r^2\xed\x08\xc2iM\x9a\xd5\xa3\x0b\xeeQ,'</t>
  </si>
  <si>
    <t>b'%x\x1f\xe3u8\x93\x1f\x82Kwv\x04\x8bJp&lt;\xfd\xb1\x880\xc6\x1a\xdb\xb5T\x0fq\x92\xc9\xe2\xd6'</t>
  </si>
  <si>
    <t>b'\xb4\x9b\n\xbe\x10\xd9\x1bx\xad\x86\x080\xd4\xc2\xe9\xeec\xe5ak\xa0\xbe\xec\xab\xc8[\x91:\xbe\x93\xce\xfe'</t>
  </si>
  <si>
    <t>b"\x85\nH\x88\x00]\x11\xd7\x03,\xb2'5\xc7\x8e\xa5\xc5\xeb\x95j]\x98\x16\x9au\xf1\xff\xd5\xc1\x9eZj"</t>
  </si>
  <si>
    <t>b'x \x90I^?\xea\xce\xed\x01mX\x9c\x1f\x02\x84g\xb5hK\xda\xac\xe8\xdai\x9d\xe9Gq\xc8`\xb4'</t>
  </si>
  <si>
    <t>b'v\x02\x03\xa8M\xf5l\xd3|\xd3\xef\xbd\xf9\xc1\xd9\xc8\x13\x0ctldQ\xf13\xf9\x82\xbb\x04\xf8\x01A&amp;'</t>
  </si>
  <si>
    <t>b'\x86\x8a&lt;\xc1\x83\xda\xb8\xa3\x0cL\xb7\x88N\x13X\x88\x17\xb2)\xcd\xfd\x94UFm\x85?\x1b\xcc\x9b`s'</t>
  </si>
  <si>
    <t>b'\xbe\xbc\x94/\x9df\xdfl\xb0\x97g\x03\xdd\xce\x0c/\x1d\xe4\xec\xd4\xc7"y\xd4\xc8V4\xd2\xde\x0e\xb4L'</t>
  </si>
  <si>
    <t>b'9\xc1K\x82\xc2\x93\xd0\xbc\x0e\xcc-\x9e\x12\xa5\x84\xf5\xbe[\xa2\xcd9\x83\x04\\d\xeb\xdf\xea1\xf9w\xc8'</t>
  </si>
  <si>
    <t>b'Cm\x9br\xc1\x16\xd9:\xc0q\x8cWa)J\x08\xa9\x1d\xeaPK\rK\xc8\x01\x02V\xf1\xaf\xaa=\xc6'</t>
  </si>
  <si>
    <t>b'P\x12E&lt;3\x0c\xdeXJ\xbf\xaf\x0f4\xb9O\xa1\x02S\x88C\xc2+\x96Kk\x8d\xc55\x7f2\x1e3'</t>
  </si>
  <si>
    <t>b'\xd9\xd6\xa6\xa1Q&lt;Q\xcd\xe7\xd1$\xd9\x1b\xecd\xfd\x99\x13C\xd8\x05\x9aC\x8e\xa1&lt;!\x82\xc1Y3\xb6'</t>
  </si>
  <si>
    <t>b'\x01ls\xc3hY\xda\xf4nGZ\xcf\xc1ps\x85\xeb\xfdy T\x8a\xff\xb0\xf4\xc3i\xf8\xf9o\xfd\xa8'</t>
  </si>
  <si>
    <t>b'\xf1;\xdc\xaf\xd5\x94\xad\xcf\x9d\xabB\xccGy\xf7aZ\x86\xe2=\rI\x0cY\xb0\x80\x82\x1cI\xb4Z\x8f'</t>
  </si>
  <si>
    <t>b'a\xebO*\x96x\xe0\xa7F\xf6\x8f\xfeJ\xf4\x94\xcd}J?\xb3\xe2\xbc\x1b\xc72\xa7hUi\x01\xa2B'</t>
  </si>
  <si>
    <t>b'\x1dz\x02\xf1\xd6\xa7\xdc\xac\xabL\x1cNBX\xcb\x8e/\xf4\xc0\xda\xc22\\ws\xaf\x1a\x98\xa2\xc5\x9b\xcd'</t>
  </si>
  <si>
    <t>b'\xf5\x81\x1e\x01\x85\xb3\n\x82\x9b\xfaK\xa3\xc0\x82\x90G\xb1\xee)\x08\xc2\xcb\xde.po\x93\xc2-\xda\x1c\xae'</t>
  </si>
  <si>
    <t>b'H\xf34\x84\xac\xe6\xcd\xb7hm{\xe7~\x1d\xc3D\xdfc\x90\x93!\xd4r\x1e\x16\x06\x9e\xf0\xcb\x01kw'</t>
  </si>
  <si>
    <t>b'\xf2\xf4y\xab\x8aW\nd\xb8\xd5\x1b\xf6q\x89n\x165Dc\x19p\xb8\xc4\xe9\x90G\xaf\xcd\xbe\xb5\x85?'</t>
  </si>
  <si>
    <t>b'\xbd\xe4|C&gt;\xa3\xf2\x00,\xb2\x86\x8fT(\x1dtJ\xa7\xcc\x10\x05\x88\n\xdc\xf0\xef\xc0\xee\x92\xb4V\x12'</t>
  </si>
  <si>
    <t>b":\x01\xf1A=\xe0\xdeML'\x85\xa1\xc8Ro\xdf\xc4\xe2\xb1G\x91\xf0\x86\xe2Z\x07\x18\x80Re\x86\xf3"</t>
  </si>
  <si>
    <t>b'\x89\xf9\x99\x9d\xa3\xf1\x12\xa4H[\xb1\x82)\x94\x8c\x99\xdc8\xf5\xc3\xe5\xc9\x0f\x82\xf2R\xbf\xa3R\xe0\xfa\x8e'</t>
  </si>
  <si>
    <t>b'\xb2!:\xb2D\xe3\xd3l\x93L\x8e\x86\xab\xcd\x0e\xef\x7fj\xf2iI\xc8\xc6\x9a\x9e\x86\x04\x04\x19\xb8\x1a\x82'</t>
  </si>
  <si>
    <t>b'\x9fN=O;%\x104\x1aj\x98\xfd$\x02Vw\xab\x9f\xed\xf8}P\x08T\xac\xdcn;\xa5$5!'</t>
  </si>
  <si>
    <t>b'\t\x04M\xc8\xbe\xadZ!zV\x1d\xbe\xe5X\x1dOn\xe8_|\x1c\xcf\xeaV\x04\x16\xe0Y\x92\x99_\xb3'</t>
  </si>
  <si>
    <t>b'\xf7\xbc\xdei]\xb1\xc9l\xedB\x1bT\x83\x8b\x15\xa0\xda\x9f\xd5$5\x98\xf3H\xd5\xfa\xcd2\t\x96\x88\xfa'</t>
  </si>
  <si>
    <t>b'MEy\xf5\xa4\x1aK\xaf\xdcX!\x7f\xe2\xf2\xa7\x82\x07\x0e\xf4`\xbf\x9b\x82z\xea=\xf0\xa7\xc2\xa3\x9a\x06'</t>
  </si>
  <si>
    <t>b"\xa1\xcc\x8c\xe7\x0b\xa9\xbb\x98\xf8\xc5J\xb3\x91pi)\xc2nN7\x92\xb7)\xb6\x8f\x83'\x93\x82\xfc\xa4\xbf"</t>
  </si>
  <si>
    <t>b'\xa7\xd3\xe1\xc6\x00\xf4Gxov\x9c\xc8\xc1\xbaQ\xa0\x98\xa5\xe2\xf8\n\xe2\xd3\xccBd\x1aM6hg\xab'</t>
  </si>
  <si>
    <t>b'\x7f0\xca\xff\xcarM\xf9\x11C\xbb5\xf9\x8c\x17F&lt;\xb8\xe7\x0b\xc9\xaa\xea\x9dJ=\x8e\xda\xfa\xe6\xdf\xc2'</t>
  </si>
  <si>
    <t>b'\xb9U\xe1h\xee\x00!\x0f/\xad\x99Y\xa3\xb3\xc2\xec\xa2\xe4\xbd\xae\x08\x83\x82&lt;\x0f\xebWI\r4\x0b\xc8'</t>
  </si>
  <si>
    <t>b'\xa4\x9f\x86z=E\xdc\xfc*\xd3\xe96\x17\xdeNB\x7f"\xc6IY\xfa?\xbe\x08\x14H\x02\xad\x98z2'</t>
  </si>
  <si>
    <t>b'/\x08d\n~\xd0\xde\x18\xfc\xd4a\xa6K\x1e;\x84\xe3lg\xde\xa4\x05\x16\xdb&lt;5\\0\xda\xb9\xad\xe8'</t>
  </si>
  <si>
    <t>b'\xaa\x7fU\x85\xfcN\xdf\x01\x9bm|jqv\xfe\x12\xce\x8f\xb6\x92\xd8B\x0cS\x80\xa8Y\xef\xf9\xf0\xa5?'</t>
  </si>
  <si>
    <t>b'5&gt;D[*O\xa1\x9c\x95\xf9\x13\xb0\xda\x041\x12\xbfGP\xf1\xd4\xfb0\x98TG_\x80\xa1\xdel\t'</t>
  </si>
  <si>
    <t>b'p\xd9#\xbc\x91\x9a\xb5\xf4\x1b\xa2\xd3y\xf8\x8d\xc2\x9d\xc0\xf8It\t\xef\xcb\xe6(\xda\x05#\x14\r \xe3'</t>
  </si>
  <si>
    <t>b'P\x9f$\x93Qsok\xe0\xcc\xe2\x07)\x9d\xc4\x0f\xc27,\x11\x83_\xa5}\xb5\xfcu\x1d\nT\x10\xa8'</t>
  </si>
  <si>
    <t>b'\xe0\xa0/uM\xec\xfd\xc1\xd8g\x9d\x1e#\xc1l\x03\x93\xa2\xf1d\xea\xe3O\xac\x17q\xd0\xf1\x80\xb9\x08\x11'</t>
  </si>
  <si>
    <t>b'u\x142\x16\xec3ULJ5\x8f\xe2\xd6\xd8o\xfb\x82\x80[eMQ\x9a\tZ:\xb9\x1d\x1e\xfd\xb0\x12'</t>
  </si>
  <si>
    <t>b"\xbaB&amp;\x16\x16\xb2/\xd2g\x1e^\xb8\xe7/\xed\xc9\x07\xe9\x11\xd2\xf9\xb3\x9b'\x9b\x1e\xd3\xb1\xbb-\x8a\xbc"</t>
  </si>
  <si>
    <t>b'\xb6\xa3/\x8c\xaa\xddr@\x00\xf4\x00uP\xfa\xea\xbctQ\x80*tZw\xf3Mo\xc6\x99r\x17\xcc\x14'</t>
  </si>
  <si>
    <t>b'\xb1`nc\x0f\xa0BO\xd4\xd7\xfbE\xb3\x85O\xb7\xf7\x8d7\xb5\x0f\x13\xff:\x19\x83J\x11\x0c\x19\xff\xde'</t>
  </si>
  <si>
    <t>b'\x8c\x99\x1b%:\xcb\xdc*t\x0c\xc8\xf2H\xc0/\x0bb\x1f\x88\xaf!\xb7M\xdf\x98\x1f\xdd\x02\xda\xef\xc12'</t>
  </si>
  <si>
    <t>b'l\xa1ze\x9a\xee&lt;\xd6\xb4$\x92\xc7\xa9\xfa(X\xa8rR\xd2\xdf\x99\xd2E\xbe\xe8*\xc3\xb9\xb3\x9d\xe0'</t>
  </si>
  <si>
    <t>b'\xden\xbc\x14\x0f\xa9\x83f~;\x17k\xc6\xf4\x891\xadb\x91\xba\x92\xf8\x85\x83\x1b\xda\xf5\xcdG\x9fuC'</t>
  </si>
  <si>
    <t>b'rh\xa3G\xb6\x83\xc0vp\xfd#\x84z\xf2W\xb1\xa0T\xe1\xc5\x1a9`\xe44\x84F\xeb\xfc\xa5=\xea'</t>
  </si>
  <si>
    <t>b'\xef\xba\xde+4\x87\x8d&amp;\x15e9\x06\xfd\x9a\x8f\xff\x98K|\xeb\xbd\x1c\xf1\xd3 \xe2\xb3\xf5\xf1\x07\xb6\xb0'</t>
  </si>
  <si>
    <t>b'\x9b\xb10\x82\x9c\\\xef\x0cy\xb3A\xf3L\x10\xa7P\x84z\xc0!\xee\x7fm-\x0f\x0e\x06\xc9\xf33pw'</t>
  </si>
  <si>
    <t>b'N\xdaP8\xfa\xb3\xd9\xcdT\x80\xd6L\xdf\x8f\xb5\xf0W&gt;t\xd1PUZ\xae\xe8\x908i\x18=o\xa6'</t>
  </si>
  <si>
    <t>b'\xbe\xfa\x7f=\xe0\x96\xedB\xca\x97\x1e\xd2\xd5\xbf\xd4\xca\xb7\xa4.\x87\xcf\xa0\xde\x9d#\x11\x83S\xc1[\x19]'</t>
  </si>
  <si>
    <t>b'\xb1\x8dn\x07Z/\xa4\xfe\xba\xd2G\x08"\xef8&gt;@\xd6u\x9c\tw\xc7\x1dz\x94`sAQ[7'</t>
  </si>
  <si>
    <t>b"\xfd+\xa5\x90\x87y\x94v0y\x13O\x86u\xae\xdd\xd8\xd9'N\x90\x14\x83c\t\x8f\xc5\xcc\xd2=B\xe5"</t>
  </si>
  <si>
    <t>b'\x1ea\xea\x19o&lt;v\x9e\xaaI\x8dQa\x02\x7f=;z\x0f|:\xdfq\xe5JA\xcd/]:\xa2\x85'</t>
  </si>
  <si>
    <t>b"\x86S!\x87)^Sdh\xf0\xeasp5(\xfd\x7f\x95/\xf8]L\x9e\x08\xfb'\x06|\x0e.\xbd\x0f"</t>
  </si>
  <si>
    <t>b'\xc4\xcb\xebe\xb7v6\xe3\xdd\xf78\\\x9cj\x9e&lt;\x93\xdf\x1c\xdf\xc5\x91\xb6Y\xfc\xb6\xf0X@o\xfa\x1f'</t>
  </si>
  <si>
    <t>b'\x89\xa3\xa2\xe9\xdc\x19\xd2Cf\x92\x99\x85\xd6\xfd\xd0\x04\xe4\r,\xc1\xcaw\xd1-\x07\xa7-\x01\x9e\x9fp\xd9'</t>
  </si>
  <si>
    <t>b'KC4\x8dO\x8d\xf6&amp;\xbc\xa4\xdb\xe9\xf9\x1ed)\xa0\xe7V\x97d\xb7\x97Z\xa6\xd5\xa28\xb5\xb3B\xbd'</t>
  </si>
  <si>
    <t>b'[\x92\xc3\x03\xe3UB-\x17-\xf4@o\x07\xe5\xca\xee\xda\xa5\xcf^}\xa6\xeb&gt;\xc0\xa1{ \xb5\xc6L'</t>
  </si>
  <si>
    <t>b'ue\x17\x1c\x8d\x9b\x14\x11*\'\xf8\x0c\xb3\xb1C\x14\xb5\x1d\xf1\xbe\x9f\xd1\xbf"\xb3\x90\x0b\xa0\x9c+J:'</t>
  </si>
  <si>
    <t>b'w/pO\xd3\x8d\x19\xfc#\xa8\xceJ\x82\xf3gd\xae@\xae(\xbb\xe4\xa6e%\x1a^\x06\x1a\x8bQ\x95'</t>
  </si>
  <si>
    <t>b'\x04\xf8\x89d\xaeD8Se\x08o\xa8Q\x031\x8a\xa6\xb2^\x92\xc150\xa3G\x17f\xcb\xe3$,\x8e'</t>
  </si>
  <si>
    <t>b'\xb5\xe4W\x11\xdf9\x11%hY\x86\x91\xe5\xd4N\x1b3\x80E\rt\xc8\x0b\xf2\xaaB B/v \xc4'</t>
  </si>
  <si>
    <t>b'w\x9c&gt;\xaa\xe7\xed\x8b\xf4\x0f\x03\xe2\xb4\xb1\xb0\x1e\x9cvn\x90\xfc\xc0\xa9Q\x1a\x8f\xca\xe5\xca\x14\xa1\x17\xf9'</t>
  </si>
  <si>
    <t>b'@H\x1a\xe2\xb8\xe9\xee\x00\xcc\xe0\x01M\xa6\xbb\xde\x04B\x9c\xbc4$\xca\xd6\xe6\xd3x\xb0\x8dH\xef\xde{'</t>
  </si>
  <si>
    <t>b"\x9e\xc1 \x01'.\xae\x18\\&gt;wn\x16\x11\xad\x01\x13\xdf\xf6#!i\xe6j\xc0t\x0e\xbe\x00\x8f\x0f\x01"</t>
  </si>
  <si>
    <t>b'\xe4)G\xa1\xeb\x8ed\x97\x19\x13\xa2z\xde\xcc\xfe_~._\x9d,\xa0\xf1\xa6*\xe8\x80\xd1\xabt\xe6D'</t>
  </si>
  <si>
    <t>b'0DPY\x8b\xa7\x7f\xf8\x89\xa8\x9d&gt;:d\xcc\x1a\x85\xfb=\x1a,\xbe\xeb\xc0Z\xe7\x8d$\xca\xeaHV'</t>
  </si>
  <si>
    <t>b'\xd2\x10\x17\xba\n\x8d`\xc1\x90\xf1\x10@\xed \x7f\xf0\xe2\xb9\xa0\xce\x1e\x18%mw\x8ef\xba\x89rDz'</t>
  </si>
  <si>
    <t>b'q\xf3F\xab=\xe8\xfa\x87\xc9+\xd9S\x15|\xc9\xc3\x96\xb3\x8fo3\xbct\x7fx\xa0\xa4\x1b\xd5\xf3\xdf\x1e'</t>
  </si>
  <si>
    <t>b'\x02xE\xe0\x0en\x95\xbc\x85\xfc(F\x0f\xa0\xc5_\xfc\x00\xf8d\x01F\x88\xa2\xc7J\xa0\x17l\x03\xab\xca'</t>
  </si>
  <si>
    <t>b'\xe6+\x8c\xcb\xdb\xa4\x9b\x88@\xc8\x18F*\xb0\x00U:\x15\x82\xb4x\xb8:\x15\x10\xed!\xbd\xcc\xff\x11\xa2'</t>
  </si>
  <si>
    <t>b'h\xe3\xdb\xbc\x08\x94W\xaf"\xe9\xe5k:\xe4[&amp;F\xd0\n\x81\xb7\x9a\xf7\xd2\x06L\xd9,\xe8\x91i\xb9'</t>
  </si>
  <si>
    <t>b'm\xf8Go;\xdc\x9d\xd3\xb1\xfflf\xa2\x97\xe2.\xde\xad\n\xe2\x88\x9e\x82\xcd\x7f\xcc\xb9\x89\x8cI(\x13'</t>
  </si>
  <si>
    <t>b'\x04\xd1\xa7/1\x1bW\x18\x81T\x8d\x07\x8f\xa8\xc0\xe4\xc7\x13~G\xc3v\xaa\xfa\xb6\x9fa\x93\xe3^\xfe|'</t>
  </si>
  <si>
    <t>b'\xaf\x9e}\xe53O\x7f\xd7.\xaa\x03z\xcb\xde\x1d\xb5\x95P+\xc8\xac/6k\xed\xe1\xa4xU\xcf&amp;9'</t>
  </si>
  <si>
    <t>b'\xeb\\J\xf9\xd0\x87\\\xa5\xec\xef\xddC\xef\x8b\x04\xb79\xfa\xb6\x12H\xde\x02g\x9fy\xb7\x1bDBm;'</t>
  </si>
  <si>
    <t>b'|eZ0\xe6\xbb\x1e\xdc\xed\x9c\x83yY\xc7\xd5\x13DX\xb3\\)\xe5\xd33\x8cx3\x14M\x97\x15\xa7'</t>
  </si>
  <si>
    <t>b'Ij`\r\xad\xd1\xb9\x83\xcc\x06\x8f\xc9\x95\xbe\x99\n2\x9b\xc9\x0b\\\xb4Ms\xe93\xad`\xff\xccC\x81'</t>
  </si>
  <si>
    <t>b"\x88\xff\x82bR\xb0\xe4\xd4p\xd4\xae\x87t\x19K\x90\xd7\x93\xb48\xe4\x03\xad\xc4\x7f\xf7\xef\x9b+\xa4'\x18"</t>
  </si>
  <si>
    <t>b'\x81 \\\x92e~\xc1lvx\xef\xe2Z\x0b2\xaa\x83\xe0I\xa7&amp;\x8f\xf0\x9e\r\xa4\xe9\x1c\x99\x9c\xbd:'</t>
  </si>
  <si>
    <t>b'\x8c\xa5h\xcb\x17v\xb1G%\xa5\xe7\x06-\xad[A\x9fJy&lt;\x08\xd4:\xfd\xa3o\xb5M\xb5+\x1a\x05'</t>
  </si>
  <si>
    <t>b'\xf5\xe8b\x10,vX|\xa6/rsX\xdd\x96\x16(\xb1\xe1O\xf3\xc2CJ\x9e_\x8a!\x08=\xa2\n'</t>
  </si>
  <si>
    <t>b"+\xed\x9f\x85'.\xd2I^'\xe9\xb3m*^`\x0e\xc29l\xac;X\xc1\x99\xe4DJY\xa0\xdd\xbe"</t>
  </si>
  <si>
    <t>b'R\t\xcf\x96h\x05\xbc\xb1\xcc)\x9fD\xd5G:B\\\x10O\xa6\x82\x8c\xb2m\x9a\xe1\x15\xbb\xca\xbd\xf2&amp;'</t>
  </si>
  <si>
    <t>b'DW\xf3\x8c\x10C\xdf\x9d\xf5\x01\xe8C]L\xcc\x96\x10pqn%\x10\x90\xc8\x07\xa8M2\x94%\x8c\x1a'</t>
  </si>
  <si>
    <t>b'\x1d\x06bf\x11\xf9\xf3a\x1f\xe6\xfdKYJD\xc8\xd7x\x06\xea\x8c\xba]\xa6\x17\xcc.\xd3G\xf0Ak'</t>
  </si>
  <si>
    <t>b'\x8as\x12y\x96\x1c3\xf6D\xcc\xb6\x04d\xe3\xcb\x00\x03g\xab\xec\xd2\x07\xefk\xda\x91W\xf6\xef0\xa1\xf5'</t>
  </si>
  <si>
    <t>b'\x9d\xec9H\xc1_i\xa3\x17\xdde\xcd\x03\xfd\xa5\xf03\x1d\xef+\x87|\xaf\xfe\xf6\xda\x9c\x1e\xba\xb0\x9f"'</t>
  </si>
  <si>
    <t>b'\xf0\xfd\xff\xe7&amp;8\xf2s\x18\xea]|\xf9I\x89VaK[\x8b\x03x\xa8\x9d\x95\xcf\xc7\xd8\xe7\xe7|\xbb'</t>
  </si>
  <si>
    <t>b'\xc5l\xa1\xbbc\x80\xb6\r\xc7\xb6U\xc6\x1a6\x99\xca\xbf\xaeY\xf9qt\rt\xc3\x94\xa3S\xa8\x02"4'</t>
  </si>
  <si>
    <t>b'\x9em\xe6\xde\x97\x13?\xb8_\x9e\x0cik-\x8e\x17\x06\xe5\x8e}V\x07Q\xdaS\x8d^\x8f\x89\x97,Y'</t>
  </si>
  <si>
    <t>b'^\xbbG\x96/BL\x81\x8e\xe5AI\xa7\x1b\xe5\x9b\x02V\xdd?n\xc8\x88+\x07V\x00\xe6\xd8I\xd6\x01'</t>
  </si>
  <si>
    <t>b'\xb4\x8f$^\x96\xdds&amp;\xad\xdd\xcaD\x1a\xfeM\x87\xcc\x13+\xf2M\x9b\x890\xa3\x81\x10\x1b }\x92S'</t>
  </si>
  <si>
    <t>b'\xb91\x01\xdc\x89m%\x96\x88o\x1b\x17\xb6c\xb7s?\x9cX?\xee\xeat/L`\xc35~\x16\xd0.'</t>
  </si>
  <si>
    <t>b'\xdd\x92l\xbc\xf6\xc3\xca\xe21M\xe39[3\x1c\x02C\xfa\xef\xe0f\xdd\xd7\x13\x1af\x14"\x84i\xed\x97'</t>
  </si>
  <si>
    <t>b'\xc8\xae\x97w\xebD\xb2\x0cJ\xbd\xd2\nU\x8d\xa5\n]S\xcd\x04IH8oU_\xc1\xbd\xf9\x17\xf2Z'</t>
  </si>
  <si>
    <t>b'p-N\x18:\x89\x12\xce\x17\xdcz\x8c\x8a\x119\xce\xc1\xe5\xa7(D\x8d\x1c0:\x93;I#\x0b\x802'</t>
  </si>
  <si>
    <t>b'\xe2 \xf7\xf2F\xf9\xe0\xea\xcc\x82\xa9\x18\x00\xb9~\xeaV\x19\x01\xf3\x18\x13dp5\x84\xdcd&amp;\xbar\xd5'</t>
  </si>
  <si>
    <t>b'-\x81\xf8|=VN\xea\x81A3\x83\x8e\xc8\xf3:P\xb3\x9aT\x86\x9aL\x81\x11r\x8c\xa0\x88X}&amp;'</t>
  </si>
  <si>
    <t>b'\xb0\xe0\x02\x1a8\x95\xaa\xd1\xcau\x89\xfc\xbcr\xbf\xdf\x13\xfb\xbb\xf3;\xf8\x14\x88\xc3,\x88\x06\x14pKk'</t>
  </si>
  <si>
    <t>b'S)VG\xd9\x96\x968\xcf\x9ccb\xab\xc6\x93\xf2\x9b\x7f"\'\xebM#\x96\xe4\x86&gt;?\xcc\xb6K\xf8'</t>
  </si>
  <si>
    <t>b'h\x82\x91\x16A\xb3\xa2y\xa6\t|\x1e\x06\xaa\x87\xf9b-\xb8f\x81tC\xf0\x06$Y\x9f\x1b]J\x04'</t>
  </si>
  <si>
    <t>b'\x19\xc8\x0by\xc7\x80/EVW\x00w\x0b&amp;\x94_\x170\xc2Q\x18\x1b\r\xee\xa2\xc4\xfcC\x02E\xb6s'</t>
  </si>
  <si>
    <t>b'\x1c\xd1\xc8(\x1b\x9f\xf6\x0b&amp;\x84\xb2\x0bRx\x8a\xdb\xc4v\n#[x@\xae\\]4\xcc\xe2\xae\x9c\x92'</t>
  </si>
  <si>
    <t>b'\x8a\xe4\xc3\xda\xaf\xdc}+\x98\xe5\xeeT\x89\xfe$\xd87\x19T\xc6?\xda\xe2\xa7\t\xe6\xfe\xe5p(p\xa9'</t>
  </si>
  <si>
    <t>b'\x8a$\xaa.\x88T\xc6\x94%T\x9c\x87\xe69\x0b+`\xedw!\x16\x98\xe6*\x9eJn\xbb\xb6\xb2\xcb\x92'</t>
  </si>
  <si>
    <t>b'w]\xb4.\xe3h\xa4o\xcd\xc9O\n\x06[\x01\xe5\xe1=\x94$\xf6\xa8R&gt;\xb1\x9d\x9f\xc4\xb3|\xe0V'</t>
  </si>
  <si>
    <t>b'\x1b9\x8c\xa9\xdf\xa2\xf7\xbaF\x9d\xff\xa5:\xbd\xa0|0\x9d\x0bB&amp;\x7fLC\x89\xec\xads\x8b!+\xb1'</t>
  </si>
  <si>
    <t>b"\xb4E0y\xa8\x0bQJ\xb4\x94B\xa0\x0b3*0\x11'\nu\xa6k\xbb\xc9\xc08*\x7fn\xde\xd6\xbc"</t>
  </si>
  <si>
    <t>b'&amp;&gt;\x86\xbaAe\\bVc\xa8u\xf6\xb0\xc9W\x1c\x13x\x1bq\xc6\x92Fl\x1f\x16\xc6z"\x0f\x9f'</t>
  </si>
  <si>
    <t>b'{Xz\x1eu$\xc6\t\xbd\x91.\x1f\xd5\xd5\xdbE\xde9.1s+\x9d\xfd\x85{8\xf4\xad\xc8\x81\xc7'</t>
  </si>
  <si>
    <t>b'\x1b3\x01\x9a\xb3z\xcf\xac\xa3]\xa4\xb4\xfb\xf7\xb7\x14\xf5R\xfb\xc9\xf7E`\x1b\x10\x05\x18\xbd\xb4y/\x0c'</t>
  </si>
  <si>
    <t>b'\x01V\xeec\xc9\x8a\xf6\x18\x00\x8f\x99\xeb\xfb\x81\xe4;b\xb0\x0c\xff9H1\x81A(\x8a_\x80\xd4\td'</t>
  </si>
  <si>
    <t>b'\xfd\x0e\x92u\xeb1\xe2\x80\xafz\x1a\x16Mt\xa1+\t\xe1\x97X\x9d\x9bI\xe8\x02\x08N\x9e\xfe\xe0E\xe6'</t>
  </si>
  <si>
    <t>b'\x81B\x05\xf2\\0\x8f\xf4\xae\xc3BHb\xce\xfc&lt;A\xb4\xa4C(\x1a\naD\x18\xcc\x12\xc4\xa1\xadx'</t>
  </si>
  <si>
    <t>b'K!\xf5j\xab\xfbf\x06\x8fQ\xa3j\xbe\xc7^\x1e\x0f\xb3}l\x05\xe0\xe6&gt;d\xf4\xa2\xddj\x83W\xef'</t>
  </si>
  <si>
    <t>b'\xa1\x00[\xc5=L\xc0\xe0\xbf]\x96\x9e3\x15?++\xbe\xb3\x88\x9a\x809\xdf7LO\x19\xcb\xf0\x90\xde'</t>
  </si>
  <si>
    <t>b"(\xf8\xc4\xd1\xe1\xb9:\xf0F\x89x-\x04i\xf2i\xa0'k\x9f\xfef\x14'\xe2\x92\x05\xd4\xbc\xb1~\xcf"</t>
  </si>
  <si>
    <t>b'TC\xa4$\xc9\xad\xbaa\x00A\x05T\x94\x7f\x11\xf1_n\x03\xd6mc\xa9\x95a~p.\xf6fIJ'</t>
  </si>
  <si>
    <t>b'\x94d\x87\xdb\xf3\xa6F\x1ap\x83\xd9\xd2\xcf\xf8\xc0\xe6\x96\xb9E0\x14t\xd5\xdd\xf7\x9c \xc6:\xfd;\xfe'</t>
  </si>
  <si>
    <t>b'iv\xa5\xd7k7a\xddK\xd3\x8c\x84\x14ap\xd5T ^\xda\xc8\x15\x14l6\tO\xca\x13\xf8Mn'</t>
  </si>
  <si>
    <t>b'\x8d\xb4\xadU\xd4\x16B\r\xbf\xa1WE\xb1\xb6\xbd\x1cV\xb3\xf8\xa9\x1e\xa1c]\xe3BO\xca\xee\x85\xe5\x01'</t>
  </si>
  <si>
    <t>b'\xe1\x85T\\K\x96h\x8f\xfeb\xcfIJ)\x0b[\x8a\xfdTB.g\x07\xd7\x8c\xae\xb3\nJ\xb0\x8a%'</t>
  </si>
  <si>
    <t>b'\xb8\xdd\xbe\xe8\xcdG\xea\xd3\x84\xb9\xa2\x17\xef\xf2\xa51\xc6\xbc6G\xd7\xd8]A\xb0\xa7\x85\xfd\x03{\x07\x81'</t>
  </si>
  <si>
    <t>b'E\xd1\xad\xad\xddx\xe7\xfb\xd2\xc4\xf7\xefgHiPl\x8b;\xd0\xc1\xf9\r\xcd-\xd3w]\x94\xab\\\xe0'</t>
  </si>
  <si>
    <t>b'A\xf6\xd5/\x98\n\xcf\xa4`On\\\x07-\xfa\x95\x8c\xd5\xba(\x1c\xe6\xdb\x81\xa0\xd9\xec\xc9\x91Xd\x1d'</t>
  </si>
  <si>
    <t>b'\x86\xea\n\xe0\xd1\xf9_\x1f\x90\xf3A\xbf\x07\xba\x11\xf1\x12\x90J\xf0\xa5\xa5\x8dM\x156\xeb\x1d\xfek\xd8p'</t>
  </si>
  <si>
    <t>b'\x85\x9e\xe9\r\xcdQ8\x98\xd2\x0eN\xb9\xa0X}\x14\xeb5\x98\xaa\x1a\x8e\x80\xca\xa6\xc4=\x1b\xa9k\xa19'</t>
  </si>
  <si>
    <t>b'\x05t\xef\x7fbn\xb4\xbf\x943\xf9\xb0\xb7+\x83\x1d\x9a2w\x84y@\xd5\x0be\x9b\xde\xb1Q:~p'</t>
  </si>
  <si>
    <t>b'\xf3\\\xd0W\x1b&gt;\xdb\xdc\x93T\x04\xfe\x07r\x197\xa8.\xfc\xf6\xbe\xf5\x81\xbb\xbf\xa1_5\x02W\xc2\x1c'</t>
  </si>
  <si>
    <t>b'\x10\t\x84\x99\xf3~\xebwK\xe7\xda\x10\xb0\x1d)A\x05\x98R?C\xf4\xb1\xb7E\xd7\x9f*\x01K(\x95'</t>
  </si>
  <si>
    <t>b'\xc8)$\xa0\x93\xcc\xe8r\xcd?\xfey\x1dg\xe4|\xa8\xd4\x16Z\xe0\x9a\xd5v\xf9\xdb\xaaTL\x9b\x14\xa8'</t>
  </si>
  <si>
    <t>b'&gt;\xc9y?\xcbb\xfd\x04\xb19\xdd\xff\x88|\xe6[\x00\xc7\xc5\x91S\x13\xc7\x06\x83\xc20\x7f\xe4\xe9\xd9Y'</t>
  </si>
  <si>
    <t>b"\xd8P0\xe2@\xe9\x03\x99\xa9'e\xa3C*p\x11\xd9\xc5\xae\x0f6 \x8b\xdf\xa5\x06\xea&gt;y\r\xe0\xde"</t>
  </si>
  <si>
    <t>b'\x01K\xe3\xa6\xbfX\x99\xf3\x9c\x81[\x83\xa5\x9c\x1bw\xf2\xbf\xbc\x18~P\x17e\xda\r\xb4\xc9\xd9\xd1\x90\xb8'</t>
  </si>
  <si>
    <t>b';m}\x9bry3\x12a\x9b\x07\x7fA\\;1`gi\xa3\xb1&lt;\xe8V\xac\x0c\xc7\xdd\x10\xecM\xee'</t>
  </si>
  <si>
    <t>b'\x81\xc1\x96\xb6\x86\x87\xd2\xady\xf6\xbf\x8c.\xae\x8c\x17d\xb7f\x17\x03\xf3\xb5\x8a\xe4/\x8c5\x0c\x9e\xe9\xc0'</t>
  </si>
  <si>
    <t>b'\x03\x9dX\xd2\x80rh\\\x9e\xbaLc\xeaDV\xf8B\xfc\xb0\x80\x84\xf9\x19V\xa0\x8e]+\x95E\xd75'</t>
  </si>
  <si>
    <t>b'fA\xfb\xa6\xa2DY\xfc\xb4BbI\x13\x8d\x12.m\x88J\xc7b\x7fP\xdc\xec\xd5\x84\xd6\x9e\xabZ\x8c'</t>
  </si>
  <si>
    <t>b'%\x0c\xddaE\xae\xb2\xd9\xeb&amp;\xfdo\xa5\xe4\xcd\xcb\xb1]^\x07Q\x15\xff"\x94\xe6\xf8\xf9?\xf7@{'</t>
  </si>
  <si>
    <t>b'\x89\x8c\x1el\x11z\x07\x1fj\xe3\xd4\x005\x16e\xb0\xe8\x8a,\r\xed[\x1c\x98\x89\x8f\xed\x18\x8d\xadq\xb1'</t>
  </si>
  <si>
    <t>b"eu\xc5B\xde)^\x93Hg*\xcc\xd5\x06n\x02\xce\xa5\x9b'\x9e\xe5\xb0\t,\x1b\xa5\x16\x89(j\xda"</t>
  </si>
  <si>
    <t>b'\x00\xa0\xb9\xff&amp;\xc8A\xf9\xb0\xce^~O\xdeg\x13\x82\xbf\x03\x96&amp;oT\xe3Rw9`\xb42R\xe5'</t>
  </si>
  <si>
    <t>b'oH\t\xf9{\x8d/=\x84\x97H`z\xc7h\xcd0\xc1\x9ez\xd2\x99\xc6\x90FbX\x01\x8c\x87N\xa0'</t>
  </si>
  <si>
    <t>b'\xb4\x10\xc1.G\xe9\xd4\xb2x\xd6\x8d\xaf8Db\xb7\xeb\x1c\t\xec\xefs\x94&lt;sM\xed\xde\xf8M\x0c`'</t>
  </si>
  <si>
    <t>b"w\xd2d\xdb\xa7\xae\xb6e'\x94\xf0\xabd\x07\xa4\xdc\xa0\xf0\x04K\xb8\x88\x8b\xc8\x00\x10WC\x07\x80:\xab"</t>
  </si>
  <si>
    <t>b'\xac\xa0\xfe\xea9%\xcc4\xb2I\xcb\x8a\xc3\xec\xddv\xed\x12\x9c;iQ\xfd\x160w\xdav&gt;\xb0\xb2\xa1'</t>
  </si>
  <si>
    <t>b'\x9b\xdaC\x9b\xbe\xaeG2\x07s\n\xa3\xeaW\xa0\xb1\x00\xcb\xb6\xa3[\xddT\x97=\xe4:\xf6\xf9\xfd\xacm'</t>
  </si>
  <si>
    <t>b'\x99\x8aT\x89\t\xc9\xe5\x91\xfdvr=\x1c*N\xd7\x12\xa1/\xda\xf78W\xaa\xf3\x92}\xa8Z\x18\x81_'</t>
  </si>
  <si>
    <t>b'-H^gd\x12\x87E\x82\x8b\xf4+\xfcB#"\xd0\x80Q\xb9\xccv\x03\xa9\x1d\xca\xda1![f@'</t>
  </si>
  <si>
    <t>b'\xb8\xe1\xc91\x1cg\n\xa3\xc7\x05n\xc5\x08\x88\xf7:Da\t\xfd1vgk\x13sm`\x88\x1dX\x80'</t>
  </si>
  <si>
    <t>b'\xe7\t\x11\x05\x14wy]Y\x97"\xb9\xf3\xbd\xe4\xb2&amp;\xeeg~\xb3E$\x0c\xff\xacd\x95\xea\x87\x01\r'</t>
  </si>
  <si>
    <t>b'I\x01\xd7SKY\xf5?y\x95\x89\xf3#\x84r%\xbc7%\xd0\x8a\xbdPlF\x14\x86Q\xb9|z?'</t>
  </si>
  <si>
    <t>b'\xcc\xff\x13[\xc0\xbf\xa3\xe5*\xcb\x16\x8e\xeb\xdcsG\x17\x9df\x81\xc8v\x86\xa1.\xffn_\x0f\xa28\t'</t>
  </si>
  <si>
    <t>b'Su\xf8\x1c\x8f\x99E\xbdz\x9a\xa0a\x1f\x19-h\xc8\x05\x8c\xb8\x10-\xf62\x81+\xf6O\xaa\xd9\x1c\x0c'</t>
  </si>
  <si>
    <t>b'j\x0b\xa9\xd28,!\xf0\xd6\xa39i\x16\xd7\xac\x9e\n\x8fLo\xba[\xfe\xbc\x0fy/\xda\x0cO\xc5\xdc'</t>
  </si>
  <si>
    <t>b'=&lt;6\xd0\x17\xd4\xd3\xf0\xa5\xf0I@Z\xae&gt;&amp;+\xc1i\xa5\x947K\x9c\xc0\xe0\xa8\x01=\xe5\xdfY'</t>
  </si>
  <si>
    <t>b'\x97\xe2\xc19\xbb\x02\xe4\xd6\xdd[*\xa8\xe2\xb0\xb1\x08\xc5*m\xb0h\x15\xc0\x96\xf6\xcc\x19\xa7\xb9\x04\xb63'</t>
  </si>
  <si>
    <t>b'+Ji9\x1d\x9cm\x80\xf4\x9ft"m\xb4\xe1\xf0\x82\xd4\xa6\xc4\xd7`\xba\xfaJ\x0b\xb3h\x86l\x15\xc3'</t>
  </si>
  <si>
    <t>b',N\xcasQ\x1d\x80\xff\xb7\x844\n\xd3\x9ec\xed\x9e\x92\xd0Z\x01\xa0\x88\x9a\x90\x0f-M\xa6\x91\x82\x03'</t>
  </si>
  <si>
    <t>b'\xee\xf0a\xf2\x08\x07i\xe9\xb6\x91\xfa1THm\x9f\xba\xe6\xf8Rf\x0c\xaa&lt;\xd1\x1f,\xe53v7\xd4'</t>
  </si>
  <si>
    <t>b'\x14\n\x0f\xbd7\xf1\x06\xe9\xd4q\xb8\xe2\x054,i0%\x91\xbe\xa6\xee0\x13JH\xe6\x9c\x9d4\x92\x93'</t>
  </si>
  <si>
    <t>b'~\xbe\x9c\xfc\x7f)\xa62\xd4\x7f\xaeT\x1a\xc57\xa5\xee\x1c\x8b6\xa9\xdc?\xd6\xb4\xf3pyvS$\xaf'</t>
  </si>
  <si>
    <t>b'\xe1\x15+\x0e4\xb4yd\x0f\x13\xaa\xfeRi\xb4\xe6\x9d9\xb5e\xb8/\xe8h0\x7f\xca\x89\xb5\xc1g2'</t>
  </si>
  <si>
    <t>b'\xa3\x95\xe5h\xe7\xa3_\x8a\xea\xa2\x01\x82\xfa\xb3Ey\xe7\xb9\xd1@u\xd5\x1d\x1exl\x91\x90W\xa7g\x02'</t>
  </si>
  <si>
    <t>b'$\xd8\x88Z\x8dA\x13h\xd6P\xd1\xa2\xf5\xc6 \x19\xf9\x86\xe8\xed\x0b\xcb\xaa\x17\xc4\xf3G#\x8bL\xf0\x12'</t>
  </si>
  <si>
    <t>b'\x8f\xe0\r8f\xc2{\x92\x06\x872+\x9ad\xcf\n\x1b\xd1hU\xbc\xdeI\x8cl\xbb\xa2p\xdf\x02_\xdb'</t>
  </si>
  <si>
    <t>b'\xcc\xe3\xb5\xe6th\xe3j5\x03\x93\xe3\xe3\x9b\x8a-&amp;\x7fNF\x8d\x9e^\x14\xe6\x18k\x18[b\x12\x12'</t>
  </si>
  <si>
    <t>b'A\xbf\xd2\xb0}\xebH\xe1=\x99\x89qX\x837UR\x1d&lt;\x07^]\x81(\xf6\xbae\x7f\xef+\xa2\xdb'</t>
  </si>
  <si>
    <t>b'%\xb2\xd01BC\xbb\xba\x8d#\xc3Q\xcf\xdb5|\x88\x12\x08E#\x1b\xdd\x00\x10y\x0e=\xa4\x0e/\xc2'</t>
  </si>
  <si>
    <t>b'\xdb\xcb\xa46T\x9e\xc4\xbb\x86\x0b\x13\x0c\xde\x98\xa6^eN\xf8\x90\xdcj\x9ca\x9f`{\x91\x0f\xd5\xdd\xe4'</t>
  </si>
  <si>
    <t>b'\xe0@\x06c,\xe3\xd4-aFj\x94\xd6\xe6\x19\x9c\xa3\x93\xce\xbb\x83\x04L~i\xadj\xf5\xa3\x9b\xf1\x07'</t>
  </si>
  <si>
    <t>b'\x9a\x8e&gt;A\xca\x8e\xa5\x9ax\xc0\xf2\xcaT\xf1"\x9f\xf0AY\xc7)\xee{\x8dE^\xafsr\xb4\xafT'</t>
  </si>
  <si>
    <t>b'\x88p\x9ff\xb5\x7f\xcf\x19\xcb\x11T\x85\xa9\x1ai&amp;w\x89\x83o"\x04\x0c"{\x1b\xbfA!&lt;\xfc\xfb'</t>
  </si>
  <si>
    <t>b'\xa8\xa4\x07W\x8f\xe1A\xf2\xa8\xf1\x9e\xd6A+2\xd6%b\xa42\xefw\x9b\xc2\xe6\xbb\xa4P8\x07\xfa\x87'</t>
  </si>
  <si>
    <t>b'\x0bS\xfd\xc4\x87\xa7\xb3k\xbeh\xf6\x8f[ \xe3\x14\x82qp\xde@@\xe7\xd4.\x84\xfb\x16J\xe1y\xfa'</t>
  </si>
  <si>
    <t>b"\xa5q\xd7\xbd@\xa2\xb2'\x1aYe3\xf7\xb5\xd7\xcb\xec\xdf\xe7\x98\x90w\xd4\xe8\xd2\xeb\x12\xa9\x00\xdf\x83\x87"</t>
  </si>
  <si>
    <t>b'\x8d\x1e,\xe4\xc3\xadg\x14\x93\xcd\x9a\x98\xe9\x87\xd4x\x9d\xde\x19\xe9\xdf\xa0.\x18\x86\x9e\xca\x06\x04Z\x97\r'</t>
  </si>
  <si>
    <t>b'2Le\xed1\xd4\xd3*\x83!\xcd\x86ec\x06\xa4s`\x9dI\xc9\xf6\x1a\x91q\x85YE\xdb\x0f\x87\xaa'</t>
  </si>
  <si>
    <t>b'\x1fUvn\x05\x92\xbc\xbe_\xbd?tv\xe8\x03\xae\x19\xb0f\x91\xb0\xa7\x89qv8\x93\xb1,\x1f#\x87'</t>
  </si>
  <si>
    <t>b'\xc6{\x85\\\xadjN\xc0\xf2n\x95\xe9\xc5\xd9@\xcb\xd8\xe2B\xc9H\xd3?aK*\x7f\xc4e\xa2\x97@'</t>
  </si>
  <si>
    <t>b'\xd93\x16_7\x97\xa4\x92\x88\x19\xb8\xceDN\xf7^\xf0H\x0bAs\xec\xc7\xeb!\x8c\xd6F\xc4\x0e\x8f\xd9'</t>
  </si>
  <si>
    <t>b'\xa6\xd7\x83\xa6\xfc50N\xec\xce\x80-\xe4\xa1\x86\x90\xf7\xa6@\x1d\x90\xb1,"1\'\xe0jH\x9f K'</t>
  </si>
  <si>
    <t>b'\xcbg,\xaf\xdb\xf1_\xf2]\x1d\x9b\x1e\xed\x05fw\xa7\x1d\xe9\xfeW \\\xb3T\xa6\xccN#\xe6H\xc4'</t>
  </si>
  <si>
    <t>b"'rLM\x0eE\x81\xb3+\xed5[\n\xc7\x1b\xcf\x0b\xed(\xe1\xaeN\xd1\xb3\xed\xca\x1dpJD\x89\xbb"</t>
  </si>
  <si>
    <t>b"\xed\xe6\x89E\xe0\xe4\xdf=\x122[9\xbf\xd5\xcfl\xaa1\xac\x1b\xb8\xd0\xcc_\xce\x0e\x80,\x94'\x08\xb5"</t>
  </si>
  <si>
    <t>b"\x81\xdc'\x11(\x12\xbf$\x8b\x9b\xdf\xa8.*\xb9\xeeTr5$\x9b\xbeo\xc2U\xc7 f~\x1b\xac\x1b"</t>
  </si>
  <si>
    <t>b'\x81e\xfc\xdf5\xc9\x8e\x97\xfe\xf4\xf0\x7f\xbf\xd1\x95\xde[5\xdf\xfaT\x9e\xeet\xff!\xbdO\x16\xc40H'</t>
  </si>
  <si>
    <t>b'\x9f\xbdD&lt;j@x\x0e\xf8\xa9\xc2}\xe5\xcb;1~\x8f\x13M,3 \xf3+\x89_\x07Z\xae\x02\x14'</t>
  </si>
  <si>
    <t>b'p\xbf!D|\rI3&gt;+L~\nP[\xca\xf6\x8e\x08\xef0?vr\x9f\xed\xe5N\xe65c\xcb'</t>
  </si>
  <si>
    <t>b'8\xe7\xb0\xfa4_\x96\xe5\x1b}h\xd8\xef\xc0bh\x81`3\x02\xedc@\x8d0\xa2Z\x8f\x1d93\xd6'</t>
  </si>
  <si>
    <t>b'\x80\xac\xd3of\xcc\xffF\xb6\xbc\xca\xb7$\xee\xcf\x9eI\xc8\x9bT\x82\xa1\xcf\xa4\x1b\xf5\x17"\x0f.\x85\xc2'</t>
  </si>
  <si>
    <t>b'\xf3Z\x11\xd6[\xb3\xa5\xee\x8a\xcd\xb3e\xef\x11d\x8bB"\xfd\xe1\xdf\x935\x8b\xd0\x17v|yxRj'</t>
  </si>
  <si>
    <t>b'\x020"\x15\xcd\xcffT\xf3&gt;\x84\x18\xe6\x11\x17u\xcbi\xa4\x06\x00:\xcc\xbd\x83\xdc:\xadw\x0cq\x87'</t>
  </si>
  <si>
    <t>b'\x83r\x17\x8a:\xa1\xad\xaegD}\x9d\x19\xb2J\x94\x0b\x83\xcd1\x15\x83Dt\xa8\xabh\xf23W\xb7\x81'</t>
  </si>
  <si>
    <t>b'\x9eu"\x91\x7f\xe3\xe6\x9d8;\xc9\x1d\xf5\x15\x15\x92!A\xef\xe3\x87\x99\x17@\x9di\xb0c\xa6/=y'</t>
  </si>
  <si>
    <t>b'e\x00\x18Q\x97u\xa7\x15e\n\x84\xf5.UZ\xae\x12\xce\xfdSh\xa0A\x0f \x97\xfcec\xde\xf2\xd9'</t>
  </si>
  <si>
    <t>b'\xbej\tL\xa2\xc3\x05+\x11r\xc2\xfa[\xa5\x85,\xfb\x87q\x16\xeb\x9b \xac\xe3\x7f\xd6\xbb\x82\xd4\x9cT'</t>
  </si>
  <si>
    <t>b'ki\xc8\xc7\xa8\x89\xee\x13\xdf\xbc\xbd\x8c\xc6\x94\x8e\x08Ng\x19\xbf\xcd96\xbd\xe0\x9f\xc8N\xa7\x14a\xe4'</t>
  </si>
  <si>
    <t>b'\xe0\xe3\n\xf2\x0f\x95\x1d\x1d\xaa\xae\x90\x84\xcf\xff1\x87$&amp;Ec\x9c\xec\xf1Pr\x0b\xfe\xda\xed9\x03h'</t>
  </si>
  <si>
    <t>b'\x85\xc4\x94\x9a#3g\x7f\x8ew\xf3\x0c\x9c\x913\xf7\xfeg\xf79\xa0\x8bi\x1c\x91\xd3\xfe5\x83\x81\xd5\xd1'</t>
  </si>
  <si>
    <t>b'\x8b\tl\xee8\x97\xfc+]\xf3\xea\xacJ\x18I&amp;\xbe%Z\x10{r8\x8b/@DO\xa9\xb9b\x1a'</t>
  </si>
  <si>
    <t>b'x\x17\xa4\xab\xee~\xc6\xa4t\xfcz\xe3\n\x80\xac\xdb\xfc\xbf\x7f\x05\xb7\x83\n\xf5V\xb8\x11Y-\xd4b\\'</t>
  </si>
  <si>
    <t>b'3\x0fF`\xd56 0l\xb0\x8b\\\xff\xa1\xa8\xc5\x8b\xe9\xd2A\xbb\xe7\x91d\x18\xd6.\xe9\xcb4\x9c\x91'</t>
  </si>
  <si>
    <t>b'Z~\x9f\x87\x87Q\x1f\xcd\x13\x90\n\xd9m\xf99\xfem\x99&amp;\xcd&gt;%2\x06\xb0\xc6\x07P\xf6k\xa3\x89'</t>
  </si>
  <si>
    <t>b'\xdcR\x81\x81\x7f\xf2\xa9\x83(D\xfa\x92\x8c9\xf0gz\n:\xcf\xc83Q\x9dn\\F\xca\xe9\xe0\xc6Q'</t>
  </si>
  <si>
    <t>b'\x93Z\xd3\x00\x13\xadO\x10\xaci\x13s\xb3JH;$\xf0\x90.\xffn\x07\xc5\x0b\xcb\x80A4\x00cA'</t>
  </si>
  <si>
    <t>b'\xed\x16\r\xffq\xe8\xa9D\xb9&amp;\xe8\x15\xe6\x14\xb9\xe0\xe9\\\xc1\t\x7f\xdb\x8d\xe3N\x19\tbu\xf8%\x9e'</t>
  </si>
  <si>
    <t>b'\x1f\xecK\x84\xc4\x91\x1b\xe7\xb9\x7f\xe6\x1a\xc9\x0e\xa5\xd2\xe0}6m\xdfkB\x02V+X|%\x94%\xcf'</t>
  </si>
  <si>
    <t>b'\xf6\xe1\xb6\x08O\x1bm\xa0\xc0\xa5LB\xaa\xd4\xe2\x0b\xc6P\xc8N\xa0;\xd7g$\xce*C\x98\xeb&lt;\xce'</t>
  </si>
  <si>
    <t>b'J\xa8\xf4%zqT\xff\xae\x13]rh\x14[\xeas\xc9\xa5]\xdbk(\xf0\xa4\x8c\x89\xfe\x96\xbb&lt;y'</t>
  </si>
  <si>
    <t>b'/\x03\x93\x0b\xd6\xb7\xf8\xa5\x16\\M\xb7\xf7a\x19\xce\x0e\xcb\xc6\xb9`\x05\xf0A\x83\x98Z\x18\x0er\x11-'</t>
  </si>
  <si>
    <t>b'\xe9| \xc8\x1a\x8f\x04i\xa3}\x02K0\x02\x9f\x1e\xbeb\x19\x8crU\xd0\xf4\xd1e\x00\x8dN\xfd\xb8s'</t>
  </si>
  <si>
    <t>b'C\x01\xe3\xc8;\x12)\xae\xeaX|\xd9\x18\xe5\xab\xb9c\xf2%\xe0pi#\x0b.\x96\xda\xf9q\x98\\r'</t>
  </si>
  <si>
    <t>b'\x11\xc83\\\xb3\x87\x8f\xa44\x16\xf3\xadL\x9f\xb2-\xd4\xf4\x0f\xc7\x9e\xb0\x00\x8c1\xbfw\x97B\xe3\xbd\xd6'</t>
  </si>
  <si>
    <t>b'\xa0\x0c\xef\xad&amp;\xbf\xea\x10\xdb\xfeT\x1e\x15g\xb5\xe2\xe3\xb2\xe9xi$\x7f\xdb\x9e\xbc\x1cw\xc7\t\xc8\x92'</t>
  </si>
  <si>
    <t>b'\xdft[\x19\xa2m\x04M\x95\xcd\xfeM\xbbB\x1eI*\xe4\xfe\xa0\x9e\xc1Y\x8b\xe8\xf4\xfd\xbe\xab\xf4\xa2\x1a'</t>
  </si>
  <si>
    <t>b'\xa3\xb8\xda;\xff\x97\x8d\xdb\xe9\x13\x10\x95\xaa_\xdd\x93\x0fI\x83\xe0\x16\x13\xb2![\xd5\xd9\xb6\x81\xa7jq'</t>
  </si>
  <si>
    <t>b'\x82\xe3\xe2Xp\x97W\xc1\x8f\xca iW\t\x1e\x9fm@\x1d\x9d\xf9!\x7f\x7f;7/y\xc6\xbeg\xb5'</t>
  </si>
  <si>
    <t>b'\xf2\xd4f\xa0k\xbe\xad.j\xb9(\xa0F\xd5\xe6\xe2ych\x07I\xe0N`\x16\x93\x12\xed\x08!\xad\x0c'</t>
  </si>
  <si>
    <t>b'\xf6r~\xf9/R\x1fo\xe7[\x12.\xcb\xc2$&amp;|\xcd\x801\x82L\xcc\x833T7\xab\x0ce\xe7\x11'</t>
  </si>
  <si>
    <t>b"'\xe3@y\xc1\t[\xfb\xd1\xa7\x0b\xd1\xe8\xd6\x88$\xa8}\xe6\xf9L9|i\xb2F\xfe5e\xe6\xf4V"</t>
  </si>
  <si>
    <t>b"9\x18\xefcB\xacK\xc3\xc9u'\xbe8\xdb\xae\x11%`I\x9c\x94\t\xde\xda\xdf:\xb0\x0c\xfc\x93\xeb\xbd"</t>
  </si>
  <si>
    <t>b'K\xc1/\x05\x96\xf23]\x82m\x9d)ES\xd0\xa0\xcbz[\xb7\xf3\xe6\x9a\xb3\x0e^6r\xce\xf6h\x96'</t>
  </si>
  <si>
    <t>b'\xf2\r\xedl\x95&lt;\xd6\xba\xb5~\x0f\xdcL2\xc3\x86\x06\xecb8)sQ\x9c\xb5\xd8\xc3\xb0\xf4\x17\x96h'</t>
  </si>
  <si>
    <t>b'\x10\xfc\xb5R#\n\x07&lt;7\x96\xd5g\x9c\x18$\xb1;\xcb\xf43f\xb2|\xc4\x9d\xdd\xfe\xc8\x18\x06nQ'</t>
  </si>
  <si>
    <t>b'\x88\x8f\xda+\xcbH@\x83*\x9c\xf2TP\x19\x98T\x0c\xdb+\x0e\xbdZ\xde\x13NW3cb$j\x10'</t>
  </si>
  <si>
    <t>b')\x00\xca\xa0\x9b?\xe4\xc2\x11\xf2\xec\xf5\x8d\x11z\x07\xc5\x8aOp\xa4\x96\xd5\xa7\x81\x81A \xc3h(\x10'</t>
  </si>
  <si>
    <t>b"\x96m\xb9\t\x83\x90\xb0\\\xaa\\\xd1\x007\x05&gt;\xe9\xf1\x14\xf7n\xa6w\xe2'\xca\xd4F\xa1\xdd\xa6\xa54"</t>
  </si>
  <si>
    <t>b"\x1e\xb9\x90'\xc4\xb2\x06oy\x86\xbd\xe6Ir%qQ\xb8\xeb\x92\x01\x88p\x96\xb1\xc9\x1f\x8d\xa5:N\xbf"</t>
  </si>
  <si>
    <t>b'!\xa1\xd7,\xdb\x0f\xf7E\\\t\xe948#(\xea\xcf\xc14\xd6\xf54#\xe9\x05E9u\xc0F\x025'</t>
  </si>
  <si>
    <t>b'\xf6\x87\x98\x08\x1fd\x88\xad\n\xd3q\x05\\\x0c\xd12\x11\rO\x15\xb3\x98Q;,\x06(\xb2\xa9\xa1\xc6B'</t>
  </si>
  <si>
    <t>b'\x8e+4\x9a\x86\x03r\xc7w\xefA~\xf5xj@u\x1bU1\xdd\x9f\x91\xc2;\xee7\xef\x042\x85\xf9'</t>
  </si>
  <si>
    <t>b'O\x9f\xebIh\x1d"I\xd2\x01\xef\xf9\xde\xe4\xcb?S\xee\x06\x8c\x1e\xe07\xf1\xce\xd9\x85\x19\x1a\xf6\xc7J'</t>
  </si>
  <si>
    <t>b"%\x92\x84\xf0'\x85:\x93\x81vL\xf7\x0c\xa4A\xc5p\xe0\x06\xac*m\x8e{\x9bCvN\xef\xdd\x1f)"</t>
  </si>
  <si>
    <t>b'\xf2\xa4\x1e\x9c\x9d\xf9\xe9\x07[u\xd4\xbc\x1e\xcd\xfa*\xd613\xf2||\xd0\x92*V\x89!\xf7T\x0eV'</t>
  </si>
  <si>
    <t>b'\x13uc\xd4\x07a\xc8\x99\xb2Ar3#k?\x06:|\xa8\x7f\xb7\x08\xeel\xd6\xe3?\xed\xcem\x9e\xb4'</t>
  </si>
  <si>
    <t>b'\x15iB\xcf\x05\x88\xd7\x9dGm\x89\xd5\xbet\n\x9eW\xe7i\xe0\xd4w0AC\x0e\xd2\xcc\x07&gt;\xd9\xc7'</t>
  </si>
  <si>
    <t>b"\t\xc2\x8e;\x1e\xc7\x81\x05/\xb0\xa5\xb1Q\x0f\xa1\x1f\xd8\x86\xfe\xf1\xbb\x8b\xd7\x8a\x84\x13'\xe8\xf0|h\xcd"</t>
  </si>
  <si>
    <t>b'\xe9\xfc\x90\xeb\xdc\xb6\xca\n\xd8\x1bD\x108P\xe5\x8e\x83\xda\x916\xa4\\:j\xf1p\xda\xbd\x16\xe2&lt;K'</t>
  </si>
  <si>
    <t>b'\x8b\x8d\x9e\xf7k)\xf1\xd30:\xe2\x1ck\xd8\xceuo\xa8v\xe7DQK\xe9\xd6_\x81\x175\xa9\xa4\xa4'</t>
  </si>
  <si>
    <t>b'X\xd6\xa2p\xce)\x18[&lt;\xeb1\xbc\x9d\xbdd\xe0\xe1G\xdb\xdb?\x9b\x97r\xc3\xe0\x107\xfe)\x08n'</t>
  </si>
  <si>
    <t>b'f5\xbf\xfc\xe4\xe8J\x1dk\xea;L\x86\x81\xc1\x87\x14,\x9fD@$[[\x0e\xefK\xa3\xab\xba4\xeb'</t>
  </si>
  <si>
    <t>b'Ny\x855&amp;\xd4&amp;\x17\xe6uD\xcb\xa6\x90\x97[T\xd08\x9d\xe5x\x0c\xafev\xcf\xcekz+z'</t>
  </si>
  <si>
    <t>b"\xb9]Yib\x06\x1do\xc6\x17\xe72P\xfcA\x0c-\xbf&gt;\xc0Po\xc1\xb9P\xa3\xac\xaa'\xf5}\xd2"</t>
  </si>
  <si>
    <t>b'\x15\xe06v\xb0\x9f\xa3\xafdr\x8c\x9a5Shji?\x13~\x03e\xb7\xf9\n\x9f\xd4Ss\xd1\n\x01'</t>
  </si>
  <si>
    <t>b'\xe9A\xdfLe%\x8be\xady\x7f\x84z\x840\xd0&amp;\xd0V\xb8@nh\xb0\x90e\xb4@M\xafI\x86'</t>
  </si>
  <si>
    <t>b'DU^\x8c\x96\x15v1\x0e\xcb\r\xa1\xb8E0\xf6\xca\xc6IL\xa4\xf09\xe4\xe6\xff5\x1b\x96\xa5\xb0\xe2'</t>
  </si>
  <si>
    <t>b'\x80\xebV\xcd\x03V\xd0\x9dM]\x92?\xaf\xbe\x1ag\xdf\x16\x84z\xe6E\xb3L\x04\xf9\x96\xd51H\xb8f'</t>
  </si>
  <si>
    <t>b'\xaf\xdb\x16\xc1\xf5 i\xdf\xc9\x87\xdf\xae\x8f.\x91wG\xef[\xc3\xa1\xc2\xd2\xc7b\xf4!|`W\xf2X'</t>
  </si>
  <si>
    <t>b'#\xa2\xefot\xean\x1f\x15jS\xaa\xe4\n\x92\xbb\xfet\x7f\xd9\x8b\xec\xd1\xfaO\xf7\xde\xb9i\xc5\x90\xf1'</t>
  </si>
  <si>
    <t>b'n\x1a\xd6\x11\xfc\xae\xcc-\xf5\xbb\x10\x92V"d+\x1d\x8e\x16\xfcy~\xd0\xfc\x13\x9c\x81uF"\x14d'</t>
  </si>
  <si>
    <t>b'\xef\xe2\xd71x7=j\xe9\x99,\xf0\x1b\nx\xbe\xd0\xd7\xbe\x83M~\x9e\xe3\x1an1\xcb\xf1y+\xe2'</t>
  </si>
  <si>
    <t>b'\xd9"\x92\xc9\x91U\xf1&gt;\x0fe5j\x88a?d\x184n\xb2I"\x99\x0f\x05\xbb\xd0\xdc\xb2(2M'</t>
  </si>
  <si>
    <t>b'L\xbat\x0e\x1f\xb5,{\xc4\x88^\xf8Df\x18\xd0\x1a\xda\xa2\x84\xe8\xe9\xd9\x9cPU\x1b\x11\xec\x05%q'</t>
  </si>
  <si>
    <t>b'\xc3\xfb\xce_\x16\xec\x0cl\xa5\x87\xf7\x0cz\xd1\xc0s\x99XJ\xd2;\xb4Q\x17\xa5\x19\xd9\x1e\x1dm\xaaN'</t>
  </si>
  <si>
    <t>b'`\xca\x83\xfd\xc1I\x1fnwh\xc4\x02p\xd9\xf5\xcb\xfa6\xf04\xc6\xde\xdf(g\xdcOE\xfdQ\xe1\xbf'</t>
  </si>
  <si>
    <t>b"gv\x0c\xcc\xa2\xb6\xf9\x8c\x1b\xaf\x8f\x15'_\x16\xdb\r\xa6\xbe\x8d\x0e\xe4\xf9&amp;\xf4\x9cv\xd7\x95\x92\xc5\xcf"</t>
  </si>
  <si>
    <t>b"\x1d\x94\xfc\x82\xe8p\xd5\xad\xcblX\x12Z\xe8X['ev#\xd2^\xc3J\xd1\xbc\x15\xf4\xf7\x88\x18d"</t>
  </si>
  <si>
    <t>b'\xb7\x94\xf29\xda\xa7u\x06A O\xd0\x19\x15B\r\xb4\xe8)\xe7k\xeb\xf8&lt;\x01\xb8,\x17\x9dK&gt;\xb4'</t>
  </si>
  <si>
    <t>b'7\xdd\xceJq\x1fx\\K$\x11\xff\x17\xc6#\xf1\xad\xc1\x87C\xaf\x16q\xae:\xdf\x8en\xd7n\x1aZ'</t>
  </si>
  <si>
    <t>b'\xed\xda\x05-\xf4? O\x13\x9c\xfa\x89\x99\x10\xfe\xdc\x87\x0f\xd5\xc2\xd7\xa4\x92\xf8\x01\xe2\x16\x1ek\x9b\x17P'</t>
  </si>
  <si>
    <t>b'Y\x84\x1d!*\x13Y\x04f\xdeK\x15\xc3ohT\x1d\xea\x0bi\x00\xa9\x8b\xd149\xaa\xd0\x06\xc1\xd4\xd2'</t>
  </si>
  <si>
    <t>b'\x85F\xec\x06\xb9\x160]w\x0c\xf9\x88f\xdd\x92\xfa]\xa4\x7f\xa9\xb6-6\x8429\xdc\x02W\xa6\xf9\x9b'</t>
  </si>
  <si>
    <t>b'\xa4-\xa3p%\xd2\xd9\xf0\x04\xa9\xdd\xea\x80Q\xa3\xcdQ\xfeP\xd1c\xa8\xbb\x88\x8bY\x8d\x94/\x91aW'</t>
  </si>
  <si>
    <t>b'\x1f\xcc\x89]\xa6o\xa16\x14\xc5\xcfV!\xb3\x14\xd9\x0e\x13\xc2\x8f\t(~\xf9$w=\xf6Y\xae\xa1\x97'</t>
  </si>
  <si>
    <t>b'\xe3\x10~A\xd8\xb6"o\x03\xcf\x06d\xbd\xde\x17\x01x9\xa3\xb0W\xef\xcf\x92"\xf2\'\x1cW\xb6\xe9\xa4'</t>
  </si>
  <si>
    <t>b'z?o\xaa/\xd0]\x1eE\x99&amp;}9\xbe\x8ef\x9d\x16\xf3\x96\xd0\x06\xb7\xf7}T\x18\x06\x94`&lt;\xf5'</t>
  </si>
  <si>
    <t>b"\xe4\xf0\xa8\xfa\xba\xf5\x80\x9b\x9fl\xc1ox\xdc\x14\xe3\xd8A\xa2\xcf\x02&lt;%\xf0'\x1d\x17\x0e\xc7\xc2E\x98"</t>
  </si>
  <si>
    <t>b'\x06\xaa\xb8]&gt;^\xb0\xc5\x9a@\x05~\x85d\xc4Z\xafs\x1b\xd4`$YC|\xb2\xea\xa5C\xf2\xbaN'</t>
  </si>
  <si>
    <t>b'\x0f\x1b\x90\xff\xf5\x16\xa0J\x12K\xe7\xac\xd2\xdf\xed\xce\xeb[\x043\xf3f\x9e{\x9e\x8b\xa7m\xfa\x94\xda\xb4'</t>
  </si>
  <si>
    <t>b'H\t4\x1f\xeb\xe3\x16\xf8\x8c\x84D\xe5"\x7f\x96P\xfc&gt;\xee\xad\xcdh\x8d\xa4S F5\x8e\xd9\x83\xf3'</t>
  </si>
  <si>
    <t>b'\x87\xf5w\x16l9\xd1\x82\xd2~\xd0T\xbaZ~\x84z\x96\xf1\x8e\x1c\xb6E\x14%\xa0F\xe8\xf5R\xc7\x0c'</t>
  </si>
  <si>
    <t>b'%\xb4\xff={bR\xe6\xfd\x01\x1c\xbdz\xd9i\x93FN\xe3\xe8i\xdcdO\xa0\xf9\xf2\xcb\xf8\xfbIW'</t>
  </si>
  <si>
    <t>b'/\x0cRi\x84\xcc&lt;\xaf)\x1c\xfal}\x11\xda\xf7~\xfa|y\x1b{W\x82\xf5\xd4\xc5\x1c\xa7\xbe\x13\xce'</t>
  </si>
  <si>
    <t>b'\x19a\x9e8.\xe5\xa4\xcd\x08\xa4\x91\x01\xf7\xd9h\x13S\xbe}3\xb4G\x18yk\xdf\xd94\xdeV\xf1\x9a'</t>
  </si>
  <si>
    <t>b'\xd8\xa0\x9b\xb1 \x8cgxT\xd3J\x1fg\x89\xef\xaa&gt;4\xa5\xab\n\x15X7\xd9\x0e\x1f\xbcB\x82+)'</t>
  </si>
  <si>
    <t>b"W\xe8\xf9F\x11\xc3GE\x92\xd1\xe5;h\xd2'\xce\xdd\x94\r\xdd\x15\xa7\x12x\x8a\xa7P#\xa3\x95\xec\xa3"</t>
  </si>
  <si>
    <t>b'wR\xff]\x02(\xee+\xa4\x00\xfd\xd8\xc65\xfd5_\xe8\xcd\x06\x91"\xad9\x0c\xbc\x88:":=I'</t>
  </si>
  <si>
    <t>b'\xaf\x03\x1b\x0e\xa9\x05:\xdf\xa1\x85\xfc-\x1f\x0b\xd6\x84\xfa\xc8Wfs\x8d5\xfc\xd2`S\xce9\xaa\x18#'</t>
  </si>
  <si>
    <t>b'p\xa6\xe0E\x9d&amp;pt\xfa=\xe6\x97\xaa\xaf\x18_s\x00+\x90\xe3\x95\x01~\xd7\xe2l1/a\x9e\xad'</t>
  </si>
  <si>
    <t>b'!A6\x9d\x91\\{gX\x85\x12W\xfc*\x90\xf0\x89%\x86\x91DU\xc1Aa\x18\x1b?\xad".\x9f'</t>
  </si>
  <si>
    <t>b'\x8a\xe3y\rUU\xc8/F$\x03b\xa4T\xa5\xab\xc80\xf18\xd24\x8a,\xc48\xd53\r\xe59\x1f'</t>
  </si>
  <si>
    <t>b'\xd3\xcc|t\xf5\x12\xe8\x02\xfd\xf1\xd27[9\x15FQa7\xdf\x053\xe1\xdb\xad9\xa7T\xbf%SI'</t>
  </si>
  <si>
    <t>b'\x8aw7\xf2\xa8\xdfXg}\x99\x19K\xac\xa9\xcaE\x9e&lt;\xcf\xb90G\x8e\xce\xd5(\xb0\xcf\xff\x00\n*'</t>
  </si>
  <si>
    <t>b"J\x87\x84A\x9ap\x84\xbd\x02M\t\x82D\x1e\x9c\x96\xa7\x02;\xbe\x87\x87_\r\xab6\x03,\x11'K\xe3"</t>
  </si>
  <si>
    <t>b'`\nEY}L,\x16\xfah\x10\xf9\x9f\x87jc\x0eMG._.=\xf4\xe0\xee\x05\x9fh\x03y\xd4'</t>
  </si>
  <si>
    <t>b'\x8bZ\x1a\x93A\x1e\x89\x0e#\xeaA}p@@\xc5\xe4\xd38\xf9`\x9b\x8a\x88S\x1d\xbf\r\xbc\xb8y\xab'</t>
  </si>
  <si>
    <t>b'\xbdw\xcf&gt;\xddKs\n\xbfR&gt;\x91\xac~\xcd\xe1\xb8\xbft\xa2\xb9\xd1\xe9\xa9V/\xb4\x13\x03\xdf]\t'</t>
  </si>
  <si>
    <t>b'\xc5\xe2\x97yAx\x1b\x1a\xbf\x15\xc3\xe39`G\\r\xf3\r.S\xfdk\xc9\x1fT\xe45\xab\xf5\x11z'</t>
  </si>
  <si>
    <t>b'ts\x7fhw\xd5\xa2\xc17\x9e\x88\xa8\t\xd7\xde\x9d\xb7\xca9\x9c\xb3\xb5\x9aN\xbc\x06\xb3!\x99#h?'</t>
  </si>
  <si>
    <t>b'\xff,-!y\x87XD\n\xc71\xbeq\x8f\xdc*n{\xa9\x80\x9f\x8a.R\xa4\x12\x00\xaa\xf5_\xac.'</t>
  </si>
  <si>
    <t>b'\xb0\xfe\xef\xc0\x94u\x7fA\x0bo\x81\xf1\xe1\x9b\xbf\xd6\x90Kg\x84\xa5R5k&gt;?\xad\xc1\xfdN\x05\x89'</t>
  </si>
  <si>
    <t>b'\xac\xcd\xf7\xe0s\xa0\x86: \x86\xaa\xdf\xb4\xeb\xe1\xba2D!:&amp;\xb6\xb7\xcc\x8a\x9fma\xcc\xa9\x99t'</t>
  </si>
  <si>
    <t>b'\x80\xc7\xc9\xae\xe1\x82g\x12w\x96\xc1\xf5\x0b(\xa8\xa1\xc4tI\x02;\xe8\xc1G\xce\x17?R\xea`\xfeb'</t>
  </si>
  <si>
    <t>b't\xd9\xb2y3\x89E$n\x1d\x8b\xd4\xdf\xb1\xc9[\x85\x1e\xed\x04\xea\xeb\xaa\xdc\xd9,\t\x9b\x98\xe1A`'</t>
  </si>
  <si>
    <t>b'\x06\xa2:\xe9a\x9f\xf9A\xfe\xc2D{&gt;l8\x15Q\x96\x01\xbd+\x0e\xab\xbbP\xe7\x0b\x93\x13\xc3g\x83'</t>
  </si>
  <si>
    <t>b'J\x01\xbd\xc8\x93\xc6\x9f\xadZ\xfc\xb6gE\x85y\xb8\x96\xb8\xbcA\x16\x8d\xef}\x11D\x10\x81\xb6\xddT&lt;'</t>
  </si>
  <si>
    <t>b"T\x94\x93H\xda\xfd\xbd\x98\xde\x1c\x1c_'\x87\xb8}\x92@\x05p\xf0t\x88\xdd\x9e\x82\xe2\x0b#\xd0~\x14"</t>
  </si>
  <si>
    <t>b'\x02K/\x00\x01\xf1B\x1fo4vx\xebCj\x0b`\x7f\xf9\x16\xeaz%\r\x1b\x8cB\xbc6&amp;\xa2\x0f'</t>
  </si>
  <si>
    <t>b'"\x1c\xcf\xda7j\xed7\xc4\x99\xad\x9a\x84\x90\xfb\x85&lt;\x8e\x7f\x9b\xeb\xed\xfb;\n\xdb\x82\xb6\x98\t\xf2\x85'</t>
  </si>
  <si>
    <t>b'\xac\x95\xb7&amp;\xcd\xc1\xae\xc7\xf9\x89!\x94h,u\xb9i\xe1\xf3v\xbc7\xea\xed\x9auIb\x02\xb2\x15\xe5'</t>
  </si>
  <si>
    <t>b'&lt;^\x1dA&amp;\xf8x]7\x84\x03\x95\x04A\xcf\x0c\xd7\xf7\xc9\xde\x93\xb9,\x91da\xae\xc9J!\xfa\xc6'</t>
  </si>
  <si>
    <t>b'\xab\x1a\t\xf7\xd6\xa2\xd4\x14\xa2Bw\xea\x9e\xfd\xff\xf0T\x02\xe2m\xfbc\xad\xff\x8b\x1d\x1c\xb9\x12\x15$\x1a'</t>
  </si>
  <si>
    <t>b'\xee\x07\xbf\xf77\xabZ=6\xe7\x97\x83k\xb9\xfd\xead@\x93\xc7\xbf\xce\x9f\xde\xa4\xf5\x14\x99\xf9\xa9\x10\xdd'</t>
  </si>
  <si>
    <t>b'\xfaUE\xa9\x8c\t^\x95`W\xa60\xa7z\xd8}#d&lt;\xe6\xac\xe2`\x05\x07\xffyy\x0bf\xb1\xe2'</t>
  </si>
  <si>
    <t>b'\xad\xc2\xa0\x9c\xc3&lt;\x7fv\xb9\xa5JF8\x99\x9a\xe2\xfcAm\x0f\x8e\xce0;@\xb5\x16o7AV\x82'</t>
  </si>
  <si>
    <t>b'2\x00N\xdf\xc7\x82\xc3\x05;\xe3\xe4\xca\xd5\xef\xf6\xdf\x8e\xe9\xa6\xbfi"Gi\x01\xaa:-\xf8\xa0\xe5f'</t>
  </si>
  <si>
    <t>b'\x83\x93m\xda\xe2\x12Qa\x05lh\xe9\xd0\x88\xd7\xf9\x9d\xcd\x0f\xbdO\xablc\xa5i\xb8\xdd\x10\xdd*X'</t>
  </si>
  <si>
    <t>b"!K\xb7\x02\x88\xb7\xe7\x10\xe9S\xa8`f\x00\xf1c\xc1\xf1\xaa^\xc8\x18\x86\xfa\xd4\x8eM'\xbdIC/"</t>
  </si>
  <si>
    <t>b'@v\xfa:\xea*\x9d*J\xc0\xe3\xdd\xe3\xc4$\x1b\x8eV\xecE8k#\r\xc8\x9fS\xb0\x9eG\x80V'</t>
  </si>
  <si>
    <t>b'\x9bm\xab\xb0w\x84\xdb\xad\xb4\xf2\xach\xba\xea\xec\xfb\xb1\xa0n\x8fX\x8c\xf8JA\xaah(\xddt\x86\x80'</t>
  </si>
  <si>
    <t>b'\x1a\x84\x15\x84\x1e\\\x92\xa1bq\xc6\xfav\xc6\xbd:\x9f~^q\x13w\xf3\x92y:\x9c\xfc\x1f\x1a#\x9e'</t>
  </si>
  <si>
    <t>b'*\x8f\x80\\\x94(\xcc\xcc\x01\xbc\xe2\x7fU\xd5\n5\x07e\xaf\x906\x15\xdd\xbe\xeb\x8cM\x0edxrI'</t>
  </si>
  <si>
    <t>b'P\xecV\x10\x99\xaf&amp;nqo:\xd0uR\xb3\xa2\x16\x91\x87\xa3\xb8\xbaZ\xbd/\x13\xe6aF\xd72\xaf'</t>
  </si>
  <si>
    <t>b'+\xdbrc\xde\xedF9\xdb@\x8a+r\xd3\x9d\xb3g0\x15ypQb\x92\x08t\xdam\x0c\xa9\xde\xc1'</t>
  </si>
  <si>
    <t>b'\xd8\x17G\xd9T\xab^\xde\xe8L\xc6\xcbT\x01\xee\x17\xc58u\xffc;\xd3\xcb\x87|B\x95v{\xe5\xd6'</t>
  </si>
  <si>
    <t>b'\x17:&gt;\x96\xc7\x06\xd5K\xcem\x12lTH\xdbv\x9e\xf0CO\xef7q\xe4B/.\xce\xed\xe8PC'</t>
  </si>
  <si>
    <t>b'\x14s\xfe\x1f\x91J\xed\x06"\x8f\x1d\xde\x92/\xb25D@\xba$\xd4T;\xe9FT\x03\x8b\x88\x97=\x10'</t>
  </si>
  <si>
    <t>b's\xa6\xe1\x04x\xb4\xe9NZ\x06n\xca&lt;\x927\xe4\x99\xb5^N)\x14\xaf"O\xe2\ry\xd7J\xa8\xdc'</t>
  </si>
  <si>
    <t>b'\xc9,\xc8uF\xcdl\x11$\x94\xbd\xc7\xe5\xf7\xafc2\r\x1a&gt;\xc9h#5\x1d6\x12tP\xc3u\xdd'</t>
  </si>
  <si>
    <t>b'\x88R\x08\x05u\xf2}\x87st\x82J\xe9\xa4A\x93R\xcc8\xa9\xf8xR\x81\xa0\x8a\xbf\xd7\xf6\xb0\xb9I'</t>
  </si>
  <si>
    <t>b"\x7f\x7f\xcd\xc4(i\x8b}\xc7xU\xd8\xb7mVe&amp;E\x8d'\x93\x97Jk\xc6\xa1\xf6\x8c\x0f\x93\xa7\xba"</t>
  </si>
  <si>
    <t>b'\x0bw0{\xea\x90:@_\xdeERQ\xed\x1d-\xb7\x13\xed\x0bd#R\xdaM\x98\xdf]D\x0c{\x01'</t>
  </si>
  <si>
    <t>b'\x1c\xd9\xb4R9\xb3\x9bd\xd9\x1d\x95\x06\x8d\x0c\xea\xd3to\x82Hm\x95\xc8\xa5{"\xfd\x91\xbb\xd7\x99.'</t>
  </si>
  <si>
    <t>b'\x93j\x04\xe2\x1bR\xd8K N\xeb\xbb\x8f\xca\x8ag2\x15\xc1\x07U\xc9q.|&lt;c\x85\x7f\x99;\x07'</t>
  </si>
  <si>
    <t>b'\xe0\xaf\xa5\x06\xccAu\x19\xe4O\x1a\x05\xf2\x8dm9\n&lt;\xac\r\x07\xc9\xcc\xff\x03\xbd\x9e\xf4+pE\xaf'</t>
  </si>
  <si>
    <t>b'\x039\xe2\xce\xe6\xc8\x80\x07\x8a\xcaw\x01W %\x05\xec\x9d+\x90\x1e\xf9\xa6\xb2\xd9\xc8\x98\x03\xd3\x05\x8d\xf9'</t>
  </si>
  <si>
    <t>b'\x08\x83\x86\xcd\xf2\xdfy\x06\x06.\x94\xf7\xb6\xc6\xa1\xb2\xe1Y\xd6\x90~nQ\xb0\xea\xe7`m\xa9\xf8\xe3\x97'</t>
  </si>
  <si>
    <t>b'\xd1\x16!\xaa\xdc\xb9\xe7\xc5\x855q{\xe3\xe8m\x053{x\xa9\xe1$A\xb3\xed\xed\xe1;\x98R\xc9P'</t>
  </si>
  <si>
    <t>b'\xb0\xc4\xd8\x12\xc9\x15\xbe\xed03\xf3\xa7\xbe\x9eg\xee\xd6\xfc\xb45\x98G\xecJ\xd2\x0521s\x12\xf0\xa9'</t>
  </si>
  <si>
    <t>b"Bf\xb8\xf1\xbb\x13\xc9\x9a\x056&lt;\xe6\xb0\x07\xb9\x89\xbc\xa8\x82\xa2\x87\xa3'\xcb\xb9\xac\x8eVk\xf5K\x8e"</t>
  </si>
  <si>
    <t>b'\xa2\xa0\xbe\x8ehX\x17\x8d\x85^\xb5\x02l\xd0\xe2\x9d\xf5\xbb_\xcb\xbcZ\x1d&lt;\x12\x9cp\xe2D\x88^\x9c'</t>
  </si>
  <si>
    <t>b'\xee\xc89O\x07\xb2\xc7&amp;\x8a5\xbeS\xef\x03\xb8Hp\xf8\xa3\xc1\xe90P}\xb3\x1c\x82H\xca\x8e\x92\xe1'</t>
  </si>
  <si>
    <t>b'\xe7|L-\x16B\x9ex\xb3\x01\x8f\x17z\xc7+#@\xd4\xc6 ,RI?\xfb\x98i:\x1b\x1d\xdb\x8c'</t>
  </si>
  <si>
    <t>b'\xd6Jv2\xc6\x087\'\x89\xee\x95!\x0ejn\x13\xf1\x97\x13\x88-&gt;k\xb7&gt;"tD\x7f\xc0\xd7\x89'</t>
  </si>
  <si>
    <t>b'\xf02\x15\n\xfeDsf\xe3\x01\xedI\xea\x14h\x95V\x83\xcdl4\x99\x10\xdbK\x15\xf3\x12\xff\xc7\xab\xed'</t>
  </si>
  <si>
    <t>b"\x8c\xbb\x01gcJeh\xfe\xb2'\xbe\xe2\xb5\xbb\xcfaB\x97\xe7J\x87\x94+\x8f\xad\x99g\x97p\xa5p"</t>
  </si>
  <si>
    <t>b'r)\x88\x0e\x93s\r\xcd1\xee\xedo*\x0c\xd7\xe3\xc4\xa3\xdd\xe5\x98\xf2c\xd9V\xd4\x02F\xa9nQ\xa2'</t>
  </si>
  <si>
    <t>b'\xd8\x97\x10\xa2#\xabj\x80\xab\x8c\xcb \xee\x18\xa7\xdb\x86\x17\x01-\x01\x1d\xb7l\x0368\xfc\x8a\x12\x9b\x92'</t>
  </si>
  <si>
    <t>b'\x9f\x91\xb0\xa4\x8c_d\xae\xc1a\xdd\x88\xdby\xeb\xe2*\xb1}\x95,\x92Ew\xd0\x8d[f\xc7\xf5:}'</t>
  </si>
  <si>
    <t>b'/\x1c\x08\xe6Nl\xbcf\xec\xee\xf6~\x99\xf6^\xe9L&lt;w\x9e\xfc\xfbg\x97Z\xf0\xa2}\xb1.\x1f,'</t>
  </si>
  <si>
    <t>b'}E\x8eJ\xf4\xbe\xe3\xaaNf \xcf^\xce\xcdE\x1d\x1bd\xd6\x0ba\x80\x96\x0e,\xc4\x07\xed\tJ0'</t>
  </si>
  <si>
    <t>b'\x81S\x11\xc7\x1a\xf8Ol;k~I\x92\xcb\xf0tXD&lt;\xf3G\x04\xcajd5\x1e&gt;\x8c\xfa\xcfh'</t>
  </si>
  <si>
    <t>b'+\x86Wi9\xe1E\x148M\xc9\xd61,\xe0\xa1.F\x0b\x94\x94#O\xff\x97\x87\xcf\xdd^\x86#\x02'</t>
  </si>
  <si>
    <t>b'\x9a\xe6\x8b\xbbW\xf6(\xd3\x82.,HT\x83\x94E\xc8\xd7i\xaeU\x1f\xd9 M\x9f\x87g\r\t"&gt;'</t>
  </si>
  <si>
    <t>b'\x83\xd7n\xf8\xc69~\xeb\xd6\x0e\xd0\x927\x91\xa0\xfe1\xc3\xb1&amp;7\xcb"\xf2v\x96oLx[\x04E'</t>
  </si>
  <si>
    <t>b'\xda\x1a\x1c\xf9El\xa1B\x15UP\xa2\x1e\xf4H\x1d\xa8\xf1y/\x10\x11\xbc\xda\x82u\x82\xe0\r\x9b\xf8\xca'</t>
  </si>
  <si>
    <t>b'V\xda\xc3\xa50\xe9\x0cr\xf4\xf0sB\x97\xfa6n\x8bA\xc4\x0f\xcf\xe4\xa3\xb9&lt;F\x9e\x9c\x80\xc8\xbc\xe5'</t>
  </si>
  <si>
    <t>b'\xf5\x14i\x05\xa5\xe1U\x1c7\x93\x9a\xd1\xe2\x06\x1e\xce\xf0rK\xaf\x81\x05\xa2zvjq\x10 B\xba+'</t>
  </si>
  <si>
    <t>b'\x1d\xf62\x11A\xf4O\x0bn\xc2_ \xc9\x00\xaeT\xe2\x80W\xbaV\xaf\xa2\n\xab-3n~\xdf\xd7r'</t>
  </si>
  <si>
    <t>b'\xcf\xbf\xac\x9d51&lt;\xceA^\xab5|%\x1cv\xecB\xe4\x9f\xef:\xde\xb1\x0b\x8aG\x0f\xf0@lD'</t>
  </si>
  <si>
    <t>b'\xa3:\xd3$\x83\xb6\xb3\xd4\x9f\x84\xef\xbe\x9b\xf5u\xa5`\x1a\x05J\xd2\xa4\x08W\x89\x90PKk\xd8\xd0\x0b'</t>
  </si>
  <si>
    <t>b'\xef\xe5\xf9\x8b\x08\x08\xc1pg\xef\xc0\xee;\xe9\xb8\xeb\x0e\xfb-\xcc\x7fE\xf2\n\xfe\x96\x15+\xe5\xbc^\xdd'</t>
  </si>
  <si>
    <t>b'\xa0\xe8\xf1\xf7\x01\xed\xe2\xe3\x08w\xc3\xf4]\x97\xc9\x16\xf5\t\xd6\xde\xf3\x1c(\xa7(\xfd3\xa4 8\x03\xa0'</t>
  </si>
  <si>
    <t>b'\xa4[dWf7\x06J\xd5\xaeOFV:\x9b~m\xdc\x9d\xc5\x89\xb5\x9dN\xac\x168\xea\x94\xe2\x18K'</t>
  </si>
  <si>
    <t>b'\x01\xd5\xdb\xd4@\xd9\xe0J\x06\x0e\x99@W\x83\x98\x81d\x98\xa7\xc5\xc1\xe2\xad\x88\x97\x89\xc6\xb3/\x15$\xad'</t>
  </si>
  <si>
    <t>b'\xab\xb7i+\xe2\x89\x99x\x87\xcd{?&amp;\x11\x05]I=-F/\xda\x9e\x11A\xc9\xeek\xa3\xf9\xbe\x04'</t>
  </si>
  <si>
    <t>b'\xdb0\xce4\xa1\xd3\x10\xff\xab\x8by\x94y\x03\x01\xfe\x95\x96\xfd\xae\x90Ii88J\xf6\xd6\xbe&amp;\x08s'</t>
  </si>
  <si>
    <t>b'2\xb5\xe3\xa0\x189rQ\x9b\x8cP\xe1\x1bpj\xe7\xe7\xe4\xa9\xae ,\xb6\xf1i+1&lt;\xcf\x7f(g'</t>
  </si>
  <si>
    <t>b'7ny%3\x12\xbf\xb0\x81\xcf\x1e\xc57G\x014\xd5\xe7\x8d\xc9G~I\x8a\xd4\xc1\r\xbb\x11]n['</t>
  </si>
  <si>
    <t>b'\x80\x0b\x83\xa9,\xd3_pq\xd4\x8a\xde\x00k\x0e\x91o92O\x95\xd6\xc4`C\xdbT\xa0R$~\xd9'</t>
  </si>
  <si>
    <t>b'k\x14\xb0\x8aKD\xcc\x94\xbf\xa6AM\xa2ac\t\xab\xc3\x1d\r8\xba\xbc)\xadR\xbb\xb9\x03[\xaa]'</t>
  </si>
  <si>
    <t>b'\xdb\xcf2\xf0\xf2KR\xc5 ]\xc2\xc7\x03F\x15!u\x8a\xb9X\xcb\xb0\x857b\x7f\xda\xe4\xc1\xfd\x80\x0e'</t>
  </si>
  <si>
    <t>b'\xabh\x9d\x13\xfc\xe3\xb2Q-\xc4\xd0yv\x07\x1fe\xf4\x94\x91\xf8\x9a\xe0\xc1+M\x87?\x8f\xd1\xe03\xde'</t>
  </si>
  <si>
    <t>b'\xb4\x91n\xea\t\xce;\xb8\x1d9\xed\xb8v\xd3\x8c\xa6\x13\xd3\xcd\x95EV\x88)\xce\xb3\x04SU\xcb+\xe7'</t>
  </si>
  <si>
    <t>b'&gt;\xc1J\x89\xc7\x02:!VT\x98\xa2R\x8bZ\xb0m\xbe}G\x90\xd7p`_\xafj\x9f\xf3\x04\x8c\xb5'</t>
  </si>
  <si>
    <t>b'\xad\x86\x97\xc0\xe9[\xb3\xcc\x1fl\x8cM;\xb0\xb8\xa0v\xd1\x0c7\xf9\x1d\xbca-\xa1\xbd?l\xdd\xacz'</t>
  </si>
  <si>
    <t>b'\xe0_\x9dL\x06\xbb\x13o.\xdc^\xebiT\xf0\x0c\xfa\\)e\xc5\xa3\x16\x92B\xc7\xd3P\xb3pA\x00'</t>
  </si>
  <si>
    <t>b"\xcb-[\x87\x99o\x03\x93\x19\x94\x87|mmW$\xc1\xfd2\xdc4'\xf6g\x7f\xe4\xac&gt;\x00\xe3\x17\xb5"</t>
  </si>
  <si>
    <t>b'\x17|\xd5u\xed\x7f\xeby\xc4+\xb4\x07O\xda\x87\xd5\xe7\x11\xdf[}*\xac\xfa\x18\xbf\xe1\t0\xe4/\xe3'</t>
  </si>
  <si>
    <t>b'pi\x7f\xe2\xf7\xe5\xb5^-\x87\x86l3\x835\xc7\xf0\xf7B\x88O\x1fSW\xdc\x02L]\x15\x07\x1d~'</t>
  </si>
  <si>
    <t>b'\xd2\xba\xe8\xd6\x00\xcc\xfe\x97P\x84\x87\x8e\x03\x86-l6\xbe"\xf0\xd4\xea\xf1\xa1\x03\x9aa\xa3\xd6|\xc8\xfb'</t>
  </si>
  <si>
    <t>b'\xbdcf\xe1\xd0\xc3\xe6\x127\x0b\xca\xc3\x9f\xe4S\xd2r\xf7\x05\xd7\xd28\x15\x7f]\xadj\xde\x17.\xd1w'</t>
  </si>
  <si>
    <t>b"\xfa\x1d(\xbb\xfe\x0f`;G\x80kH\xc1w!\n\x9e\x94\x84\xc8k\xd2\x93\x8aI\x17'\xcc:\xc3@\xa7"</t>
  </si>
  <si>
    <t>b'\xa9to\xae\x9cr\x18\x92{\xc1a\xdcu\xa0\xbf\xd2&lt;H\xef9\x04a\xcaY-\x0740\xdd@%\x10'</t>
  </si>
  <si>
    <t>b'\xcc\xe1\xfb\x87\xac\xad\xaa}\x1d\x10S\xd9\xa1\x05m!\xafi\xc1p\xa6\x0fw)\xd2i*\xed\x8b\xfc,\xe3'</t>
  </si>
  <si>
    <t>b'\x92\n\xe5\\\xe3dv\xf7Kp%n\xa6\x07\x81\xde+\xc6\x0e\xb26\x96O\xef\x10\x9c%\xe6\x8av\xcd\xdc'</t>
  </si>
  <si>
    <t>b'\x9c\xea\x86\xcf\xb9\xeb#&lt;\xb8b\xf7ZJ\xd8\x91\xc9\xad\x1b\xca\x14\x91\xe4\xc3\xefD%P\xd3\x9fijD'</t>
  </si>
  <si>
    <t>b'\x86dM\xc8\x8f\xc1\xe7\xba\xfa\xca\xecMt\x81F\xdd\xaea\x00\xc4&amp;\xb2\x12\x9b#\xa3\xa1\x04\x14z\xa2\xcf'</t>
  </si>
  <si>
    <t>b'\x89\x96X\xeb.-4\xcbj\x05\xb1\xa6X+\xaa0S\x85T\xa6\xc1\xb3-3_\xd4\x9a\xed\x87\xd3\xfd\xc1'</t>
  </si>
  <si>
    <t>b'\x99\xa1N\x83\xc5\\\xa4E4\xc5\xb4\x98\x98^\xda\xc4c`\xb6k{\xf3\x10\xb3\xc2P\x80z\x01\x8f\x10\xfe'</t>
  </si>
  <si>
    <t>b'4\x8a/\xa2\xac\x91@\xcf\xb7v\xae\\9\x86\xcdQW\xcb\x81]@\x92\x92\x92\xbd\xfd${#\xfa$\xfe'</t>
  </si>
  <si>
    <t>b'\xf6\x1d\xf7\xb6\x9d\xd3&lt;/IfA=`\\\xee\xc1\x89K\xbb\xa5$\x9fZ/\xc5\x0b\x92\x0c\xbc\x9cJ*'</t>
  </si>
  <si>
    <t>b'\x1fil=H0!CQ\x14&lt;\x95J\xbb\\\xed\xebdn\xd6#\x9e\xf5\xd8\x14B\xb1\xaf\xa9\x8f5\xdf'</t>
  </si>
  <si>
    <t>b'\xe9\x07\x14\x18\xf1\xf7\x98\x12\x84\xb0}XN\x0b\x94,\xb4\xa7\xa6\x8cwT\xff\x8f\x84&gt;\xb5\x0f\xa1\n.\xa1'</t>
  </si>
  <si>
    <t>b'\xb1td\x8aA\x02\xbc\xf6\xcfUhZ\xb8\x98\xdc\xf0C\xdcB\x88\xb1&lt;\x07\x92\x11r\x98\xb1\x9e\xd8=\x8a'</t>
  </si>
  <si>
    <t>b"\xbfB\xb6\xeay\x14\x95\x81%\xcf\xcfr\x92\xf2\xa1\x15\xce\x8d'Px\xb2\xb6S\xf5$j\xadHa\xf7p"</t>
  </si>
  <si>
    <t>b'i\xa7dN%"\x02\x81S\x97\xdf\xa1\x0e\xa5a\xeaP\xe5|\xb1:\x1d\xf9t\x1b\xee!9\xd1h1I'</t>
  </si>
  <si>
    <t>b'\x0c\x89P\xb2%$\xda\xe5\xca\xca\xd5\n\xb5\xe7\x06\x1a\xc1X\xcd^\xaeW\xc5l\xe3\x17\xa7\x10.\xb6B\x12'</t>
  </si>
  <si>
    <t>b'"\x94\xc4\x99\x98\x11\xc6z\x81\xc1\xbf\x03\xe1\x1c\'\xd93d\x15\xd0\x88\x86\n\x81T\x80\xd7\xb2\xb9\xdb\x1eW'</t>
  </si>
  <si>
    <t>b'?\xceQ\xfbz\x86\xc1\xf9"\x11\xba\xb1\n&lt;\x0e\xda\x0c\xfd[3F\xc4\xe6\x07\xe2$hY/!\xff\x1b'</t>
  </si>
  <si>
    <t>b'\x91v\x1an\x84\x84L\xa1\xf3\xeaN\xdd\xd3\xb5\xb1\n\xdaQ\x83\x19\x94\xb2t\x12\xff\xf0\x13\xcdmB\xafM'</t>
  </si>
  <si>
    <t>b'\x1c\xcc\x88\xc9\xf3-lU4tZr_\x9f\xf0o\x06p\xe6\x11^\x83`N\x9c\xcfa\xaf\xd0Y\xb6\xfe'</t>
  </si>
  <si>
    <t>b'&lt;\x1c\xa0x\x94y\x92tj\x16\x89=q\x9c\x1a\xf4\x0b\x84\x88\xb6\x92\xb6.D\x83\xeb\x18\r4s:\xdd'</t>
  </si>
  <si>
    <t>b"\xd3S\xa5 \xb67\xd2d\xe8'O\x1e]\xe1/cyq\xf0\xa0\x8a\x15\n\xc0|\xb3\xb6\x1dB\x91=}"</t>
  </si>
  <si>
    <t>b'\xe5\x96)\xb8\xed+\xfa\x9c\xd0\xe6\xda\xd3\xfcIo\xe6I\x02\xb9\x93 J\x02\xdb\xbcUtK\xc5&gt;}B'</t>
  </si>
  <si>
    <t>b'\x9f\xbf\xa6$\x19!\x9eW\xa7\xa1\x01&amp;\xad\x08y\x8b\x95D\xf0L9\xc2?H\xd1a\x8a\xdfQ\x84_\xce'</t>
  </si>
  <si>
    <t>b'\xe0\r\x05\xf9Q;Kl\xbc!\xabr\xe3\xa1^\x91$\x9a\x9ct\x08\x9cj\x13@kL\xf0\x16\xedB\xb4'</t>
  </si>
  <si>
    <t>b'\x15"\x13\xa95\xd5\x14\x1f\xe6hH)\x05\xff\xee\xe5[\x86;\x8e&gt;\xed\xc6\x18\xf4\x98\x11\x1e\x97\xbc\x9fg'</t>
  </si>
  <si>
    <t>b'\xa3.\xcc\xd3\xb2\xdd\x0c\xdej\xd7\x140\x7f:\x01\xf0\xf3\x0cE\xe4\x92\xf0\x0b\x0b\xf1\x1fP3Q\xe8\xdb\x92'</t>
  </si>
  <si>
    <t>b'\xa8o\xb7[\xba\x8f\x81\xbf\n\xb8\xfb\xc3\xefEL\x82\xe5n\xc1\xc7+I\x90\x1251\xa8&gt;\x1d&amp;Rt'</t>
  </si>
  <si>
    <t>b"\xff\xc0R\xfb\r\x990A\xa5Z\x80'\xfc\x97\xdb\xde\x1b3\xd0o\xe3rS\xa5\xbe\x9aU\xd71\xae\x1d+"</t>
  </si>
  <si>
    <t>b'\xf0]\x18\xf6\x9e\x1a$\xba\x08O(z\x0f-92=\x8d\xdf\xa4\xab\xb6\xc4\xd8\xab\xd4\xc6\xf0fI\xe1\xcb'</t>
  </si>
  <si>
    <t>b"\xed\xbfi\x81J\x89\xfe\x1e\x9f\xe6)\x15(n\xe1\x94\xea\xa7\xbe[=\xb4'&gt;\xf7C8\xcc\x98j \xc3"</t>
  </si>
  <si>
    <t>b'\xf43\xf5+\x8cU\xb7\x97@5\x92\xe8v\xe1tOx\xbd\x0c?\x01Y\xb8s\xe9\xb6\x0cnie\xf4\xa9'</t>
  </si>
  <si>
    <t>b'\x0f\xf5\x9b\xd2\xd4\x87\xb8\xe5w\xf5\xef|\xa8\x05k\xf2\nF\x99\xf2*e3\xaa\xe5\x12\xf5\x0c\xf2V\x97\x18'</t>
  </si>
  <si>
    <t>b'\xbf\xcc\x00pF\xb0\xa4\xe2:!M=\x81\xf4\xed\xd3\xd9\xc3\xd1k\xfe\x07\xc08\xf9\xf8\xc7Q\x9d\x8d\x1e\xf7'</t>
  </si>
  <si>
    <t>b'\xc4\x15C:\x10\xe7\t\xe7\xd1\xec]I\x9d\x16\x16\xeb\x062$_K\x7f\x83NxU\x17\xfed\xd3\xc3\x86'</t>
  </si>
  <si>
    <t>b"\xed&amp;\xef\xa1v$\x16Iz\xfc:5\x91\xabT\x90\xe5\x9d%\xc4'\xaf*\x04\xa8kz\x8c\xd9y\x07\x10"</t>
  </si>
  <si>
    <t>b'\xca\xa5a\x8fb4\xf1Tp\xac\xf4v \xef*\xdbN\x96\x8d\xc5\xc3\xd7\x04N\xeeo&gt;Mj\x8c\xd1\x17'</t>
  </si>
  <si>
    <t>b'\tf"\x7f\x8cK\x9f\xee@o\xc6\x9f\xfcIx\xf7\x939`\xcc\xf8k\x19\xf4A\xc5\x1f\x1a\x8f\xd0\x985'</t>
  </si>
  <si>
    <t>b'\x1dx\xbf`\x1aA\xe6Vs\x1c\xcb\x03|D\x1em\xbe\\\x86k\xdd\xd1\x8et\xdcS\xd8\x8d\x82\x95\xd1\x0c'</t>
  </si>
  <si>
    <t>b'j\xe2\x1c\xa46\xb0\x81\x87\xd2\xdc\x0b\xe0\xee\x195\x90\x0e\x01\xe0k\xaf\xe6\x9f1\xaau#\x13\xd1x\x8e$'</t>
  </si>
  <si>
    <t>b'V[\xe8\x8d\xbb\xbd\x07\xe1\x87V[\xa4\xdf\xb3y\xc5}\xc7\xc0\xa0\x1a+8_\xd6\x93BS\xdau\x15\xf5'</t>
  </si>
  <si>
    <t>b'U?[\x06\xbf\x83\xeb\xddQ\xd1&amp;\x0f6{\xef\\\x04\x97\xfb\x8e\xdbD\xd8\xf9K#6\x18_\xb3\x03\xa0'</t>
  </si>
  <si>
    <t>b'\xcfw\xe0\xb4\xf9`Z+N\x1a\x1a\xfd\x18\xebZ5?cY\x99\x9d@Q\xf7\xf3\x88\x14\xa6A3\xe3%'</t>
  </si>
  <si>
    <t>b'j\x03s\x15\x90-`j{\xb8\xf2[|\xd4Dx\xf7\xd7fi\xe9BL\xecbv\xfd\x89\xe6\x1b.\xab'</t>
  </si>
  <si>
    <t>b'P\xd2\xf9\xba\x04\xff\x7fZ\xa0\x1a\x1f\x1d\xedQ]\xa1\xda\x92W^_%\x82\xf9\xf1\x99 \xd8mQ\x92q'</t>
  </si>
  <si>
    <t>b' \x96\x03\x1ep\xc6\x10\xb0\xbbB\x87\x18o\xd1\xce\xa7\x1e\x82)\xbe\xc0D\x90\xe3\xbf`W\xb4sL\x92\xa1'</t>
  </si>
  <si>
    <t>b'\x9azoQ\xc1\xbe\x92{\xd4A\xf0\x04s\xf5?\xb4\xa07\x0b\x1aG\xee\xfc\x19\x9d\xc2|v"RYR'</t>
  </si>
  <si>
    <t>b'\xd6\xce\x19\x0e\x08\xb6*\x15\x93\n\\&amp;\x190qKN\\\xeb\xd2\x1e\xb2\xe2\xcb\x8f\xcb\xc0\xf5\xe53\x17\x99'</t>
  </si>
  <si>
    <t>b'\xfa\x01i\x97\x06uy\xb2\x0bU\xe6\xfdwMT\x9fS\x81\xa2\x9a\xac\xcbn\xfa\xc0\x1ck\x8fh5W\x04'</t>
  </si>
  <si>
    <t>b'\xed\xe8/]\xdbBC\xcb\x80p\xf4(\x8a\x86\x8c\x93\xa0#=\xb0,\xf8R\x98V\xcb\xfcN\x98\xfa}\x07'</t>
  </si>
  <si>
    <t>b'\xf5\xddmS\xf8\xeb\xf3\xcf\x8e\xd0m=6?\x9d\x970&gt;\x85\xb4\x85)\xbd\xfa\x83\x97`_\x03\xd8\x88\xc1'</t>
  </si>
  <si>
    <t>b'\x83\xae\xf4\x0e\xa4\x19\x91\xbf\x95\xe8\x058\xc2~&amp;\x88pB\xa1q\xbd\x03\xea\x04\xa5|\xbe `\xa7\x84l'</t>
  </si>
  <si>
    <t>b"X:\xe3\x02'\xda\xbd:\xa5G\xb0,)\xd3\xf2\xbf+2\xbe\x15W6t\xb9\xc2\x08\xb0t\xa3\xb9')"</t>
  </si>
  <si>
    <t>b'.\xd7Y$\xa2*\xb0pj\x8c\x95:\xf5\x82\x81\x15\x9a\xbe(N\xd0`\\\xf7\xa5\xea\xfd\x7f\xeb\xb4\x19;'</t>
  </si>
  <si>
    <t>b'\xe9\xf6\\\x117\xdeh\xf9\xd6\x18v\xc7V$\r&gt;\xa36]\xb6\xc9\xad\\\xef\xc5y\r\xc4\xb1\\\x01L'</t>
  </si>
  <si>
    <t>b'\xe1\xa2M\x123\xadq\xa21\x98\xdb(\xd3\x10S\xd0w\xda\xce\xf8\x9d\xf5]i\x1eqQ\xd8D\x83\xc1/'</t>
  </si>
  <si>
    <t>b'}GX"\x91\xe8\xf0\xfa\xa3\x10\x14\xf0\xacA-\xb7\xc7\x0c\x82(j\x17j`\x16\xaa\x86m\n\r\xc8\xfb'</t>
  </si>
  <si>
    <t>b'd\xf89\xf84\xfe\xe7&lt;\xd1\xd4\x1d^0\x05\xb1\xe4gx/\xca|~6\xf1\xc1o\x86P\t\xa9\xd8&amp;'</t>
  </si>
  <si>
    <t>b'X\x82\x00\x08\xe0\x01\xbcc\xba\xb8c\x12h\xc7c%\x91\xb3}\xec\xce\xaf,\xf0\x91\x94q}\\\xfeh\xdd'</t>
  </si>
  <si>
    <t>b'\xed\xe2\xb3lH{;\x7f\xf8\xf5R\xbe\x9c\xe7\xca\xcd\xads\xb07&gt;\x02$k\xf9\xc5\x0b\xe1!\xa7\xed\xfd'</t>
  </si>
  <si>
    <t>b"~\xban\x01\xba+\xbd\x18\x985'\xae\x84\xd4\x93\x88\xd2\xdd\x11^\x82C9z\nx\xd7Q\xa4X\xc8\xea"</t>
  </si>
  <si>
    <t>b"\x16\xb2,\x88]\xd9'\x82\xbbbkC\xf0\xe1\x89d\x15m\xef\x84*Fs\x8cI\x95B?\x0e=\xa4\x13"</t>
  </si>
  <si>
    <t>b'\xdc\x87\xe8R\x01\x11/\xcf\x83R\xed/\xba\xf9\xfe(\x83\xa2\x05)\x9d\xa8#\x80,\x8c\xf3\xf2B`\r\xc8'</t>
  </si>
  <si>
    <t>b'\x16\xed\xf8\x85\xb0W\x19f\xedD\xb1\xea\x0e\xcd"\xc7\x95*\x96\xf1\xc3/\x1f\xb6\xde\xb2\x7f4\xbb\x11\x85\x85'</t>
  </si>
  <si>
    <t>b'\xb6y!Bon\xf5@\xe1\xcd\xb2\\:*\xe8\xf3f\x11\x13\x82\x16\x1fr\x1a$\xa2\xd7\xdct\xe9\xe2\xfc'</t>
  </si>
  <si>
    <t>b'\xc0H,\xf0&amp;\xc5\x9d\x8b%^\r\xdf\xcc\x97\xda\xbb\xe7 ]\xce\xb1R\x8f\xbe\x7f\x15\xec1\xc8\x10Rf'</t>
  </si>
  <si>
    <t>b'\xec\x1b\xef!\x8d\x94\n\x19\xd1\x11P[z\xb4\xd0 p\xa3\x93\x8a\x8d]\xe0\x9d\xd1\xf9\xe4q\xef\xc72\x90'</t>
  </si>
  <si>
    <t>b'\x9eL\x06\x19\xeeoC\xc4&gt;K\xe7\xa6\x13\t0\x8d\x19\xaf\xbd\x83.%\xa5\xbf\xdd|\xff\xfeU\xc6L\xb2'</t>
  </si>
  <si>
    <t>b'\xb7A\xfb\xe0\xe0\x1e\xb1\x90l\x9c\xeb\xad\xe7\x98\x16v\xd2\x0e|0\xbe\xa7\x8e\xf4\x91l\xe3l\xbf\x06\xde\xb6'</t>
  </si>
  <si>
    <t>b'\xb2z&gt;\xdaR\x9b\xb3\xd6\xf6\x18\xa9!@\x81]\xde\x80(\x9b\xbeXvc\x1e\xbc\x8eJ\xfa\xda\xd2\xf8\x93'</t>
  </si>
  <si>
    <t>b'\x7f\xd5\x8a\x97Z\xc4\xce\x14TE\x9e\xca\xbb\x19Zb`\xb1|\xa3w\xefbCW \xde\xf2u\xd21r'</t>
  </si>
  <si>
    <t>b'}\xfa\x00]\x8c\x80\xbc\x86\xe1\x81\xf6yh1\xfb\xd1\x15J\x0b\xdb9D\xcdo\xc6\x1d\x9d&amp;g\x90\xfe\x1a'</t>
  </si>
  <si>
    <t>b'e\xe9\x92\xb0\x9demzG[&lt;_\x1c\x87\xb2\x13:\x03\xef\xa6\n\xd8/\x1f\xea\xe0v\xc2V_)\x98'</t>
  </si>
  <si>
    <t>b'\xe7\x01\xfd\x06S\x0b\xdc\xf5kb\xb4&lt;\\\xec[s&gt;\xd6\x80\x83Ib:\x90\x8d\x9d\xe0\x08\xb1\x8d\x1b7'</t>
  </si>
  <si>
    <t>b"L\xd9\x18\xdc?\xbd'G\xbb\xbbs\x14Qr\r\x87\x9a\xea\x8b'\xbb\x19\x0e\xdbf\xe9@\x03\x96\xc9\xf8\x82"</t>
  </si>
  <si>
    <t>b'\x9c\x81\x8e,\x18\\o\x0f\x01\xc9\xcd3\x81\xd9\x96\xbc\xbaC\xba\xac\xc6\xf4\xc5z\x0eJ\xc2&lt;\xca\x85E\xe3'</t>
  </si>
  <si>
    <t>b'\xf19\x88\x90Yi\x86\xe4)w\xfa\xa0#I\x9d6\x95y\xae5\x1f\x16\xf8\x8f\x19\xc7\xfb\x0f\xfaO;\x11'</t>
  </si>
  <si>
    <t>b'@\x90*[\xa8\xea\xe7I1\x81\xb4\xe9Y\x98\xb9\x08\x0c\xeff\xb4\xfc\xf8C\x8d\xc3\xfc\xcf\xbf\x00X\xfb\xf1'</t>
  </si>
  <si>
    <t>b'*\xe0x\xad\xc9\xa9\x10\x03m\xb5\x97\x02\xa9\xba\xb4Y3\xff\xb6\xd9\xce\x0c;z\xdd\xcd\x0f\xb83T\xb8\x88'</t>
  </si>
  <si>
    <t>b'\x06B7\x10\x00\xb4\x10X\xab\x11\x83\xa4\xa2\xe2i\xe5\xe2\xe3\xb3\xb0\r~n\xeaG\xd3\xfe&amp;Q\xec\xb6\xdc'</t>
  </si>
  <si>
    <t>b'\xf5i\xdc\x8c\xcd\xb1v\xd1\xfa\xd8\xd7J\x00\xb7\x81\xc3\x93\xa4=\x98\xd5\x99_\xd7\x89\xd4`\x8e\x90mG\x9a'</t>
  </si>
  <si>
    <t>b"\xa7e.\x85\xb8\xf4\x16n|\x0f\xf0+\x8dC\x83\n9M\xef\x15\xaf\x12\x11'@\xe6=\xbf\xbb\x86\xb6\x19"</t>
  </si>
  <si>
    <t>b"w\x12\xb6(B'\xba4z\xf7u&amp;\x91P\xef1\x8c\xe6F\xe1\xcfvT\x88\x08\x13\xfa\x1d.\xbc/\x0c"</t>
  </si>
  <si>
    <t>b'0\xd9\xd0\x18\x10\xab\xd3\xa6\xbf&gt;eS\xed+\x9eF&amp;\xaa\xc5Y\xec\xee\xdfJ\xb7\x00\xe0\xc7?&lt;\xc6,'</t>
  </si>
  <si>
    <t>b'\r:\x07\xaf\xbe\x8d\x0en\x11\xfe\xce\xd1\x1b0mI\x94\xbeQ-F1\xe8\xd7\xd9\xe3b\x9a#\xf8y\x1c'</t>
  </si>
  <si>
    <t>b'\xd7LK\xa4\x1e\xc1\xe7\xb1\xf8\xac\x1e\xfd\x1d\xe5W]B\xf5cY\xfc\xe3\xad\xf6,\x13A\x16X\x9d\xbc\x80'</t>
  </si>
  <si>
    <t>b'\xe7\xef~\xf73\x10\xe8|\x0fl0F\xad\xd5\xe9\x18Jf6\x12\x15g\x94\xd3v\x91\x00M\xc4o\x89\xcd'</t>
  </si>
  <si>
    <t>b'v)\xa7\x12n\xd5\xd4\xf5\xe3\xdd\'5\x80c\x9d"\x11\x90\xdd\x99\xe2\x9a\xacm\xcf\xa3iF\x16/F\x0e'</t>
  </si>
  <si>
    <t>b'rT\xa4\x8b6\xa6\x8d=\xb8\x9fE8\rS6\xe4\x11\x8cX\xe3\xd4\xabUmz\x00\xef\x90\xde;n7'</t>
  </si>
  <si>
    <t>b'\xc2\xe9\x86\xad\xb9\x00.\x19e\xb4\x87i\xca\xd6I\x84\xb4\xe2\xd6\xe1\xa6:\xf5\x7f*L(|Wf\xb1\xd4'</t>
  </si>
  <si>
    <t>b'\x04b\xc1j\xac\xc9\xb3\x0b\xed&lt;\x0c\xa0\xe5\x17\xea\x9d\xaf4\xfa\xb5\xb0\x90}\xa4i&lt;\x83\xfd\x01\x8a\xe9`'</t>
  </si>
  <si>
    <t>b'&amp;B\xc9\x7f\xac\xb1\x16\xec\t\xaaX!_k{\xd7\x08h\xc9\xc5\x05\xef\x02\xbe\xa7\xa8c\xc9\x98\xea\xdae'</t>
  </si>
  <si>
    <t>b'\xf4\xe3\x9c&gt;\xd1$)L\xb4\xd6\x83RqD\x1e)R1I\xd6\xa1\xc6\x04\x97\x0b~\xeb\x92f:\xfd\x01'</t>
  </si>
  <si>
    <t>b'H\x19Rw,? \xa8dM\xad\xa9Jt\x9fK\xe0KU\\\xb5^l\x80\xc8\xf8e1\xa8\xd2\xb2\x07'</t>
  </si>
  <si>
    <t>b'&gt;\t\x07\x06\x83\xaaQeNzc\x06\xb1\x07\x18"\xf3\xb9\x96U\xe0\x1aTB\xf8\x08\xfd\xfa\xc6\xe9\x19\xcd'</t>
  </si>
  <si>
    <t>b"\xa2'=\xd8\xd3\xf5\xd3\xedkQ\xc9\xb3\xc44\xb3\xbc\x9f\xb9\x84\x16]\xea\xe9\xf9_$\x8a9\x8a~H\xe7"</t>
  </si>
  <si>
    <t>b')P\x05\xa9.t\x83\xeb}\xa9K\xce\x14g\x95n\x84\xa8[[\x1f\xf8\x0bT\x88!m\xcd_@\xc7\xd7'</t>
  </si>
  <si>
    <t>b'd\x0e\xbc\xa8v\x0e\x94\x9f#I\x1a\x06\xacc\xb0\xc0q0\x7f\xafQ@\xbc\x0ez\x84\x05s)\xd2O\xa7'</t>
  </si>
  <si>
    <t>b"\xf2nqB\xe9\x9az\x17\x01\xfd\x82\x13'\x96\xd1i\x04*\xc0Xs\xb7%\x17\xd4\xcc\xb4si\x9c\xd1\xf5"</t>
  </si>
  <si>
    <t>b'\xbb\x9dD\xe48\x86Z\xd8\n\xc2\xcf\xfb\xfaUC8\xdbS\x06\xdfV`F\xae\xcf\xf0\xd3\xb2\xec\xbf5\x94'</t>
  </si>
  <si>
    <t>b'\xe3\x8e\x1dEG\xd0\xd1\xc4\xa2\xce\xd9%\xe4\xe5 z\xaa\x95\xaeLAm\x95K\xb9,\xc3\xd9f\x9c\x0eh'</t>
  </si>
  <si>
    <t>b'\x94Ou\xf8_\x07t\x95f\xcbD%@\xb1M\xe1V\xce\xd0gAk(h\xc7\xad\xd0`\x88\xd9,\x10'</t>
  </si>
  <si>
    <t>b"H\xd9\xa6e\xa6'\xa6D\xda\xa9\xaaO\x06-\xed\x7f\x8f\xa0\x19\x13\x8ex}\x9b$\x9e!\x96\xae\x8c\xbb\xfc"</t>
  </si>
  <si>
    <t>b'2y\x9c\xfd\xcd\xf6\xc6\xb3\x8b\x9cyxa\x04\xb9\x04\xd8\x03\xe7\x0c\xd5j\x046\xb4\xe1\xd2\n(n\xdeN'</t>
  </si>
  <si>
    <t>b'u\x82\x81\xeb\xcfp\xc3I\xbei/\r\xc6\x12r\xfe\xa6\x93\xe1(\x86\xb0\x029\xd7mob\xa1\x845\xae'</t>
  </si>
  <si>
    <t>b'?\x81\xec\xb0\xb5}Q\xa4{\xec\xe3\xe9\xcd\x0c\x1c\xc6V\x8bV\x8a\xf0\x90\xba\xe8P%\x03\xd4K^w\x1f'</t>
  </si>
  <si>
    <t>b"\x97\xe0\xbdK?}qg\xcc\xe2\x86\x171i\x8d\xd4`\x04o\x97\xba\xee\x14\xbe7\xb4\x9b\xd3'\xc8{Y"</t>
  </si>
  <si>
    <t>b'c\x08U\x8c\xe4aW+\x19\x1c\xe2\xcb\x9903EAb\xa7\x12\xa0\xb0\xf0g\x96\xa8\x8e7\x98\xd2\xb8\xca'</t>
  </si>
  <si>
    <t>b'\x8c\xd6\xaa\xefH\xed\xb8^\xcbf_\xea\xdd0\xd3\xaed\\\xd6\xb3\xb0\xd5g]\xd6\xf7\x1f\x88\x91wa\xbb'</t>
  </si>
  <si>
    <t>b'\x17\x05f\xc9P^e\xadG\x93^\xf5U\xf0\x04K&gt;]\x14k\xf7~\x06\x88\xf3\x91+pq\x04\xbf\xdf'</t>
  </si>
  <si>
    <t>b"\xa9\xc5\xc0\x1b~\xf2\xf3&amp;\xb9\xefPL!\x96\x91\xd8K\xc2\xbffFj\x80\xbc\x08L\xb7'fe\xc7\xb5"</t>
  </si>
  <si>
    <t>b'9\xdeo\xa9\x1a#\x01\x7f5\xe2|\xa4\xb5\x82\xea\x81L\xb7\x19\x88z3\x14\xa1U=\x80\x99?\xef\x06\x94'</t>
  </si>
  <si>
    <t>b"'\x1f\x1dc\xf1\x80\x98\xa4\x95\x95\x04\xe8\xfd\xd6\xee]\xf2C\x19\x92\x89\xf0&gt;\x1a\xf2&amp;\xdc1\x7f\xa9\xfdJ"</t>
  </si>
  <si>
    <t>b'\x048\x15L\xf7\x04\x18\xcb@\x82\xea*XL\xbf~\xfe\x8b\xdf\xecb\x90f\x8d\xfa\xd3S\x15\x89\xcb\r\x97'</t>
  </si>
  <si>
    <t>b'7\xa1;\xe7}\xcb\xc0|\xf5l!\x9c\x16\x804\xac\xeb\xe7y\xb9\x1dZ\x8e\x93&gt;\x92\xfb\xefe\x0f\xba\x98'</t>
  </si>
  <si>
    <t>b'\xaf\x8e\xfc7dayu\xba\xb4\xef\xde\xf1\xe8\xb7ws\xe1u\xfa\xcb\xbaA\xa9\x0b2\xd9\x8d\xcb\xf9\xad\x06'</t>
  </si>
  <si>
    <t>b'_\x1buYy\xb9\x06p\x8d\x84\xf3\x19\xea\x96\xf2\x9a\x89\xc7\xa8\x98@@&amp;&amp;w^\xcd:\x87\n0\x03'</t>
  </si>
  <si>
    <t>b'R\x1a\xbf\x03\xa8V\xc8&gt;4\xe0\xc7ay7\x87\x87\xc6\xbdB\xae\n\xe7RG6\xcf@\xd0s(\x15\xf6'</t>
  </si>
  <si>
    <t>b'\x13\xde\xefCA\xda\xc8\n\xa2\xcbG\x96\xd0\xd8\xa4\xfb\x04\x0c"\x13[5\\VhH\x82M\x86!?W'</t>
  </si>
  <si>
    <t>b"\xd0\xc7\xc7\xf3A\x84\xb1e\xd7\xb9\x04DB\xa7\xba\t'\xd7D^\xa7G\x12\xf5*!4\x02\x15X\xf30"</t>
  </si>
  <si>
    <t>b'\xd8\xc6j\xc3\xcd$\xf9\x1c\xcca\xc2\x1dx6\xf6\x1e\xa9+\x83\xe2\xec\xd8\xbc`B\x18\xba\x06n\xe9]y'</t>
  </si>
  <si>
    <t>b"\xa2\xe3\xfcO4y\x7f\xc5\xa4+\xdb\xff\xd5`?\xf0\x16'\xed\xfa\x99\xe6\x1b\xa1a\xeep\xf96\xb9\x15\xb1"</t>
  </si>
  <si>
    <t>b'k\x1e|st\xd9\t\x84\x0c[\xb3/\xec`\x9f\xedH\xc4Pf1\xd1\xb2\xd7\xf4i\xee^\xa8j\xc9\xa9'</t>
  </si>
  <si>
    <t>b'\xc1\xec,3)\x8a\x8a\xd9\x17\xd9\xd4\xd2\xb8\x08\xe2\xf6\x9cx\x81\x98m\xf7\xa9\xf01J\xf1Wl\xc0!\x19'</t>
  </si>
  <si>
    <t>b'\x1aq\xb9\x1f\xd1\x1df%\x8f\xc6\xb2\xc3\xc9\x077"e\xb03M\xa8\x072\xf8\xb4\x97C\x89\xa7\xe9\xfb\xf5'</t>
  </si>
  <si>
    <t>b"'\x1c\x909\xf4\x18\xd8\xd2/\xe5b\xf4\xcd\x0e\xc6\x1d.\xdft\x0b\x11\x9a\xd1\x87\xd7\xd0\x91+,c\x95\xf3"</t>
  </si>
  <si>
    <t>b'\x7f\x0bW^\x92\xb3\xe6\xbc\xcaU%g\xaf\x03\x13\xe7\xf7+T\x9f\xd7\xc2L\xce\xe5x\xd6*?\xcb\x1dk'</t>
  </si>
  <si>
    <t>b'K\xcc#\xe70\x17(\xf0]\x95:\x7f\xec\xfa\xe0\xc49,\xf2\xcb\xda\xbb\xaafBM\x07\xe0\x81\xd8Tl'</t>
  </si>
  <si>
    <t>b'9\xd3\xb0&gt;\xadX\xcaeS \xb5\xe1K}\xbe\x86\x15~ \xbb\x83\xb9\x85\xa2\xb0\x98O%W\xe6\x9b\x19'</t>
  </si>
  <si>
    <t>b'G\xd56\x99\xa5\xd5U\xce\xb8\xab_\xdf\x7fa\x9b\x1a\xc7\xd7\r\x9f&lt;\xb1\x91$&lt;\xe6\xa9\xe3\xb5H\x8f~'</t>
  </si>
  <si>
    <t>b'9\xd0x\xab\xd8)\x9dD\xa48\xbb9\xd4E\xa2\xe2\xc22vi\xa5\xb4\x8a\xa5S.\xec\x0e\x12\xeaCl'</t>
  </si>
  <si>
    <t>b'\x84\xea}F#\xbd\xe3\xae\x89\x1cz\x8f(\xaa\xed\xf7\x88V\xf8\xce&amp;\xfc@c\x95\xf2\xa8(\xbfO\x91\xf2'</t>
  </si>
  <si>
    <t>b'\xd9[\x0bp\xc5O\xa0R\xa8]\xa9\xe6\x1e\xaa\xcb\xac\xae\xa9\\\xba\x01}vt*n*\x98\xffDU\x8b'</t>
  </si>
  <si>
    <t>b'\xd54\x1e\x06\xf5g\xb0\xe8s\xba\xb4\xdd\xeasQ7\xaeO\\\xe3c\xff|\x80\x00\x1aD!\x9e\x8d\xbc\xc0'</t>
  </si>
  <si>
    <t>b'\x0e\x15\xbf\xf9[\x0e\\\\\xd2;T\xa5\n\xb8\x18f\xca\xe4pLczS\x8c{K3^\xfc\xb7xm'</t>
  </si>
  <si>
    <t>b'[\x9f!0\xd5+X\x10\x03\xb7\x83\x8c\xe8\xda)\xbaEY\xfb*\x9c/@\xfer\x8b\xd0d0\xed\xa2\xd8'</t>
  </si>
  <si>
    <t>b'5\x9cW rUW\xf0\x10\x0b\x03\x93h\xbf~\xb7\xdf\x87+\x00$nR9\xf8[s\xb3\xa2V\xe6\xb0'</t>
  </si>
  <si>
    <t>b',\xb0\x83\xbd\x05\xf6\x0c\x12\x05\x03\x8e\xa6\xa0\x1e\xc9\x84\x0f\x1c\x8e\x97G\xec,V\x1b\xb0A\xee\x13\xfa7\xe2'</t>
  </si>
  <si>
    <t>b'\t?\x1b\x15\xd1\x91\xba\x00\x8a23\x1d\x81\xbbbv\x9b2\x07\xfeJ\xac\xb9\x0eT[\x02Z\x1f\n\xf3O'</t>
  </si>
  <si>
    <t>b'\xd2\x1d\xd2x/\xf1\xba\xd4\x8b\x85Ie\xe5k,\xf8\x9a6\x9c\xa0u\x12:;\x8b&gt;\x89s\x95$;G'</t>
  </si>
  <si>
    <t>b'm\x9b\x84\x10v\x92\x8f6\xf3ziq\xfb\x83\xa5(\xdc\xed\x81\xcb\x022\xe6`p\xdb8\xef\xc3\x00U#'</t>
  </si>
  <si>
    <t>b'\xbe\xaa\xbe\xd8\x85\xc1/2j\xe7\xf6i\x87\x982`\xc3\tq\xaa\x85\xe9\xd2,\x8a\xd7\xba\xf6\xe0\xf0I\x0c'</t>
  </si>
  <si>
    <t>b'\xe5\x02\x95kNIl\xf4\xf0\xeeC|y\xf5dU\xeb\x98X\x11\x1e\x99*\xae\\\xc1K\xa3e\x0c\xdfw'</t>
  </si>
  <si>
    <t>b'\x88h\xf4\xae/2\xd2Xo3\xf3\xbe\xc8^\x04=\x1a;&amp;\xd5\xe0%\xe0\x94\x15\xf80\r\xcd\xa3(\xc8'</t>
  </si>
  <si>
    <t>b'6pB9i6ga\x94z\xf7ec\xbe|m\x82\xbbV^O\x85\x904n\x13\x9a\xeb_\xfd\xdc\xcf'</t>
  </si>
  <si>
    <t>b'\xb8b\xf9.\xe6l\x9a\x88V{\xb8\xb4\xa9C\xab\xf2\x88\xb2\xfd\x1a\xf4\xe4\xa9\xe0\xde\xb7\xe1\x05T3\xcdW'</t>
  </si>
  <si>
    <t>b'i\x80r\xf6\x19+\xa1x\x15\x8bE\xfc\xa2\xf2\xfe\xa6\x90\xb12c\x1fZ\xbf\x95\xb7\x01\x08\x07\xeb\xe9\xd2\xd3'</t>
  </si>
  <si>
    <t>b'\xb3\xfe!OW\xc7\x84L\x9eOU\xa9\x96\xcc\x1d\x85m!\xdaN.\x8b\xc9{{\xbc*\x88X\x06H\x9a'</t>
  </si>
  <si>
    <t>b"e\xe6\x1e\xcd\xed\x13\xbd\x03M\x9a\x90\xeb\xcc\xf4\xe1\x89\xea\x9b|\xc0.\x1b!\x1c\xe3\xa6\xef\xc3\x94'\xcb\xaf"</t>
  </si>
  <si>
    <t>b'\x05q\xee\x1d\xfeU\x99\xb2\xa1,\xd0\xde\x0c\xaa\rQQ\xf0\x8d\xa8E\xe2I\xe2\xe9\x06\x80\x8e\x9a\x00J\xe6'</t>
  </si>
  <si>
    <t>b'\x93\x87\x91\x16\xfbmT\x99\x91\xd8Rz\xb8E\x9f\xd81\xc9\xcc\x81\x95\xf9\xf8\xb8/\x98G_2!\x1bK'</t>
  </si>
  <si>
    <t>b'k\xd1/e\x18\xfe\x8aA\xc8J8m;ye\xb8 m\xc3(\x94\x84\xab\xe2Q\x1cEc\xab\xc5\xfdE'</t>
  </si>
  <si>
    <t>b'\xdf\xab6\xcf\x14\xbc\xef\xd4\x99\x9e[\x1ce\x08\xc70\xd6#\xcf\xa5D\x05\x9c\x1a\xc3\xd4\x80y\xfdvxN'</t>
  </si>
  <si>
    <t>b'n\x81q\xa1\x14\xab\x1c\xb1\xf7)\x9d\xd89\x11\x8du8C,\xe3\xa4\\\x1f\xe8\xb6\xa7\x91X\xa0\x02\xc7\x1c'</t>
  </si>
  <si>
    <t>b'\x04\x1b:6\x16\x99\x8e\x01\xe6\xcb\x8b\xc8D\xb7\xd7\xe3D!\x11\x83t\\nU\xeb\xe8\x03!/\xaa\xb6\x80'</t>
  </si>
  <si>
    <t>b'\x92+xG\xd3\xb2I(\x9ee\x0e\xc8\xbf\xb8P\xfd\xed\x0b\xae\r\x10`\xce\x1dkW\xce\xbb\xc0\x8f\xa0~'</t>
  </si>
  <si>
    <t>b'\x8d\xdb\xa6\x97\x9c;^\xe0nk\xa3\xebq\xc0\xfd\x878\x0b\x96C\x1bAw\xed\xca\xebN\xbdl\x9e\xd6c'</t>
  </si>
  <si>
    <t>b'\x83\xa3\xcc\xb1\xa9\xcfj1\xcbd\xc2\xba\x95\xa3\xb8\xa5\xbdi\xe0\x96\xc2\x90*\x8d_\xee\xf0\x0c\xacLht'</t>
  </si>
  <si>
    <t>b'\xd5V\x02\x84Z\x14\xd6q7x,rGOG\xc1\xcc\x16\x0e\x03\xc9\xee\x08~\xb5\x06\xe4\xa4Y\xbc\xd7L'</t>
  </si>
  <si>
    <t>b'\x91\xa4\x02\xef\xdc\xe1\xfd\x9c\xbb\xb2Eic5P\x0es\x14\xe7\xc9\xa8\x9cA\x81\x9dDT\xceW,\xaa\xc4'</t>
  </si>
  <si>
    <t>b'|\xef\xe1\xef\xcf\x97\xc8\xb6G\xea\x02\xe5\xf6\xbd\xa4\x92\xed\x07\xde\x8b9\xaf\xf6\xef\xdb\xf4\x0fAL*\xe6\xb5'</t>
  </si>
  <si>
    <t>b'\x05\n\x9c$\xe4\xb5q\xa9F*\xff\xb3#\x8d\xaa\xacyE\xb5@CM\xe3\x9e\x10r\xb2\x8d:cX\r'</t>
  </si>
  <si>
    <t>b'\xa0Z\x80\xd8\x17\xa8{\x9c\x1d^T\xd47\x9d@C1\xf0-\x14\x16*x-Y-q\xc9?\xf6\xf28'</t>
  </si>
  <si>
    <t>b'\x0fO\x17\xfe\xf9\xa0\x13c\n/\x8c\xa5\xd6\xaf\x917ee\xd2\xa9\xf1\\\xebF\xd7\x9aZ\x14\x98|\xd2\xa7'</t>
  </si>
  <si>
    <t>b'.\x1b[\xae\xb5=\x84\xd9\xe5\xdbv\xeb\x80\x10\x81\x9f\x88W\xc0J\xcb\x1c\xfa\x89y\xfc\xcd\xe0\xb0?R_'</t>
  </si>
  <si>
    <t>b'\x14A\xc6n\xc4\xd6&amp;\xdc\xdes\xb0\x9c\xf7\xfd\xba&gt;\x1a\xb1?\x1dG`\xdf\x92\t\x13\x0fpd\xd5S\x08'</t>
  </si>
  <si>
    <t>b'e`\xe8?}\xc0\x96\x00%\x06\\g\x00\x06\xb4\x0c\xd0\xc0(\xc0\x1c%\x0b[)`PY\xeb\xe5te'</t>
  </si>
  <si>
    <t>b'\xdc\xf5\xefg\x15\x7f\xac$\xd5g+\x12$@\xc0P(\x81\xb0R\x9b\xf9@\xc2hg\x9e\xc5F~\xca_'</t>
  </si>
  <si>
    <t>b'\xa5$P=\xa35\x1e\xa8\xfd\xa9\x9bs\xa5\x10\xc0\xb5\x90\x8c\xb6\xcc\xd9Y\xbani\xd4\x15:H\xc0\xa5\x8c'</t>
  </si>
  <si>
    <t>b"\r\xb2z\x97\x0f\x95\xc2\xe7\x1b\x04\x8e^\x1a\xbbS\x00\x9au4\xb0D']\xd4\xb7;\xf5\xd34xC\x8d"</t>
  </si>
  <si>
    <t>b'\r\xab\xf4\x88VQ!^\x1a\x86\x19\xc3C75\xe9j\xbe\x8d\xbb\x14\xab\xeb&lt;\xed\xf7\x830Q\xd7w\x1e'</t>
  </si>
  <si>
    <t>b'\xff\x86r\xdc\x85B^\x1a\xdcw\xa5j\x12\xc5\xfb\x14\xfc\xf3\xf9P\x10\x14\xb6\xd3\xb0`\x9b\xd1d\x9c\xe44'</t>
  </si>
  <si>
    <t>b'\xb1\xba\x8e{\xd0x\xc9^;n\x7ft\x19\x03r&amp;&gt;qq\x8c2\x07\xc1\\\xb7\x82\x91\xb2H\xb1\xac\xcb'</t>
  </si>
  <si>
    <t>b"'\x84I\x92\xdb\xc6\x83\x8f`\xf1\xae[\xb7v@\x85\xd8\xc0\xfdCJ\xd6\xcd\xf6\x1a\xcde\x8b\xf2M\x82\xed"</t>
  </si>
  <si>
    <t>b'\xf6\x140\x88\x92A\xc0\xeb\x1d\xbf\x8e\xa8\x7fuXp\xbby F\xee\x1c\xb8\rfa o1 |#'</t>
  </si>
  <si>
    <t>b'^\xbc2Y\xc9\xeb\xdb\x98\xbeBpM)\x1bO\x9eY\xb0\xf7\x1b\x0bE\xde\xbfD\x86\xb0F \x8a7\xbe'</t>
  </si>
  <si>
    <t>b'\xf9\x9c\xc7\x84&amp;\x9d!\xe4r\xb9g\xfd\xaa\xb5Y)\xe4&lt;=\xb3\xf8\x05\x02\xd3P\x9a^\x88\xbf/\xb9l'</t>
  </si>
  <si>
    <t>b"\x9at\x02\x12\x1d\x01L\xd1,@#V\xfa\xec\rT\xbf-'\x8cd\xf4\xdfs\xf9jx\x11&lt;A\xd8{"</t>
  </si>
  <si>
    <t>b"b\xe8\x9a\x8d{'\xea}:\xe8tU\xb5M\x107M\xe8=\x9b\x03\xa4{\xc1Z \xa9\xf0%\x84=\xfe"</t>
  </si>
  <si>
    <t>b'4\xdc\x84Bo.\xb4e\xa8\x9e\xed\x90r\xdfb\xdcCZA@\xf6\xea\x0f\xa9\xbfb&lt;\xc0[b\x05\x08'</t>
  </si>
  <si>
    <t>b'iZ$79\xfd\x0c\x9e\x13\x90\xb0\xbb\xf8\xdfc~\xf9c\x0f{\xb6\x1fc\xfd\xc4H\x80\xd5\xb0\xb9\xd3Z'</t>
  </si>
  <si>
    <t>b'\xac\x8b\xd1\xf8\x1bEd\xd8\xf0$I\t\x1d\x82Ij]\x14\xea\x08\xfe\xfd)\xce\xcd&lt;\x00\xbf\xd74\xbe\xd8'</t>
  </si>
  <si>
    <t>b"g\xe7O\x97\x1c1!\xa5\x18\x18\x99%|z\xc6~'\x01u\xc3\x1d\x04\xf5\xba\xf8.V\xa5\xc7\x0f\xa1H"</t>
  </si>
  <si>
    <t>b'\x02\xc6\xd6\xf0v\x0e\x06\xb9\xeb\xca%\xff\xe6\x03Y\xf8\n\xba\xcf\xdd\xf9\x04O&gt;\xbd\xbfY\xa6\xf9\xf5\xd2N'</t>
  </si>
  <si>
    <t>b'\xbdr:\x8f\x0e\xe4\x01\x1a77knJ\x92\xd6\xf2U\xf4F\xee\x88\xec\xab"\xf9\x8b\x8a\xf7\x9a\xd8\xdbl'</t>
  </si>
  <si>
    <t>b'%$Y\xc6\xbeAD\x13"\x1fp\xf1q\x1bLQ@\xe7M.\x91\xb5G)G\x80Io\x1d,\xfc6'</t>
  </si>
  <si>
    <t>b'a\x0fd"\x7f\xd6`\xf8\xbb\x8b2{\xc7/\x0br+x\x18.\xd9\xcc\xd4f\xb3\x15\xcfTg\xe0\xe7%'</t>
  </si>
  <si>
    <t>b'\x02g\xe4\xae\xcb\x80\xdd\x96\xe0\xaa\x13\x08\xc6\xc3\xbe\xf4\xa0\xbe\xb8x/\xeb\x15\x19#_\x04\x0e\xc1\xe8\xb3\x98'</t>
  </si>
  <si>
    <t>b'H\x83\x88\xa5z\x7f%\xa1X*1\xb6\xcd\x02\x80\xd5\xcc\xe9\x90\xfbM\xde%\xe5\x88\x90c\xab_\x1cE{'</t>
  </si>
  <si>
    <t>b"\x86\x89\xb9I\\;\xef\xc9J\x8bF\x05\x98\x99\x0e7\xfe\x97''T-\xcd\r(\xd4V\xc7sH\x86U"</t>
  </si>
  <si>
    <t>b'\xe9\xbb9\xafeay\xd6\x8f\xc5I\x88\x95\x91{\x1am\xc1\xd2\xaeA\x1cw\xb6\xb0=\x96/\x94\x9e \x9c'</t>
  </si>
  <si>
    <t>b'S\xf3lw\xd1!\x9f\x17\x9bj\xc4y\xd2\xe8\xc0\x90\xcb\x98\xf7="o8\xfa\xc7E\xa9\xe1\x99\x9ex\x9d'</t>
  </si>
  <si>
    <t>b':\xe6}I\xc1`\x9d\x19M\xf9\xc4w\xb5\xb1\xb3o#\x1a\xe56#\xb3b\x8b}~Kd\xebh\xb9^'</t>
  </si>
  <si>
    <t>b'U\x93P\xeb\xd8}\x962\x02\x81\xae\xa1\r\x99Q\x9a^0\x82\xc9\xb1\xa3\xad[\x97\xaf\xac\xa5\x1b\x8dJ\xbf'</t>
  </si>
  <si>
    <t>b'\x04;13Z\xed\xd0\xff\xa2o\xad\xea\xb2b(p\xf5\xd2z\x1b\x8c\xfe\xa7cQ\xdb\xec\xb9Y\xec\xd9\xd8'</t>
  </si>
  <si>
    <t>b'6\x9b\x85\xf0\x83\xde\xd1\xb8\xd8\x9aU\xb7Ar\x98\x91\x11\xd2\xa9\x89\xb5\xdf\x1d\xa15\xb7\xedv\xbau\xfb\x12'</t>
  </si>
  <si>
    <t>b'mJ&amp;-z\xeb\x93\xbdGQ\xbb\xecC\x9c&lt;\xa1\xab\xd1?Y\xa6mo\xfc\x00\x0e\x82:\\\x08\x1f\xcd'</t>
  </si>
  <si>
    <t>b'z#\x16w\x12(\x9e\xa4\xdeT\t\xaf\xe5\xa0l\xd4JH\xdd\xea\xf6\x14K\xac\x9b"J\x00\xdb\x80\xb2\x11'</t>
  </si>
  <si>
    <t>b'\x14\x12z\x9b\x0c\xd5\xe6\x82.\xa8\x83\x92w-\xd7\xfdyW\xa1\xaeE\xfd\xebZ\x9f&amp;\xe7W\xba\xb4\xcb\xc8'</t>
  </si>
  <si>
    <t>b"\x14\xf4D\xa1\x9c\x89\xdc\x8fqM\xc21\x05\x99\x9c&gt;\xf3AK\xfd{'\xa5&amp;\x83[\xd1Y\nbiU"</t>
  </si>
  <si>
    <t>b'\xac\xf7\x9c\xa3\xaeNI\x8cC\xad\xfd\x02g\xf30\x8d\xf50\xe4\x07\x8a\xb3_\xe0\xfc1\xa7+\xa1\xa6\xe0\xef'</t>
  </si>
  <si>
    <t>b'\x9f\x1aB.?zv\x0eo6qG\xd8\\\x9c\xbd\x89]\x962\x96\xaa\xe3\xf1t\xb9\xbe1\xf6Q\xb6l'</t>
  </si>
  <si>
    <t>b'2\x9f\xd0\x8e\xfb\xda\x96\x14Z\xd0CQY\xf9\x1b{\x1c\xec\x11\x98\x16\xd2\xc4$\xdf\x98\xeb3.*\xd3\x97'</t>
  </si>
  <si>
    <t>b'\xfd| \xd5\xe1\xb5a\xbd\x0c\xb0\xa8\xc9H\x1a\x86\xb5J\xdc\xbfd-l\xb1\xcb\x8e7WIF\xf5\x98\xfc'</t>
  </si>
  <si>
    <t>b'\xaesQC\xc0\x9e\r\xb1\xb1\x87\x86\xe1\xc5\xbf\xbc\x8e\x14\xd5\x10\xa0L\x8d\x0e\xfaI\x9a\xe1\xc4Y\x12\xdc\x14'</t>
  </si>
  <si>
    <t>b'\xae\xd1\xab\xf8\xe7\xa8\xe6B\x9f\x19\xd2\xecWx\x8f\xb5\x1f\xbe\xe1Q\x99n(\x02X\xab\xc3\x8a\xd5R7?'</t>
  </si>
  <si>
    <t>b"\x89\x83\xa8\x0c\x0c\xb0'\x1b\x87\xef\x86\xf4\x9eB]N\xa5\x0b\x98yL+'\xa9\xa2\xa2pl\xba\x1a\xea\x9b"</t>
  </si>
  <si>
    <t>b'\xc2\xe6\x0eI\xb5+&gt;\xc5\x82X\xa1N\xf5eU\xf6\xe4\xe1"\xb6\r\x94\xbf&amp;O\x8bPP\x0f\x05\x82\xdb'</t>
  </si>
  <si>
    <t>b'\xb0\xd3Qo)\x9f\xed?b\x9e\xfcf\xe1\xa2\x87\x07V\xc3\xad\xc8\xf79\xb3\x1f_T\xb9\xe9\x1a\x1a\xbcG'</t>
  </si>
  <si>
    <t>b'\x16\xaf:\xa6\xa5t\xfdH\n2d\x8d-\x96\xa7B\xb0&lt;\x0f\xbdo\xc2*&lt;\xae\xfa7\xdfT#\xc6\xe0'</t>
  </si>
  <si>
    <t>b"N\xa9b\xfe\x11[']\xba96\x8a\n4=\x9d\x9d\r\x173.{\xcd=\xad\x17\x13\x035\xaf.I"</t>
  </si>
  <si>
    <t>b'{\xf3\x16KB\xf4\xcf\x88\xe4\xfc&lt;\xcf\xe1S\xa5\xcb\xd2\x8f\xe4\xef&gt;\x7f\xadN\xa0\x87\xeeT\xea\xd1@\xeb'</t>
  </si>
  <si>
    <t>b'\xbe\xc5pP\xde\xd3}d#\xa1\x7fD\xe1\n\xf5C\x0b\xd2y5s\x89ov\xc6Z4*\x8a\xceYL'</t>
  </si>
  <si>
    <t>b"\x98\x89l\xbc\x84\xf7\x9a\xa8\x0f'o\xde~\xbc@\x86s\xa2]2S\xf2\x86\x82\xc1\xbc\xab\xd6\x81\xa9U\xb2"</t>
  </si>
  <si>
    <t>b'Zo\xb0X\x87S\xa5\x14\x11i\xd5\xdbD\xa8j\xb2#}\xcc\x9f\xd9\xd8\x1c*\x03\x8d\xd7\x140\xf3\xb0\xa9'</t>
  </si>
  <si>
    <t>b'#\x07_ @\xba%-\xb6\xdc(\x16\xf0O\xdb7\xc1\xc3\x11\xf9#\xa9N\xd5W\xd3\xf5\x90Y\xa6\xd4\x0f'</t>
  </si>
  <si>
    <t>b"\x8c\xf9\xf1@B'\x9eKIm\xed\x1c\x7f\x84\xcb\xe42_\xdfh#\xaa(cSI\xd9\xf2\xf5\x97\x92C"</t>
  </si>
  <si>
    <t>b'\xe4O\x89(\xd5\xbb\x98\x82\x05?+\xcdDH\xea\x16\xc8(]=j\xbf\x1e\x1ar;J\xef#\xe4ak'</t>
  </si>
  <si>
    <t>b'\x95\x18e\x90\xf0Xi\\)8+*u\x03\x19\x82\xae\x19\x83,\xabq\x8a:E\xe3\x18\xb9\xb0]\x08r'</t>
  </si>
  <si>
    <t>b"\xe2\xb4\x90\x9e\x17\x8e\x1f\xaa\xc4\xc8\xe1Q\xb8\x8bW\x14\xd8\xe4)\xea\xb2\x18\xd3'\x0bz8\xb2 \x91`&amp;"</t>
  </si>
  <si>
    <t>b'\xbd\x99V\xd8\x8b\xab\x87\x9b\xba\x1e=\xcbQ\x14\xfd\xcb\xa4&lt;j~*\xef\xac\xa3\xfa\xb7@\xd5\xba\x83\xdf\xc6'</t>
  </si>
  <si>
    <t>b'L#i\x15?T\x95h\x9d\x8c\xb8\x007:7 \xac\xac\xaeE[\xfd-`\x80\xfb[\xc3\x1f8\xf8L'</t>
  </si>
  <si>
    <t>b'\x03\xc3\xce\xd98X^\xc1\x117\xd25\xa6eP\xb2\xef!\xf4\xcc\xea\xedm\xc3\x18\t\xc4\xe5:\xb6\x1b\xcf'</t>
  </si>
  <si>
    <t>b'\xb0%\x97p\x8dYTlrc\xff\xe3\xbc\xd3\xab\xd8\xc5\x0c\xbf\xa7o7^\xc9\xc74\xde\xb8b\x88\xa6\xce'</t>
  </si>
  <si>
    <t>b'8&gt;\xcd\x0e\xc8H=^\xc0e\x19\\X)&lt;J\xf9\xa5l\x87+\xf1\x93\x87\xb5\xe8=\xfd+\x05\xbb)'</t>
  </si>
  <si>
    <t>b'b\xb3\xac\xbc\xaa\xcf\x1f\xae@\x91\xc6wR\xcb&lt;\xb6N\xfd\x15\x8c\xf2\x82\x13\xcd]\xdd\xd4\xd26\xe5\x88\xf6'</t>
  </si>
  <si>
    <t>b'D\xf8\x7f\xf1\xd7\xf7\xe3\x8b]\x08J~j\xe9\x7f\xaeg\x88b\xe7\xb2k\x17l\xc9y\\i\xf0\xc1\xaf3'</t>
  </si>
  <si>
    <t>b"H)f:\xdd\xc7\xae]s\\[f'!\x1c[\xe0G7\x01\x06O\xa1$\xdd\xca\\\xc3\xdeN9\x9d"</t>
  </si>
  <si>
    <t>b"\xa3\xd8\x15f\x0b\xbc\xddD';i?\xeb\x17Lt4&gt;\xafn\xaf\xfb\x8d\x93bE\xeb5=\xc9E\x93"</t>
  </si>
  <si>
    <t>b'|\x95o%\x90\xe6\xe9\xb0g\x89\x9b |\xa2\xf0\xcf!W"&amp;\x136\xdcY\x9bt:7\x81\xfe2\x1c'</t>
  </si>
  <si>
    <t>b'\x19\x9fn\x03\xe0\xef\x9b\xf6&gt;m\xb94\x11\xe8\xff\xdf\xa4dK\x91Y\x923\x06\xecvm\x1b\x81x\xbc\xe9'</t>
  </si>
  <si>
    <t>b'L&gt;\xbd\x9f\x8ej\x82\x8d\xb9\xba\x8b\x1dyRl\xca\xdbl\xf7\xed\xe16\x00\xb2&amp;\x9fy\x8c\xac.\xa0\x8a'</t>
  </si>
  <si>
    <t>b'G\xd4&gt;\x1b\x80gc\xe52\xb2\\\xb8L#\xe9\x99\x0b\to7\x9d\x1eO^/[\x86k\x99?{\xce'</t>
  </si>
  <si>
    <t>b'\xb7\xce\xac&lt;\x0b\xd1\xfb\xae\xb0\xed=\x14&amp;\x14Zi\xea\xea\xda\x88x\x1f\xb7\x98\x90\x9a\xb3&amp;f\x83[\xff'</t>
  </si>
  <si>
    <t>b'\xc60@,\xa6\x01l\xad\x8e\xf7&lt;\t\xaa\x04c\xf7\xf5\xf5\xf4\xd8\\\xb2\xbc\xca\xae\x92\x178\xfa\x96\x9d\xc4'</t>
  </si>
  <si>
    <t>b'\x8f\xfe\xfc\xb6\xe9\xdc\xa0\x87\xf0\xd6\x8fz\xfe\xcf\xd5xg}\xb1%\xaae\xe2I\xea9\xce\xe7x\xe2\xfc\x8c'</t>
  </si>
  <si>
    <t>b'\x19\x08\x0c\xb2\xfc\x1c\x1an\xcc\x87\xf4\xda\x00\xef\x1eH\xf8$\x98\x94z\x07\xd4\x0e\x0c\x13\x15&gt;\xb7\xe1\xc45'</t>
  </si>
  <si>
    <t>b'\xd7\xeb\xbb\\\x04\xb1?.\\+V\xediO\xe8\xdc\x07&gt;Z\x0fz\xa6!\xf89\x18\xd8Q\xc5\xee\x7f\x17'</t>
  </si>
  <si>
    <t>b'&gt;\x1bq\xe0\xaa\x04I\x86\xbb\x15s\xd4{]!\xcb\x99\xe2\xcf\x82\x18\x9ef\xb1"\x97\xbe\x87T\xf3\xf8\xd0'</t>
  </si>
  <si>
    <t>b"\x84\x0b\x86\xc3\x82\xba\x0e\xe2\xc3\xc6N\xa0\xbb\x16\xd3\x92y\xb9\xad\xc6l\xa1'\xeal\xce\xd7\xb3\x9c\xf3\xf0\x84"</t>
  </si>
  <si>
    <t>b"\x99\xb1\x06%3\xab\x18\xf8\x06\xa8\x85\xc3\xab\x05\xa1\xa4%\xf5&amp;\x87.Q`q'\x83\x9a\xe8\xdc\x8d\x93\xa4"</t>
  </si>
  <si>
    <t>b"\xa2X\x16\xed\x1e\xea\xd1\xe2tI'S\x9f\xa9)8\xae\x12\x1ffW\xe1\xce\xd4I%\n\xf3\x81IeI"</t>
  </si>
  <si>
    <t>b'\xcbJL?\x88\x0eZZ\xda\xc2\xbd1M\xc3\x8e\xa6\x16\x9f2\x0e\xe4\xbb\n5\xed\x16\x05\x19pPk\x9b'</t>
  </si>
  <si>
    <t>b'\xb5\xb0\xb4\x02\x9c\x06O\xdf\x96c\xde\xe2\x99\x1b\xb1\x1d\xafL\xa9(\xcaK\x93\xcc\xc5\xca\xb6;5m\x16\xf3'</t>
  </si>
  <si>
    <t>b'\x9e \xaeQF\xe9\x95+\x12\xc1\x92\xe0\xbfE|\x9d\xd6\xa3\x10\xf7q ~\xe2)\xcbu\x9c\xab+\x1e\xd9'</t>
  </si>
  <si>
    <t>b'\xe9\x1e\xa790C\xa5\x05\xf7\x94\xa8\xee\xe2\x0f\xb5\xdc\x82FP\x05\x9aF\xb7\xeb\x9e\xfa\xccGV\xccp~'</t>
  </si>
  <si>
    <t>b'\xf8c9i\n\x0f\x8d\x92z$\x9e#\x9c\x8dp\x9fQ\\\x92\xc7\xe9\xbeD\x00\xfd\xd7\x86\xf6\xde\xa5\xcd\xa9'</t>
  </si>
  <si>
    <t>b'\xf8\xba\x1b\xcf\x04g1\x02\xa7HdT\x1044q\x89C\x12\xe9\xce\xf4\t\xbe\x16)s\xffR\xfa(\x08'</t>
  </si>
  <si>
    <t>b'\xe63\xcc\xe6\xac\xad\x84\x80\xf5\xcc\x92]\x81\x15\x18\xc8\\\xf6G\xb4\xaf5\xf1\xb0.\xdc\xcd\xea\xd5\x1b\x92\x85'</t>
  </si>
  <si>
    <t>b'\xefG\x08\x97\xaa;l\r\x07\x98\x12\xaew\xeboH\x8bY\xa8\r&amp;&amp;kG\xb0\xcb\xd1G\xc0h\x98e'</t>
  </si>
  <si>
    <t>b'\x17Y\xfd\xdb\xa0\xa8i/,_)M\xe5\xcc\xab1\xd6\n\xe5\xd3Fx\xcbo1\xbbb\xb4\xaf\x0eN0'</t>
  </si>
  <si>
    <t>b':\x8e\x10\x08\xf9\xc3\x1b\x0f\x12\xa9M!\xb3\x91\x9e\xfe\xb8L\xbc\xe5i\xc07\xf4\xb5\xf8\x9c\xa9[y\rh'</t>
  </si>
  <si>
    <t>b'H\x14x\'mb\xcc@\x81["\xbe\x14\xa1\x9e\x0e\xd2\xb5p&amp;.\x0b\x96`\x19a\xd5\xf4\t\xcd1q'</t>
  </si>
  <si>
    <t>b'\x0c\xbbj9\xaaj\x8c|\x17c\xde\xddN\xa3b.:\xc0\xf5\xe6\r?g\xf5\xd81\xbb\x03\xce\xc3\xb72'</t>
  </si>
  <si>
    <t>b'\x113\x03\xc1\xc6\x07)`sY\x8d\xb5\xa1\xf6\x11\xdc\xd6m&gt;\x0b\xb0a\x8f\x83G\x9e2m\x1a6Y\xa7'</t>
  </si>
  <si>
    <t>b"\x845[&lt;\x8dL\xc7\xa8\xaa\x16\x95\xdb\x89\x98vh\x85\xc6\xbe\x1fl\x84gI\x91\xf3'!\x127uT"</t>
  </si>
  <si>
    <t>b'\xf4+\xcf?\t\xf1-\xe4\xae\xef\xdb1\xbe\xc7\x84\xc2\x1d\xed\x96^"\x84\xef\xff\xa6\xbec\x1b\x15B\x00w'</t>
  </si>
  <si>
    <t>b'\x15\xf0uc\xee,\xb6\x9a\x97\xa9A\x8d\x8b\xa5\x17\x1dz\xcep\x9av\x8b\xad\xc6\xf9\x99Pw\xec\x95\x00\xeb'</t>
  </si>
  <si>
    <t>b'\xdff]\x10\xed]X\x10\x96X\xb4\xa9\xbbv\xe1\x95\xe4,\xc9x\tl\xcb\xcdB\xd6#\x94~\x1b\xf7M'</t>
  </si>
  <si>
    <t>b'#\xf0\x96\xfd\xae\\KG\x8e9\xe0\xb3\xe67\xa7\xb3P\xca&gt;\xe6Ub\xab\xa8sw\xd0\xcbPyCh'</t>
  </si>
  <si>
    <t>b'\xe8\x87m\xe5\xb8\n\x99\xd9\xa3a(\x10:\x01\xf8kg\x82\xf1\xc7(\n\x10\x00\xc0P\x10\xcf/R\x00\t'</t>
  </si>
  <si>
    <t>b'\x11\xde\xd1J})\xaco\xfdF"\x0c\xd9]\xfe\xc2\xad\x12\xeb-\x9a\xdf\x8d\x0eZGo\xcc\x9b\x85\\\x92'</t>
  </si>
  <si>
    <t>b'\x1f\xa4\xd0\xde\xacr{\x99-C\xaa&amp;\xf77\xd8\x05\xcf\xb7\x10\xd4\x81\xa4\xb8o\xf8\x0c\x0e,\x0f6A9'</t>
  </si>
  <si>
    <t>b"\x84\xb7\xcc\xb3\xf9\xf4t\xf8\x85\x8e\x0b\x8d\xbbm\xd4(\x11\x85$'\x8a\xe3C\xc3\x03\x8e\xba\xd5U\xa0\x1fa"</t>
  </si>
  <si>
    <t>b'44&gt;[\n\xf4\x85\xa2\x08+\xc5\xbe\xcbU\x1dO\xabr\x9bI\xe4\xc2\x9c\xb1B?\x04\xd6\xbf\x87\xae\xc4'</t>
  </si>
  <si>
    <t>b'Q\xae\x9e\xe1\xfe\xb1\\\xb8\x8f\xe0\xea\xd1\xfb\xa2\x8c\xf2\x93o(\xf47b 0B\xc1K\x05\xb5a(\xa2'</t>
  </si>
  <si>
    <t>b'\\\xa9\xbc\xff\xe3\xae\xa7\xefY\xca$2%\xfc\xab\xed=\xef!\xf1\x0b&lt;J\xb5\xa2{;g\xda\x00\xf3\xd6'</t>
  </si>
  <si>
    <t>b'\xaa\xc3h%\xf7u\xb5a\x1b\xceh\xf2!u\x1eo\xb1&gt;\xe3\x9d\x1f1A\x91\x17XM\xb1\x06\x0e-\xfc'</t>
  </si>
  <si>
    <t>b'i\xc0m\xc9\xcc-\x15\xe7\x05\xc3\xde($*#\x17\xc0t\xdfHg~\x0c\xfd/-\xcf\x04\xa4v\xc0\xec'</t>
  </si>
  <si>
    <t>b'\xe3\xeaD\xb2\x1f\x8e\xccs\x92;z?\x16\xc0\x81\x80Hf\x1e\xad\x03\x00\x9b}\x0c\xdc\x88\x982\xf8@\xc3'</t>
  </si>
  <si>
    <t>b'\xc3\x0b\x8f\xfa\xe5\x12z0a\xf95!\x957\xe1\xd2\x92MT\xf5F\xa7\x1b"\xe1rSHl&lt;\x11)'</t>
  </si>
  <si>
    <t>b'q\xe1i@+\x0ev\xf9w\x80r\xd9lO\xf8"\xa7\x02;\xbc=\x9d\xdb\x08\x81,\xcb\xf82\xfb[\xda'</t>
  </si>
  <si>
    <t>b'\x05\xa5g\xee`\xf6f\xa0\xad\xe7\x7f\xee1\xd2\xc4a\xbb\xd2\xab#\x8c\xe3\xfc\x1e=\xc2\x9c)\x9c\xb9f\x9f'</t>
  </si>
  <si>
    <t>b"\xca\xe46\xecj\xbd{\xa7[\xc6\xc8$=\xd9\x19'F\xf3\x02\xd3Dl5\xabWB}M6\xa6\xb91"</t>
  </si>
  <si>
    <t>b'Q\xf4\xd9\xe99M\xa4\n\x84:\x84\xd52q\\\x84r\x1c\xcaF\xa1"{\xa3\xecs\xa4\xf4\x9e\xa6\xb6\xa6'</t>
  </si>
  <si>
    <t>b'y\x82\x90\x1d\t\xa5dWF+q\xbf\xf2\xf3\xdb\xe8\xa9\xd6\xf8J\xca\xd1\x1b\xf7@#\xb97\xe0\x0c\xd5\xd9'</t>
  </si>
  <si>
    <t>b' \xf7`\xc5\x91s]\x88\x9d#\x020\xff\x98L\xf9\xdf\xfe\xcb\xd6\xf5K1\x8c\xf5\xd4\x94\x97\x86\x93\x95\x94'</t>
  </si>
  <si>
    <t>b"\x16Y&lt;L\xe0g8+\x9e\xd6(`\xcc\xc5\xb7\x95+\xd4\xbf\xda\xda\xf6'\\\x897\xe7\xd1\xc8L\xe5%"</t>
  </si>
  <si>
    <t>b'\xb6\x8d\xf7\xa9\x1e\xf9\xcf\x81\x12\xc8\x0e\xb6"\xe8\xcb\xc6\xf1h\xdb\x92\xadx\x90\x1d\xcf\xe7@f\xfcM#\xaa'</t>
  </si>
  <si>
    <t>b'\x99E]\x1cPH@\xb8\x82\x03\xef\x8b\xef\xcfPD\xbe\\n\xe2\x14\xc3(&gt;6\xe5\x1bN\x82z\xa5\x87'</t>
  </si>
  <si>
    <t>b'\x94\x9f{b+guT\xf1\xccAr\xc7\xf0\xce\xf3e\x92\tA\x96uY\x7fe\xc3\x9f\xebK\x1eq\xfc'</t>
  </si>
  <si>
    <t>b'\xe9F\xf5|3\x88\x86\xc3mi\xf2\xfc\x13\xad\xe1\nt\xe5\x89\x86C\xc1\xf6g\x85+x\x93pQ*6'</t>
  </si>
  <si>
    <t>b'\xe8\x08\xcah\x160\xd7/\xa7\xe3\xb2FK\xfe.\xb54\x01G\xa0\xad\x08\xb1\xe1\xfb\xd6\x7f\x0b\xc3\xc7\xa7\xbd'</t>
  </si>
  <si>
    <t>b'\xa1\xd6L\xd1\xec\xfb0\xef\xe8\xec\xbb\x05u\x1c\x9a?\xfb\xc2O\xf4\xe0\xda\xd6[\x9e\xc79\xb1\xa6\x16e\xcf'</t>
  </si>
  <si>
    <t>b"$\x99+f9\x81V\x99\xba:\xea%+1O\x183\xc3\xbf\x88|\xe0X\xea\xcb\xab\\'\\9\xa5e"</t>
  </si>
  <si>
    <t>b'\x14;\x81\xd0\x98\x7f\xc9d\xae\xfcR\x1a\xe5\x08\x8d\xa2\xc0\x7f}a\x80t\xf6\xc1\xf1\t\xcb\x8a{NHL'</t>
  </si>
  <si>
    <t>b'\x97\xd3Js\xe0\x10p\xe6\xa5K\xe4B\x00\x9b\xf2\x11\xb0Gwt\x97OA\xb4\xc6\xbb\xc5\xf0\xcb\xf2+\xdf'</t>
  </si>
  <si>
    <t>b"\x02,H\x99}\xa3Q\xf5:\xb3\x1a\x8b{3\xe3\xb0s\xd4\x98g5`\xcd\x06r\xe9\xbe\xcc\xf0\x06'\xaa"</t>
  </si>
  <si>
    <t>b'h\xc7\xdb\x05a$4\xbdVg\xbdj\xab\x1fb\x98\x99\xbd\xafYx\xaa\x18\xb1\x0eZj\\\x0e-\xda\x92'</t>
  </si>
  <si>
    <t>b')\xfc\xc9\xf5u\xea\xf7%%\xca\x81\xbf\xe96\xe0\xcd\xa9\x9fl\x9aU\xe07\xe4\xfe\n\xadV!\x98s1'</t>
  </si>
  <si>
    <t>b'\xfb\nL\xbb\xe8]\xdbh\xc7\xef\xfa\\r\xb8\xefY\n\xbf\xee\x96\x16Ssc]\x03\xc3Z\xd2\xfb\xb1\xf0'</t>
  </si>
  <si>
    <t>b'-$\xca\xbd\t\xff\xe7[\x9a\xab\x15\xfd\xc0\tnI\x9e\xf3q\xe6IB\x82\x1f:\xd8+\x8f\x86\xd3L\x92'</t>
  </si>
  <si>
    <t>b'z\x16:\xc7&gt;Y\xd4k\x12\xef]\x17_\x90\x10\xd1\xbd\xb3\xber\xf8\xa9\xb4\x99\x8d\xce\xdf+\xd73\xefs'</t>
  </si>
  <si>
    <t>b'TZ\xc6b\xf7#\x85\xb2\xe2OP\xb5kA,P6W\x1a\x080^\x94\x1b\xfd:\x8a\x84Z\x9a\xd7\x87'</t>
  </si>
  <si>
    <t>b'\xe00\xb2\x19\xbe\x899D\xe0\xce\xb1\xdbI\x18\xde\xa3\xb12\xc9\xffh\x9cs{q&amp;\xc3{\x9e\x04\xd1i'</t>
  </si>
  <si>
    <t>b"c\xb3eA\xe9c\xb2\xa9\x0c\xf1\x83\xf6X\xa6\x1c\xcc\x8c'\x16`\x1f\x83\x9b\x11\xe4\xa7\xa9\xb3\x1fe\xc6\xef"</t>
  </si>
  <si>
    <t>b'.\xab\xf2\xfa\xa8E\x82\xe2\x8a\x91\xdf9\x9b2\x96\x9d\xfe\xec\xbf\x16sq&amp;X\xb3g(6\x07\x05\xb0\r'</t>
  </si>
  <si>
    <t>b'\x94\x9f$\xb5\xf7\x86\x1b~yj\xb2\x8b\xc3:\xd5\x15\x9d\x99i\xa33\xdd\xb1\x12\xed\xc4b\x88J\x12\xe3['</t>
  </si>
  <si>
    <t>b'\xb8$\x87\xbd!WJ\xedV\xc3\xd3\xe0\xe7-\xb2\xda\xfe\x16q\xb8\x0f\x9e\x8f\xf85\x16\xf6\xf3(\xe4+\x8c'</t>
  </si>
  <si>
    <t>b'\t\xa0^\x1c\x16\xc6\x07\xbaC\xdb\xa41\x14\xbdqg\xe9\x1b\x9d\xc4G\xa5S\xb3\x02\xbc\x88O\xd30\xddT'</t>
  </si>
  <si>
    <t>b'\xf4\xa3\xdb\x19mO\x9d\xb0\x12\\\xc7U\xcbX#,xY\x01\xe0\xf9\xe7\xc5\xab\xd9\\\xa8y&lt;\x017\x84'</t>
  </si>
  <si>
    <t>b"\xa5\xfa\x08\x8a:rO\xe0\xd4\x0e(\x17\x94R\x00\xf33\xc4Ft\xbb\x10X.\x00\x9f*\xf6'xt\xc6"</t>
  </si>
  <si>
    <t>b's\xde\xd1\xb0\x96.\x98kA\xca\x90\xda[\xd0\x8a\xc8\x12\x01\n\xfe\x08\x17\xd1Fw\x98\x9e\xda\xcd\xdd\x19\xeb'</t>
  </si>
  <si>
    <t>b"\xb6\xc5\xad\xdb'0\x9c_\xe8d\xeb\xac\x01\t\xc8h\xd4\xb9m\xff\x8b}\x00X\xea\xee\xe1\xbf\x9e\xfb\xabb"</t>
  </si>
  <si>
    <t>b'C#\x814\x0e\xa0e\xbb\xaaP\x9c\x9cz|\xe4\x10@w\x1d\xcc5\xca\xf1\x14\xfe\x9d\x8f\xe5I\x10\x16\xbe'</t>
  </si>
  <si>
    <t>b'\xfb\x00\xcf\xc50U\xb4\x0f\x88Be\x89\xf3S\xb4\xea/\xbaV0\xba\x02S\xa7/\x84w~\xeb\x1d\x1d\xe8'</t>
  </si>
  <si>
    <t>b'_\xcd.\x0f\xff\xac\x7fPX\xe2\r\x0c\xa9Z\xb4\xd7\xa8PhI)\xa2\\\x86\x1ab?\x10\xc9\x9d]['</t>
  </si>
  <si>
    <t>b'N\xb2{\x81\xb0\xf6 g\x0c\xb2}hH@\x93\xe4\xeb9\x19\xd3\x84\x84\x1f&gt;\xa6\x1fL\xe1\xe6[\x1f\x03'</t>
  </si>
  <si>
    <t>b',\x9c\xf03S\xc4$\xf18\x97N^\xa5\xbb\xfc3\xf6d4&amp;\x96\xa6 w\x99\xbb\xfc1H\xe6dy'</t>
  </si>
  <si>
    <t>b'\xb0k\xc4p\xf9`\x16\x18X\xf5\x0c\x16\xeeB\x12\xcfBZ\x06\xa8\xbb\xa8|uh,;qK\x13\r\xaa'</t>
  </si>
  <si>
    <t>b'\xda\xd7\xdb\xe9\xdb\xbf\xdf}3f\x8c\xd0\xb9\xa4\xa2\x87\x82E\xcb\xa0\x19\xcb\xfd\xea\xa6\xaeP\x07\xb5/[\xbb'</t>
  </si>
  <si>
    <t>b'l\x18~x\xd9\x12\xcb\x15](z\x0b\xa4\x15Nn6\xd8Z\x95\x1f\x9d\xeb$(\x1b\xd14\xaf\xef&gt;\xbd'</t>
  </si>
  <si>
    <t>b'\xf6"\x0b\xc0[\x17\xd0\xcez\xccu\x00\x1e\xc5l\x1c\xc6\xa8\xa1\xba\xc4\x0b`!\xf0+&amp;;\xa1\xe08\x9e'</t>
  </si>
  <si>
    <t>b"\xc3?'\xd0\xf6A)\xc2U}\xd3\xf2\xf5\xa3\xb8\xe9\x0e\xb1v2r\x15\x18\xb8\xa3\xdd\xd6\x0c\xd9-\xde\xb7"</t>
  </si>
  <si>
    <t>b"\x80\xbd\xc7l/\xbc\xdf1\xb7\xf4\x84\xfd\x85\xfc\xf2\xf7\x9aQ\x92\xd6\x88\xe2bj7,U'\xc6\xc5\x11\x03"</t>
  </si>
  <si>
    <t>b'\xbd++\xb84r\x98\xc3\x14!\xa5\xd9\xdc^\x95H\x82\x1d\xdc\xc3\\\xcf\xfe\xf1\xbd\xf8\x07\x82\xb7\x92\xe8s'</t>
  </si>
  <si>
    <t>b'\xfb\xb0\xd9\xf7\n&lt;\xd2\x80)\x10\xed\x14\x07\x14\x17\xb4\x7fc\xae\xc8$\xe1;\x80F\x18\r\xa1\xe7\xaa\xed\x17'</t>
  </si>
  <si>
    <t>b'^\xde\xad\x96\xd5|\xa0\xb8\xbe&amp;\xd7\xe2\xfc8\xc1\xf7\xc71\x92MCO\x86\x1b\xf1\xf2\x18F\xaf\xac\xb5\x15'</t>
  </si>
  <si>
    <t>b'\xa2\x04\xbaW\xb4\xe9\xcd@\x16\x9f\xdb\xcfs\xcb`\xf6\xf3\xc9\x13\x0e%\x1f\xeb\x0f|\x17\x9fK{x5\xd2'</t>
  </si>
  <si>
    <t>b'\xf3\xfa\x15SC\xd8\x9e\x17\xb6v\xc8rq\xdd[\x9aGM6\xce\xf5\xb3B~\xd4\xb7\xbeG\xe7z$\xbb'</t>
  </si>
  <si>
    <t>b"\xbagW'\xca!\xfaQk\xc3y\n_\xe5\xfb\xeb\x11\xad\x10\x0cb\xef\x1b\xf3q\x1a\xf2\xe3C\x04{~"</t>
  </si>
  <si>
    <t>b'$a\x86T\xbf\x08\xd9gJ\x85\xc9\x1f\xbd4\x9e\xcb\xa0~\xe3\xe80\xb0l\x0b\x818J\x10\xc4\x86*\x98'</t>
  </si>
  <si>
    <t>b'_\x91\x9b\x1e\xc0fq\x9c(:t\xac\xfdz\x1e\xd2\xa4\x1f\xf3\x90\x82@\xbf$\xe7\\\x98\x96\xc4\xd0\xd1d'</t>
  </si>
  <si>
    <t>b'\xb6\xad\xdb\x1bJ\x7f\xe5\xe6\x94#\xf9u"\xdc\xaa\xc0x\x0e\x86\xba\xfc\xbf\x81\xa1\xf8\x8c\xc9YM\xd0\xf1\x0b'</t>
  </si>
  <si>
    <t>b'KQ1\xc2\xfb\xb1\xd4\xfe\x18\xe8\xea\xcb\xc4B\xb5\xfe\xf5\r\x10\x95l\x0e\xd1\xf5m1\x1a\x16\xba\xef\xb1\xba'</t>
  </si>
  <si>
    <t>b";\x83'E$+\xc5-[\xa4@\x8c\xc8?\x94\xf7\xec_,\xc1\xc7\x15h\xd8\xef\xf8\x9c\x18\xcc\x90\xf6\x8f"</t>
  </si>
  <si>
    <t>b'\xb5\x07\x07\xf0\xe8\xa08\x15\x18\xa4!\xe4\xcd\x86\xd7\x8b\xdcl\xe7\xafH\xf3 l\x88\xd1\xa7\x86\xee\xaa\xc1\xb2'</t>
  </si>
  <si>
    <t>b'\\zR\x98\x9e\xd4\xb7F+\x03\x0e{\x06^\xdau|\xd8\xee\xd3\x87\xb9\x9f\xd3\x8c\x16/9\xc2%\xd1\x8b'</t>
  </si>
  <si>
    <t>b'y\nH\x14\xd2i\xb0p\x94\x80\xf9\xe1"V\xbb\xcd\tyU`X%\xc7\x1cM\xa9ae7z\xc0\x8c'</t>
  </si>
  <si>
    <t>b'\x9b\x85\xee\xf8\xd5c3@\xbbX\xe8B~2]\xecho\x96\x1b,\x0c\xf38\xb58\x15tY\x04\xb1\xee'</t>
  </si>
  <si>
    <t>b'\xe5\xcc\x065\xc5\x7f\x99E\\KWb\xdc\xea\x9d\xaf\x96\x15\x81oR\xa2H\xcaV\x9be\xd1:i\xf4\xc9'</t>
  </si>
  <si>
    <t>b'\xdf\x1fu\x14\x88\xf9U\xda\x95\xf6\xc3Z9\x01~4\xdcs\xecT\xa3;\x1c\x95\x8f\x80[\x1d\xd6R\x13\xba'</t>
  </si>
  <si>
    <t>b'\x9bN\\\xfc\x9d^\xca\xc32&lt;\xbfOi\x8bB\x82\x99/d\x1d\xd22d\x06\xd8\xcd\x85P\x1d\xb5\xc6\xe1'</t>
  </si>
  <si>
    <t>b'@\xbe\xad\xab\xa7F\x03\x99n\xbc\xe3\xcb\xa1\x8cT\x05\x8c\xb8#\xb6\xf1 \xff\xe4&gt;\xe0\r\xc8\xaa\x9b\x91\xb3'</t>
  </si>
  <si>
    <t>b'\xa2hJ\x0e\x1e\x12\xc8h\xf6r-\r\nL\xf6"\xa1\x01C~F\x96A\xb4uJV\xd1o\x95\xff\x86'</t>
  </si>
  <si>
    <t>b'R?y&gt;\xa4\xd9\x0e\xf9\x03\xabv\x94BwY/D\x19qR\xecL\xcai3X_\xce\x03?7\xc2'</t>
  </si>
  <si>
    <t>b'\xb2$@\n\xd4d\x82G4\x8a\xc9\x021\x1e\x11\xd6t\xe1\xfa\xc3\xa4\xd87\xe5\x83\xb7vt=\xdc\xea\xda'</t>
  </si>
  <si>
    <t>b'\xa0\xe1\xccz+\xfd\xb0\x99tv\xbbRSg\x98\x93b\xe4\x1cS\x1fB3t\x08Ns\x03\n!U\x96'</t>
  </si>
  <si>
    <t>b'\xa7\x8f\xca\x9b\x0eo{a\xeb2)\x94\xebW\x96\xebQ\\\x14\xfb48-\x87\xe0\xd9\x9b\xfdL\x1cjH'</t>
  </si>
  <si>
    <t>b'\x15\x07\x9f\xe0\xa8\xb1!\xa9\xb5F9~\x9d\x82\xd3\x0b\xb0[\xbd\x00\x8f\xb4\xff5\xa0\x84\xcb{\xb6|\x191'</t>
  </si>
  <si>
    <t>b'g\x9f\x97\xf9\x00=\xc2\xdd?\xb4~f&lt;\x1f\xb2\x8d\xcb\x03\x9f\x8f^d\xd8\n\xf7\xf5\xd0\xdf\xb75\xf3\xbf'</t>
  </si>
  <si>
    <t>b'\xac\xf8z\x9d\x7f\xd9&gt;\xd7\xb3\x89\r\x84\xc4K\xd0O*c\xb4w\x18\x8b(KP$\x8b\xb4\x16\xb3]U'</t>
  </si>
  <si>
    <t>b'O4\xeb\xa2\xf4:\xbd"i\xbbE\xec\x16=\x04 \xf5HQ\x94\xebK\x15\xf8\x1a-C\xcd\x11\xa2\x1c\x9a'</t>
  </si>
  <si>
    <t>b'\xfcK2u\xba=\r\x80*L\x18C\xcc\x85-M\xb0k\xfd\xfc\x95\xdc{\xceSw\xe3\x08Z\xcd\xed\xe9'</t>
  </si>
  <si>
    <t>b'\x9f\xc1\x83\xe1\\f\x98R\xb5h\x9b\xb78TL\xf9w4\x12X\xe4\xd4\xed\x11p\xceF\xb4\xee\x86&gt;h'</t>
  </si>
  <si>
    <t>b'[\xb54&gt;\x01M\x11p\x1d\x1c\x9e\x0bL7\xfc*\xa2\x8d\xa6\x87\xaeW\xe5\xec\xa4T\xbbZ\xe0\xfbD\x82'</t>
  </si>
  <si>
    <t>b"\x8bx\xb0V\x00\x80\x80'd\xae\t\x16\xf6Y\xc4\xc03\x84\x13\x9e\x11\xe1\x80\x17\xb2\xa3}\x9a\xd6\n\xcb\xcd"</t>
  </si>
  <si>
    <t>b'+\x8c\x8b\x98\xf6+\xee\xdd\x04\x9c\xbd\xfd)\xdeo\xf52\x06@\xc3\xd3T\xa8\xc0\r\xb95\xa8|\xf4\xe3\xfb'</t>
  </si>
  <si>
    <t>b'Op\x14\x1d\x1e\xffV&gt;n\xe8\x1es\xe6\\\xbd\xc0eI\xc6\x01\x8dI\xaa\x88D\x86F\xd2UNk\x84'</t>
  </si>
  <si>
    <t>b'.\xb2]\xb54=\x16\xb7z}\n\xb1Lc0T\xe7d\x9a\xc1\xd3\xda\xb1\xd4S\xc8\xba&lt;\x16\xd8\x18\x96'</t>
  </si>
  <si>
    <t>b'\xd8k\xbfF\xd3\xc92\x95+\xd7\xbem\x07\xec\xf2=\x1f\xd2\xf5:\x85\xefUB\x1bEL\xdf\xe8(\x06\xa0'</t>
  </si>
  <si>
    <t>b'\x08\xf5?&gt;\xea\x04\x92a\n\xb81\xd5R1X\xf1\x05-R\xad\xdb\xc2P\xbeS\x9a,R\xf6B\xd5\x8a'</t>
  </si>
  <si>
    <t>b'\xf1d\x97\x88\xb2\x14,\xc0\x19\x97\xcf\xb3\x95?\x10\xaf-b\xc4]\xefwpGL\xea\xf3"\x86&amp;lH'</t>
  </si>
  <si>
    <t>b'\xedi\x80B\xaa\x18\xebn\xd7\xfaT\xbb\xa8\xca\xfb\xda\x9b\xbd\xa2\xd4\x1e\xa2G\x97;\xc9o\xbf\xeb\x02\xe0\x83'</t>
  </si>
  <si>
    <t>b'\xb9\xf3\r\x01\r\xd0\x13\xb7\x1d\xe4\xa8z\x8c$\xa37\xbbw\xd4\x0bX\x80\xdb\xe3k&gt;\xc0\xf4C\\=x'</t>
  </si>
  <si>
    <t>b'\x82X3\xc0\x1d\xb5\x889\x06\xad\x12m-\xac\xace/\x15&gt;p\xaaT\x81\xb7\xf9Au\xcb\xba\x88\x03x'</t>
  </si>
  <si>
    <t>b"b'\xd2Q\xe1\x86\xf8\x10N)t=1\xd2\xe7E\xd1\x11T\x0f\x87\x97(\xb2\xbeG.\xeb\x08m\xfbt"</t>
  </si>
  <si>
    <t>b'\xfe\xb9\xd8b\xf9\x00\xd4\xb7|\x08C\x0b\xfa\xac4\xb4\x12O\xf1;\xfc\x8b\xbf\xee\x871\xee\x17z\xa2q\xcf'</t>
  </si>
  <si>
    <t>b'\xfb\xcd?\xb4\xf25\x12X\x06Q\x0c*\x85\xa3}\x0e\xe1E\xebOc5\xb4Qn\x16wTO\xa9\xccK'</t>
  </si>
  <si>
    <t>b'\xfc\xcf\x1b\x99\x01\x97\xa5`\x82\nM\xa8\xb1\x01*\xc66|\xb5\xad8\xfd\xfdsm\x8b\xd2c\x18\x0b/{'</t>
  </si>
  <si>
    <t>b'wO\xa3\x1f\xc1\xe0\xdc\xc9\t\x89\xff"-\r\x86Lc\xb1\xa4\x9e \x94e\xfd\xbf\xb6vD\xcb\xca\xc3\x05'</t>
  </si>
  <si>
    <t>b'\xae\x9a\xa9\xfa\xe2d\x15kS{m8\xf5qW\x8f2x\xdedN\\b\xa5\x8a\x90&amp;\xaez\x0e\xfd8'</t>
  </si>
  <si>
    <t>b'\xc1\xe14i\x10\xd1\x8b\xd3\xde\x14\xc5\xac\xd6R\xfd\xf1\xc8D\xd3\xba\xc6\xc5\x7fv5\xc3\xfd\x8a\xd3\xdf\x83\r'</t>
  </si>
  <si>
    <t>b')\xf3B\xaf\x83&gt;\x8cc\xa2\xc3\xcf\x14\x16\xef1?\xdb`\n\x03\xca\x9f\xe6\x8dr\xb9\xf3\x05\xff+\x05\xae'</t>
  </si>
  <si>
    <t>b'(\xa0\t\xd4Xg;\xf5\xf6\x9c\xefx[\xc4\xf6c\xf6Z\x8a\xb7\xd6\x07:\xe4,\xc6j\xa5\xb1\x05\xa7\x0f'</t>
  </si>
  <si>
    <t>b'\x80\xc8\xad\x9b\x05\xacY\xdc\x0b\x06Hp.\x83\xb9Z\xf3\xad\xf3\xf1\x00\xc4\xac\xc2\xa2\x10\x86\xabc-\tq'</t>
  </si>
  <si>
    <t>b"8'\xa65W\x91&lt;\xa56\xea\n\x05\x14cLi\x94\xa4d\t\xa4\xf0\xb7\x1b\xe8\xba\xd3lG\x94\xa5\x86"</t>
  </si>
  <si>
    <t>b'rNJ)\xb6:\x97T\xce\x1d\xaa\t\xf8-&lt;?~Xw\xb9\x021\xf4`\xee\x9d\x93=I\r\x89\x05'</t>
  </si>
  <si>
    <t>b'Smv\x14\xee\x9a\xf4\xf70)\x02\xe4(\xc8\xeb,\xcc\xf4|\x06\xdb\xa8\xfeE\xe7\xd8O\x92d\x9a\x1cu'</t>
  </si>
  <si>
    <t>b'\xfek\xc7\x8b$&amp;\xe3&lt;\x0bw\xbb@\x01\x95\xdc\xc4A?{\xa4\x9ewpe\x10\x04\x1d\xecsP\xec!'</t>
  </si>
  <si>
    <t>b'\xb5\xfa\x0bH1q\x89\xee\xad;Rt\xce|+A-F\x14vC\xb9eDB\x1b\x1dO4\xfbm\xbc'</t>
  </si>
  <si>
    <t>b'\xc7;\x11\x91\xf8\x9d\xad\xe7\x91\x08\x00&amp;\xa2\x082n\xcd4\xc0\xc1b\xeb\xbf$\xa2\xb7#9K|\x98\x8c'</t>
  </si>
  <si>
    <t>b"G\xf1\xca90@\xf9\x15Z&amp;.\xa9m\xeeBP\x1a\xa3\xe65\x13\xe9yB\xabR\xaf\xce\x91'\xa4Y"</t>
  </si>
  <si>
    <t>b'\xf3\x11\x86xY\xb7\xc5z\x06\n\xf0\x86\x1d%\r\xa0\xf6\x19\x1ew}\x08~\xfa\x94\xbb\xb6\xc9\xb1\xdd\xfdK'</t>
  </si>
  <si>
    <t>b'\xfer7\xa3$\xce\x03\xb5Lx"\xb2\xb6\xc4\x9b\xc9\xf0\x86\x96K\xae~n\xado\xb93\x92\xa7\xa2\xf4a'</t>
  </si>
  <si>
    <t>b"\xd0z5\xd6\xab\xa7\xf2\x1c\x80'\xa2S]\xd8\xf5\xf4\xd2\xd8b!\x84\x18\xe2\xbc\x06A\xe8\xcc\x13\x7f\xd0\xa2"</t>
  </si>
  <si>
    <t>b'\xef\xd6\x91\xdb\xa1m\x8e\xc0+\x8d\xfbQ\xc4\xaf,\xea?\xb7\xb9\xd0\x01j2\x04qx\xb9\x07\x10\xae\xd7l'</t>
  </si>
  <si>
    <t>b'\x13\xde\xcd\x8ev\xd7w\x1e\x11\x80\x83Ue\x83\xf29\x02"\x12l,\x8d\xc5\xd3\xb3n\x02\xd7\x87=\x9b\x93'</t>
  </si>
  <si>
    <t>b'mof&gt;z\x11H\x08]\x7f\xc1v\xbb\xf3\xc8$3\xaa\xbbH\xaf7k\x95|6\xac^\x85\x83V\xc5'</t>
  </si>
  <si>
    <t>b'\xe1m,\xb3\x90+\xd8"\x0b\x8c.x+ni\x7f\xefg&gt;C\xc3\n\xc7\xb1\x04\xb5\xceTB\xb4pc'</t>
  </si>
  <si>
    <t>b'&amp;\xcc(M\x86\x92\xb9H\xeb\xc7\x93"\xc1C\xe1\xf4\xaf\x0b\xcf2\xacSD\xdaw\xe6\x90\x82\xde\xa0\x02\xd6'</t>
  </si>
  <si>
    <t>b'\x15\x8fZtH)\xaa\x96\x9c\xa7N\xd7\xe3\x82\xb8tj}\xc5\xac\x1a&gt;\xb6\x1ad\x97\xfdE\xfd\xaa?a'</t>
  </si>
  <si>
    <t>b"\x13KpR\t\xfcb\x0e?\x9f\x81\x04\x1f\x14\xa5\x0f.\x8ct\xe0\xb5B'\x83\xff\x19\xd0\xab\xe4\xe1\xebA"</t>
  </si>
  <si>
    <t>b'\x84%2\xf8\xb9\xa0\xb8\xdb\x88:\x8d&amp;\xefn\xbah\xfa\xfe\x03"\xcf`wb}\x1e\xc1\xf1\xe8h\xb5K'</t>
  </si>
  <si>
    <t>b'-@\x99R\x06\x86\xcf\xa4i\xb42k\xa1\x8e\x95\x92q\xd7\x94j\x1eL\xbc&lt;,\xb0k\xf0Z\xfcn\\'</t>
  </si>
  <si>
    <t>b'\x80\x19\x9c\x15+\xd9\x99y\xd9(&lt;\xc4\xf0B\x828\x12\x10\xb6I\xbfo\xd3\xe5`\xdf\x97\x93\x986\x18\xbc'</t>
  </si>
  <si>
    <t>b'\xda\xa6C\xc0\x1c\x9b|&lt;\x15#\xce|\xbb\xa1\x9aph\xa2\xdcNU\xe9B\x0eg\xe8!7\x8e\x96u\xf0'</t>
  </si>
  <si>
    <t>b'\xf6\x9dO\x1c\xa5\x85Kq\xf5\xe2\x8d\xeeB\xba\xa8Q\x13zT\xbc81.&gt;\xb4\xe8\xdc\x04q\xe4\xcc\\'</t>
  </si>
  <si>
    <t>b'vr\xf1\x16\x8b\\Q\xdf\xab\xd09#b\xb1\xb8\xcaQV\xab\xfex\x81\x05n\x07\x87\xf3\xcb\xd2\x03&amp;\xec'</t>
  </si>
  <si>
    <t>b"p~\xe0\x86U\x95cj\xc9\x9b9\\\xd7\xa2A\xb6\xc27(\xa3'6\xc7}\xb7?'@e2\xf9\xc0"</t>
  </si>
  <si>
    <t>b'\x10(\x87\xa9O\x02\x93\n]\xf7\x9dL\x1c\xca\xb9\x9a\x1d\xb8\xcc\xb76\xa1\xf1\xd6\rZ\xd4\x9f\x12\x04\x0f\xcc'</t>
  </si>
  <si>
    <t>b'\x8c\xf6\xbf\xd7\x1c\x99\x19t&amp;\xa4\x1bJ\x9e\xa4V\xca=\xae\xcf*\x91~\x84\xd5\xd0{r\xc9U\xb0\x04\xa0'</t>
  </si>
  <si>
    <t>b"\xf5\x7f\xe1\xfd\x1669\x0f\xd9\xb0@\x8b6\xcf\xdd\xae\xd7\xa9\x90\xe3Uz\x92\x05\x06T']G;\xbc\x0b"</t>
  </si>
  <si>
    <t>b'\x7f\x8d:W\xa7\xd1\t`@]\x90t\xa4TVs\x9eJ/\xd3Y\xb1e:7\xaf\xd3\xaf\xedN\x95\xb7'</t>
  </si>
  <si>
    <t>b'\x06\x9c\x92\xa9\xb7ggla\x8b+A\\;\xb1\xcf@\\M\x9e\xc5\xf5\xa3\xea\xd4\xf4\xe7\x1a\xf3\xd7\xb0X'</t>
  </si>
  <si>
    <t>b'\xf6\n\x9a"\xac\xcfB\xad.A\xe2e\xeaS\xec\x0e\xce\x07\x9fHT\xc2j\xda\xd1\xf0\xde\xeb\xf2\x87\xe0\x13'</t>
  </si>
  <si>
    <t>b'\xfc\xb6\xf1\x9b\x84\xd6\x11-\xe0s\xff\x83\xef\x0c\xfe \xa5\xcd\xab\x92\xf5l\xa4C\xa0y\xdaO\xdd\x15n\xc2'</t>
  </si>
  <si>
    <t>b'(\xe9l&lt;N\xe2P4V\x1c2\xa6S\xafX\xcc{\xc2\xcd(\xf1\xe1\xc3\x1f\x9c\x0eB\x8d\rV\xc2Q'</t>
  </si>
  <si>
    <t>b'N\x11;\x04\x8c\xee\xeer\xe5\x15\xf0\xdb\xbb\x9d\xc6\xb4\xdf\x00\x0eG\x10t\xac\xe5}\x80[\x88\xc0\x99`@'</t>
  </si>
  <si>
    <t>b"_)\x04\x7f\xb2a\xca\xb6\xcc\x85\xdc\x9aJ\x85S\x8f\x12\xa3\xec\xe4'\x18FY\xd9^\x19D\x84\xa6m\xaa"</t>
  </si>
  <si>
    <t>b'\x1ff\xf6B"\x1d#$\x8e\x0c4\x8deUbA1w !1\xa3QD\xa4\xaesxz\x19\x08\x19'</t>
  </si>
  <si>
    <t>b'\xd4_\xea\xd5\xf8\xd3j\xb3\xd7\x7f\x10\xf4\x1f\xcb\x82\x12\xd22\x12\x0f\xd1\x95\xc4#\x8b#E\xb9\xd4\xb4\x87\x1a'</t>
  </si>
  <si>
    <t>b'o\x05\xd3]\xc5\x9bf\x03\xbc\xd0\x03H\x9a\xb1\xf0re\xaf^\xc6ac\xdcN\x82\xd8I\xd7\x1a\xd6RV'</t>
  </si>
  <si>
    <t>b'\xe0\x9e6|\t\xaa\x02u\xb5\xb2\xf1\x1f/0\xbfmU\xa7w\x08\xd8\\a\xbd\xccP\x81\x12\x12\x13A\xbd'</t>
  </si>
  <si>
    <t>b'\xd0\x1b\xa92;\xb6\xf2\xa2\xe2\xf2\x92o.\x13ry\xbc7kor\xc3\x10\x19\x8c(\xd6\xc2\xe8.\x96\x8a'</t>
  </si>
  <si>
    <t>b'0\x9a+\x15rL\xdeF]\x12E\xb6C\x88\x98\x90p\xa6m\x15\xc0P\xbd1\x98\xed\x91L\x04\xe7\xab?'</t>
  </si>
  <si>
    <t>b"|\x92\xd4'\x98'\xf4'\xfd\xfe\x82\x9c\xf0\x0b\xf4\xe9\xe9\x10I[%\n\xce\x08Q\xa7;\xb5\x13\xe1J\xad"</t>
  </si>
  <si>
    <t>b'\x8e\xe0\xe4\xaf\xdb?KG?2&amp;B\xe3G\x9d|\xd7%\xe4\xe7\xcd\\zH6R\x94\x1e\xdc\x9c\x88\xcf'</t>
  </si>
  <si>
    <t>b'\xcaA#~c\xd9t\x11\x01?\xa5\xbf\xc3\x7f.\x8a \x01&lt;\x89\xa0\x8dGza\xce\xf9\xa3\xd2\xd8\xa3*'</t>
  </si>
  <si>
    <t>b'W\xce\xcbog&lt;\xc5=\xfe`5(|\xcb\x96\x08.p8ie\xe6\x08\xd8\xaf\xf6\xef\xf5\xd3C\x1b\xbc'</t>
  </si>
  <si>
    <t>b"D\x0f\t0\xe3b\xc3\x9cdT\xed\xbeO\xb4\xea\xd5\xc2\xd1'#\xe9\x1f\xf7\x1c{\xa8\xd5\x06z\x17\xeeB"</t>
  </si>
  <si>
    <t>b'7_\xc1L\x854\xb8aj]u=\xb9\xf9\xb1\x8e\xce\xbdX\xedd\xa9I\n\xf3(\x81\t\x0bi$\n'</t>
  </si>
  <si>
    <t>b"Py\xed\x1d\xf0q\xbd\x03\x89:\xf1\x8a\x04\xf5\x88\xe2_\x00\xd8\xb3'\xc0\xb8\x9d\xe2\xdc\xe8.\x91piH"</t>
  </si>
  <si>
    <t>b'\x9b\xac\x14\xe6\x8ff\xa2g\x1d8f\xe7|\xa2h\xd3\x81\x12\x8c\xaf\xe3\xbc\xd5\x93\xe0\\\xf7\xb7{,\x81\xc3'</t>
  </si>
  <si>
    <t>b'\x10;\x8f!L\t\x14\xd3\x86\xfey\x90\x82\xb2j/\n\xf4\x1ea\xec\x10\xcd\x15V\xe7\xd5\xc2\xb1\x99\xe3a'</t>
  </si>
  <si>
    <t>b"\x0e\x9a\x02L\x17 g\x99x\xf0\xd0\x8bh&amp;\xc0\xc2\x90\xdb\xd9\xd8\xd1\xad\xd3*h/'\xcfy\x02\x87\xf9"</t>
  </si>
  <si>
    <t>b'\x1b\xa0\xee\xde\xe16\xe7\xf5"G\x11\xf2\x87\xf9_\x01\x07\x16\xdc\x009\x91\xe1\x88\xd8\xae\xf5\x1aw\x1c\x92\xbf'</t>
  </si>
  <si>
    <t>b"+'\xd99wp\x8br\xa7\x843\xf7\xe1\xb1Q\x1bF\x8c\xd7\xd3g\x82\xc3L\xd7N\xed\xaa\xeb\t\x1f."</t>
  </si>
  <si>
    <t>b'\xbakD\xa3t\xc8\xbd\xdd[P\xdcw\xd8\xa1\x91\xa1,\xce\xc0Y\xc8\x9aa\xc4\x1cA\xd2\xd3\x03\x11v\xce'</t>
  </si>
  <si>
    <t>b';\xe0B\xc8\x12\xd9\xa4\xaf\xb7\xc3\x11\x18_\xc4\xb94\xd4\xf1\x13C\x18LT\xe3\xbc\xda\x8e\x96\xbe\x0f\x1b\xc5'</t>
  </si>
  <si>
    <t>b'Iy\x02\xb5\x9f\x8e\x98_\xbe\xab\x03G\x82j\x92\x89q\x8a\xffr!\x93A\xa4O\x17\x0e\xaa\x10$\x9f\x06'</t>
  </si>
  <si>
    <t>b'.\x16\x1e\xbd\xb5\xea\x0eP7\x0b\xe0\xfd\xc1g\x81\xe6\x8cX\x9a\x94D\x00\x80\xfe)\x99h_\xa0\x9c`.'</t>
  </si>
  <si>
    <t>b'\xa6\x85\x06\x921\xd7\x1eT%\x93\x18\xe7\xfdwT\x14\xe8{b\xcf\xd8\xe4\xc3\xfc\xb5\xb0%\xa8\x85\x85\xf7u'</t>
  </si>
  <si>
    <t>b'!\x0fg\x9f\xf2\xe3\x1d\xf1\xf7\xb4K\xf6\x1a\xb6\xcco\xe4k\xd8?r\x84\x91O\xce\xacC\xc7g\xd9e_'</t>
  </si>
  <si>
    <t>b"\x16\x12l\\\noE\x92T\x18\xd36\x86\xe7\x07\xe4\x92\x03\xdf=\x9bf\xf4i\x84'\xe1\x08\xc96\x830"</t>
  </si>
  <si>
    <t>b'k&lt;\t\xce\xbe\xe4Wz\x19\x9a\xa9v\xdc\xb9\xe53\xdc\x95q+&amp;\x8eJv\xefk\x03 \xbdr6\x01'</t>
  </si>
  <si>
    <t>b'(\xd4\x05L\xce[\x8c\xa8i\x82\x9c0\xffz\\7\xe5#\xdc\xddY\x1d\x94\\\xe4J\xb0\xf9\x11=\xee0'</t>
  </si>
  <si>
    <t>b'w\x0eX\xcd\x900\xfai\xa4\x1c\x823\xc6\xef\xb2!J\x14\xde\xa0\xa7?\xdb,CkG2\xf8]\xea\xf3'</t>
  </si>
  <si>
    <t>b'D\x87\x8e\x9b\xa5N\xc1\xc8\xbe\xb5\xfa\x1du\xbaB]\xd2\x15\xd8\x05_\xf8P\x92\xd3\xef\xf6\xe3\xdf\xa3\xad\xf0'</t>
  </si>
  <si>
    <t>b'\xe2\x01\x93\x9c+\xa6-H\xeb\xc5\xe8:"\x1d\xbdp\x7fc\x84\x8d\xccMR%\xf1@\xd0|\xe5y(+'</t>
  </si>
  <si>
    <t>b'\x9dA\xbd\xf8\xdc\xe5[\xe3\xbfW\x1fk\xfbk\x97\x88l\xedF\xb5eX\xdc\x9b\x9b,\xf4\x862\x89DP'</t>
  </si>
  <si>
    <t>b'\xe6 \xfd\x86BA\x84\xa0k\xedm\x04\xf49\xb8\xfa\xdcE\x17\x1c\xc8|\x96\xfc\x13C\xc6s\x7f\xb4lZ'</t>
  </si>
  <si>
    <t>b'C\x8d\xff\xbc\x12\xee\xfa\xfa\xe1\xc5\x1aL\xbc\x1eH;\xb0\xb0\xb1\xee\xbej5mP1\x7f\xdd\xab\xb9\x0b\x1e'</t>
  </si>
  <si>
    <t>b';F\x07I\x0c\xd0\xf4\xa6\xd0\xd00=^\x95\xefD\x80\x9d\xa4*\xf9\x01\x98\xeeL\xeb\xea\xd6\x17X\xc4\x0c'</t>
  </si>
  <si>
    <t>b'\xffC\xb2Z\xedS"B\xc7\x8d\n\xa4%JPc\x1c\xd8\xde\xc2&gt;\xc7-V\xccp?\x01\x81\xcf\xfc\x18'</t>
  </si>
  <si>
    <t>b'r\xbe:\x06VW\xf39\xd3\x9c\xf1\xaa\xab\x85i\x887v\xfb\xf7\x1f\x0cjO\x88\xb4m\xd1,\x94\xf1\x13'</t>
  </si>
  <si>
    <t>b"B\xeb\xbf'\x14\xd47\x84B\x10v\xcd\xf2YjKd#$\x96\x08\x98S,\xb3\x83Q\xe7'i\x89\xe5"</t>
  </si>
  <si>
    <t>b'\xda\x9bUm\xbcAw\xbc\xa1\x8c\xf6yV\x1a/\xcf\xb1\xb6\x19\x0f\xd8\xb0dW\x9a\xf8\x96Zh\xb3\x07\x99'</t>
  </si>
  <si>
    <t>b'2lJu\xacm\xca\xcd\xa4]\x05\x92?f\xd5\x13\xd0\x82y\x18\x9fIz!\x80\xb64\xd0\xc0\x95_\x82'</t>
  </si>
  <si>
    <t>b'\x0f\xcd\xd8?*\n{&amp;\xfc;\xe0/I\x18\xb5\x0b\xa1\xb8G\xd8\x0f\xf9f]z&gt;\xe6\x7f@"\xf8\x8c'</t>
  </si>
  <si>
    <t>b'cn\xe1\xc8\xa1\xb0 \x90\x8b\xd4\x93\xb4G\x05\x94\xb3\x0f\xfa\xf7:{\x9d\xc3\x16\xc9\xf2\xfa@\x1e\xf4\x1a\xbc'</t>
  </si>
  <si>
    <t>b'\xceI\x1e\xce\x99\xf2J\xa6C\xc5\x8b\xe5-\x0fT\xe5\xa6\xa7\xcc\x95 \xd0\xfa\xccr;\xe0\x8aU\xef\xf0^'</t>
  </si>
  <si>
    <t>b'u\xefE\xf02\xd6"\x9cm\xb1Z\xa2f(\xd0V\x05\x0f\xc9\xbf\x1a:#\xca\xd5\x13Y\x81%\xc0\x1dl'</t>
  </si>
  <si>
    <t>b'\xd6Ty\x8cn\xf4b\x066\xd62A\xdc\x06lvBx)E\x8a~\x9e\xf9\x81\x92\x9b#\x0f\xda\x86\xb1'</t>
  </si>
  <si>
    <t>b'\x90w\x1d\xe9s\x8bu\xa2\xa2\xa8\xe5p\xa7\xcdU\x95=\xf1N\x8dl0\xbe\x1d\xdc\xd9\xd4\xe1$\xb7\xac\x83'</t>
  </si>
  <si>
    <t>b'%\xee&gt;\x16\x83\x9e&gt;r\xcd\x9e3\xe3\x12j;,e\xcf\xcc\x07y\x05\xf1*H\xbe\n\x90P\xccuk'</t>
  </si>
  <si>
    <t>b'\xb1\xb7\x04\x84R5\xe50\x8d\xd71\xa1#\x00\xab\x99\x9c\x87\xc0{\xdb\xfa\xe3\xf7\x9d\xee\xf0\xb1\x81\xaf\xab\x1e'</t>
  </si>
  <si>
    <t>b'\xba\xa6A\x03\xd0|\x11\xf9\x19\x95\x19Q\x93e\x062\xeb\x02\xb1G\xa2\x14\xb6\xd5n\\\xa8\xfd\xb1_yL'</t>
  </si>
  <si>
    <t>b'\xf6oa\x9a\x8d6t\xad\xb5@\x19\xdb\xb0t\xd0\x97\xa0+r\xb8\x9c\x01\xc3)yd\xb7\xee\xe8\xd0v*'</t>
  </si>
  <si>
    <t>b'N\x10Z\xbb\x1d]\xc1\x98\x9d\xd7\x9b+C\xd7&gt;\x1d\xcfG\xe4\xe2k\xef\xdcR\xde\xea\x9ee&lt;2\xc0\xdc'</t>
  </si>
  <si>
    <t>b'\xcd_\x0f(\xe4\xe1\xa1\xda\xc2\x83\xb6\xb9\x12\xd4\xff\xa0\x90\xe4b\xf0&lt;\xe9\xc5\xb6\x13\x15\x96C}\xfb~\xef'</t>
  </si>
  <si>
    <t>b'=K\xd5\xf4\xa4\xd8\x1f\xc5\xaa\x13\xe1m\xdd\xa5\xe8\xdb\x89\xf5L1^7\x00\x13\x04\xe9\xce#\xc0\xa1\xa6`'</t>
  </si>
  <si>
    <t>b'sh\xd2\x8b\xac\xe1}\xb5\xf9FHkU\x0f\x88\xa3\x06\x89\x80a9\x83yg\xbb\xf1[\x96F\xc6B['</t>
  </si>
  <si>
    <t>b'm,\xc0\\"\x95t\xb1\xcc\xd9a\x01pFR\x8ai\x1a8}\'\x1aw\xad\x91\x88\xcdQ\x83f\xa24'</t>
  </si>
  <si>
    <t>b'\x9bW\xa4e/Z\x90n\xfa\xa7\xc9\x85\x93\x8a\xd6]\x0f%\xd5VJN\xcc\xeb\xf7F(\xad\xe0\xfa\xdc\x8e'</t>
  </si>
  <si>
    <t>b'\xd0R\x03[Da\xd8\x02R\x08\xa0N\x07[\xb5\xf7V\xd8\x13\xc4\x1e\xe3!N\x9epx\xb8\xbaV\xf2]'</t>
  </si>
  <si>
    <t>b'H\xf1\x08Qh&amp;s\xb3\x89D\x9eY\x819\xb0\xffD\xb9\ns8\xab\xef\r\xe6z`\xa09\xc7U\xa5'</t>
  </si>
  <si>
    <t>b'\xedV\xb6p\x18`\xbf\xac\x99+\x86\x1f&gt;\xba\xcc\x1e\x93\xd2@:\xd5\xf4am\x8aU\x81\xeeWXa\xe2'</t>
  </si>
  <si>
    <t>b"\x1eLx\xeeL'\xaa:k4?\x19\xe6\x16-}\x04\xa0\xb1&lt;\x86\x03\x89F\xd1\x89w\n)\xc1\xe9!"</t>
  </si>
  <si>
    <t>b'\xe50\xb5\xb4\xad\xfd\xc6\x89\xeaK\xf4\x0f\x00\x1fi\x96O\x0c\xaa\xc8\xc9U)o\xb9\xc95\xf0\xa2\xb2\xd5@'</t>
  </si>
  <si>
    <t>b'\xd5\xae\x86N\xbaT\x18\x88+\xa7\x1c\t\x9a\x90\xac\x14\xb7\t\x9bj\x15\x9d)\xe2\xa3\xb8\x81\x85\x0f\x14q8'</t>
  </si>
  <si>
    <t>b'\xf9m\xb3-U\x8bL\x0f\x0c\xea\x1c\xaa\xd3\x1c\xda\x95wb&lt;\x86C\x8bz\x98\xd4I \xdbr\xa3\x9e\xb2'</t>
  </si>
  <si>
    <t>b'\x84\x1d`^\x08c\n\xda9\xac\xf8\xb3W\xd1\x84\x9d\t"\x85\xca\x0b,E&amp;\xed\ts\n+"\xac\xb0'</t>
  </si>
  <si>
    <t>b'\xa3P2\x8ah1\xcc\xb1\xdf\x1b,\xe5w\xa8\xca\xe3W\x86_\x0e\xcc\x1a\xe3\xc5X\xe9\x7fh\xbe\xa1mw'</t>
  </si>
  <si>
    <t>b'+x\x18\x93\xf2\xcf(\xf8\x87\x90\xcbZU\x99 \xc5\xa0/\xfa7\xa2P\x9e\x808\xf3P\x03\xceDa\x8c'</t>
  </si>
  <si>
    <t>b"\x1fwr\xf7'\x91|\xca\x98\n\xcb\xa8\xeb\xa2\xef8\xf23\xbc\xbb\x1b\xa4\xf1\x97\xbf\xb6`\xf5\xf4\xcf\x87 "</t>
  </si>
  <si>
    <t>b'Q\xec"\xc3k\r\x9f`$O\xff\xab\xa0X\x13U\xbaO~\xd4U\xdaQ\xa9\xd8m@\xa3\x04\xea\x1c)'</t>
  </si>
  <si>
    <t>b'\xf7\xc1\xb3"\xbe\xc7\x19A\xf8\xa3\xad\xef\xf0\x1eX\xc1\x8f\x18\x15\xc2o~\xcee6\xd0\xe1\xce\xd9\xe2\x14M'</t>
  </si>
  <si>
    <t>b'\xc8\x82\xab\x1fu;zf\xfa\x96A]\xf5\xfc\x9c\\\xe3y\x91\xb0\xc3\xe7\x00\xf9\x1f\xd7\xcc\xa3=M3\xb2'</t>
  </si>
  <si>
    <t>b'q\x91\xed@\x82\x05\x9b9\xb5\xdb\xc6\xdcv\xdd\x9d*\x8d\xbd6\r\x91\x19\xd3\x98u\xa2\x961\xe5*\x92|'</t>
  </si>
  <si>
    <t>b'\xad\xcfz\x98&lt;\x1f\xbd\x1cP\x1ez\xefa\\\n7$\xfe\x0fh\xd0\x06\xef\xa4%R)f\xb4K\xcd\xeb'</t>
  </si>
  <si>
    <t>b'\xba\xcfi\xbbO[\xc2-\xde\xe6@/\x99\x85\xdd\xf2\x94I\xe6\xc0\x04\xc9b"\x17\x99\xd5\x87\xa2w\t\x1e'</t>
  </si>
  <si>
    <t>b'\xbc!\x1b\xa4f_\x9e\xab\xba\xff\xcf\xd7\xcc\x7f&gt;&amp;\x98T\x1ap\xc00\x1b\xca\xf6\xbdv\xb1I\x97\xe9\xcf'</t>
  </si>
  <si>
    <t>b'\xbb1\xcaW ^L\xe2\xa6U\xda\\\xef\xe0\xc9\xcb\xd5\xe8\xb3h"\xec\xd0\xa4\x07\x9b|\x86$\x12\xd6H'</t>
  </si>
  <si>
    <t>b'L\xab}?_j\xac\x99\xd3$W\x90\x06\xb6!z\xf4-28P\xbd\xe8eZ\xec\xa0\xf3\x82\xad\xe5\xfa'</t>
  </si>
  <si>
    <t>b'g\x8b\xd9gb\xfaw7\x16cd\xb2!Z\xa9\x18\xa2\x18H\xa5O\x8a\xe7\x02N\x00!\xc6\xeb \xd95'</t>
  </si>
  <si>
    <t>b'\xa1\x1ej\x8d\xbd\x1c\xab\x05/(\xd4g&amp;A]\xb1jG\xc0\xc8\xa9(\xcdn\xdewx\x82H|?\xde'</t>
  </si>
  <si>
    <t>b"G\xde7~U\x17A\n\xde\xd2\xb3\t-\xc5\x08\xa4,\x8fz\xa4\x0f\xf3\xd8\x9a\x80\x12\xe4\xb1'$(\xff"</t>
  </si>
  <si>
    <t>b'\xea\xbcM\\\xcb\x14\xaa\xd6\xe6JB}\x9f\xde\xcd=Zw\xbfJ\xc8E\x95\xe1\x8c\x06\xfa\x14/\xe6\xc6s'</t>
  </si>
  <si>
    <t>b'\x84\x82\xe9\x1d\xa0S\x97\x98d\xcfD\xe3\x96y^\xe8\xd1\x88\x98\xb6\xd3*7\x14\xe1\x18\x10Z\xd0TA\xf3'</t>
  </si>
  <si>
    <t>b"\xfe'\xec\xec8\xf8s\xefk\x13c\xc4\x9ey\xd4\xca1\x9b\x9b\xed_ \xd4\xda\x15\x02\xd3\x0e\xc6\r\xcb\x07"</t>
  </si>
  <si>
    <t>b'&lt;\x18\xf0\xb2k1\x02q\xab\xcd\xb5E\x10\x83\xc3\xd2\x12M(7\xbbg"\x17\xd8\xfc\xc3NP\xca\xf2\xc3'</t>
  </si>
  <si>
    <t>b'uj\xe6\x075a\xa5fN\x94\xca\xe4w\x8d\xebe\xb56\xf2&lt;\x15X\x95\xedV\x1c\xab\xed1Bb\xe7'</t>
  </si>
  <si>
    <t>b'\xd4\x94\x16\x00\x9aK\xb0z\x1d\xd25\x95\x1aZ\x16\x8e\xf0\x04\xcd\x02o\xdb\x0b\x04\x1dQm/\x8crE\xf7'</t>
  </si>
  <si>
    <t>b'\xbd\xd1K\x93\xdf*l\xcd3\x060\x1b[`\xb9\xe5\xcd\xf8\x19 \xe3p\xcc\xf7\x93\x0f\x98\x00\x16J/D'</t>
  </si>
  <si>
    <t>b'\xa5\xd6\xbb".a]\xac\xa7\xd53\xc2\xe9\x01{|r0\xfa\xf7\xcbd\xf1JZ\xe1\xfaR\xa0\x01\x00o'</t>
  </si>
  <si>
    <t>b'\x94\xcbKV\xcbwQ\xc7\xd6\xc3\xe5\xf2\xc0hLt\xab\xb4\xd6\xfa\xf8;\xf3t\x0f\x90\n\xf1\x91\xd1\xccV'</t>
  </si>
  <si>
    <t>b'\xc6\xcd\xe8 u\xb1s\xc1e\xaeR\xaeT\x90J9\xf1\x02\xe4\xad\xa0\xba\xccbg\x8b\xfe\xb5rv7M'</t>
  </si>
  <si>
    <t>b'$&amp;\xaf\xae\x7f\x04\xa3^8\xa5\xb6W\xc6|\xccx0WB4\xe5\xd18;Z\x00\x96\x8d\x88\\\xd7^'</t>
  </si>
  <si>
    <t>b'\xda\x95\x8ba\x9e\xf1\xd6\x16\x11Fi0\xd9\xa6\xee\xd4\x84GoSp\x07\xa6\xd32uRD&gt;J\x1a%'</t>
  </si>
  <si>
    <t>b'\n\x00J!\xdb\x8b\x19\x8e\xb8\xf4\xcb\xf7&gt;&amp;\x08\x94\xa3\x06\x07\x92l\x83\x05h\xb4\xbd\xf4\x13&lt;z\xa9\x10'</t>
  </si>
  <si>
    <t>b'4V\xba\xed4\x17\x97\x1a\x86\x1c\xb0C1\x06\x07\xc1\xa3:;\x90\x07\x87rh\xa9\x13f\xcb\xe6\x97\xb5.'</t>
  </si>
  <si>
    <t>b"\x9e\xddgt\xcb\x04\xee]\x8c\x17\x18\xc2\xe6[q\x99!\x90\xd8'\xa3\xb2} \xc2\x01\xba\x1f\xc7Sw@"</t>
  </si>
  <si>
    <t>b"1\x00Be\x0cV\x0b\x9a\x96\xdc\xce)$\xd0\xd5\x8f\xcb\xe5D7\xcf\x95F\xacnlf\xc6'\xab\xd3q"</t>
  </si>
  <si>
    <t>b'\x99\'\xc9n9\xf0\xc1o"\xe8\xf5\xc4,\xf7\xa8)@\x91\xca\xcdg\x04\xdd\x87\x86\xc4m\x12\xf6X\xa5\x17'</t>
  </si>
  <si>
    <t>b'}\xb0\x1e\x7fv^\xa3\xda\t\x12X\xe5.`\xb8\xb3\x92 \xe5{\x83o\x9a&lt;\xf8\r&gt;\x1b\xdds&amp;\xd5'</t>
  </si>
  <si>
    <t>b'\xb4\xf3\x1cE\xa6\xf2\xa9\xe7\xa8i!\x85J\xe9\xa7H/\x9b\x8b\x96\xee!\x00?\xa3\x08\xc6\xf1%\xf9\x9c\xa6'</t>
  </si>
  <si>
    <t>b"\xe3\xab_bx(e\xc9\xce?\t.\xebXH\xa8\xacm9\xcc\x03\xe9\x02\x18\x9e\x84j'7\x99n\xf0"</t>
  </si>
  <si>
    <t>b'\x01\x97\x85\xc6\xf6h\xbbW\x01\\\x13&lt;\x95\x93\x02\x8c\x01\x9f\x88o57\xa0%TRU\xd6\xeb\x95\xaa\xf1'</t>
  </si>
  <si>
    <t>b'X\x9b6\xe9\x9a\r0yT\x9b\x95\xd2\xbdm\xa7\xbag\x90\x7fl\xa3\xd8\x0e\xfa\xa0e)\x88&amp;R\xbe5'</t>
  </si>
  <si>
    <t>b'\xe4Nr\x11\xff] \x1a\xa3\x81[\xec\xa7\xf3\x9ds\xfa\xce\x18\xb0#R\xc3\xa3)\x17]\xd0Bx\x8a\xd7'</t>
  </si>
  <si>
    <t>b'*\xda\xef-\xbe\xcf\xa9\xfe\xac_\x14`\xe2\xb2\x94&amp;2\x8d\xb6IHC2\xf1!\xb8T\x1b\xdd\xfe\xcc\x98'</t>
  </si>
  <si>
    <t>b'\x0e\xb2\xa4\x98P\xd18\xc2\xe3=\xce-Z\xbc\x04\xa3o\xc1\xef\xda1WJi\xa4\xa5h\xd0\x88T\xce\x19'</t>
  </si>
  <si>
    <t>b'\xf2\xc3\xb5\x86\xa9\x1ca\x88\xad\xd7K\xeb\x8cK\xc0\xd3\xd7\xa7\x87\xcd\xaby\xe5\x90\xb0\x8b\x88\\\x8caF\xa7'</t>
  </si>
  <si>
    <t>b'\xbbd)\xf1|\xd9\xdfR\xbb\xb4rx\\\xbdc\xa4&lt;\xbe\xcfq1\xf7\xb0*\x8cKZv\xb3k\x04 '</t>
  </si>
  <si>
    <t>b'-\xc3\xc8\xec\x98X\x88\x85\xbe\x9a&gt;G\xd6\xa2O\xed#"{\xe6\xfc8\x9d\x0ft\xd9\x1ed\xfa\xb1\xa1\xef'</t>
  </si>
  <si>
    <t>b'k\xb4\x83\x9bI\xce\x02\xda\xa8\xfd\xb4\xd3Jh|\ni\xa8\x91 &amp;\xc9\x14\xe3M\x83\xa1i\xa5\xe8\xc7j'</t>
  </si>
  <si>
    <t>b"\xca\xfc'\xd7\x0c\x96\xcf\xaa\x9f\xd2* A\x84\xf6:\xa96\xfdM\xbe9\xbd\xb4\x8a\x16dL\xc9\xdaf\xe1"</t>
  </si>
  <si>
    <t>b'\xd6d\xbd\xa3\xefA\x9c\xbc\xd5-\xe9\xdf\xd13{\xe7\x11\xd2\x00\xee\x95:BzPa\x86\xf8j\x9b\xdd\xb8'</t>
  </si>
  <si>
    <t>b':\xdc\x12\x01\xc5S$\xfa}\x02\x8bJ\xcb\x1f?\xa7\xf0I\x00\xb8x\xaa\xbd\xb7hi\xaa\xb1o\xdb{^'</t>
  </si>
  <si>
    <t>b'j\x83\xd4\xf7\x1c\x9a\x16\x18\x1b\xc0\x92\x8e\xf9\x8d#\xfd\x7f\x99n\xd0b\x81y\x9c\xce?\x8e\xf1\x83\x1e\xa1\xcb'</t>
  </si>
  <si>
    <t>b'\x0c\x87t@\x90\xc2\xb7M\x14\x93\xe1\x8dO\x00\xac\xddc\xa4E\x98\x8dh&lt;\xd6\xbe\x82CQ\xb8\x14\xde\x95'</t>
  </si>
  <si>
    <t>b'\xb6\x15_\x0f\x11z\xcb{\xc9!k\xa8\\\n\xc1\x0f\x0f\x91]\xe2\x9b\xe6\t\xc2&gt;7\xbfx\xfe\x93}\xfd'</t>
  </si>
  <si>
    <t>b'n`\x1f\x82l\xf4D\x11\xfb\xdf\rE\xacDD\xce\x17h\xbf\x13\xaa\x83\x81Z\x9b\x0b;\xden5W\x87'</t>
  </si>
  <si>
    <t>b'\xf74\xa9[\x14\xd5\xc7\xa08\xb0\x0e1\x82\xc8\xcbac\xf3$\xc3E\xc6\xf3\xe6\xe3o\xc8\xd8\xa1\xdbA\xa5'</t>
  </si>
  <si>
    <t>b'\x96\xd3\xae\x94\x93\xbd.\x85\xd9\x92\xed\n#;\xc2\xf8\xe1\xd1\xb4:\x04\xe3\xf8\xd6D\xb0\x91\xc5-n\x98S'</t>
  </si>
  <si>
    <t>b';\x811\xf0\xd7Lv\xcaR\x8aW\x0b\xd6=m\xb7\xe9\x11W\x91\xae\x8c[\xddWx\x7f\xfd[-\x10\xce'</t>
  </si>
  <si>
    <t>b'\xf5\xd1\x85\xbfam\x14\xa6}\x03j\xf1\xc4\x1f\xe6\xe4\x030\xa1%\x9c\x8c(\xbb\x04\xca\xf6q\x98\x1f\x15\x10'</t>
  </si>
  <si>
    <t>b')\xda\xbf-\xe2\xdc\x19\xba\xd8f\xce\x82\xcf\xa2\xdb)q\xe4+kn_\xbcm+v\xb1\\\xae\\b\xec'</t>
  </si>
  <si>
    <t>b"'\xe2\xa8\xc1Y\xf8\xa8\xdf\x9d\x08k\xad\xa9t\xbcT\xb2y\xf4\xa8\r\xa1\xc5XC\x07dh!\xae\xef\xb6"</t>
  </si>
  <si>
    <t>b'\x0coHg\xc5\xb7\xda\xdf\x9b\x91\xb2{\xd9\x8c,\xfc%\x9f\x7f\x8a\xc10\xf1\xe6;;\x08T\xb3\x06\xba\xaa'</t>
  </si>
  <si>
    <t>b'|w*\xeb0\xdb\xcf\x98\xe4\x0e\x19\x10~\xdf\x17o\xae\xdc5\x19E\xc9\xf6a[M\n\xf3a\xbe\x9c\x89'</t>
  </si>
  <si>
    <t>b"\xc0\xf7\xef\xe9\xae\x93o\x90A @pFk\xb4\x87?q\xf2\xf6\x07\xab\x0e\x1c\xd3'\xe0\x01\xe4q\x9c\xbc"</t>
  </si>
  <si>
    <t>b'b\xba\x96\xe4\xaby\x07\xf3)\xfe\xc8-\xf2\x1a\xbb&lt;EYD\xc8|`\xbc\xd8\x18\xeb{.\x08aU\xaf'</t>
  </si>
  <si>
    <t>b'\x88\x12\xf1\x00jK\xc6yu\xd8\xfc.\xb7\xd8\xb8;\xefn\xea]\xc4"\xab,_\x11\x11\xf2=2\xb6\xd5'</t>
  </si>
  <si>
    <t>b'\x9dl8\xd2\x0b{\xd8\xba\xa7\xc2cp\xcc0\x10\x15\xe1\x84\xf7CG\x0eY\xe9\xbc\x97\x90,v`b\xbc'</t>
  </si>
  <si>
    <t>b'\xc2TY\xf3\xb1\x95\xcen\xa1z\xb8RE6\xdaZ*exB\xb5\x9f\x7fd\xeaj\x7f1\xec9\x08%'</t>
  </si>
  <si>
    <t>b'gi\xeb\x10.\xb6W=\xe6\xc6\x9bIG\xad\x1d0\xd0b1\xbf\x01\xa6\xa5\xea\xd4P\x82\x0e\xc6\xcf\xa7r'</t>
  </si>
  <si>
    <t>b"f\xea\x00\xccHu\x19^\xce\x13\x8f\x14\xb4\xb7kKR\x00t\x896\xa0\xd8\xdc\x89\xd6\x05'|tEv"</t>
  </si>
  <si>
    <t>b'\xa5\xef\x8f\xb4\x8b\x05\xda\xa9}d\xedL\xb6\xe8\xa6\xa4\xf1g\xe8\xc4\x8a\x9bU\x1d\x98\xb6\x03*#_\x9cM'</t>
  </si>
  <si>
    <t>b'\t\xb7\x82Q\x01x\xa4\x9d\x99\x07MO_\xdd\xc4z\xe9J\xa0\x0cq!\x84\xa5\xfc&gt;\x8d\xe0\x9d\xfe\x90\x17'</t>
  </si>
  <si>
    <t>b'.\xe1x\xb8\xd5\xbc6\x92\xfc\xf6\x13\x13\xd4F\xa2V\xee\xe6\xbc\x98\\L\x06,L(\xb1\x1e\xce\xfd\xd7&gt;'</t>
  </si>
  <si>
    <t>b'i"\xa3s\x97:ndH\xc19\xd4\x9a3\xaaJ_\xa0\xf6\xe1u\xff\x05S\xf0\xb8\x1b\xb9\x12;\xff\xfd'</t>
  </si>
  <si>
    <t>b'\xf0P\xad\xb1\xa2\x98\x91\xc2\xc6\x1a_\xbbq\x97\xd4P\xabuz\x8fg\xd8\x89\xde\xb6\xc1\xa4\xd6&gt;\xd5{K'</t>
  </si>
  <si>
    <t>b'\x03\xfb\xd7`\x95n\x7f\x8a\xb7W\x0b\xb2\x96\xb1Q*D\xb9Q\x8an^-\xcd\xd4\xfe\xb3\x06^l\xbeY'</t>
  </si>
  <si>
    <t>b'\xe4}\xa1\x98\xf8x\x04l!\xb2\xc7\xbc$\x1c\x08\xf0\xdd\xfc,mRxb\xe6\x86\xaf\xb5\x1d\x1d\xd2F\xfb'</t>
  </si>
  <si>
    <t>b"\xf2\xcd\x1e\xbc\x1e\x1c\xf9\xd4'\x96\xeaQ\x01\xb7\xe7r\xab\x07%\x88\xee\xa4\xb3U\x17\x83\xc9I\xa5\x8d\xb1]"</t>
  </si>
  <si>
    <t>b"\xe6\xcb\xd5\x90\x0f\x9a\x8d\x0ba\x9e\x9f'\x96\x0fXw\x92\xc6\x1fv\xd0\x9a\x10\x93\xe3t\xc9SH\xb2\x19\xa7"</t>
  </si>
  <si>
    <t>b'\x95\xe0y\xf0\xc2@FuRT82\x02mV\xffs\xfa\x97Xgw2\xc3|\x15b\xbf.\xc8\xa0r'</t>
  </si>
  <si>
    <t>b'\x15\xde\xe6\xc47\xee\xbb\xd2L\xf1fM\xf7\x9c\xf1X\x9aG_\xceKYS\x03{U\x87\x1bO\x9b\xdf?'</t>
  </si>
  <si>
    <t>b'\x81\xa9\xa8\xa3\xc3\xb1:\x97k\x90\xb8zP\xc3\x83&gt;?\xa8\x12(7\xc5\xcd\xce\r\xd3\xca\xe1\x93I\x08\xfa'</t>
  </si>
  <si>
    <t>b'2Mz\xce\x8c\xbd\x1c\x8a$\x9a\xf2\xea\x16\xdf`\x01AuE\xce\xac\x92\xa3\x02\x8c\x83j\xbb\x8e\xe5\xf5\x9c'</t>
  </si>
  <si>
    <t>b'\xe4\xbb\xe6\xec\xf3,\xe3@q\xf2\xa3kY"b\xca\x89\x08\x07\xc0\xf4\xa0.\xbb\xc3!\x0bP~X(-'</t>
  </si>
  <si>
    <t>b'\xff\xc7\x85\x8f\x92\xd5M\x7f\x06\xf1\xf2\xb8\xa1\xbc\xbc\xafX {\xa8\xbe\xea\xbc\xaf_\x1f\xd4\xc68\xd7\xe4\x8a'</t>
  </si>
  <si>
    <t>b"i\x9f\x16C\xcc\xf6\xc9o38'\x04\nX\xa06I5\x9f\xce\x86Fm\x0c\x0c?]\xe2\x99\xff.\xbe"</t>
  </si>
  <si>
    <t>b'\x025\n^(\xd5\x9e\xff\x02QK\xbe\x94\xf5\x93\xa7\xa5\x86EWIe\xdc\x9f\xeez\xa1\xbe\xb5@\xd5\xd0'</t>
  </si>
  <si>
    <t>b'\x07\xd6&amp;\xa6\x905\xdc&gt;\x11%\xab\xed\x1dyUEB\x84\xc9\t_\xa6\nX\x96\x98\x803C\x95CF'</t>
  </si>
  <si>
    <t>b'\xd2KM]\x07&gt;\x01\x1c\x98\x8f\xd6 \xb5\xd3\x9b\xc4-\xd2\xda7\xf7&gt;\xa5?S\xdb\xac\xb6\x1e%/`'</t>
  </si>
  <si>
    <t>b'\xe6\xa1\xf9r\x98\xbd\x1e$\x806\x1d\xcb\xb4`AJ\xe1\xa2c\x1f\xbe\xa4q\xde\xde\x0c18\xd9\xed\xdc\xbe'</t>
  </si>
  <si>
    <t>b'[\xa0\xde\x84\xb3\xe6k\xd6\xb9\xb8\xb7\xe8-\x0cDq\xfdy\x9a\xaa\xab+Sx\xc2\x03\xef\xb6\xfcv\x8bP'</t>
  </si>
  <si>
    <t>b'\xe3\x0f\xbf\xca\xe7\xbfr\xa7N.\xc0y\xa6\x06p\xa0\x1d\x873|Mi~$\xe0\xb3,\xc3U@\xe8/'</t>
  </si>
  <si>
    <t>b')M\xf6\x06\xcd&gt;)\x93Q\xb6\x85\xc0\x98\x15\x1fA\xfc\x19\xa8\x0b\x9d\xef}\xadj\x16\x0f&gt;H\x18\x95I'</t>
  </si>
  <si>
    <t>b'|}\xed7\xd5\xf8\x00\x8a\xd2\xa6W]q\xeaa\x050X\xb4\x15b9\x9d#C\xed\x85\xca"b\x93\xf5'</t>
  </si>
  <si>
    <t>b'\x02L\xa0\xf0r\xc1lnA1\xe4\x9bt\x89\x9fqAb\x94iA\xe4\x95\xd5\xe0\x0c1^\xdd\x8eu\xdb'</t>
  </si>
  <si>
    <t>b'\r\x04E\xd5\x83\xf1\x85\xc6\x19\xd0\xaa\x1b\xc23\x17\x97\xbb\x0f^O\x9b$\x92\xbf;\xbaW\xd39\x04\xd8z'</t>
  </si>
  <si>
    <t>b's\xdc\xcb\x16\x91MV=\x02\x9c1\x88\x1b\x0em\xeb\x8d2aL\x00`\x94\xf7\xcf\x89w\x84\\\xe8\xea$'</t>
  </si>
  <si>
    <t>b'\xec\xe8\x16D\x11y\xc8%d\xd9&gt;=\xdfo%\x90\xf5\x0b\xdc\n\x91\xa3\x7f\xdf\xc2\x8c\xd0(f\xcf\x18\xad'</t>
  </si>
  <si>
    <t>b'\tZ\x12715\x92^\xf0\x04\xf1~\x8a\xf3\xb2G7\xd8\x1b\xc1\xe1}\xd2h&lt;\xc1\xc6\xf5(\xe0Z\xeb'</t>
  </si>
  <si>
    <t>b'St\xd0^\xf0FsC\x8b\x8e}\xfa\xdc+\xa5\x9d)\xd7\xacA\x05&amp;O\x1dI\xac\x84\xa2\x06\xc7\xa7\x98'</t>
  </si>
  <si>
    <t>b'\xbf;\x14&lt;"\x82\xe1\xc0+y\xfb\x96\xce\x92\x97\xd3A\xc0\xea@\x12\xdb\xaa:\'63\x10\xb6\xba\x94\xe9'</t>
  </si>
  <si>
    <t>b'\x0e~\xc8\xaf\xfa,\xef\xec\xe8\x9e\xd7\x92\xeb\xba\xb8s\x86*\xec\xb8\x8b\x8eH&amp;\x1b\xc8\xd2D6\xfcx\x81'</t>
  </si>
  <si>
    <t>b'\x12\xc8\xda\xf4\xb6\xd5\x06U\xda\x91b\xe2\xed\xe1\xcf\xc6\x98\xee\xf2\x87\x1epy51K\x98\xf6O\x1f\xbcg'</t>
  </si>
  <si>
    <t>b'\x91\xf2\x13\x02\xad"\x15\xb7^b\x9b\xc68\xe0\xb4_\x8a\x1d\xb8\x18\xc4CP$\x7f\x8f\x9a\xe1\xf5H\x06\x94'</t>
  </si>
  <si>
    <t>b'\xfdk\xcc\x17\xae\xf6YY\xd7\t \xb7\xf4\x93\x95O\x90\xf9?A?Q\xfc\x13v\xc9\xacn\x10\x99@\x92'</t>
  </si>
  <si>
    <t>b'\x1c6\xefk\x1b\xa0\x85d\xa7\xbd\xadl\xe6\x1eq~\xc8\xe9\xeaH[\xdb\xe8cu\xa4\x98\xc4Y\xfc\x12\x80'</t>
  </si>
  <si>
    <t>b't:)\xa1\x05\xed\xaac\xf0\xbc\x06\xeb\xed\x11\x8a\\q\x04&amp;"\x9c?c\x10!9e\xfb\x88\xfb\xd4V'</t>
  </si>
  <si>
    <t>b"\xa9P\x9bwA\r\xbc\xac.\x04\x85\x07\x9f9'\xb1\xa5q\xddX\xbc/E\xd9\xbbY\xe6X\x81rs1"</t>
  </si>
  <si>
    <t>b'\x87dZ1\x19\x0e{\x0em\xca?\xdc\xa3\xc7\x9f\x81\xc7\x9e\xe8\x98?\xecX\x18\x11F\x04{\x03\xb1\xb8\xff'</t>
  </si>
  <si>
    <t>b':hZn\xb1\xd8\x05\x02u\x8e\xa3\xcfs\x91~\t\xcd\x81\x97\x9f\x9d\x04a\x08\xc5]\xd6\xab\r*\xcez'</t>
  </si>
  <si>
    <t>b"\x93\x92'}\xae\x9c\xcb=\x99K\xc1\xe9\xf1\x12\x1dK\x04x_MC\xa7Ps\xf18ab\xfc$\xc0G"</t>
  </si>
  <si>
    <t>b'Z\x05%l\r"\xd7\xea\xe1\xf8s\x14\x89u\xec;\xda2V\xf7\xd0\x06\x13\xd1\xe2\x0crY\xd5k\x15\xd6'</t>
  </si>
  <si>
    <t>b"'\x81\x9c\xf5\x82\x10o\xd3\xd56E\xde\xca\xf2k d|\te\xbeET\x91_k\xa2u]\xfb.\x0f"</t>
  </si>
  <si>
    <t>b'\xbd,\x1a\xc1\x8f\xa7\xbaC\x08lZ\x17&gt;\xb12NuRV_\xef\x89\x0f\x06\xef\xf7\xbb\x8a\xa5\xd42l'</t>
  </si>
  <si>
    <t>b'@P|E\x1bC\x9f\xf2\x1a\xfe{\x03\xc2z\xf3\x89q\xa1\x0c\xcav\x91p\x97xw\xef\xeb\xcc8(\xd6'</t>
  </si>
  <si>
    <t>b'\x9d\x07YA\xcfn\xa4\xf8\t\xbd{\x03?zXZ\x9e3P\xc0|\xc0\xc6\x98\x98\x11m\n\x1b\x83\xca\xfd'</t>
  </si>
  <si>
    <t>b'\x10R\xcc\xec\xb8,#P\xbd\x95\xe9\x91\xdc\x07A1]\xc9vR\xb7\x9d\xc9\xb9T\x83(\xd9\xc8s\xe4\xa0'</t>
  </si>
  <si>
    <t>b'\xb8\xb4\x06\x87\xa25&amp;\xf3\x96\xc6\xdap\x1d\x05\xe6\x0f\xc0#\xa8\x1a\x1f\x01\x8dD\xf0\x84\\\x07\xf0\\\xda\x03'</t>
  </si>
  <si>
    <t>b'\x15\xfb\x8b\xfal\x8d\xa1\x9f\x1d\xc8\xc1\xf3[1\xf2\x02\t\xfa\xceL\xcc\xb3\xe7\x06k\xdbk\xa8x\x04m\x11'</t>
  </si>
  <si>
    <t>b'\xa7\xe8\xa1\xe8V\xcd\xf4I!r\xb4\xa8\t\xdc\x0e\xc0\x99&gt;7M\xe1c=\xf2\xfb\xcaj\x8e\xd1G-O'</t>
  </si>
  <si>
    <t>b"S\x8d1'\x8fz\xf0\xde\xa6\x86\x07\xbfk\x14\x9c\xaa8\xad2\xc0\xe3k\x8d\xf6\xd6D\xefy\xc9\xd9d\xa6"</t>
  </si>
  <si>
    <t>b"KOc\xd9x\xf3O\xac\x83Fz\xaaO4\x85\x9f\xe2\xa3/\xc0M\xa7[\xe9\x7f\x0e\x85'\xbb\\S\xf0"</t>
  </si>
  <si>
    <t>b'\xfb\x9d\xd0\x7fY\x00\x06\xae&lt;w\x95\xd4\xc3\\n-\x15\xf5\xbbbQ\xb0e\x90\xc0I\x16\x87h\x16\xe9\x99'</t>
  </si>
  <si>
    <t>b'\xff\xb5\xf2\xccW\xec5V7?:l2\xc1\xd6T\x05\x81@\x82\xcf\xb3\xde\xfdJ\x11\x04D{\xbf\x17\xe2'</t>
  </si>
  <si>
    <t>b"D\x03\x92\xb5G\xc7\xdadp3\xc6\xbeE\xf8d'\xc5TU@\xf2\xbb&amp;\x99\x83^\xff\xa2M\xb7\xb67"</t>
  </si>
  <si>
    <t>b'qfx?\x92\x92\xc01\xf8\xb2\xc8\x9f\xd6\x80U\xac\xb4o\x08\x18\xcct\xa4\xab\xae\x9e\x96\xbb\x0b7\xfc\xd8'</t>
  </si>
  <si>
    <t>b'\x0em\xff\xa8\xcd\x8b\x02A\xf2\xd5XW\x83Qj\x1d"I\xfbq\xe1\x06\x00\x13\xe4\xbb?\x9a~\xe2A\xc4'</t>
  </si>
  <si>
    <t>b'\xb6\xd1N\xe0:*;\x86\x0b\x90\xcadO\x03\x07\xfb5R\x80[\xdct[\xfe\xad\x8a\xed\x17\xd7\xcb\x13\xcb'</t>
  </si>
  <si>
    <t>b'\xe4\x1f\x7f7O5\xa3I\x86\x1c\xd6@1\xbf\x17\x1e;\\d\x1c\xfc}\x82iT\x0fBe\x10%\xa1I'</t>
  </si>
  <si>
    <t>b'\x9bH\x983\x0f\x9d2}\xb7Y\xcf\x8f\xf4B&gt;36\xc5\xa7\xd6u\x7fF\xea\xf1&amp;\x98\x15a\x05@&amp;'</t>
  </si>
  <si>
    <t>b'\x1f\x9f\xd3\x1e\xe6\xf1\xdc\x04\xc84\x94\x88a\xacZ\x08\xf3\xcd\x11\xe0\xf29\xcb\xe4\xe3b\x81Xo{\xd6\xeb'</t>
  </si>
  <si>
    <t>b"\xdd\xc57\x152Nm\xf7&lt;\xfb\x11[l=&lt;\xf2\xb3't\xe6\x97\xe5\xb5\xb1\x83l\\\\\t\xb5}c"</t>
  </si>
  <si>
    <t>b'\xb1P\xea\xb3\xc6ol{\x86\x89\xf1|\xd1Q\\hQ\x88\xc2\x85&amp;\x986 \x82\xbdjO\xca`n\x8b'</t>
  </si>
  <si>
    <t>b'\x05\xc8\x9d\xfd\xa3\x99qZ~F\x9a\xed\xbe\xf8\xc6[\xd3\xb6\x12\xcd:iqo\x0ed3\xde\xa6\x15\xbd\xc7'</t>
  </si>
  <si>
    <t>b')8\x80\x8b\xc9\x15\xd1\x17K\x85\xf2\x11\xbal!\x80\x84r\x0cU8\x9b\x8d\xa9\xa6\xa5\xbd\xd4[\r\xf3\xf3'</t>
  </si>
  <si>
    <t>b'B\xe7\x8fl[Dx\x88%\x8c\xc8\xcfP\x8f\xbbK_#\x10|\x1d&gt;y_\xadlJ\xba\xed\x8bP\xb0'</t>
  </si>
  <si>
    <t>b"R\xec\x95x\xfc7\xb7R'q\x95\xe9\x82\xd4\xdd\xa1\x8aj\xf0P\xf3\\;~\xa9\xaf\xa3\xc9\xc2\xb5\x18a"</t>
  </si>
  <si>
    <t>b';&amp;o\x89?\xdd\xb1&amp;\x06\xc0\xd5f\xe1"\xe0\xf2U77_\x0b\x86d\x1d\xbc\x97}\xc3?\xe8\xb9U'</t>
  </si>
  <si>
    <t>b'\x81P\xd2\xc7c}\xc4ZR\xb1\xe8\xbd\x140\xf1-\tx\xe8\xaf\xcb\x00\x92-\x83r\x8bla\xe5V\x89'</t>
  </si>
  <si>
    <t>b'S\xe8\x97v\xcf/\x85!\xd6\xcdOm+\x8db\x91d\x13\x94!\x9ad\xd1\xf0\xa2\xe6\xf6\xa2\xbd\xd3\xfd\x9f'</t>
  </si>
  <si>
    <t>b"\x8a\x17\xa2y=-\xaf\xaf\x1c\x1c\xe1\x8435P\xbf\xd1u'\xc8f7\xa2\x7f_\xc7\xab\xa7;3Q\x12"</t>
  </si>
  <si>
    <t>b'P\x9d\xde\x1d\x9e\xc2\xe2=L\x94\xd58%i\x01\xfe\xc5\xacAG\xc1\xe1\xf17\x18G:\xdc\xa9_\xa8\xdb'</t>
  </si>
  <si>
    <t>b'\xfa\x8f|yi\t\x93\xca\xd6)\x07\xa6\x02\x07\xff+\xc3\xc8(\x81\xe4x\x95\x86\xcd\xac\xf1\xe5\xc4k\xf4\xc6'</t>
  </si>
  <si>
    <t>b'\x9f&lt;\x93l\xaa\x90\x90\xe1#\x88[\xf2\x17\xdeC\x97\x9d\xc7\xff\xf3\xc7\xe9\x9f0\xb6"e%\t\xb5L^'</t>
  </si>
  <si>
    <t>b'W+\xca\x04h\xcc\xee\xae\xeb\x05|\xd1[\x0fJ\x8b\x92\xa4\xfe\x852\xf25\xc1\x18D\xe8j\xdedzA'</t>
  </si>
  <si>
    <t>b'\x18B\x17\x90vK\xc9h\xf9\x9a&lt;F\x87J\x95\xf7\x98A\xd9CW\xc3\x99P\xa7H\x9d\x04\xcc\xa7\xf9\xfc'</t>
  </si>
  <si>
    <t>b'\xf7\x18h\x8c\x9c\xe1;\x13xSZ\xd0\xf2\xb0\x9b\xe0H\xe7\x7f\xaa\ta\xbe&lt;\xc1\x1dnNBz\x0b\x82'</t>
  </si>
  <si>
    <t>b'\x90\x8aN\xf3\x01K\xdf\xb3V\xb0\xccV\xb3(\x10/\x0b\x83\x9fS\xda\xd1\x17\x1c\xa84\xcd\xc1\x9e\xa4\xa6\xa4'</t>
  </si>
  <si>
    <t>b'\x98\x12\xe44(\x88\xed\xddL\x82+\x9a\x87\xc6J\xab\xee7\xce\xd7Qk&gt;\n\x16\x9d\xd3\nIOf2'</t>
  </si>
  <si>
    <t>b'\x12\x1b\xec\x8d\xe1\xb2\x9a\x8f:\xea0\t\xf1\xdd\x04\x06\x11\xfa\xaa\x058\xb3\xd1\xecRi\x01J7\xb4\xcf\xee'</t>
  </si>
  <si>
    <t>b'\xef\xab{(\xf5\x93R\x90N=\xbb\xe1\xd0\x08d\xcf\xf8\x1b\x8c\xf7B\xad\xb4\x06\x0f\xbb\xce]#Q\xfd?'</t>
  </si>
  <si>
    <t>b'8^\xa8KJ\xb2\x08\'\xf8\xc3Q"M\xba\\\x1dJn\xd9\xd3Mt\xeb\xe7\xbc^"\'4\xce\x9b/'</t>
  </si>
  <si>
    <t>b'\xd13~\xc5\x86U\x92\xe6\xc7m\xd7\x81s\x87\xc8\xc2\x0e\xb7\x0c\x9e=\x88\x80\xa9r\x7fF\x8c\xc9,\r\xa4'</t>
  </si>
  <si>
    <t>b'\x0b\xaa\x10Z\xbf\xc8\xc9\xc9\x04\xd4aD^\x14$R\x0c\x9a\xcff\xe5\x83\x8c\x97\xe9q\xd6\xacUb\x98v'</t>
  </si>
  <si>
    <t>b'?\x9c\xb7U\xde\x89\xc9\xbf\xdexs\xf3]\xaaI\xf6\xbf\x9b\x08U7\x99`\xcdG\r\xb2\x9a\xcc\xfb.\xf5'</t>
  </si>
  <si>
    <t>b']P\xb8J\xd7\xc7w\xb3\x89\x06XR\x01\x12\xd9 r\xa7d\xb1D\xd6\x84RF\xaa\xec\xba?\\W\xbe'</t>
  </si>
  <si>
    <t>b'B\xeb\x93|\xed\xf8\xd8J\xeb\x91$Q#\x9c\xfc\ro\x90\xcc\x06\xce\xd4G\xea\x071\xd46\x04\x1d\xa3\xf5'</t>
  </si>
  <si>
    <t>b'\xf3R\xc5\xe8\xb9\xc57\xeb\xe7\xa1b\xe2\xa1\x86\x1f+\xfd\x05\xe3\x95\xc0*\xe9\xd8f\xb0C\x0eamT\xf8'</t>
  </si>
  <si>
    <t>b':2\xb1;/\xdcJ\x97@\x1dZ\x92\x19L\x03\xdfM(\xb5\xca9b\x99:2\xb8\x94X;\xe5\x08\xcd'</t>
  </si>
  <si>
    <t>b'\x88;A}s\xf8c\xdc\xb0s\\4\xda\xb4\xcbL\xf6#\xa1\x13\tT\xa8\t\xb2\xcf\x8dii,\n\x06'</t>
  </si>
  <si>
    <t>Tax Loan</t>
  </si>
  <si>
    <t>b'\xb6\xf0\xdb\x0e^\xafh\xb6\xcb\x0e\xc7\xcd\x12\xcf\xa5\xa6\xc6\xc0\xd2*\xe3 \xef\x8edn\x96\xf0\xe8\xaa*#'</t>
  </si>
  <si>
    <t>b'\xe5_C\xe2\x99\xcc\xd4*g\xd1\xc8z\x97g\x1f\x1cs\xa0e\xe5!\ra6D\xcad=\xda\x0c\x07\x01'</t>
  </si>
  <si>
    <t>b'\n\xc7o]n\xc4\xe6w\x12fu}\xfa\xaf\x0f\xeaS=p\xd7%\xa8\xc56\x91\x12\xc3Bm\xc0\xfc\xad'</t>
  </si>
  <si>
    <t>b'\x8d\xbci\x14\x03\x90&amp;\xcd\x169\x94\xa63\xa0\xcbG\x192\xc8\xe6\x02\x94\xc2o#\xc3,\x84W\xd0\xabH'</t>
  </si>
  <si>
    <t>Pay off Credit cards with high Interest</t>
  </si>
  <si>
    <t>b'\xbb.\xdc\xa3\xe6GMF\xe8s\x92=\xd4\xd4\x93\x0b_\x01\x17:\xdd\x91px\xb8&amp;\x99\x95d\xd2}\x9f'</t>
  </si>
  <si>
    <t>b'?iT\xd4p=\x86\n\xc0\x1ds\xcf{Fx\xc6\x8dMA\x05C{\x8b\x88\x90a\x7fb\xd72\x9b!'</t>
  </si>
  <si>
    <t>Winter help</t>
  </si>
  <si>
    <t>b'\xff\x0cG\x1fN\xde[{4Z\xd0\x10zV\x8f \x96Xwr\x9b\xca\x86A;_\xe5\x00\x7f\xe3\x0fC'</t>
  </si>
  <si>
    <t>b"A\x1b\xeeLr\xb6'\xd8\xbe\xbf\xab\xa4\x1e\xf3(_\xfc\xbf\x8f\x85z\x81=\x03\x96lH{{8\x03\x14"</t>
  </si>
  <si>
    <t>Loan for Bills</t>
  </si>
  <si>
    <t>b'\xb7|$|\x1b[\xcf\xb0\xfd\x1a\xd1\x1ej\x10\xc5v9\x1c\x9c\xd1p\xa1\xbc\xaf\xa2\\N\x85q\xd0\x14w'</t>
  </si>
  <si>
    <t>b'\t\x8e\x07O\xa3\xc7!\x9a\xcc\x0c\x1a\xcf\xd2x\xf5\xad\xc4U\xd8\x87!\xd0\x87\\\xc9\xea\xe1\xc4{\xeb\x11\\'</t>
  </si>
  <si>
    <t>b'}\x99\xf5`o\xc9\x88!!\x8a_\xd63\x1a\x87\xa8R\xa9a\xb5\xb4\x06\xa0\x80\xfed\x99\xb8\x9f\x10\xe7)'</t>
  </si>
  <si>
    <t>b'&amp;\x82\x86?\xce\x94\x88\xb7\xb7%\xfb\x029\t\xa1C\x99\x84m&gt;\x9a+%\xf8\xa4}2\xce\x01\xfb\xfc\xf7'</t>
  </si>
  <si>
    <t>A BIRD IN THE HAND</t>
  </si>
  <si>
    <t>b'\x00\x9a;L\xa1A\xbe\x97\x80\xdam\xbf\xd40\xe9\xac\x11y\x962&lt;\xfar\x10\x81\xe7S_o\xb1\x1c\xd8'</t>
  </si>
  <si>
    <t>b'@\x1e\xf7@J%\xe7\xed\x06]v\xa4\x9a\x0fM\xdbwg\x07\xe291\x7f[\x86\n\x80\x98fO\x0f\x7f'</t>
  </si>
  <si>
    <t>b'\xa1~\xc4\x1b+m\xa698&amp;\xe1\xb3\x86\xe4i7\xf0li\x8a\x15\x13|\xdb\xfc\xaef\x01d\x93z\xc9'</t>
  </si>
  <si>
    <t>b'=\x01J\xb2d/?8\x17a\x07\xcdt\x8cG\xdf:\xb3\x9e\xd3\xaeg\x9d\xd7\x0c\xa3\x82\x12\xbb\x13\xff\xcb'</t>
  </si>
  <si>
    <t>b"ZY{\xf0\xeaZ\xf0%\xa0\x89\x838\x8a'k\x00\x0f`\xd1\xb3\x8e,\xc8c\xd5\xf2\n\x1a\xd3\x08w\xc5"</t>
  </si>
  <si>
    <t>b'\xdf\xd1%\x8f\xb9x\xa1\xa4\xf2\x8a\xe1\x7f\x93L\xd5\x9fR\xd0\xa5\xf3r\xcb\x05\x82I\x8f\xc3X3\xb7\xe9\xe4'</t>
  </si>
  <si>
    <t>Consolidation of all open accounts</t>
  </si>
  <si>
    <t>b'\xdd\xaf/T\xcc|\xe4\x7fT\xfa9\xd8L\x18\x8b\x8e\xb3\xdfE\x05\xfdl\xdd\xc6?sO\xb8\xab\x1f\xcc\xa5'</t>
  </si>
  <si>
    <t>b'\xb0e\xd7\x9d\x16vp\xf0_\x13\x1ej\x8d\xa5\xc6 \xb9\xb8/:\xc4Hd\xebC\t\x86\x13\xab+\xea5'</t>
  </si>
  <si>
    <t>b'\xbe\xdb\x1aU\xa8\xdb\x03\x17\x8f\xce\x16\x85&amp;\xf4\\\xb4\x1e\x0f!W/\xe5\xe3H\xd66oe\xd5\xa4!`'</t>
  </si>
  <si>
    <t>b'P\xeaW:\x1d\xe7\xeb\x9a\xee\xb9\x03\xac+\x8b]\xd0\xb0G\xb9\x82\x95Y`\x8d9\xf4\xfb\xa6]$(\xe3'</t>
  </si>
  <si>
    <t>paydowndebt</t>
  </si>
  <si>
    <t>b'~\x02\x91"\xd8\xa2#:\xf6ZTNH\xa6\x1b\xdf\x96T&amp;v\x8d\xcaDh[\xd5\x92\xb8\x1d\x9f\xeb\xa4'</t>
  </si>
  <si>
    <t>rescue</t>
  </si>
  <si>
    <t>b"\x8b\x84}\xeewD\xe4\xf5h\x94a'\x9d\xa7\xbao\xbcCT\xbfHPo\xd3\x85\xa3\xa0\x840{\x12s"</t>
  </si>
  <si>
    <t>b'\xb8]\xa7\xb9+*L\xc6\x1c\xecU\xeb*&amp;\xcbmw\x93\x89\xd6\xd8\x04D-^\xafHZ\xd9fa\x17'</t>
  </si>
  <si>
    <t>b'\xa2\xf1\xb0o"Z^~1\xdc]\xb6("q.\xf7\xa6\x8d\x8d&lt;UY\xf7\xcb\xb6H\xaf\xb9\x06\xc8\x9f'</t>
  </si>
  <si>
    <t>b"\xdd\x1fc{\xd5\xfe\xe8\x89\rBc\x87\x9dT\xc8\x83\xf4\x81\x0c\xde\xb29\xa8\x88\xa6\\\x93*'\x14/h"</t>
  </si>
  <si>
    <t>b'f\xdd\x8c\xd5\x8aK6\r7\x93\xfc(\x15\r\xeb3yZ{{U\xb8\x07\x00!\x1f\x1e\xa9\xd48T\x8a'</t>
  </si>
  <si>
    <t>b'\x85\xaa\x16o\x95z\xc4\x9fU\xd5\x8a8\x86\x85uo\xf7\xa6\xae\x1e\x12\\\xc84\xaa\xdc8k1\x89\x85\xb9'</t>
  </si>
  <si>
    <t>b'\xd3\xd0\xfag\x82T\xe6\xc2\x9cp\xe8V\x04\xd7M\x91\xca\xa5\xdc\x1a\xfd8\x9bZ\xb7;\x83\xce;\xdeS '</t>
  </si>
  <si>
    <t>b')\xb5\xd4\x80\x0fl\x18\xdd\xae\xf3\x0e36\rG_6x\x82\x92B\xefCv\xef.~ \x0c\xa0\x9f\x8a'</t>
  </si>
  <si>
    <t>b'g\xae#\x83\x1f\xbbH\x10x\xf6\x8fq\xf3T\xc1\xf4:\xd8_\x90\xc4=\xc4\x8dR\xd7\xc4~\xd21\x1f\x81'</t>
  </si>
  <si>
    <t>b'9{\xde\xf1\xec\x87\x9bl\xf3M\x00w\xc4\xbb\xf3\xc9v_\x08\x1e\x87\x9c-\xc7\x96\xee\xe520\x180\x1c'</t>
  </si>
  <si>
    <t>b"k4\xfd9\x8b\xb5\x97\xa4\xaa\xb7\xca\x1a'uc\xa1\xc0\xf9X\xe8\xb7;\xf5\x14\xbd\xea\xa1Hw~\xb00"</t>
  </si>
  <si>
    <t>b'\xae\x93=$8\xf6\x86\x99*\x94\xddVtr\x9a\xd4\xff\xdbG\x8c\xda\xae\xa5\x07\xaa\x0b\xd8\x8e\xb6\xf0\xae\x1b'</t>
  </si>
  <si>
    <t>Determined</t>
  </si>
  <si>
    <t>b'\xfe\xdd\x17%\xf9\xbexr\xd6\x89\x93\xf3B\x9e\xff\xce\x96\x02/H\x85yi\xe8\x8cg"\x03]\x1f2\xdc'</t>
  </si>
  <si>
    <t xml:space="preserve">My liberation from high interest rates </t>
  </si>
  <si>
    <t>b'\xa5\x02\xdf\x1f\x1e\xbd+\xa3=0\t2[\xf0\xea\xaa\r\x01\xca`\x97\xe1y:8:\xe5&lt;#\x1f\x14\x0f'</t>
  </si>
  <si>
    <t>DEBT REDUCER</t>
  </si>
  <si>
    <t>b'_oV^\xd2\xa5\x19v\x06\xa7\xf7\x05\x03d\xf8\xf0{\xe18\xd7j\xcf\xe1:J\xfeG\x03\x0e\x9a=\xef'</t>
  </si>
  <si>
    <t>b'\xe7n,!\xc7\x9b\r\xacl\x89\xd1\xea\xd8j\xaaS\xa6\x13\x90\xd2\xfe\x96\xd9&gt;\xbd\x90\xb66\xfb\xdcbn'</t>
  </si>
  <si>
    <t>b'1\x1c\xc9\xe4v\xa3\xe4\x06\x7f\xbb8\xbb\x19\t\xdf\xdc\xc3*\x97\xff4\xb9\xf9\xe6\x8f \xb6!\x90\xe6\x92\xac'</t>
  </si>
  <si>
    <t>b';\r\xfe\x96\xce8\x88\xd10a\xa3\x80\xec;\x01=I\xa3\xa8\x0b\x08\r*\x1fq\xcbo\xb8\x89\xf7\x10\x98'</t>
  </si>
  <si>
    <t>b'\xe0\xe3pe;\xfdtu\xa6\x90y\xc6\xd0\x18U3\x04\x9f\xd6Y\xdd\x94C\xc9\xc6\xc69^\xf2JG\xde'</t>
  </si>
  <si>
    <t>b'\xdc~\x83\xc4\xa23\x14\xca\xc0k\x07Y_\xcb\x8a\x18\xe9\xe91\xdf\xb7=\x9d\x0cK-\xeb\xed\x85\x92.\xa8'</t>
  </si>
  <si>
    <t>b'J\x14v\x87\xc7\x0c\xaf\xdc\xd6\x84\x1d\x8c\x18\x10\xf7\xed\x9e\xb6\x0eg\xd7\xb2\x98ox\xfc"@gQ\xb2\xde'</t>
  </si>
  <si>
    <t>b'\x99\x01\x9d5&lt;[G\x85\xb8\xca$\xa7KgT\x0cIR\x12\x9c\xa3\xa2r\xd8!\xa8\xc7\xe1\xe8\xb5\x8d+'</t>
  </si>
  <si>
    <t>pay it off faster</t>
  </si>
  <si>
    <t>b'\x8f\xd5\xfe\xce\x038\xe5\xfe\xd9\x7f\xd0-\x0b\x1a1(\xd4\xc3\xc8&amp;3/E\xc6\xd6\xa5\xd8\x8co\x0f\x11b'</t>
  </si>
  <si>
    <t xml:space="preserve">Please help me payoff credit cards </t>
  </si>
  <si>
    <t>b'\xae\xdaf\x00\xd4&lt;\xc3\xc3g\xc2\xcb\xfd\x8d\xc8C$\xa0\xbcT\xcf\x08P\xa2\xb7rI\x8f\x90Sp*o'</t>
  </si>
  <si>
    <t>b'\xffl::6\xff\x8f\xd9\x8e\xf0n\xed\xb5\x0b0x\xec\xb0\x1b\xcc:\xcb\xf8\xf0\x1c\xd1(\xf9}@`|'</t>
  </si>
  <si>
    <t>b"'\xe2\xb5n\x8e\xb9\xb9,B\x17\xb39\xa4\xdbq\x967\xa4\x89\x94)\x1c\xc3\xe9k\xa5\x17\x9c\r&amp;\xf1e"</t>
  </si>
  <si>
    <t>b"\xb9\xa2\xa6\xbc\x98\xbf\xf2\xdc\x87\xd7\xc3uc\xe3\xd6T\xf7'\xa2J\x1fw\x0e\x0f\xbd\xc6&amp;\x8e\x88\x95bk"</t>
  </si>
  <si>
    <t>Lendin Club</t>
  </si>
  <si>
    <t>b'cQ|z\xeb\xceB\xe5\xbb&amp;\x99~\x97\xec\xb9n\xcb93r\x8b*\x7f\xea\x07\xb3*\x93\x9f\xf57 '</t>
  </si>
  <si>
    <t>Loan to payoff existing credit cards</t>
  </si>
  <si>
    <t>b'\x87K\x83\tp\x17\x9e\xfc)\xad\xa3\xb2)\x18\x0bSxoo\x188?+\xdb\xc2\n\xbc\xc7\x85\xaa0\x9c'</t>
  </si>
  <si>
    <t>investment loan</t>
  </si>
  <si>
    <t>b'~\xe9N\xe7\xb4\x0f\xda\xbc\x8fW\xcft\xe6I\x8dH\x11\xd2\xd9%\xde\xc2T,\x9e\r\x1ep\xac\x0c\xef\xd1'</t>
  </si>
  <si>
    <t>b'g22\xda]\x9a \x18\xc8\x14\xe8\x99.\xa3\xbeQ\xfa\x1cK\xd0\x11\x16&amp;\x89\x865\xb1XO\xb7\xbfP'</t>
  </si>
  <si>
    <t>b'|7+\xfa\xc6\xc7s&lt;-T\xa6\xca\x11\x16\xf4\xae\xa2\xba\x85P\x06\xef\xa9\r\xf1&amp;i\xc5\xef\x93\xfc['</t>
  </si>
  <si>
    <t>New Day</t>
  </si>
  <si>
    <t>b'\xe4#\xe1O\nK5\x87\xf1A\xd9\xf4\xb2\x83=%\xf0ob{\xb0\xa9\xccF\xaa\x18z\xce5\x85n\xc7'</t>
  </si>
  <si>
    <t>b'\x0e\x89\xf0\x0c\xc5\x18\x01c}&lt;\x15\x04C\x14\xb9\tm\xfc\xb8\xb6\xab\xd4\x80r`\x99db\x11\xb8o\xe5'</t>
  </si>
  <si>
    <t>Junk</t>
  </si>
  <si>
    <t>b"h\xac!hkZ\x94\xfcd\xa6\x0c\xa7\x89M\x8e\xee\xb2\xc5C'\xb5\xc5\x94\xd5[\x11g3tv\x94\x10"</t>
  </si>
  <si>
    <t>c/c Loan</t>
  </si>
  <si>
    <t>b'\xa5F\xbfp\x91,\xa4F\x01\xa3\x83\x83\xed\xa2\x03\xd2xn@\xd3%v\xfa\xb3&gt;Q\xbb@e\xfb$*'</t>
  </si>
  <si>
    <t>b'\xf6p\x17.\x84\x0bA\xbd\r$\x1f\x19\xedv\xf5\x05\xf9d\x89\xf7\xab\xc37b\xc5yE\xa3p\xae\x9d\xae'</t>
  </si>
  <si>
    <t>Student Loan Consolidation</t>
  </si>
  <si>
    <t>b'\x8e\xb0\xce\xa3\xd2\xccY\xed\x98\x8a3\xbe\x10\xd3\xcc\xb0R\x8f+\x9c8\x95\xa7x \\\xa0\xec\x85\xdcz"'</t>
  </si>
  <si>
    <t>b'x3.I\x06"\x02(\xd6&gt;\xf4\xf4H\x089\xbc\xfb,\xc3\x9e\xd3\xb6\xf1l\xf2uW^\xc3\x9d\x18j'</t>
  </si>
  <si>
    <t>b'\x1e\x82\xa0\xd3&amp;\xd2B\xb4\x8e/\xd5&amp;IX\x08Lu`\xb4\n\x10\xd2"\xe7\x1d\xce\xa3\x86\xd3\x8c&gt;\x8b'</t>
  </si>
  <si>
    <t>b'\xfd\x1a\x03\n{\xba\xf2\x9f\xeb\xe0O\x8f:\xeb0\xa3\x10\n\x12\xb7\xd4)\xd3(\x1eg\xdd\xcb\x86\xe0Ox'</t>
  </si>
  <si>
    <t>Paying Off High Rate BOA Card</t>
  </si>
  <si>
    <t>b'\\\xc6\xc1`K?\x82g\xe8\xe1|{c\x0e\xd0*9\x9a|u}_\xdfL \x1a\xd3\xecvg\xe2\x19'</t>
  </si>
  <si>
    <t>FreshStart</t>
  </si>
  <si>
    <t>b';\xe8\x04\x14\xd3\xd2p\x90\x195\x98\x80\xca\xcf\xc0\xbc\xf7\xd50#I}\xca\x1d\xf2#O{\xf4\x00\xc9\x86'</t>
  </si>
  <si>
    <t>Financial</t>
  </si>
  <si>
    <t>b'\x04c\x15V?\xf6\xb6\x0e\xda\xfe4\xca)r\x88\xc9\xfcB\xac&lt;\x8bI\xd1\x89f\xb5\xfc\xf4,\xa7\x99\x92'</t>
  </si>
  <si>
    <t>Restucture</t>
  </si>
  <si>
    <t>b'\xe9b\xf9\xdd]\xe5=.\xb1\xe0\xa2\x8eR\xf9\xa1\xba1\xb9\xee\x02\xa8\xd5Hl\x99\xcb\xd9\x13\x93\x0f|\x97'</t>
  </si>
  <si>
    <t>b'K\xca[\x92i\xa4}\xbb\xf5B&gt;\x01\xb0T\xaaK;\xc9tB[\xa8\x9c9\x99V\xff\xbe\x82\xcb\x8f\x8d'</t>
  </si>
  <si>
    <t>b'\r^C]\x13\x8d\x10\xcb\x01v\x0e\x11\xf2\x85x\x13i\xde{\xd0_fB#\nt\xd6&gt;\xcc\xd5\x111'</t>
  </si>
  <si>
    <t>A Miracle! Now let's pay for it.</t>
  </si>
  <si>
    <t>b'VqR4M\x05\xdewq\x81\xcf\x92\xa0K\x92\xb5\xc1\x16\x8d\xa0\xc5[\nK&lt;\xc3\xf7\xb9o=\xc2\x1b'</t>
  </si>
  <si>
    <t>Catch up</t>
  </si>
  <si>
    <t>b'yp\xf7\xdc\xdf\xda\xe3g\x81;-\xf7[\xaa\r\xc7\xed\x9c\xd9&gt;\xcfL\xa0p\x9b\xfft\xf0\xbc\x9b. '</t>
  </si>
  <si>
    <t>b'\x90\xf1\xe6\x80aGK+S\xf5\xeaQ\x86\xba\xeb\x06\xe8\xf6\x046p\x15\xfc\xe5R\x9b\xdbAHe\xf9\xa0'</t>
  </si>
  <si>
    <t>Wave Runners</t>
  </si>
  <si>
    <t>b'\xb0\xd6\xab|\x0fx\x04\xa1\x89\xc7\xf1xN\x96\x1b\\U2\xbbh\x8bt\xc2\xdb\x06\x910u!j=\xa6'</t>
  </si>
  <si>
    <t>b'eb\xcb|mX\x9b\x04\x91\xbd\xd5\x8c\\:\x817\xd5\xa3\xa5\x9a*\x13\xc0\xa0\x8d\xdf^\x11\xac\xb7\x99\xe3'</t>
  </si>
  <si>
    <t>b"\xee\x1a\xe1gJd\xbb\xb7'0&lt;\xdcc&amp;+K\xdfO\xfa\xc6\xa1\x1a@V'@\xa7f\xe7^\xf2\xe6"</t>
  </si>
  <si>
    <t>b'\x1aC\xa6b\x0fN&lt;\xedS\xa6 \x14\x10 ^\xd7\xff&amp;\xda\xcfS\x15\xbb\x00\xdd\xb6\xae\x19^A\x8c\x0b'</t>
  </si>
  <si>
    <t>eliminate dept</t>
  </si>
  <si>
    <t>b'[\xee&gt;l\xbf\xdawh\x1f\x0b\xa2\xc2PA\xaa\xf81\xe0\x88u\x8a\x1a1\xe1.\x06\xdc\xeb\x8dm\xf8\xa7'</t>
  </si>
  <si>
    <t>b'u\xe8\x12\xc5!\x16S\x9b\xb7\xac\x98\xd9\xad\x15\xe6\xfb\x07\xe2X\xfa\x87\xef\xae\x8c{\x18\xa7ulU\x93\xdb'</t>
  </si>
  <si>
    <t>b"\xcf\xb4|\xbdt\x07w\xae\n\x01\x0e\x99i\xf0\xed\x01\xe2\xb8u\xab'\xf5P\xff\xd98\x92F'.!\xf8"</t>
  </si>
  <si>
    <t>Engagement Ring</t>
  </si>
  <si>
    <t>b'\xa4\x06o\xb0\x9d\x9fD\x1eL\x9cVe\x04`+k\x8d\xbb\x11\xa7\x07\x9bW\x0e\x06\xe4\xb4\xbb\x8b\x89\xa2\xb9'</t>
  </si>
  <si>
    <t>b'\x15\x06\x0e\x91_\x84\x9b2n\x14\xa6p\x11\xcc\xdb\x84v\x198\xb2#X\x8f\x98\xfc=0\x9a\xd3s\x13v'</t>
  </si>
  <si>
    <t>credit card reconciliation</t>
  </si>
  <si>
    <t>b'\xf6\xe1\x9d)D\xf7\x95Xr27h\xa4\x87\xc1g\xc6\x1bp\xe6\x96!\xf6\x15\x9c\x8b\x01\xb1\xa5\xf4\xa2j'</t>
  </si>
  <si>
    <t>Car, Credit Card, Small installment loan</t>
  </si>
  <si>
    <t>b'\xcd\xcb\x10\x97\xe4\xa2\xfe\x0e\xc9\xa6;\x14W\xbf\xb7E;\xb7\xce\x18\xb7\xa8\xc9\x83\x1b\x143(\xc6\xf9\xbf\xdf'</t>
  </si>
  <si>
    <t>b'\x82d\xaf\x8ef\xd9\xfas\x0cE6\x82\x98\xa7rt\x9e\xa0\xfeH$\x89_\xbc&lt;\x99em38\xcb\x8d'</t>
  </si>
  <si>
    <t>Personal_1</t>
  </si>
  <si>
    <t>b'\xe4\xff\xc7\xccm\x02C\x15g\xdf\x8foR\xcb\x01\x97Z\x19\xfb\x93\xeb_\xe6\xdb\x13\x99\xb6\x06:\xb4\xcf`'</t>
  </si>
  <si>
    <t>b'\xff\x04zZ\xd9e\xd3a\xbf4maC\x1c@\xb4\xe5=q%W\x95\xd2K\xb3g\x08$\r\xe0\xa7\xb2'</t>
  </si>
  <si>
    <t>b'j\xb0\x83\xbf?D\x10\xe0s\x90\x16m\x9a\xec*&lt;D\x9bT\xbd3\xe6\x8cJh\xafI\x81cK\xbd\xef'</t>
  </si>
  <si>
    <t>b'\xc250&amp;C\xf4&lt;}\xe2\xd4\x13\x18\x11\x1e ;D\x0c\x0c\x84\x16\xadd,n|\x9e\xc1oC\xd3+'</t>
  </si>
  <si>
    <t>Paynow</t>
  </si>
  <si>
    <t>b'\xf6#\xe95\xe8R\xe5\x8a\r\x19$\xfcy\x8f\x94\xbaT\xee\x83\xdc\xbb\xbf\x95F\xebdF\x8c\xf6\xf8_1'</t>
  </si>
  <si>
    <t>b';\x19\xea\x0c:\x98\xb4S\xd1\xf8\xf2\xb8\xd1&amp;yYb\xdbK\xde\xb2\x8d\xc8M\xac\xe0^\x855\xecg\x86'</t>
  </si>
  <si>
    <t>b'E6x\xefvT\xadXO\xcdv\xa6D\xce\xd7\x97\xf6\x9bt~7\x02\xeb\xd6\x13\xc3\xc8\x0e\xc8@\xed\x8c'</t>
  </si>
  <si>
    <t>b'\xa1@\x87\x12\xa7.\xda\x1c\xbf5\x8cu\xe3\x95\x1e\xf8\x9cJ\xfd`\xa3\xd7\x1b\xd7\xf0\xd5\xa8{tl\xe4W'</t>
  </si>
  <si>
    <t>nitwit</t>
  </si>
  <si>
    <t>b'\x92h~j&gt;\x1b\xa9\xbfxU\xce)\xd4\tM9\x88\x83\xce\xab2\x88\x94\xe3 C1\xbc-V\xa8s'</t>
  </si>
  <si>
    <t>b'*\xf8r\x9fv[HB\xf88\xf1K\x85c\xf7\x96\xfe\x04\xdb\xb49\x1f\x91\x0f\x024_\t(4\xc4\x0b'</t>
  </si>
  <si>
    <t>b'\xa0Y\x96\xd1\xd1h+v\x97\x170aw\x1b\xe5 \xb2\xf2\xd8\x08\xd4\xb0\xc6\xd2\x9a\xd9yEF)\xc6\x86'</t>
  </si>
  <si>
    <t>b'U2\xc5\\\xef\\oX\xab\xf0\x7f\xfb\xc7\xfe\xc7\xa5\x9a\xf0\xf4S\xfan\x1c\x85vVg*\x9fg\xd9\xcf'</t>
  </si>
  <si>
    <t>b'\x8a{\xdf]\x00\x8c\x02\x8f\xd2\xec\x17\x85\x05\x1b\\@\xb9X\xd9+\x11\xc9\r\x8b\xe8\x9b\xb0`\xef\x143g'</t>
  </si>
  <si>
    <t>b'\xf9\xd9V\x1a\t\x18\xd26i\xaf\x99\rnC|xd\x92\xe2\xd3\xac\xb2x\xf0\x1c\xb9r\xfaQ\x17\xb2\x9a'</t>
  </si>
  <si>
    <t>b'\xc6A\xaa\xba\xe7d\xa6\xf0\x8a\x04)\xf6D\x87\xf9F\xf8s\x98aJ\xed\x91\xabx\xc61\x1a\xbb\xb2\xa0]'</t>
  </si>
  <si>
    <t>b'@v\xd7\x85\xfeF\xca\x0f\xdf\x81_\x08\xa1\x10\xb3\xa9\x8e\x1e\x90\xa1T\x9cK9\xda\x1aB\xaf\x9a\x98\xd3\x9c'</t>
  </si>
  <si>
    <t>b'\xe3\x06O\xc2\xbbRMc\x9a\x08\x00Tj\x07}\xa7}lS\x05\xb5\xc3\xb1\xe9\x1d\xcf~\xfe\xe6%\xa5\\'</t>
  </si>
  <si>
    <t>b"\xc6PN\x99\x1f\xdb\x93\x96\xc5\xd4Z\xb0\xb3s\x00\xc8\xbd\xff\xd0\xb6T\xe7\xfbz\xc1O\xae\xe4'\x84\xcd\xe0"</t>
  </si>
  <si>
    <t>b'N?Y\xa7)\x7f\xd0\x82\xddC\x07\xff\x01K\x10- `RL\xe7\xbb`\xed\xef\xae\x17\xf4\xfa\xa1-\xb9'</t>
  </si>
  <si>
    <t>b'z\xfd\xc8\xa1L\xeeA\xd9M\x99\x89\xf1\x1e\xc1\xc0\x11]\x13H\x8a:\xaa\xb0T\xdb\x1c|\xe6\x12TX\x02'</t>
  </si>
  <si>
    <t>b'\xca\x8e\xbb\xf87\x07k\n$5h{\xd9\x9fCzCnqc}\xc7\xe1\rO\xf4r\xd2\xf8\xfda\xe1'</t>
  </si>
  <si>
    <t>b'\xccv\xa1\xf2!J\xdb\xd2#E\x01(6!`$x\xf9}\xf7\xb4\xac\x807\xaa\x7f8@,w\xb9\xdf'</t>
  </si>
  <si>
    <t>b')\xbc\xc4\x81\xb9H\xe1\xcan\x86\x90\xc6\xca\xff\xc6&gt;\xc9\xb2\x01\xbf\x01\xe0\xfe\x91=\x9b\xae0\xa0\xcf\xa1\xa5'</t>
  </si>
  <si>
    <t>b'M\xf6%-\xd2N\x02\xea\x7f\xd0=\xfb\xbc\xc4)\xbe\xe5\xb5\xb6\xe7`\xd0F\xf9u`Z\xb5\xafC\xd3\xd2'</t>
  </si>
  <si>
    <t>b'\x15D\xad\xc2A\xcdz\t\x8d^\xe6\xe0\x08-3\xd3\xe5\xca\x8f\x1d\x9ah?+\xa6V\xd7\x02k\xc9\xb8-'</t>
  </si>
  <si>
    <t>LoanMove</t>
  </si>
  <si>
    <t>b'\x83\xb3\xd0\xd6R\xceJ\xaeR\x8e\x8d\xa8s\x90\x81O\x19\xd6\xd7I\xc9t\xb2\xa7\xf9\x1a\xe9\xa5U\x0b{\xf8'</t>
  </si>
  <si>
    <t>b'B\xd0\x92\x84\x85\xc7~\xb7\xfa\xf5%$\xc3M9\x9e\x93\xdf\xbc\x1f.^\xf0\xeb,O/\x8f\xe7\x11\xa2I'</t>
  </si>
  <si>
    <t>b'\xe5J$&amp;CD\xf72kV\xcb\xfakv\x14\xf1\x9ba\xe4IEVr\xcaL\xe3\x1e^qP\x7f\xf5'</t>
  </si>
  <si>
    <t>ccrefinance</t>
  </si>
  <si>
    <t>b'\xdeY&lt;\xd1x\xdb\x87\x95\xf6\xe6\xb3\xc3\xf5\xe7\xde:\xb2\x03\xfa0\xd0\xf2B\xa7\xb7\x03\xfc\x18JWS\xea'</t>
  </si>
  <si>
    <t>b'\x13\xc0\x9a\xc5\x9a\xd0-2\xeaJj$\xe8B\xba\x1fQ]\x81\xc22\x17S\xadB\xca\xf1]\xe8\xdeaz'</t>
  </si>
  <si>
    <t>b'\xcf\x16\x1d{\x84\xfcJ\xdf\n\xfa\x1c\xec%\x81\xb3\xa6\xd2\xb9kDO\x9d\xae*\x18w\xa7\x824]-\xf8'</t>
  </si>
  <si>
    <t>new</t>
  </si>
  <si>
    <t>b'\'\x84\x063\xd1\xf1\xb2al\xe0\xdb\xdd^\xcd\x10\xf00\xd9]"\x8a\xc0E\xa30\x1d\xfd\x04\x95X\xd3\x99'</t>
  </si>
  <si>
    <t>b"9\x08\x82\xa0\x81\xda\x15\x02\xf8\xfa\xe07\xd3b'\xb4\xbb\xa3\xde\xfd\xafF\xcfS\xbd\xe3X \xb1v\x12A"</t>
  </si>
  <si>
    <t>b'\x9d\xf73\x92Q\x86\xf0o+\x83\xf4\xb0@\xf4V\xfc\xd9\xb8f\xaf[\x1c\xdc\xc7w\x87\xce0/\xfd\\\xaf'</t>
  </si>
  <si>
    <t>b"$\xd8`\x8a\xb3G\x9a\xbb\x16\x87\x80\x907T\xf7t&amp;\xf1\xd2\x80/\xc5\xa3\xca|\x9f\xff'\x02\x9a\xd3\xc7"</t>
  </si>
  <si>
    <t>b'V^\xb4T7\x94\xef\x11\xaa\xbcJeKx#\xb3\x85\xc3\xc0Wz\xfc}\xeb\xd4\x1d\xdd&lt;)\x87\xcea'</t>
  </si>
  <si>
    <t>b')\xe2/\x0c;\xb9\xc6U&lt;\x9f\x1d\x0eTA\x1a(\xd5\xda&lt;\xe5\x8f\t\xaa\xd4\xf41b\x0b\xdf\x8a(\xc9'</t>
  </si>
  <si>
    <t>b'rt\x02\x1de\xcdrSm\xa0B\x8e\xe2\x14\xf1\x1d\xb2\xc8\xb5":\rH\n\x9e@\x002\x92\x0b\x13\xf8'</t>
  </si>
  <si>
    <t>b'\x81B;\x0c\x8bE\xba\x19&amp;\x96G\x82\x99\xfdH\x82\x1b\xa0(_GZ)\xa9i\xc2*\x04}*\x97\xc1'</t>
  </si>
  <si>
    <t>b'\x05\xde\xa6\xccY\xf8\x93\xc8\x90Y\xf7\xef\xbb&gt;q.\xf7\x90-\x86\xfe\xb6\x91D\x95\xf8\x0b\x80\xdaN"\xf8'</t>
  </si>
  <si>
    <t>b'R\xac]\x18\xe7|\xb5V\x14`\xaf@^\x9d\xb3M\xc4\xb6t:\xf6\x94\x9c\xd9f\xc98\xa9\x13+\xdc6'</t>
  </si>
  <si>
    <t>b'\x14}W-\xb1-h\x86\xcf3\x84KF\xf8\xd0zw^\x19go\x9a[\x0c\xdewN\\*\xb5\x9c\xfb'</t>
  </si>
  <si>
    <t>FREEDOM!</t>
  </si>
  <si>
    <t>b'\x1a|V\xc28\x14\xf9\xf4\xa3\x04\x8ejo]\xe0\xe4\x89\x89\xef\x97\xdb\xbf1Y\r`7\xd4V+4\xea'</t>
  </si>
  <si>
    <t>b'\x90&lt;\xd7\xc7dLTdi\xa6)\n\xa3L`\x97#\x0e(P\x986\xcb\xe2\xf9\x9c]Z\x15\xef\xf4L'</t>
  </si>
  <si>
    <t>b'l\xaa\xb9\x1d\xce\xea\xd9\xa2\x03\xae3Gn4`\r\t\x90V\xae\x87T\xee1\xcd\xe4%\x82\x19P\x1a?'</t>
  </si>
  <si>
    <t>b'H\x86\xf7&lt;\xfd]1\x0e\xb5Y\xc1~\xf0y\x9d\xe2\xe71h\x16\xb0\x11\xe9\xb1m\xedX8\\kE\xb4'</t>
  </si>
  <si>
    <t>b'\xb7s\t"a\xa9\x06B\x13\xacA\xdc\x82{\x9aeR\x9b\xef\x16]9\xf3\xc1\xf4\xe8\x10\x0cka"2'</t>
  </si>
  <si>
    <t>b'*Z\xf7\x88\x90\x05l\x0b \xf1\xc3\x9e\xf2\x8dn\x91E\x01D\xe4\xc6]XP\xca\xb2\xab4t\x0b\xe1o'</t>
  </si>
  <si>
    <t>NoCC</t>
  </si>
  <si>
    <t>b"'#\xcb\xc1`\xc7]\xb1X\x12\xcb\x05\xca\xbb6\x16u@\x89\xae&lt;\xee\x9e,t\xd0\x7fWTR\x00\x90"</t>
  </si>
  <si>
    <t>b'\xd31\xef.\xe5+a\xa3_\xaf\x1a\x02\xc9\xb8\xb1\x19\x9c1Ss\xb4\xb774#\x96\x98v"\xdd\xb8\x82'</t>
  </si>
  <si>
    <t>Debt Clearance</t>
  </si>
  <si>
    <t>b'z\x84\xa7O\xea\xa8nR\x10\xd4\x0c\x03\xe3a\x14\xb1Js}H\xef\xbcF\x8b\x18\x98W\xbc\x81\xd13\x02'</t>
  </si>
  <si>
    <t>b'\xb8P\x90\x0c\xe3kt4[&gt;\x05,D\xbbN\xde\x1a;\x88\x97\xc1\x00\x1c(\\y\x97\x8a\x9e\xd9\xaa\xcf'</t>
  </si>
  <si>
    <t>CREDITCARDDEBT</t>
  </si>
  <si>
    <t>b'\xab\xdb\xe0\x99+\xa7\x1f\x85V\x10Mt\x04{\x05o\x81\x12\xdc5\xbfI\x0e\xe5:\xe4\x80\\=\xa6u\xac'</t>
  </si>
  <si>
    <t>b"m\xebQ\xea\xa5'\xb2?\xa9(#\x07{\xe8`\xccfE\x05\xcd\x9d\xf0\xe1\x16\xd7\xe2\xef/\xaf\x1c\xc26"</t>
  </si>
  <si>
    <t>Catch up on debt!</t>
  </si>
  <si>
    <t>b'\xbe\x92(\x18q@\x84\xf5\x88\t\xab\xab\xaf\xd41\xb7\xe2-\xb8\xc6&amp;\xfd7g\x84\x7f\x8d\x0c(f\x9e\xb2'</t>
  </si>
  <si>
    <t>b'\xe9\xcc(\xf1\x03\xc5\xde\xf7N+\xfb\x88\xbc\x0f\xa6$\x1f@\x7f\xad\x8e&gt;&amp;\xfc\xb6\x80\xc3\x00BO)Z'</t>
  </si>
  <si>
    <t>b'\x19\x0c\x0b\xb7\xd9\xb3\x9b\x9f_\xc9\xb2|r\x9bL=6\x04\xe6\xc5\x8e\xad\xa7J\xcb\xd7\xcb\xe3H\x98\xfa\xd9'</t>
  </si>
  <si>
    <t>Invest in Home for Resale</t>
  </si>
  <si>
    <t>b'\x80\x0e\x7f\xc0&lt;Y\xf6&amp;:8\xbe\x85m\xb3&amp;\x85~\xca@\xc2A\x9e\x8e\xff\x10\xd8h\xdb\xca\xbf7,'</t>
  </si>
  <si>
    <t>b'\xa1\xc28\x98\xd7\x05d\nN\xcek\xbaF\xdf\xb88\xe9D\xc9wmcG\xf2\x01\xcd\x19u2\xec\xa4\xe4'</t>
  </si>
  <si>
    <t>b'\\\xb0\xac8\x96\xc3\x81\x95[\x0bN_\xf1\x1d\xb6\x86Y\x94\xf2K9W\xea\xf3\x03%\xfcN\xda^:M'</t>
  </si>
  <si>
    <t>b'p\x0f\x9b\xbb\x9a\xdd\x8a,bX\xa2\xc7\xe8\xd5\xbeiZ\xbc\xca\x8d\xbb/\xe4Z\xe38\xca\xe8\xd4\x9fT8'</t>
  </si>
  <si>
    <t>b'\x12\xbfb\x8cQP\xa7I\xbf\xe3\xa9\xd9R,\xf9\xc3"\xb7\x1fXl\xa2\xf9w\xd5\x83V\x12\xeaB\x9d\xbd'</t>
  </si>
  <si>
    <t>payoff crap</t>
  </si>
  <si>
    <t>b'@S\x10~~\xca\xa4Wq\xe4Oy?\xc0v{\x9c\xb9o\x17"zE\xd4\t\xa9\tg2R\xbcW'</t>
  </si>
  <si>
    <t>b'\x1e\x97\x1a)f}-yyQ\xf5\xb6\x8dJ\x11\xc2oG\xc9&amp;\x19\x0b[\xad\x8e\x18\xa9\xbfMT\xcd\xe8'</t>
  </si>
  <si>
    <t>im ready, say yes.</t>
  </si>
  <si>
    <t>b'\x04\xfd\x8eJ\x1a\xf1\xc9k\xe8\xe1\xacub\x86\xb0n\xae\xcf\xac\xaa|\x8a\xa2\x05\xf0\x8f\xb1\x85\xdb\xde\xa0\xd7'</t>
  </si>
  <si>
    <t>free from cards at last</t>
  </si>
  <si>
    <t>b'3\xc0R\x89KO\xba\xd0\xe6G\x88\xcfX\xf94\xb1\x0e\xdfY\xff\x98\x175\xf0\xe8\xf89\xd5\x91{%\x87'</t>
  </si>
  <si>
    <t>b'\xd2\xf9\xf5\xf6\xbf\xe3\xf11\xf0\xf9\xc9@e\xf4J{\xa8\xa8\x84\xee\xa9\x98\x19\xd8\xfd\xd0\xfe?\x01N\xcdM'</t>
  </si>
  <si>
    <t>Credit Card Reconsolidation</t>
  </si>
  <si>
    <t>b'\x03\xfcj\xb7\xd7\xfeM\xb0\x8c\x17\xd3A\xc5\x80+\xe2\xa6\xa3\xa5\x9be\x1cl:\x16\xbb\xbe\xae\x93\xea\xed\xb0'</t>
  </si>
  <si>
    <t>Goodbye Chase and American Express</t>
  </si>
  <si>
    <t>b'y\x9e\xb5\x9e\xba(&amp;\xe1"\xeal\x0e\x9dBc\xb9\xf1G\xc6^Dl\x8f\x12\xb0\x08I\x80\xe7j\xf9\xf2'</t>
  </si>
  <si>
    <t>school loan</t>
  </si>
  <si>
    <t>b'i\xaa\x13\x9b\xca\xe2j\xbd\x06\x97TM\xfa\x1a\x12jn\x14\x90\x8fnRS\xea\x01\xdb\xf6z\x08j,\xe8'</t>
  </si>
  <si>
    <t>b' \x19\x12\xa8\xe3\x9e\x9bJtP\xab\xd0\x12~I\x1e\xa7\x8eR/U\xa3\xe0\xd7I\x80\x9f_;\xd4;T'</t>
  </si>
  <si>
    <t>b"k\xe01'\x95L\x9e|\xce\x86\xee\xa4\x08\xad\x8d\x87n\xc2\xc7\x9c\x1a\xc7a\xff\ne\xc61\xf0{\x9a\xf5"</t>
  </si>
  <si>
    <t>PAY IT OFF</t>
  </si>
  <si>
    <t>b'\x90H&amp;\x91w\x11=h\x89\xfar\xe6\xb7\xd2\x19\xdc3o\xb2\xaa\xc3\x94M\x87\xfb\xefi\xb3\xf1\xa5\xb1$'</t>
  </si>
  <si>
    <t>b'\x88\xf1\xf7\xc7M`P\x1f@\xee\x1b\x05\xd7WA\xb6\xbd\x9a\xd3\xac\xd2\x8b\xcb\x91,"\x18=y\x130s'</t>
  </si>
  <si>
    <t>Credit line</t>
  </si>
  <si>
    <t>b'Q\'\xdb,\x16\xf3sp"su\x7f\xb5a\x82?\xf7\xcfy\x12\xd3\xc4\xc5e\xafK=\xc2\xe7\x0b\x8e\x82'</t>
  </si>
  <si>
    <t>Debt Consolidation, two cards</t>
  </si>
  <si>
    <t>b"X&lt;\x8c\x03Q\xb0\xe9\xfb&amp;J\xbb\x95\x02B\x00t\xe5%\xab\x149\xe9\xbe\xf0\x14T\x03\xc0r'\x00m"</t>
  </si>
  <si>
    <t>life is very good</t>
  </si>
  <si>
    <t>b'p\xa2\xc6d0]\xf2c\xd2\x05\xe9R\x14\x127m\xc6\xda\x11\xda\xa83\xa9\xb5\xf1\xad\x12\xa1\xde{0\x89'</t>
  </si>
  <si>
    <t>b'\x9a:\xd1\xe0\x86f\x1f\x9ew\xd5\xab{\x8cC4}\xe2\xcc\xfa\xe7\xd6&lt;\xbf\xddP\xf7I\xcbU\x96\xb6='</t>
  </si>
  <si>
    <t>b'u\x0e\xc00\xa9[\xf7Qy\xa4\x80\x81\xeb\x8c-\xc43\xcd\x90`\xbf\xaerQ\xa8\xb1\xb0\x96\x84\xccz\n'</t>
  </si>
  <si>
    <t>b'\x04e\xbcuf\xf6\xaf\xbd&amp;4\xb2\xea\x02\xa9\x8c]\xc1h\xbc\xfeLl\xdb\xf2\xb6\xa8\x14\xacy\xf4\xee\xe2'</t>
  </si>
  <si>
    <t>Paymybills</t>
  </si>
  <si>
    <t>b'\x1f\xeb\xf0\xdbE}\xaa\x02Z\x7f\xb0~\x83[\xbe\x18Y#\xca9\xded\x90{\xbc\xecS4\xde\x08o7'</t>
  </si>
  <si>
    <t>b'\xc9\xf4\xfd\x18\x1c@\xe9\xbe\xfa\xdc{\x96\xa1[\x9f\x8f\xd8S\xca\xd3:\\o~\xda\xd4\xdd\xcbD\x00\r\xba'</t>
  </si>
  <si>
    <t>b'7\xbe\xbd\x9d\xb6\xbc\xa9:\x99\x02\xca\xf8t\xe9\xab\x11\xdd,\xb6\xe9rp{\xc7Pq0\xbd\x7f&lt;\x1fd'</t>
  </si>
  <si>
    <t>b'\xf2\x02\xdb\xd7\xab\xcf\xd0%\x0e\xfc\xe1]\x06\xcd\x89%\xc3\xbb\x17\xcf\xc3/\x92\x83\xcfYG\xfc\r\xa4\xac\x8b'</t>
  </si>
  <si>
    <t>A House Blessing</t>
  </si>
  <si>
    <t>b"N\x17E^\xcbn\xe8\xf8!\x9f\xb7\x12\r\x07\x92fk\x11\x03YAA\x88\x94\x15\x7fe%'\xdb\xcf\x8a"</t>
  </si>
  <si>
    <t>b'\xa4\xea\x0cpC\xcb\xce\xd9Y\\\x06\x8f.Tp\xf9\xb5F\x92z\xce\xb2\xc3\xdb\xdaT:\xb83j\xf9\xba'</t>
  </si>
  <si>
    <t>b'\xeb\n#\x82K\xd0\x87\xd7\x11\xfc\xc5\xce\xd8\xf0\x8cX\x0fE\xab\xc1\x1b$Cx\x0b\xc1\x9c.|wN\x07'</t>
  </si>
  <si>
    <t>b'M\x953\x81e\x8e\xa6G\x8a\xd3\x18\xcf\x0b\xb0~\xf6&gt;\x89\xdc\xfd\x00xl\xd9\xe7\\\xd1u\xb2U9\xcd'</t>
  </si>
  <si>
    <t>b'\xab\x9f\x1f3]\x0b\x8e\xd1fj\xa2\xa3*\xda\\\xf7\xc7\xac\x973Zy\xc53\xc6\xf9\xcc\xdc\x04\x16\xa8\x9d'</t>
  </si>
  <si>
    <t>b'\xc3\x1dZ}\xc2\x87\xcf\xe0\xda\xb0l `\x81\x8d\xa7\xb2|\xcaR\xbb[#\x848\xebJ=H\x8aA\x9a'</t>
  </si>
  <si>
    <t>PAYING OFF MY BILLS</t>
  </si>
  <si>
    <t>b'\xcf/\x0c\xb9&gt;\x03Hx\xf2vH\x9c\xdb\xd66\xa7\xc6\xb1\xe4c\x88,9NI\x82\xdb\xa5~u\xbeo'</t>
  </si>
  <si>
    <t>b"\x13\xa5\xec\np\x06=\xe2\xc1G\x8c\xf5\xe6'\x1e\x9c%\x7fVDB\xe4J\xc3\xa0\xeb\xc4\x03z3UJ"</t>
  </si>
  <si>
    <t>b'c\x07\x19\x9dQu\xe8N\x87s\xf4\xec\xc9Q\xa4j\x07\xe8\xa1\x06B\xbb\xa8+W\xcb?\xab\x99&gt;\x15D'</t>
  </si>
  <si>
    <t xml:space="preserve">Credit card consolidate </t>
  </si>
  <si>
    <t>b'\xba\x93\ts\xf4\x9fm\xaa\n\x9e\xde&lt;4n\x12]\xd1N\xebN(\xbc\xe6\xd83\xccC)\xb7\xc4\xe9A'</t>
  </si>
  <si>
    <t>b'\xd0\xa9\x83C\xccb5\xafY\xd6\x170_V\xb0\xfc\x81\xe5W\x07\xd6\x93z\xec\xb0\xc3\x8b\x11{\x01\xed\xd2'</t>
  </si>
  <si>
    <t>b'1\\+T\xbc|\xabQ\xe7)\x93\xbd\xb8\x0f\xb7m,\x85%?E\xe0\xb9\xef;&lt;\xe9%1\xa4_)'</t>
  </si>
  <si>
    <t>b'\xadE4\xbbX\x1cx\xfcv\xf0X\x86\x04G\x1f\x12n\xa5\x876\x81\x15\x8e\x11\xa9\x05\xde\xa3\x97\xe8\xe7c'</t>
  </si>
  <si>
    <t>Consolidate Debt for lower interest loan</t>
  </si>
  <si>
    <t>b'\x81\x19J\xe6\xd3[\xfd\x0cG\x814R\xdbC\x89\xb7z8\xd1\x94\x91`\xd6\x14\x9d\xd7\xf2\x00+Y\x9c\xbf'</t>
  </si>
  <si>
    <t>b"\xc0\x02R\x10\xe1sCy\xed\xd5W\x7f'{\x0b\x1c\xbe\xf6K;\x9f\xd1\x1b\x14\x95\xe9\x90d\xe1\xb4\xc8\xd6"</t>
  </si>
  <si>
    <t>b'\xbd\xdd&lt;\x1cfLZ02\xa6\xc1\xe3H8\xd4\x16\x10\x14J\x93\x14\x1f\xe9[\xbd\xb2n\xf8\xc2AU\xf4'</t>
  </si>
  <si>
    <t>b"\xb1\xfe\x81\x1b\xe9\xa4\xb5\xeb_\xbc\x19\x99\xc1\xdc\xa3\xf1*=|\xc7\x81\x12\xf9'\xafN\xa7b\xe4\xed\xa8O"</t>
  </si>
  <si>
    <t>b'\x01Z\x99\x97VIom\xf5k\x95\xb2h\xe6\x0c\xb6g\x1eW\xd1.\x1e\xbb\x8a\xf1\xe7y\xc1\xa8\xe7Ls'</t>
  </si>
  <si>
    <t>Debt paydown</t>
  </si>
  <si>
    <t>b'\xbe\xd2\x96\xaf\xc4\xe7\xc0\xa0\x8f\xd0\x8a\x80\x7f%&gt;*=3\xdc\xaf\xc9\xe9C]\x92\x02&amp;"\xd4\x82\xa2\x90'</t>
  </si>
  <si>
    <t>b'DW\xf5\x8b\x03r\xe5\x9cwi\xf1\xab\xb4UjvA\x11\xb6i%a\x83h\xbb\x1d\x19\xf8\x89M\xce\xc2'</t>
  </si>
  <si>
    <t>b'\\\xf7\xb1\xa1\xa9\xe8x\xb2B8\x9e\xe9\xbf\x88c\xe8o\xec*\x15\xc3\x83\xf6\xeaF\x8d\xe5VT\xa4\xb6\xcb'</t>
  </si>
  <si>
    <t>b'\\\x84\xd1\xd1\xc7\xe6\xed\xed\xa7BdR5\xbcE\xe5\xc5F\x1eyN-R\x05%Y\xe0\xd9\x14\x97\xbc\x12'</t>
  </si>
  <si>
    <t>Help Family</t>
  </si>
  <si>
    <t>b'\xc9\xa8M&amp;\xe7\xa2\xcb\x99\xd6\x11\xb8\x89\x84?~\x1c\xa1\xf5\xa2\xac\x92\xf1\x83\x07|\xdc\xb3\xcdK\x93\n,'</t>
  </si>
  <si>
    <t>Unsecured Loan</t>
  </si>
  <si>
    <t>b']\x1e0\x1d\xcewvm\xc8\x1fx\xe2V\r@W\xed\xf4:\x13\xa7N q\xb0\t\x06j\xed\xe8\xa8\t'</t>
  </si>
  <si>
    <t>b'\xfd\xc6\xa7\xa9`TlT\\2\x10\x13z\xdf\x850\xc4r\x01\xd1e\xd7:\x06\xbctx\x90\x1f\x7f\xdd\xf3'</t>
  </si>
  <si>
    <t>b'\x11\xf0:v\x8a\xe3\xa2\xb25\xc6\x11\xeb\xb4P:\x92\x118\xe7*%\xee\xf3\x8e\x03\x06`)^\x13X/'</t>
  </si>
  <si>
    <t>b'Tpr9\xa4\xf7\x00{\xed\xae\\\xf0J\x1c\x15\xbd\xf7\xb0\xc4\xc7\xee\x7f?Io&gt;\xa6C\\\xba\xd5X'</t>
  </si>
  <si>
    <t>b'\xd3t\x86\x17\x83\x02g\xa0\xb3\xf9E\xca\xa1\x8d\x80n{S\xfa\xdc\t\x05B\xff\x87\xee\xbd\xbc\xb56M\x0b'</t>
  </si>
  <si>
    <t>b'\x9c\xa7/\x1fP+\x04\x12\xc8)N\xe5`*B\xa5\xa9l\xcf\xc9M\xaf:DB\x9f\xd3\x87-p\xca\x95'</t>
  </si>
  <si>
    <t>b'\xe2\xdd1\xaf\n\xd1\xcf\xb4Ao\xd6\x89\x04\x95\xbe\x8c?\xbd@9\x97Y\xa8L\x0ex\x995]Z\x9f('</t>
  </si>
  <si>
    <t>b'Q\x1e\x1d/G\x06c\xc6\xba\xb31\xfe|\x15a9\xa7\x98\x83\xfa\xa5&amp;\xe2\xb5\xa1\x87L\x81\x861\xd0n'</t>
  </si>
  <si>
    <t>pay off high interest</t>
  </si>
  <si>
    <t>b'\x90bmy\x06\xcf\xb19\xbc\xa60\x8e%\xa9\xaa\x15\xe9\xba\x0c9\x9e\xa1\x85\xdcJ\xe6\xc1A\x994\xeb\xb4'</t>
  </si>
  <si>
    <t>b'\x02HJM0:\x1bk\x17u\xc3j\xc8\xf5\xdc\xf6\x0c0q\x12\xf4K\x9f\x029\x1dE\xc6v\xcc\x84\xd7'</t>
  </si>
  <si>
    <t>b"'\xf5\xec\x1a\xc1\x1f\x93mA\xbe+#.aI0H\xb2&amp;\x03\x97\xbbOQ\xfeT33\xe7\x002w"</t>
  </si>
  <si>
    <t>b'\xb5\x10\x80\xdd\xc8\xdf\xa5\xddj\xe5`&lt;\x1fJ_\xed\xe1n0\x83f\xbbOH\xe1)\xb7\xc9.\x98f\x12'</t>
  </si>
  <si>
    <t>drbt consolidation</t>
  </si>
  <si>
    <t>b'\xfc.~Kk"\x05\xe0\r~\xc0\x17\xaf\x90Z\x8e\\\xc5~9\xa8 \x8e\x1d\x8b\x0b5\x08G{\x0eh'</t>
  </si>
  <si>
    <t>b'#\xbc\x90P\xe7\x9d\xda#\x94\x9a\xd5\xd9\x05.k\xe3l\x04+@\xa3\x12I?\x16\x9b;"\xe8?\x0b\x9f'</t>
  </si>
  <si>
    <t>Lending Club 2</t>
  </si>
  <si>
    <t>b'`6\xbc4\xd5\xa3\xf5\x1a\xc9\xdcx{u\xfd\x85\xfaS\x9f\xf8\x7f\xdeF\xb4Y\xce\xa6*\x80\x18\xe6\x82s'</t>
  </si>
  <si>
    <t>b'\xff{T\x83\xafc\x13\x87\x06\x11\xad\xe47\x93\xe3\xfa?\xac\x1e=Y\x1c\x05~\xdcS\xe08\x8c\xacz5'</t>
  </si>
  <si>
    <t>b'\xf1\rdg\xec\x19C7+\xa3\x16\xb7\x9f\xe0H\xe1\xc44\xa2\xcb\xa7$Y\x89w\x1cR\xecn\x942\xf7'</t>
  </si>
  <si>
    <t>Getting out of debt</t>
  </si>
  <si>
    <t>b'\x15\x87z\xb4\x9c\x88\xa9\x02E\xd3J\xcf-=\x12\xd3\xbe\x0f\x07\x88\xd7\xc7\xdd\xb6\xa6\xfcU\x9e\xc6*s\xc3'</t>
  </si>
  <si>
    <t>b"\xbc\xff\xb3?G\xc0\x9a'\xb7\xd7m\xf8wl\xa2f\x8c\xc0\xc7\xc1\x12 \x94]\xc6z\xea\x93K\x8a}M"</t>
  </si>
  <si>
    <t>b"8\xad&gt;D\x9e\xe0X\xdei\xc6ts'\xfa\x98\x05\x0b\xe4\xc6\x9dQ%i4\x93\xe2\xf9Hq\xadQ\xcf"</t>
  </si>
  <si>
    <t>flexability</t>
  </si>
  <si>
    <t>b'\x04\x85\xb1\xb0e~\xd7\xa1\x08XW\xcb\xf1\xac\x8f&amp;C\xbcF\x14\x1f[\x1f\x8d&lt;\xc7\x0f\xea\x10\xbcke'</t>
  </si>
  <si>
    <t>Refinancecards</t>
  </si>
  <si>
    <t>b'\xa1y\xb0"\xd7h\xe5|n\xad\x05\xa2m\x93e\xbe&gt;\xc7\xfeL\xa5\xb4\xb5\x9a\x13\x1f\x89\xb4\xf6/\x1d '</t>
  </si>
  <si>
    <t>b'w|`\xab\xdeRx\xac1R\xe6\x12yu|\xb2w,}\x13\xe5\xca\x92^#\xb2\xe9\xd6\xa5B\x86\xc8'</t>
  </si>
  <si>
    <t>b'\xb9\x06\xb2\xd8m]\xba\xc2\xb0\xcb\x0bH\xcb\xf6\xf4\x8c*9\xfb2\xc6\xeeE=\xcd\xcc\xfbjt\xc3\xb3\xe7'</t>
  </si>
  <si>
    <t>Blessed</t>
  </si>
  <si>
    <t>b"\xaa\xcf#U\xbe%3\x97Z\x9b'(P4\xd4/TN\x88P\x1flv$\x11\xbf\xd6Zb\x00!~"</t>
  </si>
  <si>
    <t>b'|\xd4\x90\xa6W\xb2X{\xa1r\xac\x9c\xeai6\xdd\xe4v\xc4\x80\x11\x0cB\x18\xd4\x87\x10\xd8\xd2\x95E\xdf'</t>
  </si>
  <si>
    <t>b"\x84\xe6\x83\xed\x98\x1f+\xba\x83h7Bb\x9a\xf9\xe2\xb2Q\xa0qf\xce\xd3R\xb5)\x1d\x8e\xd3e'\xe1"</t>
  </si>
  <si>
    <t>b'\xaa\x98.q\xfeiY0\x96\xa6\xff\xbf\xce]\xea+\xd4\x08\xf9?.\x1cAn\xdd\x86=;\x07&lt;p\xa3'</t>
  </si>
  <si>
    <t>b'H\x94\xa5\xfb\r\xd7\x0f\xa4\x13\xce\x00t\xdc\xaf\nS\xbe\xca\xecX\xabbT\x8b\x07+\x989\t\xbb\xf2\xd7'</t>
  </si>
  <si>
    <t>RollingForward</t>
  </si>
  <si>
    <t>b'\xd3h\x99\x9b\xca\xd8\x15\xda\x00E\xa4/\x1d\xb7"\x9c\xdeq0q\x18\xda\x8b\x93@\xcd"d\xff\x16\xdc9'</t>
  </si>
  <si>
    <t>b'\x01p\x17\xdb\xe0\'\xa1\x06\x82\x90*\xd8\xdf\xce\xdbo\xa2\x86\x9a\x96\xed/\x8e"\xeeL\x90V\x10\xa2\xe3M'</t>
  </si>
  <si>
    <t>Next loan</t>
  </si>
  <si>
    <t>b'#\xe33e\xd1=\xa2\xf0\x9b\x95\x8ei\x04\x11\xd4\xcf\xdc\xe91y\x0c\xcd\xd8\xd4\xb3\xa9\xe87\xed\xf5\xd8\x98'</t>
  </si>
  <si>
    <t>b'\xb7\xdba~\xe4J\xac\x9b\x8b\xcbz\x06\x04\x07sD\xca\x0e\x81&gt;W\x04\xcbEb\xd4pRY\xdd\xad&lt;'</t>
  </si>
  <si>
    <t>b'\xe5\x9d\x91\xf0\xfd(`\xbca-\x11w|\x81\xb7\x06/\xfb\x0f^)I\x14\x1eVW\xc8}\x8b\xcc\xfe\x0f'</t>
  </si>
  <si>
    <t>b'\xd77\xca\xea\xb7\x92\xc3\xbdXr\x9fh\xf7\xdb\x1fe\x98=+\xddw\xd6\xcfp\xf9S\xecE\xb8\xe2x%'</t>
  </si>
  <si>
    <t>b'/,\x86\xbd~\xce\x15\xe7\x8d,\xfe7?Ac\x130\xa3\x19\x1f\xab_\x82\x03k\xd7\xd6\xbf\xb1\xf9\x1e\xf0'</t>
  </si>
  <si>
    <t>Money Solutions</t>
  </si>
  <si>
    <t>b'\x81\x08\x8ah\xac\x1c\xdaAH\xbc\xea\xb8\x89v.\x18\x0eH^\xfd\x88\x85B\x89&gt;p\xb4_[5\x15\x0e'</t>
  </si>
  <si>
    <t>Cards Paid Off</t>
  </si>
  <si>
    <t>b'I\x1b:=\xa4+d0\xbb1\xa8\xea&gt;\x83\x01\xfd\xaa\x97s\xde\x13\xfe\x11\xa0\xa0\xc0\xb6\x00\xd49\xf0\x17'</t>
  </si>
  <si>
    <t>lucky day</t>
  </si>
  <si>
    <t>b'\xfb\xf7_\xbc\xe5h\xaa\x83\xb9\x01\xce\xb9\x8d\xa8b\xebf.X7\xdf\xfa{\x14b:\xc0\xb3\xbc\xa9\x1bo'</t>
  </si>
  <si>
    <t>b'@5{\xd0C\xb2E\xd5*}n\x93\xadD\x17{\xb3R\r\xe1\xe3\xf5\x02\xa4\t\xc9\x02\xe6\xe7\xc5}\xe8'</t>
  </si>
  <si>
    <t>b'\xadTj\x82\xf3\x7fWO\xb8\x8a(\xe5\xef\xbbpbj(`\x8f\x86\x80\xab\x89Z\xe4\x81\xe5\xfa`?\x0e'</t>
  </si>
  <si>
    <t>b'\xdd\xbd\xcf\xacy\xe0x\xd4\x80\xc5\xf2\x9b\x9cpO\x1f\x00\x94[&amp;\x1a\xb1\x98@f&gt;E\xf8UYy\xf5'</t>
  </si>
  <si>
    <t>Consolidate the Last Cards</t>
  </si>
  <si>
    <t>b'P\x03\xb6\x15\x8a\xc1\xf7*\xad\xef\xbb0\x9b\x81\x904j\x1c\x95\xfd\xa3\xa7O\x99\x98\xd6\x93\xe5U\x1b\xca\x0f'</t>
  </si>
  <si>
    <t>saved by the club</t>
  </si>
  <si>
    <t>b'D\xc3\xd1\xa3"\xfd\x1dV\xe1\x86%eaW8\xab\x16M\xf2@\x96\xeb^\xe0\xa8\x06\xbd\x9a\x1d\xca\x9eE'</t>
  </si>
  <si>
    <t>medical consultation</t>
  </si>
  <si>
    <t>b'\xb3\x06\x82\xe9\x97\xc8\x85\xce\x95\x84Y/+\xb98\xe9qx\x8c\x87l\xcb\x0b\xff\r\xdd\xcd\\VO\xb0\xff'</t>
  </si>
  <si>
    <t>creditdebtloan</t>
  </si>
  <si>
    <t>b'\x9f\xb3\n\xba\x00\xf2\xc5\xc9R\x178\x82\x1f\x1cK\xa7\xfa\x926\x88\xcc\xef\xf9_L\x8f\x89\x06\xa9\x8c\x8e\x9d'</t>
  </si>
  <si>
    <t>Dept Consolidation Loan</t>
  </si>
  <si>
    <t>b']\x0f\xb8\xd8n"\x9c\xaf\xe2{K\x18r\xebc\x93&gt;\t\xc6x\x1f-i\xa2\x7f\xb1I\xd3\x1a\xfeZV'</t>
  </si>
  <si>
    <t>b'N\n\xbf\x8f\xde\t\x7f\x1b\x9b\xfb\x98) \x955&gt;(\xf5\xe1)\xc15\xdd\x98\x9d\x97\x13NZ\xfb3\xec'</t>
  </si>
  <si>
    <t>daylight</t>
  </si>
  <si>
    <t>b'\x02\x88\xd0\xb6\x93\xf6\xb2{\xf0S\xb3\xeb\xa5\x91\xd9T\x94\xd5q@\xf8\xedM6k&gt;\xe9ks-\xa9c'</t>
  </si>
  <si>
    <t>b'6\x11F\xefr:{A\xd1\x7f\xe0\xedcg\x16S\xcd\xb5\x98{\x03\xc2\xa24\xd9\xd0\xbet\x9a\n\x8c\x9c'</t>
  </si>
  <si>
    <t>b'\xf7\x01:8\xab\xa9\x93q\x1fF\xed!\xef\x98\x0ch\r\xf2\xd2\xed\x93\x94B\x83\xb6\xc24\xe3bV\xc7v'</t>
  </si>
  <si>
    <t>b'\xbe\xfdZ\xd2\xca\xfd\x1a\xf2r\x1c\x8e\x1e\xee\xf7\n1T\x1a\x1aw\x1c\rG\xf5v\xe6)\x94\xc6\x9c&lt;\xa4'</t>
  </si>
  <si>
    <t>bail out</t>
  </si>
  <si>
    <t>b'y\x8c\xc2[\x04r\xe2\x0c\xe8\x90\x8aA1\xfd\xf8\xe7\xe7\xcd\xafI!\x97\xc8f\xdb\xad\xa2\x054Q\x1c}'</t>
  </si>
  <si>
    <t>b'\x80)e6\xbd\xef\xb0\xc5%\xe7C\xfc\xc0\xe3\xd7\x7f\x82\x925N\xee\xee?\xc0\xc7(\xa7\xd6|\xb3\x98\xaa'</t>
  </si>
  <si>
    <t>b'\xe5\x1caM\xc1\xc6\xd3thE\x90\x80F\xc9\xce`"X\xe2\x8e\x1eI\xc0\x0c\xf2\x81g.#\x04\x8fs'</t>
  </si>
  <si>
    <t>b'C\n\xe4u\xc2\xf3Q5\xbf\x8a\xca\x19G8\xd4\x8d\xfcO\x90W\x8etX\xcev\xda\xde\xa5|\x85l\xa5'</t>
  </si>
  <si>
    <t>Tired of high interest rates</t>
  </si>
  <si>
    <t>b"PG\xb0\x16/\x12\xb4yeY\xaf\xc4\xed\x12\x9b\x15\x12w\xf1'\xc5\x00\xbbJ\xc5\xf4\xcd\xb0\x1f\xc2%\xdf"</t>
  </si>
  <si>
    <t>b'\xfeB-\xdfkWH\xc32\x02-Yp\xb5n\x87[\xc0\xdbmircj\xd7\xb3\xf2\xe6\x8e$\xec\t'</t>
  </si>
  <si>
    <t>b"\xe4\xf6\x8a\x01\xc8g\xd6q\x04Ox\xf6\xb3\xa6=\xcdu85\xbe\x97\xe6\xab\xea]Wp\x8b'\xe1\xa2\x00"</t>
  </si>
  <si>
    <t>b'Q\xe9\xc6\xce\x8e\xaa\x8b\x84%\x0b\x06K\xd60\xac4\xc9\x955\x04\xcb9K\x81\\\x01\xe6\xe0\xa60/2'</t>
  </si>
  <si>
    <t>b'\xf3\xafL\xe6&lt;\x81f\xa4R6\xbfL;`\xb3#\xf7/\xf3q\xe7\xdf\xb3\xb7\xd9TS&amp;\xed\x8d\xa6|'</t>
  </si>
  <si>
    <t>b'7\n6G\x1d._8\xdf5\xe0_q\x90PrI\x19\xd4\xfa\xfc\xf0^6\x110\xf1W\xc3\xe5\xca\x18'</t>
  </si>
  <si>
    <t>b'(\xc9X_n\xb6Q\xe0\xa3oWY\xe3}\n\x88\xccea\xaa\x88:\xc5\x02\xbf\xe3\xbf\xe9\x94\xb8i\xf7'</t>
  </si>
  <si>
    <t>b'\xbcm\x91\xb2-[\xfdA\xee\x0c\x0fL\xd1R\xa6nv\xbf\x0f\xa7\x10\xcc\xb1^\xc7\x8cp\\\x04\x10\xe2\xe6'</t>
  </si>
  <si>
    <t>b'Q\xd8D\x12_1\x0f\xb4\x89u\x8f4\xe1\x87\xdb\xa9\xc7d\x99N_\xf9\xf2\x05\xa9\x0cz\xcb\xd8\x15\xaeA'</t>
  </si>
  <si>
    <t xml:space="preserve">get going </t>
  </si>
  <si>
    <t>b'\xa1\x0b\x10\xeeW\x87\xff\x89W\xd8\x19\xfd\xb2\xd7\xd4/o\xa5\x8c\x1f\xc5I\xf9\xc6\xa0\n\xd0\xfb\xde\xbdu\xd3'</t>
  </si>
  <si>
    <t>b'5\xeb\xa0\x1c\x91\xb5\x04\x83\x15\xf6\xb6\xe6\x91`\x1e\xfe\xbfxoF\xdc\x1d\xae\xfc?};\xf70\x15\ne'</t>
  </si>
  <si>
    <t>b'\xd9\xec9\xc5\x84\x04+\xb0\xee(r\x1d}~}\x9cy\xef\xd2\xc9\xff\xfa\xd4\x82\xdb\xd9\x93\xafy\x1a\xa2a'</t>
  </si>
  <si>
    <t>b'\x11\xbeiF\t\x12\x1fO\xbb:\xe8\x06&amp;\x9d7L5;!9Q\xea\x9a\xf8\xd6\x9e~/\x04%\x0e\xd9'</t>
  </si>
  <si>
    <t>b'\xb5O\xb7W|W%\x95y%;\xc7\xa9\xe4O\x9d\xa6b+-\x19\x13\xb2\x17\xae\xf2\x1f\xa8X@h\x08'</t>
  </si>
  <si>
    <t>b'D3\xa74\xd0\xa9\xc0"\xaeJ\xc6\xf9\xf6\xfa\xfe_\xf7DG\x18\x8f_v~0\x10\x13M.&amp;\xd9X'</t>
  </si>
  <si>
    <t>b'\r\xa3s\n\xd5v\x17e\xa3bR:\xf7z\x98&lt;\xa8\x7f\x16\x0b\xd8\x98!\xb5;\xa4\xf0\x19\x18\xa0\xfc\xb6'</t>
  </si>
  <si>
    <t>b'`\xcf^\xc0\x8b\x0c\x01\xa5\xa9\x19\xc58\xb9\x87)\xb3\xda)d\x98\x13Tw}K\x19\xcf\x9c\x9dT\xbd\x9b'</t>
  </si>
  <si>
    <t>b'\xaf\x15\x10C\x17\x05\xce\xb2+3k#\x03l\x1d/\xc5\xaf\x8b\xdc\x19\xeb\x93\xfa\xe3\x17\xbf\xf2\x12k\xdc\x1f'</t>
  </si>
  <si>
    <t>Living Life</t>
  </si>
  <si>
    <t>b'\x14\x11\xa9\xde|\x8e\x98\x85\xa2\xd1[\xcf%\x9a\xce!\xc1\xfa[@i\xcc\x00\x9b&gt;}Im\xf6$6\xa3'</t>
  </si>
  <si>
    <t>Credit Consolodation</t>
  </si>
  <si>
    <t>b'\xda\x98\x02\xa52\xfb=\x8f\x16\x8f\x03T\xc9\x0b\xdeo_\xb5\xcc\x8a\x10mu\xebN\x9a\xb6Ss\x84\nx'</t>
  </si>
  <si>
    <t>b'\xed\xa2\x97\xe0\xcb\xad\xbd\x12\xa5\xa4\x94\xb0\xb9\xef\x01\xa6&gt;^\x8b\xe0/\x1a5^\x80\x80\\\xa4\xbe\xca(\x88'</t>
  </si>
  <si>
    <t>b'KW\xe7\xc3V\x01~=\x9d\xf0\x1d\x94\xeb\xdb\t\x9e\xb5\n^\x19\xd4\xb4\xae{2\x8a\x86v\xe0t\xb5_'</t>
  </si>
  <si>
    <t>b'\xf6b\xf0\xb9\x80\x9c\xcc~\xf7\x8c\x19\n\x89hu\x05\n\xcd\xfe\xc78Q|\xac\x1d\x9b\xd7\x8e\x9c\x94\xae\xfb'</t>
  </si>
  <si>
    <t>b'\x89&gt;d\xe0\xd1\xc3\x88+\xe5\x8f\xbc\xd5\xcep\x19\xc4\xfbl\x04_\x0f\x19F_\xf5\x80\xb9\xa2T\xc1\xa2\x95'</t>
  </si>
  <si>
    <t>b',\x15\x7fd\xcdF\x15Z\x982\xe6\xaeI\xaf!\xfbZi\xc1\xaa\x01\x16\xe0t\x0b\xe4V\xae\xf0Q\xaa}'</t>
  </si>
  <si>
    <t>b'U\x85|U\xf6\xc2\xb0\xee\xa0\x15\x16\xc9\x8b\xe9q\xb5\x97\xa5\xab\xb2\xbc*\x05\xces\xfb\x8c\xab\x8f\xc9\xe8\x86'</t>
  </si>
  <si>
    <t>b'u\xc5"]\xf2\x03E\x10\x01\xb5R\xe4\xc2\xa7Ydq\x8c\xa4\x84\xaeW\x80\x9e\xb9F\xa6CB.\x88\x9d'</t>
  </si>
  <si>
    <t>b'Z\xc5\xe1#\xaa\x80G\xa7\x8d\\[\x14#\xeb\x84\xe6\xc4\xfb\xadr\x1e)\xfc2\xe1\xf8u\xf5!\x80\x12\x98'</t>
  </si>
  <si>
    <t>b"\x0e\x01'\x17\x97#\x898\x99\x16\x93|O'Cr\xcdv\xa3\x80\xe4\x9b`\x12\xc0r\xa4\x15\xc6\xd2\xfcs"</t>
  </si>
  <si>
    <t>b'\xcaB\xdd\xd6%hx7\xca3\x81\x9av\xf8\xaa\xa8\xae=/\xe8\xb4;\xb4u4{C\n\xde\xaf\x94p'</t>
  </si>
  <si>
    <t>b'\x15U(\x8a\xe3\xc3hc\xdble`\xc6\xaa\xc0\x02\xb2\xc5G\xbb\xb8/\xd4m\xefH\xea\xc6\x1b\n2\xd1'</t>
  </si>
  <si>
    <t>Combined</t>
  </si>
  <si>
    <t>b'\xab\x89\xe4\xc8\xff\x84\xa0\x05\xe8\xf2HcV\xf7\x1d\xe5\xbd6(0\x1a\xdcS\xb7^E3a\x8c\xfd\x81\xcb'</t>
  </si>
  <si>
    <t>Banana + Chase CC</t>
  </si>
  <si>
    <t>b'\xf9\x99\x81\xe7\x16K\xef\xdb\xca\x0e~.\x1b\xef\xef\xca3\xb4\xb3\x81d\x05eAR\xedP\xa8\x01\xfd\xd2\xbe'</t>
  </si>
  <si>
    <t>b'\x86\xe1\xf50J\x96\xffPmA\xc4G)cL\t\xa0.\x0biG\xf7j\xa6l\xe4\x08\xcbG\x95\x10\x03'</t>
  </si>
  <si>
    <t>my money</t>
  </si>
  <si>
    <t>b'+3i\x89Pg\xfaUK\xfe\xba{gMt\xec\xc5\xd1\xbc\x88Uhz\xfc\xeb(\xf6\x9c\x930\xd5~'</t>
  </si>
  <si>
    <t>b'\xa1B\x07o;\xe9\xfb\x08r=zw\xa6\x7f;b\xfe\xed\x1a\xd8\xd3p\xf5 Z3\x7f\x86ev\xa4\xb1'</t>
  </si>
  <si>
    <t>b'v\xde\xef\x9f\x19Q\x83d\x13\xe7\x02\x8f\x14O\x19\x10Q\x15GBa\xe4m7k\xcc\xea\xef\xf9\xa9\x9d,'</t>
  </si>
  <si>
    <t>b'@\xc6\xd7\xbd\x91{\xc0\x97%\xfb\x06k}\xf8\xa5\xb2cv\xfa\x8a\xbb\xb9.\xe9g\x8b\x18\xc3s8\x13\x1e'</t>
  </si>
  <si>
    <t>b'\xae0j}\x8c\xd4R\xdb\x9e/i@\xa2&amp;\x08\xaf\xd7\x9a\xb2\xc0/:\x95\x88,I\xb2\xf6\xbda\xc9/'</t>
  </si>
  <si>
    <t>Our Home Dream</t>
  </si>
  <si>
    <t>b'\xae{Tn\xa8\xbcP\xc2\xe6m\x98\xda\xa0\xcc[8\xf6\xc5\xfc\xe8\x82o\xca\x1b\xd1\x9f\x0c\xc3\xfd\xb4$\xcb'</t>
  </si>
  <si>
    <t>Mahogany</t>
  </si>
  <si>
    <t>b'\xa7\x95X\x82\xfbUN+\xcc\x1e\x86\xbbmnP\x97\x0f\x1e0\x9f\xcfQG\xb2\xfd\xe0\xebV\xac)\x02\xfb'</t>
  </si>
  <si>
    <t>b'*\x1fN\xf4\xb3\xa4\x89\xd0a&gt;E;z=vz(3\x15\x99f\x85\x8as\xf2:V\xcc\xd46d\x9b'</t>
  </si>
  <si>
    <t>It's Time</t>
  </si>
  <si>
    <t>b'\\\xb37\x90\x97zE\xf2_+t\x910\xc7F\r\xbd86\x8e\xa3\x8d\x83\x16\xcb_\xb6\xd0\xcd\x140\xd9'</t>
  </si>
  <si>
    <t>b'n\xbeXc"\xc5z^\xe0!\xd3\x97\xd3\x8c9\x8c\x85\x15~\x8a7\x1e\xa1\x94Z#JX\xc0\x99\x18x'</t>
  </si>
  <si>
    <t>b'\xe9\x1a\x03\xe1X\x9ej\xa2\xbfamm=A&amp;\x0b\x88\xe8F\xd4\x8a\xd2H\x9ac\xeb\x8c6\xae\xbd\xf7\xb4'</t>
  </si>
  <si>
    <t>debt loan 1</t>
  </si>
  <si>
    <t>b'}n\xc8\xed\xb1\xeemx\x9f-\xef\xf50\xc3\xc5\x95c\xe4@\x19\xeb\xc3X\xac\x91e\xec\xb8\xdf3\xa2\x9c'</t>
  </si>
  <si>
    <t>b'\xe9&gt;E\x17$i\xef\x85\x01\x9a\xbc\x8d\x98\x92q\x93j\x853ZIX\xa8\xc6u\'\xa9;$"\x8f\xb6'</t>
  </si>
  <si>
    <t>b'.D\xeeiE=\xb2\xb2\xd7k5\xe5j&lt;\xbd\x03;{\r\xbb\xb2+\xe3\r\x025\x18\xc9Q\xe1H\xe8'</t>
  </si>
  <si>
    <t>b'\xf9\x16q\x0b\xf3\xfbi#\xc0R\xa74\x82\\d\xbb\xa4\xa0\xd5{\x02\rr{\xbe\x1b\xb9\xc2\xf5$\x87D'</t>
  </si>
  <si>
    <t>b'F\xe1/\xcf\xc7\x94\x8b\x1f\xef\xf2z\xa2yHT\x9fp\xd0n\xb41\xb0\x10F9m.\xbe\xb9\x13&gt;\xa5'</t>
  </si>
  <si>
    <t>b'\xab\x96f\xec6,\xb9\xcc\xbeJ&gt;\xd7\xa3\xdf\x1bqw\xee\x1de\xbd\x16a\xad\x89N\x06\x7f\x97\x11\x85\xa2'</t>
  </si>
  <si>
    <t>b'\xaa\x97\xdb\x8a\xbe\xf9J\xcdLp&amp;7E\x86m!i\xbc\xcb\xc2\x9fg\r=\x97\xdayg\xda^@\x9a'</t>
  </si>
  <si>
    <t>BETTER LOAN</t>
  </si>
  <si>
    <t>b'R\x98\x04\x9d\r\x8dJ\xc8;\x82K\r\x07\x01\xa5\x91\xb8\xea\xbb\x88a\x95\xcb\xad\x1d@g"vi\x9f\xfd'</t>
  </si>
  <si>
    <t>b'\x8c\xed\xeah 3-S]\xd8{%c\xf6%A\xf7\xaf\xb22i\x85\x9c\xa81\x0cwA\xa6\x12\xbcf'</t>
  </si>
  <si>
    <t>Credit Card Rate reduction Refi</t>
  </si>
  <si>
    <t>b'\xaa\x82\x98\xef"\x7f\xdcH4\x92\x16j\xd9\xb9\x88v\x17\x90\x88\xd9&amp;\xd1;,\x14l.\xbb\x08\x16\xebC'</t>
  </si>
  <si>
    <t xml:space="preserve"> loan consolidation</t>
  </si>
  <si>
    <t>b'}\xbb\xbdx\x83\x14\x85=\xb7\xbb\xb0\x9dbx\xdd\xbc\x98\x07\xffN!\x06\x9f\xaa\xb8\n=\xd7NBa0'</t>
  </si>
  <si>
    <t>b"{\x97\xf4Q{\x14\xd3\x91}\x0eK;\x12\xca\x14&gt;\xff\x15\x18Ndvq\xc0'\xe4Z\x87\x93\x0b\xc9\x84"</t>
  </si>
  <si>
    <t>b'\x9eS\xb5Wq\x0c\x9dL \x0e\xb5\xdb\xae:J|\xe2\xf6\xd6\x8a\xb7fF\xaeV]M\xc6\x0e\x17\xe8D'</t>
  </si>
  <si>
    <t>roof</t>
  </si>
  <si>
    <t>b'S\x89\x18\x08\xfb\xcd3uG\xdf\xa1\xde&gt;\xca\x8e\x98\xfb\xf7 \xf6\x0f6e\x90sH\xfdO\x96q\xcc\x98'</t>
  </si>
  <si>
    <t>b'\xaf\xado\x0f\xa2\xf2\xdbR\xe3\xb2\xee.\xe0!\xdeA\xb81\x89\xfec(\xfd\xd8\x9b\xcc\xf7R\xe3\xa0z\x98'</t>
  </si>
  <si>
    <t>consoladation</t>
  </si>
  <si>
    <t>b"\xfd&gt;\xab%\xdc\x10\xe6h\x15rJ,\xcc&lt;\x982\x90\x07,~\xc1\xe28Vh\x80'\x17\xae!\xe8\x9b"</t>
  </si>
  <si>
    <t>b'\x03\xf8\x91\xddls\xec\xd3\x92\x12+P\x0f"\xb0&amp;7\xc60\xce\x90\x81\xaa\xfcC\xac9J\xf9y\xc49'</t>
  </si>
  <si>
    <t>b'\x8f\x7f\xcc\x9d\x12y\x01"\x04\xc9\xb3gGV\x89\xdf\xd3K\xea\x02\x05\xd7\x9e\x94\x8f\x00\xf2,\xab\xab"\xc7'</t>
  </si>
  <si>
    <t>b'\x85"\xe0\x14\xadO)@)`\xfe\xc7\xb6r\x17x\xa5:\x15x5\\\x10)\xa2\x8d\x9b\x9f\xe8\xd0\\s'</t>
  </si>
  <si>
    <t>MyLoanAccount</t>
  </si>
  <si>
    <t>b"W\x9b\xa5T\x06'\xde\x82R\x15\x90k\xdd\x19\xfc\xdb#\xf8/`\x1e\x91\xab\xb2\x98\x01\xea\x1eB\xd5\x9c\xa1"</t>
  </si>
  <si>
    <t>b'\xef~X\xc6\x07Z\xefl Y4B&gt;\x88\xf3\xc9\xd07m\xe7\xa9\xa6xA\xe4~U\t[\x8c-V'</t>
  </si>
  <si>
    <t>b'\x97\x05\x9c\t\xe2\xae\x00\x1bP\xcf\xb4\x92&amp;\xb7\xfc?:\xb7\x94.\xb1\x7f\xe2\xad"\xa5\xc3\xa7\x11\xab\xe0\xd1'</t>
  </si>
  <si>
    <t>b'\xdf\xcb\xf2\'\xeb\xce\x16b"v{v\xe2:i\xf9\xedL#\xd2\xbd\xc1\xbc\xae\x9f\xa0F\xf5\x10-\xe5C'</t>
  </si>
  <si>
    <t>Dept Concolidation</t>
  </si>
  <si>
    <t>b'\xd0Q\xd7\x9b\x00\xa4\x9b\xeeqZI\xaeG\x1ax\x02\xb2P{6\x1el/\x8e\xe3\x02\t\xa8\xbd3\x18a'</t>
  </si>
  <si>
    <t>b'\x8e\xbf\xb6\xe0\x08dZQ\xa3\x0b\x0e\x13\x01\xe1\x1aB\xdb\x9a\x8b\x82\xfc\xe53S\xc9&gt;x\x92\xa0\xcf9\xa8'</t>
  </si>
  <si>
    <t>b"\x0c\xcd!\x902\xc0h\xf2\xa8\x80\x02t\xe2\xe9\xd2\x8c\x9b\x15\xbc\x1a\xfc\xb1\xdd\xd7\xe9'w\xc2r\x93y,"</t>
  </si>
  <si>
    <t>b'\xed\xefna\x8f\x1a\xc9`\xf9\x9c\x13w\x8e,\xc5\xd0&amp;\xf2\xa3\xf3\xf8u\x9d\xa81\xc8\x9d\xf9b\xd2\xb0p'</t>
  </si>
  <si>
    <t>Bills now medical expenses</t>
  </si>
  <si>
    <t>b'\xa7O\xe0\x1b\n\x90#\xedP\xd5\xb00\x12}\xe3\x15_\x92\xe4\x86\xdbAb7\xea\x13D\xa8\xf6\x10\x0c\x0b'</t>
  </si>
  <si>
    <t>Debt Pay Down</t>
  </si>
  <si>
    <t>b'\xabv\x05t^\xa0`\xda_\xe2\x9cX\x06c)f"\xe6\x8e\x03\x8a\x8b\x89\xdf\x9by\x14!\xab\xbe\xf0 '</t>
  </si>
  <si>
    <t>b' \xaa!\xc1\xa1\x90\xf5\xf15G\x11\xf0e\xf1\x11;EX9\xf0`r\xa0\x10 y\x8f\x17o\tv\xd0'</t>
  </si>
  <si>
    <t>Debt gone</t>
  </si>
  <si>
    <t>b'A\x80E\x137\xfcK\x9f\xf2\xee\x9f\xf4K\x8b\x06V\xf8\x84\x8b\x10$\xe0\xb9\x86\x18\x16\x039\x02\xa75\xd5'</t>
  </si>
  <si>
    <t>b'\xdd\xf63\xdd-3:\x9dt\x0fEn\xbc\x90\x9f\x88\x1b\xce\x9e\xff.\xb1\x8d6(H\xb7n\xa5\x91\xec\x1f'</t>
  </si>
  <si>
    <t>b'\xdd\xce\xab\x87\xa1r\xdb\xa6\xb0sNH\xcfF\x08!i\xb5Rf-=]\xf5|\xc8S\xb54\x8b\xeej'</t>
  </si>
  <si>
    <t>b'u \xe5W\xf8\x98@\x16\x82\xea|\xcfH\x85l\xc2\x8dzQ\xec\xee\xe2\xecE\xaaV\xd8H\x8a\xcf\xea\x1a'</t>
  </si>
  <si>
    <t>b'\xe4-I\x01f\xae\xd8U\xc6\x0c\x93\x97\xb4]\xdeL78\xc2*\x977.\xec\xc4E\xe7\xd0\xebUd\xb0'</t>
  </si>
  <si>
    <t>b'5a\x85\xe2R\xe4\x7f\x88]5\x96\xb3\x8d\xf3\xc3.\xd6&gt;9\x91l\x8b\xc6S\xf3\t\xbeDPz\xeeV'</t>
  </si>
  <si>
    <t>sweet home</t>
  </si>
  <si>
    <t>b'W\xf3"\xaa3\x04\x9b"\xdd\x93\x08\xd8\xdb\xba\x81\xc4\xb1\xe5\xd44\x97\xb0\'\xd9\x9d\'\xf3m\x8axs\xcc'</t>
  </si>
  <si>
    <t>bigpurchase</t>
  </si>
  <si>
    <t>b'\xe4\xae\xd7\x0e\x86\xeb)\xb2\xd6\xcb\xaf\xe2\x16\xed\xab\x08\xa6\xbed\xab\xa67D\xd0\n\x04S\xdb\x9a\xdfTx'</t>
  </si>
  <si>
    <t>b'\xd6*)\xbe\x94\xf9\xf0\x0f\xad\xa4\xe7\xc1\xd1\x10\x9c\xe8\x0c\x08\xb0\x83\x931u\x8b\x85_\x0e\xa2Eq\x05\xf6'</t>
  </si>
  <si>
    <t>b')\x83v\xbb\xe1\xe0%}+Tv$Z\x0f\xe8\x07\xec*=\x03}=(5\xd01\x89!\xf0#}\r'</t>
  </si>
  <si>
    <t>b'\xa7\x90\xbea\x9b\xbf\x8d\x0f\x1f\xb4aq\xca\xbb\xb7\xc0\x97\xba\x10*Wi\x1cEr+\xdb\xb4XP\xd8\x05'</t>
  </si>
  <si>
    <t>Mind</t>
  </si>
  <si>
    <t>b'\xe7\xab\x1bf\xe8\x80\xa3\xd6\xc9\x98\x86`\xcc\x1f\t\xa2\xb2\x9bX\x95\xe8\x04\x8a=\xa6\x19\xee\xc73\xb3\xcf\xaf'</t>
  </si>
  <si>
    <t>b'\xf7r\xd5Af\xc0\x11\xce\x19\xea[n1\xc9&gt;\x9d\xda\x00\x90h\xaa\xa9\xf8T\xa2\xd8\xc4z\x9d"Z\x1d'</t>
  </si>
  <si>
    <t>Consolidating Bills - Business Expenses</t>
  </si>
  <si>
    <t>b'\xee\xf2\xf6\xaaq\x10\xef\x1b(M\xe5\xf5WL\xec*a`!R\xfe&amp;\x11-\xdb=)C\xc7\xd26\x1f'</t>
  </si>
  <si>
    <t>Broker Business Firm</t>
  </si>
  <si>
    <t>b'\x82\xbd\x99/\xca\xaf\x149\x07\xfc\xd6)*o\xae\x9al=\xea\xb9\x9c\xb9\xd1\xd6Rn\x92\x82LS\x04\xa0'</t>
  </si>
  <si>
    <t>credit cads other</t>
  </si>
  <si>
    <t>b'r_\x83M\x93f\x85\xe8%\xebU: \xca\x80Y\xbfs\xb7J\xb2\xb3H\xca[\xad\xce)\x8dY\xd6k'</t>
  </si>
  <si>
    <t>b'\x1e/\xaa{\xa4\xf7\x14\xd7\xf8\xda\'\x12\x13Jh\x03\xd5\xbb\xadj\xf5\x81\x1bE\xc5\xfbl\x91\xe6\xb6\xc5"'</t>
  </si>
  <si>
    <t>b'\x00\xafTI0\xf7\xbf\xee\xa7\x1a\xed\x9f\x87\xe1H@\x1b+\xf1K\xdc\x97\xae\xc5\xf3U\x81\xbc5T\xcfa'</t>
  </si>
  <si>
    <t>b'Ec\x1e\xb8aB\xfc2\x07\x80\xa6=\x87`\x85\xc4&lt;}\xf2\x1e[\xb8\xc6\x13P\xc2{2\x8b~0\xad'</t>
  </si>
  <si>
    <t>b'\xa3\xb1\x8d.F\x0fn\x7f\xc9\x17&amp;\xc0"0"\x87,2b\x1a\x91\x92(\xe8\xb8j\xa1\xe6\n\xc28\xde'</t>
  </si>
  <si>
    <t>b'}\xca\xb8\xe8\x81\xb5*\xf5`\x9a\xc4-\xb8\xf8\x07\x89\xb8ef\x08]\xdd\\\x99/\x89&lt;N)\xb5%J'</t>
  </si>
  <si>
    <t>b'8\xb3^"\xd6|=\x05\x18\xe7P\x9f\x82\xe0\x7f\xc6\xe7\x88\xbf\xd3\x19&gt;\x88\xdb^\x1bt\xda\xe0\x98\xdc\xb9'</t>
  </si>
  <si>
    <t>better loan</t>
  </si>
  <si>
    <t>b'\xd5a\xb9\xc8{d@K\xcf0,l\xa8\x80\xc5\xab\xc7Dit\xfbg\x85e\x9d\xf3\x00\x83y\x8d\xf5\x9f'</t>
  </si>
  <si>
    <t>Refinance Existing LC Loan</t>
  </si>
  <si>
    <t>b'/^\xbd\xa0\x96\xe8\xbd}3^th\xc0\x8a\xc8\xad\x99\x12\xb5\xaf\\B\xce\xfa\xd0\xde\x0e\xd7\x0c4\x8f\xc5'</t>
  </si>
  <si>
    <t>b'M\xe6\xc1\xe2WP\xea\xc7\xeeQ\xa4\xa8=\x91m\x9d\xfcrD\xeb\xa7\xa0\x03\xde\xd7\x15\x9c\x80*\xb2X\x88'</t>
  </si>
  <si>
    <t>MNCBRSPLAN</t>
  </si>
  <si>
    <t>b'\x02\xe8\x12\xe5W\xa3P\xb9\x03!\x08\x1a&lt;\xd7\xeb\xf4\x9a\xb3\xc5\xb7\x11n\xff\x7fc\x85\xb3\xa4\xd7\xad\x9ad'</t>
  </si>
  <si>
    <t>Consolidation for our future</t>
  </si>
  <si>
    <t>b'U\xf34\xe9\xe5\x86\xb5\xc7\xc4\x0b\xa7\x14j=\xc4:t\x97\xf5\xa7#jhY\xc6\x90\xf6\xc4\x8d\x8f\x06('</t>
  </si>
  <si>
    <t>b'D^\xb0Q\xcei\xde\xfb\xf1\xe4\xfd\x97*\xa7\x05J\xe5/:\x88\xcf\xe9\xbc\x95v\x13wq&amp;\xb4\xa4\x05'</t>
  </si>
  <si>
    <t>b' !\xb6\x92\xb5\x14\x17\xa0\x89\x16:Cv\xbb\x1dW\xa1\xbdN\xea\xec\xfaym\xed\xff6J\xae\xfe\x03F'</t>
  </si>
  <si>
    <t>b'B\xd9Z&amp;7\x84\x88\x9ag\x03\x9bB\xd3\x14y&lt;\xa3\x01F\x1f7U\xb3\xc1:\xcb\xbdu\xa1?\x9f\n'</t>
  </si>
  <si>
    <t>b'\x7f\x91\xf8\x92^&lt;\x990\xbbTS\xd9\xa9\x9c\xbc\x95\x95\x1c7\xcb\xfe\xa8\xa2u\xd8C\x0b^m}\x06#'</t>
  </si>
  <si>
    <t>D/C loan</t>
  </si>
  <si>
    <t>b'\xdc\xe9\xd5\xe6\xea\xe7\xeb{\x01r\xb8&amp;#\xa3\xe1\xeeQ\x19\xea\x8d\xd9\xfb\xd0\xd3\xe2\x85\xf5\xbe\x89\x8e\x02\xcf'</t>
  </si>
  <si>
    <t>b'\xb3\x16\x12q\\x\xe8\x15\xc5%\x8c\xf3\xd3Jw\x11\xf4)\xe4\x0b\xe9[b\xcd\xb5\x0e[\r\xab,`\x96'</t>
  </si>
  <si>
    <t>b'\x14\x18\xef\xb4w\x89\xc4\xc2\xff\xab\xa2\x13\xbeC\x9a\x1a\x15\xa3"/i\xd4\x8c\xaau]\xf3\x92\xf3\xf5[x'</t>
  </si>
  <si>
    <t>b'\xea\xea1\xd8\x96\x06&amp;S\xde\x94\xee \x86\x94\x13\xd1WX\xf2a\xbb\xda\t\xba\x1f\xed\xc6I\x91\x05\xa8I'</t>
  </si>
  <si>
    <t>Re-Finance</t>
  </si>
  <si>
    <t>b'\xed\xa2 u\xe9\x91\xddO\xa5m \xa0N\xef\x94\x00\xdd\xda\xe7\x8f\xbf7N\xc0A\xdfj\xa8\xa6\xa0\xf1+'</t>
  </si>
  <si>
    <t>b're\xb6e\x82\xd89\x91)\x1c\x92\xa1\x8b\x9d\xe9\xfaI}O\xb3\xd0\xe7\xfc\xbf]\xe1\xf6)\xa2u\xe1\x10'</t>
  </si>
  <si>
    <t>b'\x9b\xd88\x88\xef\x8d\xbe\x0e\xe1%\x9d\x9b3\x04kK\xde\xcd\xcc\xfa\xc6\x038\xf1B\xaa\x8d\xe6\xc8\xb9\x7ff'</t>
  </si>
  <si>
    <t>b'r$\x83\xc4,\x04LZ\x82\xc3\r\xfb\x96\xd5O\xf8\x94\x80\x0e\x02\x9ck\xe5\x9c\xac\x03-\xc5\xbd\x8b\xca+'</t>
  </si>
  <si>
    <t>b'\xbdq\xf4vL\xe1w\x90S\x86,k\x01p\x06\xf7k\x85\xdc:Jo*9\xbdf\xd4b:\xf7+\xac'</t>
  </si>
  <si>
    <t>b'nP\xd6\xf0$\xd9\xdd\xd4v\xff2\xff\x10\xea\x02/\xe2b\\\xbfF\x91\xe9\x80\xd3lI\x93\x1c\xea\xb0\xb7'</t>
  </si>
  <si>
    <t>MyCombinedLoan</t>
  </si>
  <si>
    <t>b'\x13}E\xba\x1fq\xaa\xc5W\xc9\xc9%\x18\xc9m-\x05\xf8!;\x91\xdc1}\x1ckBm\x951\xcc\xa3'</t>
  </si>
  <si>
    <t>Debt and Medical Bill Rebound</t>
  </si>
  <si>
    <t>b"wJ\xe7\xb6\xc5\xf3./\xc7\xd7\xce,\xc3,\x9d4|\xce\x02'v\x05V\x96\xd2\x0bE&lt;\xf9\x85\xa1\x10"</t>
  </si>
  <si>
    <t>b'\xcf\xf95Q\xd9\xc0\x10\xb6\x93\x8dRM\xdd\xe3\r\x8c\x9f\xb4\xa9\xb9z?\x81\xa5\xc4\xcds\x19\xa9K\xbb\x81'</t>
  </si>
  <si>
    <t>loan #2</t>
  </si>
  <si>
    <t>b'\x04\xc4\xf5\x94(\xcc\xaa\x96\xcfvv:!H|\x96\x82v\xee\xc6\xb7\xd6\x91i\r\x0e\xc5\xe5!S\xa4\xa8'</t>
  </si>
  <si>
    <t>b'\xbf\xab\xf1=\xa0\xcb\x1d\x80\xf9\t\xb0\xca\xc5\xea\xf5\xa8\x86\x93\xa2%\xd2\xfb|yf~C\x11\x8eQz\xd9'</t>
  </si>
  <si>
    <t>b'\xe0\x92L\xcc\xb4\xb3\n\x0e\x13#|V)P\xb2\xe4\xeeM\x94\xf2\x93\x9cf\x00\xa8n\x1d1@\x9aJ\xd5'</t>
  </si>
  <si>
    <t>b'\x0c\x8f4\x0bP)(\xd4\xbf\x81\xcaA\xa0\x1e(\x9b\xdf\xc6\xe2\x0b\x19\xd9\t&amp;RX\xfb4\xe2\x8a\xd6a'</t>
  </si>
  <si>
    <t>b'\rQK(\x87\xe8\xcd t\xa0\x9f\xcf\xfa\xf6\xf1\xe8%O\x9d\xc7\x1d\xf15(nfPM\x89Dqv'</t>
  </si>
  <si>
    <t xml:space="preserve">Basement Fix </t>
  </si>
  <si>
    <t>b'{\xe0\xa7\x0f\xf6\xf60c\x00\xca2\xa4\xfb\x17\x01\xec\xa3\x94\xe3E\xb9~\xe0\xf6\xe3\x8d2\xdf\xb2\xd9\xb7^'</t>
  </si>
  <si>
    <t>b'\x19\x8d\xc4[\xa8B\xec\x0e\xa2\x19\xf0\tN\rb\xea\xfd\xa7\x8b\x8b\xe1{\n\xe5\xe9\x9d`lr\xbe\x11\xc0'</t>
  </si>
  <si>
    <t>b" \x94P'\xb6\xf1\xe9C\x05[\x9b\x95\xaa\xb8\xc7Y\xaf\xb2\xc2\xb68\x1e\xa2\x02\x04\\5\xc9\x9cI\xca\x1c"</t>
  </si>
  <si>
    <t>b'\x0e2\x11=g\xc5+1\x14d\x95Yt=\xce\xfd\xa1\xb1\xde\x10\xbb\xc7\xe9?N\x1e\x98Z\xc0\x9b\x9f\xb7'</t>
  </si>
  <si>
    <t>b'\x11\x8d\x83\xfa\xce\xc4\x04q`\xbe\xa1\x94pv\xb9\xbd\xd7\x87\x9b\x13I{_A$\xff=\x08\xc4Y\xe5\xf0'</t>
  </si>
  <si>
    <t>debt down</t>
  </si>
  <si>
    <t>b'\x8b\xe2\xfcw\'\x18{\xc9\xd1\xc3w\xd2\xa3?\x12\x95\xc5\xe9T\xe7\x14"j\xbb\xb9\xbbI\xb6i\x9elr'</t>
  </si>
  <si>
    <t>b'\xed\xee\xdeV\xe9\xd2\x88\x80\xfc\x02l\xcc\x95\xd7&gt;d\xfd\xf3\x0b&lt;a\xd0\xff\xad\x90R\x15\x04\xf6\x8c\xc1\xd7'</t>
  </si>
  <si>
    <t>b"T1\xc7\xca\xf8\xe6\x97'\x08b\xdd3&amp;Q\x10\xbae@\xda!|(C6\x98a\xc5O\xdd\xf3\xa7x"</t>
  </si>
  <si>
    <t xml:space="preserve">fresh new start </t>
  </si>
  <si>
    <t>b'\x032\xec\x9b\xf7\xd4&lt;\xa4\xad\x9d\xf4BH\xb9\x8dwd\xa48Z\x81\x06\xe1H\x9f\xc1\xcc|\x9e\xb1\r\xf4'</t>
  </si>
  <si>
    <t>hyundai</t>
  </si>
  <si>
    <t>b'r8&lt;\x8f`\xdd\x99&lt;\t=\x06O6~\xc9\xfc\xe6z\x1dC \xfb\x84\x0e\xbf\xba@\xd1o\xbb\x1f\x93'</t>
  </si>
  <si>
    <t>Home Remodel Loan</t>
  </si>
  <si>
    <t>b'\xces\x04\xeb\xd4\x9ap\x04\xd2\xeb+\xf7\xc2[\xcbG\x01\xefAR\x8e\xa7j\xabO\xa4?}g@\x16\x87'</t>
  </si>
  <si>
    <t>Bill Consol</t>
  </si>
  <si>
    <t>b'\xc6$\xd9?\xe4\x89\xf4$R\xe0\x0c\xf3\x91\x97\x085[\xdcz3\x90LD\x8c\xc2\xeeike-\xb8\xe2'</t>
  </si>
  <si>
    <t>b'\xaa\xc8\xc6V\xee\x01\xa1H\x1dG!\xcb?\xd2C\x83\xe3=Y!H\xdc\xf3:\x1c\xe1\x99\x9at/\xfb\xde'</t>
  </si>
  <si>
    <t>freeupdebt</t>
  </si>
  <si>
    <t>b'\xfen_\xe4\x9f\x9d\xc1\x16~\xcf\xb9\r-N\x80\x8e\xb5\xf2/\xccQ\xf3X^\xf2\x0cN\xcd\x8c\xd0\xee('</t>
  </si>
  <si>
    <t>b'\xd9\x17)/V\x0f\xce]y\xe4O\xa3\x089\xb4\x9d\x7f\x1aTQ\xfdB\xae\x9a\xa3.\xd5p\xaf\xbc!\x92'</t>
  </si>
  <si>
    <t>b'\x94\xac\n\xb6\xa2\xf6\xab\xfbLR\xd9\xefIR\xad\xc2\xeaf\n \xf4f\x978\xfeJC\xad]S\x04\xa4'</t>
  </si>
  <si>
    <t>b'\x03l\x9c\xaa!KwM=\xca&amp;*s\xee\xe3\x90{?\xf0\xe9r[\xdd)\xa8\x15\n\xb3~\x7f\xfe1'</t>
  </si>
  <si>
    <t>b"\xaa\x1a&amp;\xd6\xfc;\x13oo\xf1\xb8\x9dcm\x8a\x90'_f@\xb4\xa8%,\nl\xc0\xd4\xe7\x01\r\xac"</t>
  </si>
  <si>
    <t>Multi Purpose Loan</t>
  </si>
  <si>
    <t>b'\xf4c\xa6\xf6\xd2\xb5&gt;\xad.&lt;\xe6 O\xa4\xb3\x87b\xfc\x9c\xc9?\x87\xbd\xfe\x7f\xc8\xc0\xc7b]\xe4p'</t>
  </si>
  <si>
    <t>b'\xa3h\xaci\x93}+\xfc5\xd8\xdeF\x1b`\xe4\x12&amp;\xf1S\xa6&gt;\x11\xd4\xe0Q\x15\xa4]\xfa\xf2\xc1 '</t>
  </si>
  <si>
    <t>BOA Capital One Orchard Dell Tire Choice</t>
  </si>
  <si>
    <t>b'\xf5\xef\xe0&gt;\x10\x10\xa1\x15$L\xea4k(\xff\\\xd2\xd4\x83\xb7\x878\x81\x83\xb5\xbf\x1fY\x94g\x1a\x1f'</t>
  </si>
  <si>
    <t>Credit Care Refi</t>
  </si>
  <si>
    <t>b"\x19\x10\xbda]\xf5{\xd3$\xca\xb1\xab\xc6o\xb5\x13L[5\xd0^J\x98\x8f\x04\x85'sa\xee\xd8\xda"</t>
  </si>
  <si>
    <t>Cleaning House Credit</t>
  </si>
  <si>
    <t>b'X\x06\xd2\xb6\xef:\x18 4\x11\xb4w\xf3\xf5\x15\xc4^\x1ea\x15\x1f\xa2\xb3\xef\xd3\xaaY\xf0\xdbW\xde\xaf'</t>
  </si>
  <si>
    <t>b'$z$#\xe2\x08`2M\x878\x08\x06\x1d\xa8\x1b\xd7\x9c/+Im\xd8\xcc\xbbK\xa24\\\x89:\x96'</t>
  </si>
  <si>
    <t>b'\xe5\xcd\x1d\x0c1\xed\xe0Q 2\xec\xc5D8Z\x17\xd0#\x81;@qZ&lt;\x11\xe9A\xb6Mt\xf5\xe2'</t>
  </si>
  <si>
    <t>b'\xb9uR\xe6\xcf\xa3c"\x18\xf3\xe6\xb2"|]r\xec\xf9Bj&amp;?\xd1Y\x9c\xbc\xba\x9d\xd7\xd5\xd0_'</t>
  </si>
  <si>
    <t>personal - Credit</t>
  </si>
  <si>
    <t>b'\x95\xfade4\xf1\x121\x1bV\xa1\xfe\x1fB&gt;\x8d\xb0&lt;W\xc3\xf9\xb2 \xbc6\x18[20\x17\xf7\x19'</t>
  </si>
  <si>
    <t>b'\xf5_{\x9e\xdb\xe4\x8e\xc2S|\x14Oggg\x1bk\xe9I\xdc\xe0\x8c\xda\xc7\x92a\x06xg\x9cz\xde'</t>
  </si>
  <si>
    <t>b'\xafggA\xff\xdd\xdc\x80\x98/\xea\x979\xd1\xde`G\xcf\xec\x19$\xcb\xe2-\xa75\x9b&amp;\x80\x83\x0b\xa2'</t>
  </si>
  <si>
    <t>b'C\x87\xc7\xbbB\x12/\x05_=N\x1f^\x8b1^\xadw\xfes\x11\xb3\xe2\x94\x9b\x8b\tN&amp;\xdb\x106'</t>
  </si>
  <si>
    <t>b'|+\x18\x9c#\xb1\x12\xa0\xe4;w\xb9B\n\xf2\t\x0e\xe2k\xb9\x9a\xc1&lt;A\xe5\x01\xa6\xdd\xc9$b\xb0'</t>
  </si>
  <si>
    <t>performance</t>
  </si>
  <si>
    <t>b"'\xb8.\x83\t\xe0\xfb\xf0^\xa6\xd9\x84\x07\xaf\xc3\xc1R\xfe\x87\x12\xf5\x18\x1a\x04Z\\\xfa5\xc7x\xdd4"</t>
  </si>
  <si>
    <t>b')=\xedz7]w\xee(kK\x8c@\x1f\xb30~\x07o\xe1p\x8b W\x93\xba\x9a\x1a\x89\xaf\x0c\xa5'</t>
  </si>
  <si>
    <t>b"\x96G\xe6\x07\x1c\xf77\xbb'\x0c\x12\xd3\xe3\xe8\xb7_v\xfchy\xf2\xed\xd7\xbc%b\x8c\x08jl[\x8c"</t>
  </si>
  <si>
    <t>Future Freedom</t>
  </si>
  <si>
    <t>b'x\x07\x8b\n\xe8)\x0fY]\xd46\xa2\xb7\xe5\xe5\x8f\xe5F\x05t\xb5\xc1\xc2\xcen\xf1\xc8\xcb{\x18os'</t>
  </si>
  <si>
    <t>b',\x045\xaa\xc7~\xb8\x98((\x8c\x1e\xf0\x9f\xb4Mz\x16E\x8d\xd9r\xb0(\x9b\x0c\xc6(B\xc9\xe7\x03'</t>
  </si>
  <si>
    <t>3 season room andbathroom</t>
  </si>
  <si>
    <t>b'@\x7f\x99\xe8\xc9\x81&amp;a\xbb\xe3\xabf.\x88\x86#\x1dn\xceW\xf3Z\xb9Y\x1f\xa1$[\x96\x1dx\x94'</t>
  </si>
  <si>
    <t>b"\x89ekK'\xf2i+\x90\xf42\xb5\xe5\xdc\xa9\xa2\xc8\xab\x9c=d8:\x7fab\x08W%,E\xb9"</t>
  </si>
  <si>
    <t>b'X\xa8]B\x12\x92\xd8\x94`&amp;\xfd\xcb\xac\x80rw\r\x97\xe8\x00p\xb1O\x8d\xc5\x93\xe5v\x9ce&lt;\xd3'</t>
  </si>
  <si>
    <t>b'p\xf9\x92,\xfaA|/B`\xfd\xe5\xd3\xc7\xf4\xde\xe6\x97\x1aJ\xd8\xa5\x16"-\x12\xf7v \xf6\\b'</t>
  </si>
  <si>
    <t>Refinance Credit Cards</t>
  </si>
  <si>
    <t>b'5\xe2\xfdW\'\xfdq\x8e\xc0R\xe03 v\xf1!\x80\xda!\x88\xa2\xe9\xf7\xf6\xdfu\x0cZ"\xc7\xc0\x80'</t>
  </si>
  <si>
    <t>b"\x9c^\xa9\xd6\x0fh\xc9\xc8\x9c&gt;\x00{\x00\xbf\x15\xa7\xb79\xf6\xa3\xfe\\\x01\\\x10\xe2gqB+:'"</t>
  </si>
  <si>
    <t>b'\xc0\xcb\xc85\x1dq\xebv\xc5Vs\x16Oo\xb9%z\xa7vm`A2\xa1\xc1\xdfl\xd1h\x15\x07\xab'</t>
  </si>
  <si>
    <t>b'\xd9\xa1O5\xa0v\xfa\xb4\xa8\x1a\xd1nL`\xc9\xc8\t&lt;\xc0\x19\xd2w\xb8Q\xe1\x98\xf46XoqP'</t>
  </si>
  <si>
    <t>b'b\x89\xeb\xa4a\x00V&lt;i\xb0\x04\xa8S0h\xb3\x182\xd8\xce\xfd\xd1\x13\xd5\xc6\xf6D\xfd\xd4EE\xf4'</t>
  </si>
  <si>
    <t>DebtRefi</t>
  </si>
  <si>
    <t>b'\xfbxrt/\xc7\x81j\x1c\xef\xf3\x0c\xb2Y\xfa\xa4g\x1b\x9a\x895\xbe\x14\x16\x1e\xb9\xc3/S\x9b\xeeA'</t>
  </si>
  <si>
    <t>b'\xca\xd7\xdd\xf9\xe0\x9e\x10\xa6\xe9\x86\xaa)h\x98\x8b\xdf\xbb#K]\xde\x06\xc3\x07j\t\x817\x12D\xaf\xb4'</t>
  </si>
  <si>
    <t>b'\x81\xc7\xc9\x90\xb9)\x10\xf0\xd8\xf8\xdfl\x13M\xc7\xdcU0\x02#\xed\xe63\xba\xd2\x8f\xaf&gt;\x10%1%'</t>
  </si>
  <si>
    <t>b'f\x16\xee\x92\xaa,\xd1F\xd9\x91\x12Q?\x96\x18\x80b]\x1e\xe2\x05\xde\x88\xbf\xe9\xf9\xab\x06\xed\x02\n\x14'</t>
  </si>
  <si>
    <t>b'SMP\xf1\xd2.\x92\x9f\xe6\x87:\x15K5\x05\x9a\x13:\x932\xbb\xad\x14\x19\x9f\xd6\x01\x08\xa8\x14=\x01'</t>
  </si>
  <si>
    <t>b'\xc9\xeb\x00\x04\xd34(\xb7\xae`\x86`\x05\xb1#_t\x1b\xfcT_\xef\xfe\x15\xa3D\x80sQ\xc2&lt;R'</t>
  </si>
  <si>
    <t>b'n!Y\xe6\xb5\xcb/\x13\xa7\xa0\x03bL\xd0\x01h\x03\x04\x1b\xb5\xb5\xc7\x17H\x89?\xf6\xdd\xce\xa70F'</t>
  </si>
  <si>
    <t>Credit Card PayOff</t>
  </si>
  <si>
    <t>b'\x02\x01+\xcd\x073\x8c\x95=\xfb\xc9OS\xfd\xa5\xaa\x0e\xb8_WHH\xf8"\x10\xa9a\x03\x9b&lt;1\xe9'</t>
  </si>
  <si>
    <t>b'P\xeb-\xc5Z\xc2\x8c\x9d1\xddl\xd8\x0733\t\x88w9\t\xf7h\xde\x19o\x00Z\xe4`u\xe7n'</t>
  </si>
  <si>
    <t>b'+m\xbf~MQ\x99L\x82u\x8c\xa7i\xf8\xc3\x95\x8a\xb5\xaf\xf6ity\xd7\xfcH\xdev2L\x8e.'</t>
  </si>
  <si>
    <t>Restructure</t>
  </si>
  <si>
    <t>b'\xe3\xba\x97\x17*\xaa\xc4\xed\x97\xb9x&amp;\xb0\x8f\xa6\xec$N\xd4\xe4n\xe9\x15\xe7\x15\xea2\x92*4)\x94'</t>
  </si>
  <si>
    <t>b'B\x86\x12l\xd9\x0e\x86\xfd\xebD\xfep/h\x8f\x8am\xde\xccim\x06\xe2\xae\xf4a\xfc}}\xbb \x1c'</t>
  </si>
  <si>
    <t>b'\xea\x1c\x86\x9f!\xe7\xcd"\xb6\xd1\xa6]\x11\xc1\xafj\x9d\xaa\xd1\xc6\xc0%\xa9p\xe5\x96\x88,\xe8Za\x98'</t>
  </si>
  <si>
    <t>b"_\xd3\xf94Aw\xbb!J\xc0d\xde\x81L\x1d\xb7\xfdr\x91\xb0}\x96\xf3n\x80L^\xc5\xb9\xd8['"</t>
  </si>
  <si>
    <t>b'e\xaa\x82\x17\xcb\x86\x10\xf4\xd9\xa4\xe0\xa2\x9c\xea\x17.\xf36\x05\xdf\\\x15\xe7\xb4\x0fV\x15\xecp\xe8\xfad'</t>
  </si>
  <si>
    <t>Wedding Ring</t>
  </si>
  <si>
    <t>b'\x12 \xd5\n\x12l\x9b9t`\xa2\xc8.\xd0\xc9\xa0I\x13\xb4\xeft\xa8\x85o\xcc\x9fm\xb1\xe1\x16\x00\xd1'</t>
  </si>
  <si>
    <t>b'x\x8d#7#\x85\xa4\x82\x82P\xcc\xca\xb8\x1b\xc7\xc9\x83\xe1T\x87\xab\\0\x96\xc3\xf4\xc0^\xd0\xc5\t\xfe'</t>
  </si>
  <si>
    <t>b'zC~\x88\xf7\xb8w\xc1:\xe9\x1f\xd7\nM_\xb8\x06N\xa1E\x00\xf0W\t\xb9\rt\xa0$\xfcc\xc6'</t>
  </si>
  <si>
    <t>b'9\xc8\x8d\xb6wN\xeb\x0c\x1e\x1f\x83\x0f\rkR\xe5\xe6\xa4\xc7`G\xb6\x9b\xc8\x0c\xc5t\x95E\xf1C4'</t>
  </si>
  <si>
    <t>Debt Consolitdation</t>
  </si>
  <si>
    <t>b'\xe5\x11T?\xf4\xfb\xf8\x9b\xd4\x1cr\xa7\xc0\x87Bj}52*\xe2:\x9e\x0cVA\xd9\x93\xafs\xb2s'</t>
  </si>
  <si>
    <t>consloidate loan</t>
  </si>
  <si>
    <t>b'\xe8\x90i\xfe\\\xf5\xef\xca\xed\xbc:\xfc\xd4\xbb\x13G\x86\xa9$\xd3\xc5\xe6\xab\xc1P\xee\x9dg9\xdaJ='</t>
  </si>
  <si>
    <t>Consolidate / Home Repairs</t>
  </si>
  <si>
    <t>b'33\xa1Y\rl\x0f\xcch&lt;\xf2\xe4\x88^\xce+\xe2\x89lu\x95\xa1\xc9\xfc`\xe8\xedp\x91zL/'</t>
  </si>
  <si>
    <t>b'\xf4\xcd\x9f\xcc\x89\xe5\xd6\xb5\xf4\xc9_\xb2~\xa7P\\\xdaW \xd9\xa3\xb7\xee\xc0\xe9p\xcb\x9cHyZq'</t>
  </si>
  <si>
    <t>b'\xea\xb1O_\xb2\xf53\x1f\x0f8\x8b\xe0\xff\xe2V%\x94\x8eT\xba\xfc]\xab\xb9\xa9x\x80N[\x98K\xbd'</t>
  </si>
  <si>
    <t>b"\xe6\xca\x12}\xca\xcd\xf1\x84\x12&amp;\x9bt\xf9W\x81E\xb5\x12b'\xf9\xf8|?m\x90!\xbc\xf4h$\xc4"</t>
  </si>
  <si>
    <t>b'\x9e\x07jf+/\x84ig\x90\x11\x9e\xb2J*0\xb5\x03\xe0\xc7B\xb8\x15N0\xa3\xfa\xa7\xc7"\x06\xe7'</t>
  </si>
  <si>
    <t>b'\x10\xe3\xa2/t\x059\x81\xab\x0f\xfd]\xa6@9e\xbde7\xaesX\xdbo\x1a\x8d\xd3\xa3\xe3\x17\xc7s'</t>
  </si>
  <si>
    <t>b'x\xef@1lU\\\xffdUQk\xfa\xca\x7f1\x83\x9a`%\xaa\xbe\xe4\xbf!(\xc5;7\x1f\x97\xc3'</t>
  </si>
  <si>
    <t>DEbt consolidation</t>
  </si>
  <si>
    <t>b'\xea@\x1d\xa2E]\xc7\x0e\x05\xf4\x1c\xc9\x14U\x16X\x942:\xa6\xad\x97$@\xc1\x05\x1e:\xe0\x0c\xad)'</t>
  </si>
  <si>
    <t>b'\x12J\x81hU\x9c\x0c\xda\x7f\x83 r\xdeL9\xc9\x02\xe4\xe4add\xd1\x1aj\xce\x13\x08s{\xd5\xc5'</t>
  </si>
  <si>
    <t>b"q\x85\xb5\x11b4\xf1\xfa\x04\xd1\xb7\x98\xe6\xf8\x80\x1f\xb6\x99+\x90\xfd\x15\xcc\x15\xc0&amp;\xfb'9\xca\x14\x0e"</t>
  </si>
  <si>
    <t>b'8\xd3[\xefZ\x9dv\xfc\x91 \xe9~\xd6\x8fk\xb7*JO\xb8\xae\xc2\xc40wxE\xed\x9c&lt;~\xec'</t>
  </si>
  <si>
    <t>b'\x1ai(\xf4\x8d\xbbj\xfd\x84\xbd\xd9\xca\xf4t\xa3i\xbc\xac\x92\xbb\xf6\xc6?\x08\x94@{\x8dS\xe06\xd2'</t>
  </si>
  <si>
    <t>b'\xdb&gt;_\xb4\xdcw\xb3X\xaf}\xae\xfd\x94\xcahz\xc2\xcd\x11 \xe6\xf60\xba"\xa7\xa0\xa4\xa8b\x05w'</t>
  </si>
  <si>
    <t>b'\x10\xe3\xae\x01\xb5`\x04%\x10\xbc\xc5\xceX\x1d\t\x1f(N\xfe\x12\x95\xaf\x18\x13&lt;\xbeh\xcdW+\xab\xec'</t>
  </si>
  <si>
    <t>b'\xa5\x1c\xa2\xaa\x98\xb2u3\x80\\\x0e\xa0\x8b\xfcRn\xe7\xb8\x89\x83\xfd\x86\x10\xfb\xf1M\xea\xc4v\xf9\x91\x9c'</t>
  </si>
  <si>
    <t>CLEAN HOUSE</t>
  </si>
  <si>
    <t>b'\xb1i\x08\x83\x8eQR\xa4;\x03\xc6\x96\\\xbc\x1f\xcc\x9b\x8c\x03z\xe7w\x15X{\xb4X\xb4\xe30"o'</t>
  </si>
  <si>
    <t>b'\xd4\x12F\xf3Y\x87\xb8+N\xc9|\xa0\x88\x07.\xa8oGw\xb9,R\x86\xb2\xba\xe0^\xce\x82}l\x01'</t>
  </si>
  <si>
    <t>Freedom from credit card debt</t>
  </si>
  <si>
    <t>b'4M\xb0\xaf\x7f\xd8\xe7\xee\xce \xd2B\x85\xc6\x94H\xc0\xb4\xc0\xcf\xbf\x10\x93&lt;\x9dd\xf3\x11\x7f\x94M\x07'</t>
  </si>
  <si>
    <t>b'E37mLCs\x891A&gt;!G.x\xd1\xa06\xda\xce\xc1=%L;X\xcd\x97\x1f\xba- '</t>
  </si>
  <si>
    <t>b'}\x8a-\xd0)\x82\x19\x99\xb2X\x93\xbeE\x03\x7f\xbd\xa3C7\xc6\xd5\x81\xdc\xe83f\xf0xS\xcb\x90\xca'</t>
  </si>
  <si>
    <t>b'\xe2&gt;\x95\x05\xe5\x99\xea:\x9c\x17\x00\xcd\x87\x8c\r\x9e \x9ew\xd4&gt;$\xa1?\x92\x9dW\x8f?\xee\xa4\xf9'</t>
  </si>
  <si>
    <t>b'\xe3\xaf\xf0Q\x00\xd6\x98\x0c-8\xf9f\xd9V\xb5\x863\xfb\xf8\xfc\x93\x1c\x08\xdfG\x8ean\x96&gt;\x1d\xe3'</t>
  </si>
  <si>
    <t>Paying Off my three credit items</t>
  </si>
  <si>
    <t>b'\xbf`u\xdc\xbc \xe2D\x1b2\xccr&lt;r\x01\xaaef\x0e\xfe\xa0\x8b\xaf\xe0\x07\x81\x88\xfdx\xb7.F'</t>
  </si>
  <si>
    <t>b'\xd7L\xc9\x98\n}\x13\x82\xf4!\x05\x16\xfb=\xdd`S(\xf73\xb2F\xbc!\xcbz\xf7\xce\xe2\x1e9\x14'</t>
  </si>
  <si>
    <t>Consolidate/Fixmydebt</t>
  </si>
  <si>
    <t>b';\xfc@\xff\x8e*\xf4\x85a;\xf2\x1e\xaa\x07\x8c\xa6J\xc8\xb1\x1c\xb3\x91\xad\xa9+_\x92\x99Y\xe8\x80\xfd'</t>
  </si>
  <si>
    <t>b'\xe98K\xa6_)\x9c\xa9\xa8\xf0K~\xcf\x81I\x89\x91[\xe7\x03\xb1\xcax(\xef\xfc0\xaa\xa3k\xe4*'</t>
  </si>
  <si>
    <t>b'\x8er\xc4T\xc1\x93\x8a\xab7\xeb\x88\x13\x9e\x06\xf4\xab2$\xa3\xa7?\xcb\xa9P}\xc6j\x00\x9c\x98#\xaa'</t>
  </si>
  <si>
    <t>b'\xc7\xed\x13\xd4%X\xb3\xbb\x9d\xdc=\n\xf6\x05\x9c\x0f|\xc9\x92\x03\xd15dW\xd8\xec\xda\xfa\x87K\x04\xdb'</t>
  </si>
  <si>
    <t>b'\xb8\xba\x04\xbb\xfc\x85&lt;\xcc]\xdb\r\xb92Qmj\xeb\xfeM+\x9f\x16}\xaf\xe6\xcf\xb5S\xc9\xfd\xbe\x8f'</t>
  </si>
  <si>
    <t>b'\xcc\x939R\x17\xc6-y\x1b#\xe6\xaa\xc7pF\xcc\xfa\xc85\x88f\x1a\xef\xc3KX\x8bJ\xb5\xf9k\xde'</t>
  </si>
  <si>
    <t>consol loan</t>
  </si>
  <si>
    <t>b'M.\xc8|\r\x8dt\x17o\\\xb9\x9c/\x1f\xd6\\^\xde\x9f\x14&amp;\x0e\x04\xfe\xb7\xbae\xc63\x01n\xe8'</t>
  </si>
  <si>
    <t>b'#\xe1\xa9\x98\r\xac@6\xe9\x84"4\x82\x8d\xaa\xde\x8a\xd6\x84\xfc\xad\xb6\x1cQon\xc2g\xf3\xae\xa2\xa6'</t>
  </si>
  <si>
    <t>b'\xf4\x9b\xf7\xe4caX\x82\xe5&amp;c\xa5\xc8\xc9\x1d\xb5RO\xd3\xbe\xbf\xdb&gt;b\xdc\xd4H1\xe4Bv\xb3'</t>
  </si>
  <si>
    <t>b'\xe6\x00\xad9;v\xb69n*V\xbb\x8b\xbf%\x18\xb4\xaf\x95\xdf\x98F\xf51_9\xf2 &gt;\xcc0\xae'</t>
  </si>
  <si>
    <t>b'rp\x15lV\x1a8I.\xdbL)Il\xab\xa4&amp;\x1ds\x9b\xedaN\xc5\xca\xac\xdeUn`\x13\xc8'</t>
  </si>
  <si>
    <t>CCR</t>
  </si>
  <si>
    <t>b'\x89\xcf\xd8R\xeexb|\xc0a\xdeYH\xca\xe3Q9Q&gt;\xdepo\xf0+\xc7\xcc\x8d\x91\xd9\x82\xbe\x96'</t>
  </si>
  <si>
    <t>b'\x01u\x9b\x07X\x0fo2a\xcbj\x93\x06\xec\x82\x16\xe4\xe4J\x88\x89&lt;\xe0\xf6?\x00\x13&amp;0.\xf6\xb5'</t>
  </si>
  <si>
    <t>b'\xd2n\x00SR\x18\xff\xc2\xf9O\x15%\xff\x80\xc2\xdf\x9f\xbe\x08\xe4`\xf8r\xe2\xf1\xddg\xe5\xe9,\xca\xca'</t>
  </si>
  <si>
    <t>b'\xac\x1cWAoT\xb7\x95\x0b\xc9\xe1\xd76\xd0\xfb\x11\xd1\xa2\xc9\x9fG\x00d\x1f\xcate\xe3\xb4\xc4\xc2\x08'</t>
  </si>
  <si>
    <t>b'\xa3Z\x05\x83\xab\x03\x14\x91\x89\xe8\xa1\x05\xa3;G\xddX\xbc\xffu#O\x1b\xc5\x929\x12G\x88\xf4\x1a\x9e'</t>
  </si>
  <si>
    <t>Solutions</t>
  </si>
  <si>
    <t>b'\xa5\xde\x02\xe2~_\xe8\xb2O\x92N\xdb+\x0fu\x19*\\\xe9*\t@\x94(\x1a\xd1(Pp\xdc\x03('</t>
  </si>
  <si>
    <t>b'\x91d(\xdd\x1a\x06s\x07\xdc\xe2\xba\x86P\xb1\xdet\x0e\x14S\xd7\x1d\xec\xd3X\xabd\xbe\xe8N\xa8\x1f\xd8'</t>
  </si>
  <si>
    <t>b'\xee\xff\xf4i\xf6{Kw\xe2q\x05H\xffD\xe1\xb6\x8f\xadB\x01y6\x82\xa5AW\tImh\xc2\xae'</t>
  </si>
  <si>
    <t>b'@!_\x8f\xbf\xdayF\xa8\xf5C\xb7]\x9c\x1e\xb4|\xb5\xc3\n\xf5\xcf\xa6\x00\x130\xa3\xcaXz\xc0f'</t>
  </si>
  <si>
    <t>b'{i\xea\x97\xe4\xf2$ $\x01M=c\x9b\xd9\xbf@\xda\x94g\xf4\x0c\n\x8c\x89xO\xe0\xdas\xd2\xbd'</t>
  </si>
  <si>
    <t>b'\xc2\xfdK\xca\xfb\xaa\xbcG\x10\xe3\xb2J\xb4\x7f\x8b\xce\xa6\xb7\xbe]\x86\xdc\xde\xeb\x9e\xcf&lt;\xcd\xcd\xf8=\xaf'</t>
  </si>
  <si>
    <t>Fall Loan</t>
  </si>
  <si>
    <t>b'\xae\xc9&lt;\x86chD\x0f\x08=\x04\xa6\xbc\xe9\xc5\x1d)\x8f\xb0\xeb\xebb\xf7F\x8f\xc8\xb8m\xa2\xe0\xa1B'</t>
  </si>
  <si>
    <t>b'\xd3\xceM\xc0\xed\xf4\xf5Z\x8f=\xc9~e\xff\x1c\xf9\xe0\x03\x94\x89o\xf0\xc0\xa1\xc5q\xcc5w\xd8\x1dJ'</t>
  </si>
  <si>
    <t>b'l\x9d\xacf\xe0"\x19\x81:}\x8aW\x14\xd9_u\xa2!\x118\xc6mpV\xbf#`\xc4\xa7N\xea|'</t>
  </si>
  <si>
    <t>b"M\xd0\xef\xf7&amp;\x82\xcc\xb3\x9c\xc9\x04\xca\xb5\xd0\xb3\x04\xd1&amp;t'\x8e\xe4\xfe?1xg\xec{\xbc\xbcS"</t>
  </si>
  <si>
    <t>b'\x9b0\x07Yc\xd3\x82y\x05\xb16\xbd\x82K\xc6\xdceJ\xf7\nb\xae\xfc0\xa5r\xb0\x89\xcd\x0eyi'</t>
  </si>
  <si>
    <t>b'\xd9\x968\x8e\xa9A\xe2\x01\xe6\x94~7w6\x7fA\xf6\x94\xd0\xa0@\xdd\xf6\x9b\xd5\xeb`H\x16,\x92\xe8'</t>
  </si>
  <si>
    <t>b"i[`/Q\x9eWQ\xa8 J\x86\xc58\xf1G|\xf9\xb3\x97o5I*\x01\x01\xa9\x7fub'L"</t>
  </si>
  <si>
    <t>b'6[\x8f\xf9\xf6\x91\x1ah\x97\x1a\xe3u\x0c\x8e\xc0\\&gt;S\xd3I=r\xb2y\xaf3@\xc5^s\xd1l'</t>
  </si>
  <si>
    <t>Repeat</t>
  </si>
  <si>
    <t>b'"i\x94\xb3\x11t4\xc6\xa5\x19\xb4\x1e\x0eR:\xfaG1\xde\xdd-\xf5\xe7\x01\x7f\xa3\xdaW\x88d\xd13'</t>
  </si>
  <si>
    <t>b'Tl\xfci\xd3\xb4\x9f\x0e\x9d\xfb;\xc5\xeb\xc7.v\xf5\xb2V\xe2\x81\x8e\xa9\xcc|\xc5j\xf4kp\xbc\xbf'</t>
  </si>
  <si>
    <t>Getting out of debt early</t>
  </si>
  <si>
    <t>b'dU]\xab\x93\n\xaa\xa4e\x05\xcff\xb4\xe25\xca]\xa4\xce\x9e\xf3\xec\x10\x1d\x9a\x1fL\xb0G\xb9\xadJ'</t>
  </si>
  <si>
    <t>b'\xf8\xaa@\xbfZ\xbe\x18b\xf9\x972\x83\x04\xa0y\xf8K\xd2\x195k\xd6\xf0&lt;\xa1\xf8\x9e\xf4\\O\xe9Z'</t>
  </si>
  <si>
    <t>b'A\xd8z\x7f\xf4\xd1\xdb\x8ff\x1c\xc2\x8d!\x7f\x1f\xca|\xabxI\xe2w\xcc\x10\x0c\x1c\x041\xb2\xa8\xf0x'</t>
  </si>
  <si>
    <t>b"\xc4\x06\xa7\x9c'\x84\xa4Y\x80\xfb\xc6j\xc0\xb6\x01V\xd5\x8a\x03\xe3r\xf8)\xec\xad\x00\xeb\xe3\x0f\x10\xe5\x94"</t>
  </si>
  <si>
    <t>b'\x7f\x94R\xe5z\xbegie\x8c\x15:\x98\x81k\xcb\x9b\xf4\xbd\x9bwV\xea\xe4\xf7\xe8\x8c\x7f\x9e=\xbc\xe8'</t>
  </si>
  <si>
    <t>b'cm\xb7\xd22\xc5\xf9aveDr\xab\xc2&amp;aC,S\x07\xb8-f\xa2\x8d\xed\xaf\xab\xecm&amp;\xa3'</t>
  </si>
  <si>
    <t>b'\x15TY\x9b\xa9l\xe4\x05rE`\xc6X&lt;\xba\x99\xe1\x0b!&amp;W\xdb\xe8c\x7f\\H\n\xd3s\x0b\x03'</t>
  </si>
  <si>
    <t>b'\xc5\x06\xdf\xb5\xbe\x8f \xd9\x8d\xe0\xa9\x9e\xea\x90\xf0\x00\xff[\x10\xe8-"&amp;\xd1k\xa7\x9e)a\xcb\xa2/'</t>
  </si>
  <si>
    <t>b'\x8co\x85\x98N\x879\x81]+\x1b_\xec\xfa\xa8y4\x03\xc4X\xc3\xe6Z\x94t\xc0]\x87\xc9_G\xf8'</t>
  </si>
  <si>
    <t>b'\x06\x98\xb0T\x12\x87\x8a\xb2\x8a\x8d\xa7\xc4\x0cc\x1b&gt;\xd7\xee\x81\xeb\xca\xf6\xca\xc6\x93\xfd\xea\x06\x16\xf7\xcd\xd1'</t>
  </si>
  <si>
    <t>b'\xb9j\xf5zA\x19\xb5\n4\x9b\xaa\x8c\xac\x99\xab_Nx\xda\x19\xf1\x19x\xc2\x0f\x13\x0e\x91\x89(a\xf6'</t>
  </si>
  <si>
    <t>credit card consol</t>
  </si>
  <si>
    <t>b'W\xd9\xdcG\x99\xb8\x11\xd6N\\\x89\xdc\x0e\x0e\x8d\x9c\xbd/{!\\80N\xcc\x8c\x94\x90\xe3\x15\nn'</t>
  </si>
  <si>
    <t>b',\xbdtO\x13\x06\x10\xf2A\x8dY4\x14BD^\xd1\xd3\xd2\xc3\xe7f\xd3\x0cC\xaf\xb6\x86.\xcd\x81/'</t>
  </si>
  <si>
    <t>Credit Crunch Clean Up!</t>
  </si>
  <si>
    <t>b'\x10\x82\xe5\xe8L\xe3 \xb4\xf6\xd5i\x01\xe5\x80\x1a\xb6t\x1d\xed\xf0\xf7W\x90\x18\xd9\x90A\x1d\xfd\x93\xda7'</t>
  </si>
  <si>
    <t>b"\x0be\x0f\xa4\xe0w'!\xf6\xe6I\xc5E\xf9g\x07\ry7ySnS\xe0\n0\xe29\xa54\x98 "</t>
  </si>
  <si>
    <t>b"\xf3S\x9cb\x83\xc2\xdcx\x9c\x02\x13y\xb2\x0e\x0f/\xbe\xf3\xba\x1c\xa2'\xe4\xe0%\xaf\xf2\xaf~\xee\xa7\xf8"</t>
  </si>
  <si>
    <t>b'\xe2GL\xdc\xdb\xe1\xfa\xd3\x07\t\tY,r\x11B\tJ\xdd\'\xf4\x93\xdf\xaa\xc8\xae\x1d"Bg\xb5\xa6'</t>
  </si>
  <si>
    <t xml:space="preserve">misc </t>
  </si>
  <si>
    <t>b'\x94rA\xf8\x1a\xf7\xba\x86\x14\x86Q=iN5K7\xf9\xa3m\x1c\x0c&amp;d\x9d\xff\xcd\xfc\xb0\xa1\xc9c'</t>
  </si>
  <si>
    <t>Help me get ahead</t>
  </si>
  <si>
    <t>b"\xd109\x16+\t\x95\xe6*\t\x0b\xdf\x16\xd1&amp;0\xe0jn\x92\x94\xfc\x14\x92\x1c\xcb\x84'\xcf\xbd\x81\x19"</t>
  </si>
  <si>
    <t>b'\x1b\xc2\xfdT\xfd\xcf\xea\x06R\xb3F\xa70\xe2\xe84\xdc0A\x06&gt;\x922vqd\x97yvx\xeeY'</t>
  </si>
  <si>
    <t>b"\xffaL&amp;A\xb3-$Q\xf2M\xe7\xe0\xb5\xf4\xbe\xc1\x04\x7f\x98'\xf9,\x8a\xd1\xf0\xf1/\x90\x18a\xbd"</t>
  </si>
  <si>
    <t>b"?\x1aR\xc9\xeb\xe3\xe3I\x9c\x0b\xd2\xbb';\xb1j\x11\xaeCC\xab:\x13\xdctf\xee\xa0W\xb6\xfa$"</t>
  </si>
  <si>
    <t>Solvent</t>
  </si>
  <si>
    <t>b'.\xefGF,\xa9e:\xd1\x01\x00\xb1\xeeL\xec\xb9\xb5\xb0\xa0\x9e\xd2\x9e\xee\xc1\r\x04\xd4C(&amp;N\x1b'</t>
  </si>
  <si>
    <t>b'\xfck`\xbb\x1a\x14\xde\x11\x06`G\x80f\x83\xb1\x8d\xc7\x95\xab\xb5;i:\n;\x93\x880\xae\xa5v\x03'</t>
  </si>
  <si>
    <t>b'Z\x03U\x90\x0b\xf7\n\xben\x92\x00\xb3\x1fI\xbb\x0e\xb8\xfa\x17\xb2\xf0\x00^\xd48x\xed&gt;O\xe6\xd6*'</t>
  </si>
  <si>
    <t>Personal Debt Payoff</t>
  </si>
  <si>
    <t>b'\xee\xc4\x11\xbeP\x0f\xc8\x87\xe2\x88\xec\x9eJXS&gt;\xa9\xbf\xe6\x8c\xd9\x8f&amp;/\x18\x84\x81\x8f\x1ej\x9e\\'</t>
  </si>
  <si>
    <t>Credit Card Refi/Personal</t>
  </si>
  <si>
    <t>b'{\xfa\xdeO\xa37\xee\xd0M\xaa7\x12\xb7W9\xf9\xfc\xe5\xa0VU\xbb\xd7\x90\xbff\xe3\xe7\xc8\x9b\xb6m'</t>
  </si>
  <si>
    <t>b'\xe3$\xccKB,\x86\xdd\xd6p\xe7\x89\x1a\xae\x08t\x8a\xe1Y5L\r\x12\xfc.\xc5PV\xc1\x0f\xc2\x93'</t>
  </si>
  <si>
    <t>b'\x17\xaed\xc2\x86\xb8\xcd\xc4\xd0\xa8\x1bw\x15./\xd1\xe8\xd9\xdc\x17\x0e\x8d\xa3\x9f\xe5\xd2\xed4L\x023\xb2'</t>
  </si>
  <si>
    <t>LoanForMe</t>
  </si>
  <si>
    <t>b'\xda\xdd\xf0#\xdb:f\xdb\x1d\xa1\xe5\xe1\x8b\x88\x1e\xb8c\xac\xc2\xa3B\x07f\xa3\xcbB\x00@\x01v\xec\x1e'</t>
  </si>
  <si>
    <t>b'5\xa5\xef\xac\xe8\xcc0\xc3{\x91M\xfb-jO\xc4\x07T\xf8\t\x88\xbd\xcdc\x93(G\xc7\x14y\xa3\r'</t>
  </si>
  <si>
    <t>b'\\\xc0\xe8\x86g\x11\x15\xc8\xca\xba\xc9\x99i\xd7\xadUj\xca1&amp;\xa4cC\x84\xe0\xd9\xce4\xabNx\xe6'</t>
  </si>
  <si>
    <t>b'7E\xa7_fo\xbe\x87\xc9\xbf\xc6\x92\xdf\xd7a\x97bMj\\\xb0\x1ad\x0f\xbd\x7f\xc7B\xff\xd2$\xcf'</t>
  </si>
  <si>
    <t>b'\xdc\x0f \xbd\xa8R\x1c\x06\x06G\xd4\x0f\x8acV!\xdc\x88i\xc3\xc2e\xef\x91`+\xd3\x96\x08\xf8\x8e6'</t>
  </si>
  <si>
    <t>b'*\x18\xc5\xe9\xb7\x11\xca$3\xc8\x84vx\xa9\xe6VL{\xfb\x9f\xd3\xfb?\xbb\x02Y\xe7F\xc7&amp;\xf4M'</t>
  </si>
  <si>
    <t>b'\xa8\x8b\xe8\t\x14?\x9fW\t5&amp;\x962\xf6}\xd8\x17q\x81M\xfe\x0b\xb0\xde\xf2\xbb\xe22\xc3\xedu\xa6'</t>
  </si>
  <si>
    <t>b'\x18D`\x99\x8a\x95\xed\x12\xb91\xbe\xf8\x81\xb4=\x86q=3\x94;?\x18\xc5"\xda\x85\xa1f3\x94\x07'</t>
  </si>
  <si>
    <t>Debt Consolidation 2</t>
  </si>
  <si>
    <t>b'\xa2\xeb2\x9d\xc0I\xe6$\xccIf\x96t\xcf\xc5 \x8f\x91\x9b*\xc3\xd0\xc8\xba\xb4\x97\xf2i\x93w\x13m'</t>
  </si>
  <si>
    <t>b'\x1b\x1e\xc6\xdb\xac\xf2\x92;\xc5\x13\xf9\xb1O\x7f\xdf\x02\x97:nVo!l\xd5\xed\x02\xc1K\xd5]\x84E'</t>
  </si>
  <si>
    <t>b'\\!~\xac\xc7\x1e9\x0b\x07N\xe6\xde\x0f\x0fFf1T\n1X\xe0\x15\xea\xd3\x8e\xdfo\xcc\x86"_'</t>
  </si>
  <si>
    <t>Borrowing here now- invest here later</t>
  </si>
  <si>
    <t>b'\x8e:\xdf5\x05\x9f\x05\x85\x12x\xb8FN9\xa5\x12d1\xc9\xb78\xa6.\xe5MHT\xee\x8b\x06$\x89'</t>
  </si>
  <si>
    <t>b'\xbc\xee\xc2\x0e6\xf3\xa5x\xa5E\x13K\x94V\xc0w\x15\xeb\xe2\x8e\xd2\xcd\n(J\x91\x0bcW\x91\xdb\xe2'</t>
  </si>
  <si>
    <t>b'\xba!*\xcdu\r\xd66\xcfd\x84/K\nH\x96\xc1\xa9\x80,\xd9Hl\x7f\xcb\x89\xfa\xe8\xf0\xc5\xcd\xc5'</t>
  </si>
  <si>
    <t>b'M}t^\x94\x7f\x80\x05\xa2\xe6\rG\x0bl\x07\xdb\xe1\xe9\x94\xfe@\xfa\n\x87\n\x91C:\xe4\x19\xce\xb4'</t>
  </si>
  <si>
    <t>b'kN\xa3\xce\xc4\xff\xd6B[Z\xf3O8\xd8jZ+6\xec\x91p\xf4\r\xeb&gt;-\x1b\xd9\xe1\xfay\x0b'</t>
  </si>
  <si>
    <t>b'\xeb\x00L\xf2\xe2\xee\xd0|3%\xe4\xe6\xd7\\@\x82\xab\x935\x98\x98o\x8e8i\xc1\xf4\x96\xd3t\xd1\xe7'</t>
  </si>
  <si>
    <t>b'  Q\x1fMd\xca\xb2\xa4\x1cw\xe7)\x07S\xeb\xc6\x9e\x1a\xd6B\x96A\xa3\xa9\xdc\x19\xefGh\xf0\xfc'</t>
  </si>
  <si>
    <t>b'\xa269\xc6\xad\xa5\x887\x84cm\xa6pqtd\xb7\x10R&amp;\x81zR\xc4&amp;\x94g\x81\xb3EH\xc4'</t>
  </si>
  <si>
    <t>b'\xfc\xc0\xc1\xf640F5t\xa4\xb0\x96\xd6\x83XbR\xbf\xa2I\xfa^\xdf\xe3\xac\xfd\x84\xc6\xf1&gt;P\xe4'</t>
  </si>
  <si>
    <t>b"\xdc.\x11h\xf8`1\x11\x13&amp;\xa3\x94&amp;\xc7a\x8b;\x88'\xa6\x84\xdb\xab\xe0\x07\x9a\x91\xd5\x9a\xf0\x84\xad"</t>
  </si>
  <si>
    <t>b'y\x0f\x1e\xe9=\x8c\xf9&gt;U\xedO\xdcb\\\xbe\x92\xf9|\x16\xa9\xaeK\xee\xa2\x0c\xc3\xc9\xdb\xd1\xf2dq'</t>
  </si>
  <si>
    <t>b'\xe4yK\xd5\xa1I\x06}\xe2\xb5\xb0P\xfb\xa9\xe4\xad]d\xd7n\xba*\x97\x1e\xec\x84\xecWm\x80\x02\x93'</t>
  </si>
  <si>
    <t>BEBT FREE</t>
  </si>
  <si>
    <t>b'\xe0Q\x18\xe9\xbd&amp;4V\x1a~U\xa0\xfcqA\x85\xfa\xe1m\xcb\xf2\xadg6\r3O\xaf\x8e\x19\xcb\x06'</t>
  </si>
  <si>
    <t>b'U\x9f\x7f\x00\x88Sa\xa9\x1e[E7\n\xe1e\xc3kJ\x90\x05\xf1%$\x91\x11\x9f\x1c\xf6ugY\xa1'</t>
  </si>
  <si>
    <t>b'\xa3U\x86O\x1b\x08w{\xd6\x1e\xa4\xf2\xc4\x10\xaa\xaa\xa1P\xa6\xa9-\xe5\x89{\xf8\xff4\x98\xb3|\xa0g'</t>
  </si>
  <si>
    <t>b'\x181\t\x8b\xcc.)\xc7\xbf\\\x81\xc6\x03\xaa\x15\xc4@\x9c\xcc\xab\x07\x04\xcf\\\x8d\x15Z\xb4\x95l\x8f\x9c'</t>
  </si>
  <si>
    <t>b'\xf0\xe2\x9aX%\x0c\x15\x81\x9a!\xa8\x14\xf6,e\x8e\xe8g\xf4\xe1\xbc\xafX4j\x1e\xaeF\xd9\xcdc\x97'</t>
  </si>
  <si>
    <t>b'\x93\xff\xa2\xad,c\x0f\xd5\xd8\x1d\xa6i\xcd\xe5\xb7\xc1Z\xc8@\xd3Z\x0f\xf7?n\xa0\xbe{\xaed\xce\x90'</t>
  </si>
  <si>
    <t>b"B\x7f#'hz\r\xc0\x07\x9e\x99\x90\xa3\x0f\xa8\xe7Wh\x06^\xcd)\x13P\x8c0R&amp;\xd7H\x80\xb6"</t>
  </si>
  <si>
    <t>b"\xeb\xbc\xfe\xfd\x04w\xe8\x0f\xd2\x88%\xa1\xc6\xc4\x01\xb4\xdf\xf6\xee\xe4=\x9c5\x0c\xd6\xa3@]c'1\x0e"</t>
  </si>
  <si>
    <t>b'\x0fJG\xcb(\xb9\x9f@\xa1k8)v\xde\xb7\x9f\xfa\xb5\xe7\xe1F\xc2\xc7\x06%\xb6j\x0e2\xfcF\x0b'</t>
  </si>
  <si>
    <t>b'\xc3\t&lt;-\xa8\xc4\xe7\xf1T\xac89\xd6+\xa7L\x12H\x17\x87\xb3\x90iWA!\xed\x8c\xa5\xaa\x03\xe8'</t>
  </si>
  <si>
    <t>settle up</t>
  </si>
  <si>
    <t>b'\x01\xfa~`C\xfc\xbfs\x10\xa1H\x16I\x05\xac0\xbc\x97\x9dV\xa9\x06_\xb4.1$\xc1.j\x86X'</t>
  </si>
  <si>
    <t>b"*_&gt;'\x01G\x19[\x06\x87\xd0\xb3\xe0y\xcd\xa1\xe4\xe4\xd9\xdc\x9e.\x7f\x86Ca\xc1\xd3S%|4"</t>
  </si>
  <si>
    <t>Financial Freedom II</t>
  </si>
  <si>
    <t>b'9\xd7\xf8f/\x81\x06\xea\x01S&lt;\xe0\xd9lkX\x99?\xf5\x00\xa6\xacW\xddCf\x18&amp;\xe2\r\x9a\t'</t>
  </si>
  <si>
    <t>b'\xe8\x8bb\xd6\xd2\x10\xcb\xb3\xd9&amp;#n\xab8c\xfdr\x8d\xce*\xf9\xbb\x0c\xf4O";\x88\x89\xa3I\x8c'</t>
  </si>
  <si>
    <t>b'\xfa\xa6c\xff%\xc2z\xd5\xd4\xf1G\xaa\t8,\x93|\xb5\x90N\xbd\x96G\x16:\xd8@\xf2A\xdc\x9e['</t>
  </si>
  <si>
    <t>b'\x81\xc5M\xa6\x9c\xcb\x1c\xcb\t\x87|\x16.N\x12\x19\xa6\xa3w\xf3\xe6\xbe`1\x94I\xbe\xa0\x08\xa8\xaa8'</t>
  </si>
  <si>
    <t>b'gO&gt;\x01L8%\xaau\x9bH\xe8"U\xa6\xd3\xe2bwD\xb6C\xa1"\x89\x91&lt;0\xa8\x85jL'</t>
  </si>
  <si>
    <t>b'\xcb\x9b~)\x11R\x96\x87\x8e\xa19|\x80\xbd{\xeaIGS\xe9a0\xb7\x17P\xcd73\x96utU'</t>
  </si>
  <si>
    <t>b'\xd8\n\xc7\xa1\\_Q\xb8k}\x9a\xa0\xeb\x1e?-\x17\t6\xb199\n\xbdL\xbf\x9d\xa6\x90\xa6\xf9\xab'</t>
  </si>
  <si>
    <t xml:space="preserve">God sent </t>
  </si>
  <si>
    <t>b'H?\x18\xe5\x84\x8e\xb0K\x994\xb2~.-\xa3\xc1y9\xa8\x05F 0I\x9e\xee_\x9e\x8cP\x16\xaa'</t>
  </si>
  <si>
    <t>b"\x11'~\xcc\x9b\x1e\xe2\xb2Vq\x04\x7f\x1a\xa5&lt;\xf5\xbb\xee\xcc\xfc\x8c\xe5\xe1\xccsy\x0cC\xc4\x9c\x98\xb5"</t>
  </si>
  <si>
    <t>b'@\xa8_\xfe\xd6\x95\xe2f\xd6&lt;x\xa8\xe5\xa6\x00\xd8+\xd5\xf7\x82\x9d\x04\xdf\xee0x\x1c]\xa2G\xa8&amp;'</t>
  </si>
  <si>
    <t>b"'\xd2L\xf7;\xfa\xc5\xdc|\x87\n\xbc\xcd\x10\x9d\xa8\x8e\xc5.\xfc_\xe5\x98y\xd6n\xbaL\x9f\xf6\xd8\x1d"</t>
  </si>
  <si>
    <t>b'\x1c\xfd\x04\xa7\xafDkI\xfe_\xf5\xc2\x85\xa7\xee\x07I&gt;\xe3zQ|\xc5\xcbo?\x16\xefj\xe1N\xb3'</t>
  </si>
  <si>
    <t>b'\xe6a\xc5\xc7\x8b\xab\xa9=j\xe0r\xf4h\x95}\xabUYql!\x05\x1a\xa7\x03\xa8\x9a\xf4P\x94{\xd1'</t>
  </si>
  <si>
    <t>Emregency help</t>
  </si>
  <si>
    <t>b'~\x1e\xab\x9e8}\xa7j\xb2\xfd\xbeF\x91c\xc2\xe3f\x10u\x01\x18(\x1f\x1e\xc6{\xc2\x88\x0f.\xd1x'</t>
  </si>
  <si>
    <t>b'\xa2_\xa4y\xeec\xfc\xc4\x9e\x10\xb3=\xeaqg\x07\x90\xd6\xc3U\x18l\x9c\x1e\x0c\xf2\x81a\x04\x19\xd9\x87'</t>
  </si>
  <si>
    <t>b"\xea/\xa4u\xe4\x15\x07\xc5\xe7\x06\x07#h'\x84%\x86^hJd\x83D=[\x96j ~\xe5\x9e\xc8"</t>
  </si>
  <si>
    <t>b'\xd9t\xbd\xc7\xa2\x10^\x04\xf2CC\xf0m\xe4#$+\xe8\xf6\xde14\xfa~\xfe\x0f\xe7L\xeaNi\xc8'</t>
  </si>
  <si>
    <t>Consoladation</t>
  </si>
  <si>
    <t>b'S\xd8\x15\xdb\xc1\x01T\x12Q^\xc9\xec\x82\ns\x07o\xc7e\x94\x89\x14\x0e\x1b\xf0\x13\xf4q\x92\xe36|'</t>
  </si>
  <si>
    <t>b'{U\xa17\xc6\xfa\x1a\xc6\x95\xb4\xf7\xd9\xa7\xf1\x03J\xbb\x12;\xdf\xd3D\xabM2\xd4\x95H\xa2&lt;&gt;"'</t>
  </si>
  <si>
    <t>b'\x9c\xde\xf7\x97:]9\xd7\x8aK\xe5\x80\x00&gt;\x89rj\xb1\xdeZ\x11\xd6\x1b\x9fc\t\x82\xc7\xdb\xd4\x1c\xde'</t>
  </si>
  <si>
    <t>b'@\xb8Y\x943\xa5\x847\xa3\x10\xf2\xb1\xa3\t\xe0\xf4TR\x8d&lt;4\x18\x8a*f\xd8|\x8b\xba\xda\x9cv'</t>
  </si>
  <si>
    <t>b'\xfa\x12\x9b\xdc\xd9\x82\xfb\xc5\xd7\x1d\xab\x9an\x19\x10\x8f\xf7\xd7;5\xaau\xa5\x84.\xcd\x1e\xd7\x9d\x18\x94\xee'</t>
  </si>
  <si>
    <t>b'\xbf|\xcd\xa0\xe6QP\x9b\xd3\xd7\x93\xfc\x1eW\xb8\xcfh\xe9\xc3\xecN\xcf\x19\x03`\x85\xde\xa4\x10\xbaK\x8b'</t>
  </si>
  <si>
    <t>b'\xed\x8e\x9f\x9d\x0e\xc3/\x9a\xc1N\x9bA\xd8/Z=@\xd3\xeb\xcd\xd0T\xfa\xe5\xc4o\xa6t\x89\xbed\xe0'</t>
  </si>
  <si>
    <t>b'g7\x96\xc6BH\x08\x96\x95Z\x12J1\x9d\xfd\xdfXQ\xdariw\xa4\x90\x1b\xa1g\xb3VY3X'</t>
  </si>
  <si>
    <t>b"MC\xd9\xf4\xbbA\x84Uz\x02\x03\x8f\x92\x9dE\xc0x\xf0(G*']\x167bmJ\x14\xe5\x9e\x0c"</t>
  </si>
  <si>
    <t>Paying off high APR credit cards</t>
  </si>
  <si>
    <t>b'\xfb\xe3\xc0\xb5I\x15\x1e\xcd\xd5\xedJd\x9c\x90w\xe6\xf9\x89G\xc0\x7f\xf1\x02-\xf0\x99a\x8e\x1bSv,'</t>
  </si>
  <si>
    <t>b'-\xdah\xd2p\xbcJ\x99d\xa9\x06\xb9g\x95\x01\xee*\x07\xc6\x88H\xa62\x8d\x1d\xa2\xfbJ\xcd1\xbd\xe9'</t>
  </si>
  <si>
    <t>debt be gone</t>
  </si>
  <si>
    <t>b"\xcd\xe1\x85\xf6\xf1G%\xa6\x05d\xe3\x13+\xadF\x17O\xaf\xa7\xf1\xb0\xeb\xed'b\xac\x92\xf7\x989\xae\xe8"</t>
  </si>
  <si>
    <t>b'\t\xfa{M\xfd\x89\x9e\xa7\xccQ\xf5\xff{\xd1Qn1\xf2\x05\xebi\xb7\x8c\x9d^\xfe^\xf8\xc0)bo'</t>
  </si>
  <si>
    <t>b'kZ\xb1\x1a\xf9\xa7^\xf9u\xa3\xa0\x93\x83\x14\xc0\xbf#\xee\xec\x9a\xbc\\^\x82\xe5\x089\xd2\xd1r\x89T'</t>
  </si>
  <si>
    <t>b'0\r\xcbs\xbc\xb8\x06SNiL\xf8\xbf\xce$)\xa2\x0f\xf3\x03I\xb4\x19\x11M\xa5\xa9\x033\xc0\xbdo'</t>
  </si>
  <si>
    <t>Credit Card Cleanup</t>
  </si>
  <si>
    <t>b'\xacpj\xc4\x9bbvW\xad\xd6\xf0\xdc\xb9\xfc:\x87\xf7d\x90\xa8\xa8)\xc4ZbW[\x82\x8b\xb1\xb7\x9c'</t>
  </si>
  <si>
    <t>b'*p\x95"J\xe9\xeb\x85\xb5\xb4&amp;\x13L\t\x86\x91/]\x9b\xa2\x13Q\xd3W\xf0\x12\x96\xff\x0c\xb2d\x0b'</t>
  </si>
  <si>
    <t>b'\xec\x0e\xc71]\xc7\xd8\x1f\x0cY\x94L\xe5\x03&gt;\x8c\xa2\x8c\x84\x15;\xa6\xf3\xa0\x80\xae\xaf\xdf\x85\xed\x95\xd2'</t>
  </si>
  <si>
    <t>b'\x0e\xbfhp\xdaC\xa1p\xe8\xbc?\xf2\x92\xd5\n\x9b\xf2F0Q\xbb\xf7:\xc2\x1c\x7frP\x1b3\xd3\xd1'</t>
  </si>
  <si>
    <t>Consolidation Load</t>
  </si>
  <si>
    <t>b'\xe0\xebJ\xdc\xabYt\xc8\xacI\x08\xbc\xf8Mo\xdd\x01\xd1\x8cc_\xf0\xa1\xe0\x04\x91]\xe7n\xb9\x0c\xc5'</t>
  </si>
  <si>
    <t>b'S%\xc6H\xafY\xda^\xe8\xe7\xfa\xf0\xb3\x9d\xfdn\xe6\x88\xc4$`\xaa\xf9\x90I,,\x98Z\x02\xd6\xa0'</t>
  </si>
  <si>
    <t>b'\x81\xf2\xb1J\xe5r}\xa1=\xce\xf3\xf8$bs\xfaq\xec\xb7\xf5\x06\xdf\x15\xaa\xf3\xc9\xfdN2\xe5\xe2E'</t>
  </si>
  <si>
    <t>b"8\x0bu\xb0\xa5i*1\xcf\x0c\x06}a\x14\xb5g\xfc\x0b.\xdc_\x1e'\x81\x18\x07:2\x06\xcc\xc5\xf9"</t>
  </si>
  <si>
    <t>b'\xedU\xe9A\xf0\x82:\xae\x12\xb3\xbc\xf6\t \xe5\x03\xc9\x04\xdd=\xaa\x06\xbf}\xd7%\x82\x81;9\x06\x9d'</t>
  </si>
  <si>
    <t>b'\x1e|\xfc[\x1e\xcd\x01\\F\xdc\x1b\x03\xd9\x94\xd9\x99H\xb2X+DC\x0c\x8e\x0f\x98\xbf\x0e\x82\x15\xa5z'</t>
  </si>
  <si>
    <t>All outstanding debt</t>
  </si>
  <si>
    <t>b'\x96\xd2\xda\xeb|\x8bU\x1bn\x85j\xe9h)_\xc4\xb9T\xbc\xdcCEn\xf3\xbee\x1a\xec\xb7\x1c|('</t>
  </si>
  <si>
    <t>b'\x11,\x9f\xb5o\xdb\xea(\x01^\x95{\x0c\xf3\xfb\xfb;\x1eO\xf4c\r\xb3jZ\x7f\x0e+88|\x12'</t>
  </si>
  <si>
    <t>bowflex</t>
  </si>
  <si>
    <t>b'\xfaH4ISx\x93f\x01]8j\x94\xa5\x08\xa9\x18J\xfb\x90\xd9,\xfe\x95\x89]\xe0h\xab\xa4=\xff'</t>
  </si>
  <si>
    <t>will help plenty</t>
  </si>
  <si>
    <t>b'\x06$\x12\nc\x9c\xfc\xd8\x12\x99\xe1{\xab\x00\xf0\xc0S\xdc\xd9Q\x9f\x11\xf9Yt\xa4q\x00|\xa0I\xdf'</t>
  </si>
  <si>
    <t>b'y\xb6\x9d\x81\xa8Q\xfe\xd2\xf4\x15\x1d\xa0*\xc9W\xee\xd3\x91\xa5Y\x994\xef[\x9ce\xe5\x187\x84Y)'</t>
  </si>
  <si>
    <t xml:space="preserve">Care Credt </t>
  </si>
  <si>
    <t>b'7\xb7\xd1a\xab\x9c\xcdW\x8dz\xe1sh\x17\xc7u\x90c\xeb\xec\xa3\x1c\x88)\xbd\xa8\x08r\xa5\xeeg\x91'</t>
  </si>
  <si>
    <t>Cards to 1</t>
  </si>
  <si>
    <t>b"%\xc1)\x10\r\xcc\xe3\xabwD\x87\x1f\xea.\x1fJ\xc4\x7f*\xc8:\x01\x87y'}[\xd6\x8a\x99\xdf\x12"</t>
  </si>
  <si>
    <t>b"\x92\x839\xf5\xb1\xde\xdeL\xa1\xcf\xackI&amp;\xd8c\x98\x86n\xe9D\xafl'(\xdc\x821\x85\xe4s\xbd"</t>
  </si>
  <si>
    <t>b'\xb3\xd6\x8f\xd9m\xdaW \x8de\xd2v\xa2\x1e\xe3&lt;6\xa5\xb6\xdf,\x94\xbb\x11\x00\xcf\xfal\x06,\x8e '</t>
  </si>
  <si>
    <t>b'\xabRT"c\x05\xdb\xd9WB\x9a\x80\xd1}\xd7\xe0.x\xd0-\x12p\xdc\xc1&gt;e\xb3eL\x93\xbcZ'</t>
  </si>
  <si>
    <t>b'\x8b\xc4\xf5\n\xf0g\\\xe2\x98~\x92\xfb\xff\x06H\x87\x12\x80\xe5\xde\x99\xde\xb3\xad\xfa\x08\xddc\x19\xa7\x94@'</t>
  </si>
  <si>
    <t>Credit Card Consolo</t>
  </si>
  <si>
    <t>b'\x86\x15\x06Vs[D\x95\xb6\xc3\xfa\xfeh\xa4\xc9]\xcfH4\xd2\xeax\xc2\xf7\\\x80p\xda\xd2Lb\xc2'</t>
  </si>
  <si>
    <t>b'#&amp;\x9e\xd5\x92/\x0e9\x17\x9e\xb8\xb7\x1a\xa7\xd6\x90\x88\xf8"\x86\xb3\xaf\xf2S\x04=\x0b\x8c\x9b=\x03\x9e'</t>
  </si>
  <si>
    <t>b'\x1a4\x9d\xbf\x96?\r\t\xcb\xa5\xf5\xe6\xbaE\x13_}b\xae\xc4&amp;\xab\x1c\xdf\xb1R\xcb,\xecMy\xad'</t>
  </si>
  <si>
    <t>b'\x9a\x92e\xc2\xaf\xef\xcc\x92?\xba\xd3\xb3R\x15*\xdd^_\xa4\x05\xd00*(+\x19tW2\xd5\x00"'</t>
  </si>
  <si>
    <t>b'+\xfc0\xbe\xaf\xed\xc3O\x0f\xab\xadR\xd6W\x91\xe4/\xb7_\x8c\xfd\xde\xb4\x1f\xf7\x11\xe2:\x03(\xa7\x90'</t>
  </si>
  <si>
    <t>b'\x1a#u\x9d3s\xf6\xd2\xd2k3\xdc\x9ce7\x99&amp;&lt;X\xb0;\xb4|QO\xb1:9l\x88\xf4J'</t>
  </si>
  <si>
    <t>Paying off credit cards.</t>
  </si>
  <si>
    <t>b'w=2\xb1\x9c\xb1\xd0\x8dqH\x1e.\x9c1`kN\xddB\xc1\x9e9\xb8f\xe76\xcf@\x0b\xd7\x12\xc4'</t>
  </si>
  <si>
    <t>b'\xc0\xd71\xa1\x05\x94y\x95\x9e\x06\x17)B&lt;4D\xb9;\xbb\x10|u\xe9\x1dv\x1d4\xf4M\xf9\x97\xcd'</t>
  </si>
  <si>
    <t>b'\xd2&gt;\x81\xccj\xb6r\x91\xa5\xe5\xfb\x99\t\x90\xb3i\xe5\x8b\x85\xe8^\xbe|\x90A=\x95\xac%\xa4\xf8\xaa'</t>
  </si>
  <si>
    <t>Debt Consolidation and Payoff</t>
  </si>
  <si>
    <t>b"7\x0b\x16\x1a/&amp;\xa4MYnO\xc4x\xa8f'(r\xbb\xbao5\x02\xa1CF{'|\x1d\xb0\xca"</t>
  </si>
  <si>
    <t>b'\x8a\x86Z92\xd77;\xb80\x89E\xe3\x9f\xdb\xb4\xc6\xde\\Ii\xfa\x1btVW\x9e\xe3\xa3\x9fRr'</t>
  </si>
  <si>
    <t xml:space="preserve">Debt Cons. </t>
  </si>
  <si>
    <t>b"q'\xcb\x8e2\x04~\xd3^\x0e[\xd35\xb1\t\xfcJ\x8f\xcdn\xf5\xda\xa6P\x99\xc3\x1f9\x15\xf7LD"</t>
  </si>
  <si>
    <t>b"\x11A\x1b\\\x9eH\xb7{\x89M\xb4\xbd\x11\xfe3\xe3K\xfd$\xda\xfe\x05\x16tSui\xcc\xed\xf7\xf2'"</t>
  </si>
  <si>
    <t>DebtConsolidate1</t>
  </si>
  <si>
    <t>b'@\x820+\x05\xb0\xc1o-j\xa3\xab\xdb\xed\xa4\xc6\x93\x90Pm\xf4p-\xb8\x99.\xe0h\xafaj\xfd'</t>
  </si>
  <si>
    <t>b'\x1e\xbf\xa7*\xc2{\x05Q\xe8\x04c\xff\x9d\x82?\xab\x8fG\x84G9\x16\n\xb3\xe4\xa6\x99\x17\x95\xa3t\xbb'</t>
  </si>
  <si>
    <t>lendingclubloan</t>
  </si>
  <si>
    <t>b'\x03R\xfd\xc5? \t\x9a\x04Ky1\xb0[\x1d\xdd%\xbd\x8a\x02?\xd0\xd3^\xf0\xf21\x00`\xacF\xb6'</t>
  </si>
  <si>
    <t>b'\\\x1e\x82y\xab\x9c7\xe1\x8c\xce\xc7c\x89k63E#~8\x01\x022Y\x9f\x88\xaaW2oAS'</t>
  </si>
  <si>
    <t>b'\xc7\xa8[X\xfe|\xeau\xfa0\xedN\x0b\x84|^U\xe7\xfav\r_t!0\xd7&lt;\x00d\x9d;0'</t>
  </si>
  <si>
    <t>my rescue loan</t>
  </si>
  <si>
    <t>b'\x14!\xdf\xf3\x9a\x1a\xfd\xda\xcf\xd3=\xdcZ\xf2\xc8\xd0K\xecq3&gt; \xe1\x94\xb1\x9c\xfb\x8c\xd2Hh\x1c'</t>
  </si>
  <si>
    <t>great debt free soon</t>
  </si>
  <si>
    <t>b'\x19\xc3*\xae\x81JD\xb1e4\xb30|\xae\tU3\xd1"\xbb[\xf8\xad\x92?~\xa3#\x161\xff;'</t>
  </si>
  <si>
    <t>justone</t>
  </si>
  <si>
    <t>b'\x8dHH\x89KM\xcd#\x98\xb3\x82x\xb3c\xc4\x95oTQa2ql\x91\x9e\t\x92\xf4\xf5\xdf\xdb\x02'</t>
  </si>
  <si>
    <t>b'k^M2\xe8Y\xcf\x08\t\xd9\xa8\xc6\xff\x1a\xff\xb2\xae\xf41\xe8\xf7\x07 \x9b\x96\xe4\xc2,{CO\xac'</t>
  </si>
  <si>
    <t>b'\x86\xf8D%q\xcbg\xeb+{\x90\x0b\xdb\x8bE{]\xf3&gt;h\xc5 5\xa1X\x8b??\xd0?\xd23'</t>
  </si>
  <si>
    <t>Medical education relocation loan</t>
  </si>
  <si>
    <t>b'\xae\x0b\xc67\x15\x86\x1f\x91&amp;\xb9\xef\x0eu\x19\x86\r:\xe1\xdf\xc4\x02m\x01\xca\x87GA\xa3c~O&lt;'</t>
  </si>
  <si>
    <t>b'\xb0k\xb9\x11\xc0&amp;/A\xfe\xe8\xf6\x1a\xfd\xb8\xdf\x06"\x16\x855\xed\xff\xe3\r\xd1\xd7\xf2t\x8d\x80\xd9\x88'</t>
  </si>
  <si>
    <t>b':v\xc4(\x0eI\x99\xba\x9d\x85\xbb\xbe" \xb9\x11\xe2\xc3\x83&gt;.\x05\xfeS,\x89Fc\x89\xbb\x19M'</t>
  </si>
  <si>
    <t>b'\x14!\x84\x82\xcd\xa7\xceP\t\x13\xd6\xd2kO\xa2X\x05F\x99%\xe3D\xa7\xb2\x0c\xf1\xb9\xcd&gt;\xfb[j'</t>
  </si>
  <si>
    <t>b'\xf6\xa3\xe4\xea C\x14\x8c\xa2A\xa64z\x03\xc7\xd1yu\xef~\xfe\x17^(2z\x97\xb27\x0b\xb9\x9a'</t>
  </si>
  <si>
    <t>b'\xb5\xe7\xe3\xa1[\x03\xb4;\x1eN\xeb\x96\xe7\\\xfd7 \xaar\xd72=C\n|h\x84\xcfe\xb0h\n'</t>
  </si>
  <si>
    <t>b"\x05\xf4\x95\xb2S\x8f\x81\xd5\x04\xd9\xa8\x92\xbeYi\x92\x19$Dx\x0b'\x81\xcc\x9a\xb1u\xff_6Z\xf6"</t>
  </si>
  <si>
    <t>b"=2W\xb5\xd3\xf7\xcf\x04\xa9\xe8\xc9O\xe4i7\xe5\xcc\x1cY\xdb\xc4\xfd\t'R\x7f\xc1\x95\xfdV\xb4\xd1"</t>
  </si>
  <si>
    <t>b'\x047\x17\xc0\x08\x8b\x9a\xae\x08\x0cP\xe9Ex\x08\x0f\n`\xbfr\xf30\xe0\xe4\x9f\x1e/\xc1R\xf2\xedZ'</t>
  </si>
  <si>
    <t xml:space="preserve">Consolidation of Credit Cards </t>
  </si>
  <si>
    <t>b'c \x06\xcb\x94\xc4NF\x87\xd0\x81\xec\x83\xa4\xcfrM\x9eD\xc2\xf4\xd0]\xba\xc5b\xda\xc1\xf8\xe8=\xa5'</t>
  </si>
  <si>
    <t>b'\xe9\x08\x14\xe1\\\xb7-\x83\xd2\x0c\xc0\xa4\xd0z\xbbA\xd3r\x92\r\xac\x9coA\xf1;Rr\x1f\x8a\x9ex'</t>
  </si>
  <si>
    <t>b'"\x81,P:h\xb4\xf0G\xc1\x91\x08\xcc\xae}t\x8d\x12(\xa5F"\x0bC\xbc\xd5\xb1LP\xa9\xe1,'</t>
  </si>
  <si>
    <t>b'\xe4\xd0\xa9W\xd4\xa4\x06\xf0Y\xe2\x17G\xb0\xb8q\xd6\x03\xe0\x19\xf2O\xd0\x19B2\xc2\xb0\xbfn\xec\xc3\xa0'</t>
  </si>
  <si>
    <t>b'T\xcc\xdf1&lt;\x95B\x98\x87\x07&gt;\x81\xd0\x11\x85\x01\x1e\x0c\xb4\xa1\xc9\xab\x97\xb9\x08\xe3=\xd7\x86kUY'</t>
  </si>
  <si>
    <t>b'\xd4\xbf\x02\x85\x13\xd2\x08\x84\xc7\xb1ehI/"t\xd6\xe2\x08\x9bGB&amp;\x8aEx\xf3\x9b\xe2\xdc\x08V'</t>
  </si>
  <si>
    <t>Makeover</t>
  </si>
  <si>
    <t>b'\xe7K\xb5\xf7\x9f\xc1\x81T\xc9\xdb\xb9\xf2\xc4\xef\xc48v\x8a\x1a\xba\xf8\xf4\xd6\xdeK\xd7\xb3\xcd\xe7\x89\xe6\xae'</t>
  </si>
  <si>
    <t>b'*\xe0@\x19\xf6\xab\xbd\\ \xe1\xe8\xa4M-{RB\xdf\xa4\xd7\xe2\xc5\xdb\x1b\xbd\xa1\xfc*Zd\x16]'</t>
  </si>
  <si>
    <t>b'x\x8b\xe5g\xc6?/\x1d\xf2;\x1ca\xa7e\xcb\x15\x1d\x8d`\x91TK\xfd\x0bh\x12#\x08C~\x82\xd2'</t>
  </si>
  <si>
    <t>b'1+\x07\xcd+{\xa4"\x17$\x9c\xd9}\xd9\xe9\x1c=n\xaf\xdbB8\x18\r\x99\x08`\xe4\xdb\xe5\xa4\xb0'</t>
  </si>
  <si>
    <t>b'&amp;\xdfm\xa7H\x05\x9c\xb6 \x95\xe5\xb2\x82/\x86\x9b]\xe7$\xe6(6\xf8~\xd4N\xeem\x00\xa9\x1ah'</t>
  </si>
  <si>
    <t>b'\xe6\xd5\xeb[\xce}E\xc3?\tQp\'\xccHq\x1e\x0cCF\x11\x06W\xfc\xa7\xab\xa1\x80"8\xccV'</t>
  </si>
  <si>
    <t>b'\xbb\x9c\xf6!\x81b\x1f\xbe\xaa\xcd&amp;\x12\xf4\x1dw\xc5\xde%\x1b\xf2\x82ca\xaeIz=A\xcel\xcf\x7f'</t>
  </si>
  <si>
    <t>b'v\xb9\xcc\xcaP\x11\x01jl\xe6\xeaP|\x19\x90\x8e\x1a/\n\x87\xd9\x1bC\xf9h\xc3\x9a\x87\x18\xf5\xb8\x80'</t>
  </si>
  <si>
    <t>b'\xac\xd1\xbc\xee\xab\xf5K\x98\xd9=c:,-\xbc\x03q\xc8Q\x89\xaaFj\xaa8\xa9\xd2}/\x999\xf7'</t>
  </si>
  <si>
    <t>PayDown</t>
  </si>
  <si>
    <t>b'W\xd9]\xe9\xeaf\x1c\xd4\x9d|\xd4,\x80\xd6\x9b\xe2\xc2!\xeb\xc3|6\xf9\x99\xfb\x144\xc2p*\xaf\x93'</t>
  </si>
  <si>
    <t>Debt Con Loan</t>
  </si>
  <si>
    <t>b'\x16@^\xd2G_\x9a\x89\xb5\x7f\xc2I\x86e\xf4\xbc\xad5\xa8\x91U\xef\x13^&amp;T\xb5\x11h\x14\x1cL'</t>
  </si>
  <si>
    <t>b'\xb2\x86F}\xcdB\xd0\xe4\xee\xc7\xa3\xa0_\x8d\x1d\x17H\r7z\xd7\xb3\x88\xd7\xd6~BH\xa6,\xc4\xfe'</t>
  </si>
  <si>
    <t>Home Imporvement</t>
  </si>
  <si>
    <t>b'\x86\x8a\xc9\xe2RZ*uh\x97\xc6V\xb4\xae=\xe2C\xe3\xbc\xeb\x00\xd0\xdfMx\xa50\x81-\x1fZ\xae'</t>
  </si>
  <si>
    <t>b'\xc52\xf8.{\xdd\x99\xdfT\x91};\xd5\xf3\xbf\xaa\xca\xab\x0e9(33R/c\xb0"\x98\xe9pS'</t>
  </si>
  <si>
    <t>b'\x1e\xf5P\xc2Jl\x9ex\x98ih\x8f\x02\xa7\xd5W\xdf\xe2\x8c\xabKA\x9b\xc1\x81\xa0Y\xde\x94\r\x96\xb5'</t>
  </si>
  <si>
    <t>b'\xd1J\x95\x94\x12\xd2\xea\xdf\xcbb6\xbe\xaa\xff\xbce\x17c\xb6\xca]\x10\xa6\xf5\xb5\x98F/q\xdcA&lt;'</t>
  </si>
  <si>
    <t>b'\x00&amp;\tM%\xfb\x18U\xdec\x19S\xff\x17\x17\xa3\x81\xc0\x11\x01\x962]\x9aE\x89/\xd6f\xab,\xd2'</t>
  </si>
  <si>
    <t>b'\xdc\x08\xf4#\x1d\xdf)\x15\xa3\xce\xa5\xf1f\x05\xb5\x16\xc3\xef\xe3J\xd3\xa0\xefd\x11 I=\xbb&amp;M\xd0'</t>
  </si>
  <si>
    <t>b"\xba\xf9\xbc\xc5\xf1_\xd9\x1a\xa1\x1f\xd2\xba88C\xa4\x9e\x1e\x17\xcfz\x92w\xaeC'X#l)&lt;\xa6"</t>
  </si>
  <si>
    <t>Horse Trailer</t>
  </si>
  <si>
    <t>b'\x82\x13\xac\x93\x92\xcc\x98\xc83H\x8c\xd4\x12P\xadF\x9fF\xe8\xb9\x9c\\\xbc(\x1b\xe2t\x1c\x96v\x1c\x11'</t>
  </si>
  <si>
    <t>b'\xc9g~\xe6\xd1\xaf\xc5\xf6\xac2\xa2}&amp;\xd4\xa0\xcf\x9d\xb8\x90\x97\xb7\xb9\xa8\xee\xadm\xd1pb\xc9\x00n'</t>
  </si>
  <si>
    <t xml:space="preserve">Lowering my rate for existing Lending </t>
  </si>
  <si>
    <t>b':\xddZ\x9c\xa5v,\xe7w4e\xfaO\x11\xbb\x08[q\xf6k\xd3\x97\x92\x1a!A\xef\xd8H\xe4\xdcX'</t>
  </si>
  <si>
    <t>b"DG\xea\x0f\xb1X\x1d\xb2\x89\xf3\xfaLY!$\x81\n\xf1\x82n\x06\xd8`4\xd0c\xe3\x1c#\xcfO'"</t>
  </si>
  <si>
    <t>b'\xe9\xe5\xed\xd59\xdb\x11\\e\x0f%\x07F\x99uSNrB\xd3\xcfT\xcbF\xa6\xf9\x03\x9e\x02\xb6H\xbb'</t>
  </si>
  <si>
    <t>b'\x01$\xa2\x84\x9d\xb6|{le\xba\xd1\xe6m\x93k\x80\xfcy\x05j\x10\xe2}*\x83d\x8a\xf5\xb7\xbeH'</t>
  </si>
  <si>
    <t>b'g\xc2\x13}\x84\xaf\xbf\xa5V\x97\x14\x92I\xaa\xc83\x16UU\xbb\x92\x0c\xdaF\xcb\xa7\xbd&gt;T*\xd7\xd9'</t>
  </si>
  <si>
    <t>b"\xd9q\xb3\xb5`\x99\xbc\xb1\x9c\xfe3\xd2\x88\xd8\xc0\xc3\xaf\xb6\xb9\xfe\x1cl\x00\x8e'\x94\\o\xca\xe8M\xe0"</t>
  </si>
  <si>
    <t>b'\x84\xc6\xe1\xa2\xf9\xf7\n\xcb4\xdf=\x7f\x98j+\x0f\x19\xf6}\xc7;I\x0cnl\x97\x12/\xfa\x1d\x08]'</t>
  </si>
  <si>
    <t>b'H\xb4%7\x1d\xf5\xf6|`\xa1\xa9\x86m\x12\xd5\xb5\xef\xa0,\xa3\xb8\xb9m*\xe4\xeesP\xcfU\x1dn'</t>
  </si>
  <si>
    <t>Consolidating for convenience</t>
  </si>
  <si>
    <t>b'\xcb\x8buw&amp;n\x98\xcfdg\xf5\x0e\rX\xf8L\xdb\t7\r\xec\xe2\xe4Z;,\xf9\xdd\x96\xac=5'</t>
  </si>
  <si>
    <t>HOME IMPROVEMENTS</t>
  </si>
  <si>
    <t>b'\x8d\x0c`\x9f\x1d\xb9\x19\xb5\xe7\x80\xd2\x7f[\xee,\xb4\x8bP\xbb\xb3\x92\xca\xbe\xc4\xd7\xc6\xf4\xb5Njp\x8a'</t>
  </si>
  <si>
    <t>b"7\xa0\xeb'\xe2\x03ZL\x03\xcc=\x9c\xd5u\xfeQ\xd7\x14\xc5=d\xbe\xc6\x8a\x9f\xc4\x89U\xe4\x99\x14\x17"</t>
  </si>
  <si>
    <t>b'\xeb\xf76\x1f\xe3\xf2)\xbbsKU[Y\xfe\xc2e\x7f\xf6\x91x1\xd6\x95\xfd\t\xe0z\x83\xf8\xf5\x98Q'</t>
  </si>
  <si>
    <t>b'N\xe0X*\xdd\xba\x04K\x80\x8e\xa3p,\x91\xf2\xc1F\x07&lt;\xc29\x0c\xb8\xa6\xbb&lt;m\xd0\x1aD\xcf\x05'</t>
  </si>
  <si>
    <t>b'\x83\x83i1\xdd\xb6`\xe2\xea4\x99T\xd9\x95\xaeU\xf41\xa9&amp;w\x05\xa8?\x89Dhq\n\xe1;\xb5'</t>
  </si>
  <si>
    <t>b'\x07\x90~\xe0-\x15k\xad0X|i-\x8a\xd3\xba\x88\xbe\xbd\t\x04\x10\x05M\x10\x1d\xe5\xbc\xc4K$\x9c'</t>
  </si>
  <si>
    <t>b'\x8d\xcc\xb2\x9fT\xa6\xea\xa2e\xb2\x8f\x1d\x19\xd5~O\xa7\xd8\xf6\xe1\x8b\xe4$\xc4\xa3J\xe2d\xcd\xfe\xa5\xf6'</t>
  </si>
  <si>
    <t>b'3\xa3\xc5(T\xf8\xbf\xc5\xa0\xc8\x06_\xc2\xff\x0b\xda\x1c\xa1\\\xc9\x97\xc9\xa51\xfb\x93\xb0\xaa\xd3\xc8\x83('</t>
  </si>
  <si>
    <t>b'Y\xac\x93\xa0\xfa\xcb\xc8\x06\x18\x97\xf1-\xa2:\xee\x07\x9f\xb4\xf1\xefv\xfb\xb3\x85\xe7x\x01\x9c`\xe8\xb9\xfb'</t>
  </si>
  <si>
    <t>b'\xf2\xcc\xc1\xa8!\x08\x82\xad\xde\x0f\x8eO\x9f\xba\x12Q\xbbz\xfd\xcb\x86\x04\xff%8\x96E\xd9,\xd2\xe1Y'</t>
  </si>
  <si>
    <t>Pay off debt so we can build a house :)</t>
  </si>
  <si>
    <t>b'\x01\x17\x1c$:aK\x82\xb5\x95\xaf\xd1h\xd8\xf3r\xbdt`\xce*\xcfG\xac\xcb\xc9\x87\x1f{\xe9\xf6\xc7'</t>
  </si>
  <si>
    <t>b'T\xa3\x82\xe6:1M\xa8\x0f\x8c\x9eG[6\x07;\xc7B\xc2\xc9;\xf6\xc5\xa8\x80\xfb\x18\xff\xd9!\x97\xad'</t>
  </si>
  <si>
    <t>b'\xac\xfd&gt;\x0b\xd1\x05\x0b:\x94kIs\xb7\x91\xa8\x85\xe33\\\xdcF\x97\x02\x96\x03\xab*\xe4\xb6T\x12\xec'</t>
  </si>
  <si>
    <t>b'[\xeao\xb8\xbe\xf6\xe5\xc83\x94\x0cDH\x91\x13\xd0{\x9b5\xa5?\t|\x8c%Y\xd2\x0f\xffE&amp;\xcd'</t>
  </si>
  <si>
    <t>b'P6\x96\x87\xe1\xe9\x1e\x04\xa3\x03PPe\xf9\x82\x06\x8b\xf1=\xd82#\xd8\xb6\t&amp;\xf8\x843\xde\xb2\x7f'</t>
  </si>
  <si>
    <t>b'\xfa\x0e\x88N\x8a\x9f\xb1nS\xcf8]\x0f\x0e\xea\xbb\xf9\xdf\xfb\xc9%JH\xf4\xa4D\x8dKS\n\xf6\x17'</t>
  </si>
  <si>
    <t>b'\xd4bGn\x0b\xc2\xe2\xc4Id\x15\xedxa-8\xbe\xec\x91\x0b\xc0n\xc0\x06\'n\x07\xcd"\xb9\x9bB'</t>
  </si>
  <si>
    <t>b've\x8dx\x8d=\xce\x84\xd4\xcc\xa9\xaa\xf2GiQ\x0f\x0bs\xbb\xb4\x07\x9c-\xaeKM\xfe\xd5\xaa\x18\xa1'</t>
  </si>
  <si>
    <t>Fixin' life</t>
  </si>
  <si>
    <t>b'\x16\xfd\x0f\x1aN\x90H\xe8\xba\xaa\xaaG,~\x1f\xd7\x81\xc3\xb7\xa5\xdaC\xc7T|\x1c\xdbF\xb3G\xb6\xa8'</t>
  </si>
  <si>
    <t xml:space="preserve">credit for life </t>
  </si>
  <si>
    <t>b'\x12k\x82\x81\xa9\x18^\xdb\xe9\xb5.\x9d\xe2\xa6\xe2H\r\x0eA\xd2\x04s\x8a\xc6\xd2\xba]IS\xbe\x04\xe1'</t>
  </si>
  <si>
    <t>b'7us\xfc/\x9eq\xc8\xbf-\xd2\x07}\xa8\xb3t\xba\x1e\xbc\x18\x17\xf5\\\x0c\xad\xdc\x90[\xa85\x17\x1f'</t>
  </si>
  <si>
    <t>debt relieve</t>
  </si>
  <si>
    <t>b' \xbc\xd64\xf2\xae\xc0\x1c2zr%\xbb \x83\xf8\xf5\xbaR0\x80J0\xcb\x8c\xa4\x15\x8c8\xa9\x85Q'</t>
  </si>
  <si>
    <t>b'\xe2\xb8\x06\xae\x17$\xe2`\x0e\x04\xfda\x91=\x86a5\x18\x8cZ\x84\xc6i \x07(\x9f\xd9@\x0f&amp;\xa3'</t>
  </si>
  <si>
    <t>b'\x88\xa1\xbd\xd8\x8b\xba\x85XGC\x15\xab!\xdf{\xb8\xb0\x90\xf7o\x0c?\xa2E6\\\xfb6\xdf\xc1\xe7f'</t>
  </si>
  <si>
    <t>RingLoan</t>
  </si>
  <si>
    <t>b'=\xc3hNT\x847\xbb\x17\xdb\xb8`3\xd3\x04\xddr\xba\xf3\xb8\xf9\xc5^:\xd7\x89N\xf7\xbc\x91\x02x'</t>
  </si>
  <si>
    <t>Repair roof and siding</t>
  </si>
  <si>
    <t>b'o\xb9\x88\x16\xcd\x14\x93\x86\x8b\xa9\xd8\x0b\x13\x9d\xbc\x8c\xf5C\xe02\xa6\x81\x03nY\xee|\xf1\xa55\xae\x06'</t>
  </si>
  <si>
    <t>b'\xde\x9eP\xe0g#\xc8\x9c:j\xc4\xcf\x102^1\xee\x18\xa1P\x8e\x83\xac2\xe6\x19\x9b\xcbE\xeb\xf3i'</t>
  </si>
  <si>
    <t>b'\x1f\xa8\xc8\xcc:\x1fO\xe2\xa3,P\xa5\x99\xd1\xdf\x8f\x96n\x14)\xb7\x96\x15\xb3\x8f\xe3\xb7\x9b)#\x1e\t'</t>
  </si>
  <si>
    <t>FixIt</t>
  </si>
  <si>
    <t>b'\xf2\xbd\xc2\t\x7f\x88\x04*\x88\xadl\xaf\x15\xad\x0b\x84\xa0\xdcoF4\xb1\x83Q\x81W\xbf\x1b\xf8\xe7n\xcb'</t>
  </si>
  <si>
    <t>b'\xc6\r\xa9\x18}\xc4\x85X\xe7\x8eIlV\xca\x1b \xa2\xf1\x11\x88\xd5z\xd6%e\x8e\xa5\x0b\xfa\xb7\xa3\x8f'</t>
  </si>
  <si>
    <t>b'&gt;\x8b7;\x8b\x0egC0\x9d\xec\x8c\xb3`\x9b\x0c\x98\xce\x85H\xa7L\xba^\xa1\xde\xb7\x02\x85\x12\x8c\x0b'</t>
  </si>
  <si>
    <t>b'\xe0\xf0Kf\x10\x11C\xe2\xf0\x86m\xeb\xc4\xe1Xv\xd1\xc2\x1f\xad\x9f\xd4\xea\xd8G=\x1b\x8e\xe7\x04)\x16'</t>
  </si>
  <si>
    <t>b'\x9c%\x9b\xc3\xcfy\'sR"P\xcd\x8b\x06\xe15\x139\xc3\xb65;\x0b?\xe0\xb4\xd8\xd5,\xc2\xb9l'</t>
  </si>
  <si>
    <t>my lendingclub load</t>
  </si>
  <si>
    <t>b'\x12i\n\xca\xab\xf3\xac\xf1\x058lG\xf2\xf0\xc8$,\xf2\xed\xd3r\xa4r\xe7\x9e\xcdd\x96\x05\x19M\xf8'</t>
  </si>
  <si>
    <t>b'\xce\xcai\x12\x95\xd0)*\xee\xf4\xe2-R\xa0\x99t&lt;&gt;D\\\x81\x95\x02U@\xe9\xfc\x0ew\xea\xf6\xb4'</t>
  </si>
  <si>
    <t>b'\x10\xf5-\xe6\x9d\xe1\xcf3\xf6m\x16n?\xbd;\xb0\x9dZ\x82\x14\xaa\\\xd8\n\x13\t\xbfiA\r\xdc\xa9'</t>
  </si>
  <si>
    <t>CCrefinance</t>
  </si>
  <si>
    <t>b"-\tR\xc1\xf4\xd9X\xd9)\xc2\xa0\xab\xbf&gt;'\x01\x94\xec\xa5\xb4;\xf0\x0eAuo_\x13\x94[D\x19"</t>
  </si>
  <si>
    <t>b'`\\)\xaeA\xa5\xef\x13\xd4%(\x9c\xfe\x02\x9e\xde\x83l\xc5\xcdx\x8e\x83\xb7\x9f\xb1\xd7\x06iE\x9e\xfa'</t>
  </si>
  <si>
    <t>b'\x1b\x0e\xd1\xdf\x13\xd9\x99\x9e\xc0s\x96=\xee\xe84w%\xfb\x85\x9f\xe7\xf48\x88M\xdf\xd0\x15\xfb\xdaZ\xef'</t>
  </si>
  <si>
    <t>Demise of my Credit Cards</t>
  </si>
  <si>
    <t>b"\xf5\xfeNg\xf2&gt;\x99\xb8\xaa\xac4\x9aWl\x81D\x11\x1d\x82Y)'\xd7\xac\xef\xaa\xb45\xf9\xef\xc7d"</t>
  </si>
  <si>
    <t>b'\x89\xf8M\x1f\xfa\x14\x04\xf4&lt;-\x18\x8c\xa4\xeel\xdb\xdb?\x1a-\x0c\xfd\xe9f\xdc#&amp;\x8f8\xbb\xe3\xb8'</t>
  </si>
  <si>
    <t>Credit Refi Plan</t>
  </si>
  <si>
    <t>b'\xe4UkF\xfa\x1e\xc9\xe9%\x15\xc5G\n\xa0\x84s9\xc7\x8d\x8fC\x9e\xf8\xd8\xab\x0c\xee\xf8@\x1bg\xa9'</t>
  </si>
  <si>
    <t>Pay credit cards</t>
  </si>
  <si>
    <t>b'W\x05\xe3\xf6p\xedq\xe4\xa5 \rt\x11u\xeb\n\xf3\xb6\xc2\xe9\xdf\x0f\xe3\x9a\x8c\x16\x0cA\nf\xb6i'</t>
  </si>
  <si>
    <t>b'G\x12Y\x93\x10\x96W\xae\x84*\x17\xd0\x83pKV11!\xc6\xbe\xe35\x92\x94\x0f.x#p\xe0\xa6'</t>
  </si>
  <si>
    <t>3 Year Goals</t>
  </si>
  <si>
    <t>b"\xd2\xb93\xe5i\xc5\xb7\xfby\xbb\x18\x11\xd5P\xb4\x14$\xd4\x8f\xf3\xf3\x1d!Q'p\x982\x97\x06W\x15"</t>
  </si>
  <si>
    <t xml:space="preserve">Life Changing </t>
  </si>
  <si>
    <t>b'\x0cxb\x920\x8f\x82\xc0\xb06\x91\xe8J\xc2\xb7\xf8F\xdey,Tp\x15\x985\xd0k\xab\xf3\x15P6'</t>
  </si>
  <si>
    <t>b'AX1U\xcaS\x03\xaa\xa5\x1b\xc2gC!\xdc\x82\x02\x14\xa0\xf2\x16\xb5\xeaf\x16j\x82\xd1t\x83\x1f\x00'</t>
  </si>
  <si>
    <t>b"\xfbx\t\x9f0&lt;\xe4\xed\x81\xfd\xe8rz\x8f\x8a\x06\x98\x7fD?\x11F0\x07o\xd1\xef'\xeao \x88"</t>
  </si>
  <si>
    <t>happiness</t>
  </si>
  <si>
    <t>b'\xa2,]\xec\x0f"\x84\xd94\xfd\xeb\xaa\xd3\xdcS$\x9a\xcd\xaca\xd8S\xe6\xb5Y\x0b\xb1\x98\xeeA\x9e\xa7'</t>
  </si>
  <si>
    <t>b"\xbd&amp;-&gt;\xa3\xf2\x8et\x80O\x96a\x8e\x108\xc8\x02\xff\x99$\n\xe2Y\xe6\xce\xf7'\x1a\xbc\x11\xa2\x0e"</t>
  </si>
  <si>
    <t>b'\xb0|\x92\xb4\xfaz\x03\xc65\xf89\xc7`\x1ch\xac,\x8c\xa3\x19B2S\xd0\xf2\xbc\x9d\xfc\xd6\x82\n!'</t>
  </si>
  <si>
    <t>b'7\xdc\xfd]\xd0\x7f[ui\xab^?\xe1\xbb\xe4\xc5rF\xf2\x01\x15G\x7fFb\xada0\x18\xd4\xd7\x15'</t>
  </si>
  <si>
    <t>b'3_\xe2\x8a\xc3\xfd\xea\xe2\xec \x05\x0f\xe3\x97\xa5\x03E\x0cv}\xe1\xf3\xb2\xc1\xbfm\xd6\x98\x84\xf2\x7f\x86'</t>
  </si>
  <si>
    <t>Faith loan</t>
  </si>
  <si>
    <t>b'z\xaeb\xbd\xedv\x02mH\xeb\xbd\xccX?\x80\x82\x91\xf5f\xb7!\x02\xb4C\x8e(\x0b\xe9\x19\xd7\xa1\xd2'</t>
  </si>
  <si>
    <t>b'\xa3?\x16A\xcd\xbcN&gt;\x94&amp;\xbf\xaa\x9a\x9f\xe3\xeb\xaeya\x83kA]\x1f\xa0\xcf\xbe\xdb\xe9\x8b&amp;\xf9'</t>
  </si>
  <si>
    <t>b'A\x91\x12x\xf8\xdd\x93Q\xf6\xf4PF\xe7[\xbd\xe5\xf8\x91\xbf\xadh\xd8#:\xc0`\x889\xf4o!\xf9'</t>
  </si>
  <si>
    <t>b"\xf8&amp;\x84\xd0I\x00s\x18j\x94U\x18;\xc4l\xbd\xc4\x17\xbb'\xf6\xccB\xe7\xc9\xbf\xdcORK)\xff"</t>
  </si>
  <si>
    <t>Bye-Bye Credit Cards</t>
  </si>
  <si>
    <t>b'\xe8V1Y\x14A\x8a\x8c\x8a\xec\xf8\xad\xe1p\x06\xd1\xd5\x00\x8d\x84\x010\xed\x18\x80\x1f\x7f(\x0f\xe0{\xce'</t>
  </si>
  <si>
    <t>pavement</t>
  </si>
  <si>
    <t>b'\xc8^L7\xa3\x03W\xe6 \x94fOb\x04b~a\x0ep\x89\x10\x122\xff\x15i5U\xdf\r\xf0a'</t>
  </si>
  <si>
    <t>b'Wy\x9c9su\xd7R\x97\xbaTR\xecJ.\xa1 H\xc9\x10O\xf9\xf8\x17T\xea\xf2\xd5\xcfyd\xc6'</t>
  </si>
  <si>
    <t>credit carte</t>
  </si>
  <si>
    <t>b'M\x1c\xdc\x07\xa0\xe8:\xdegF\x04\xbe\x86;\xe1,[d|mr\xed\x10\x1eB9!(\x82\x96Tv'</t>
  </si>
  <si>
    <t>b'z\xa0`\x8b\xc8\x16\tM\x87o\xf9\x97\x1by\xc7\xf89\xceP\xe4\xd0=\xa3\x99\xcd\xfb\xf8\x9eP\x18\x08I'</t>
  </si>
  <si>
    <t>finallyfree</t>
  </si>
  <si>
    <t>b'\xf2d\xd2\xbc\xe8F\xf0\xc71\\\xbd\xf0;R\x95T\x1bp\xbf"\xf2S\xd89MC\x9b\r\xc9!=\xc6'</t>
  </si>
  <si>
    <t>b'\x87g~2|VV&amp;\xf0\x93\xb6\xfbQ\xeeX|3\x06\xd4\xa1\x93\r\x9a@&gt;\xc1\xb2M\x84\x14\xdcJ'</t>
  </si>
  <si>
    <t>Credit re-fi</t>
  </si>
  <si>
    <t>b'\x19b\xba\xe2\x17&gt;\xde\xbd\xfc\xeag\xad\x1d"W\xb7\x9f_G\x8f\xdag\xae\xc3\xa1(\x7f\xcf\xa8\xfd\xbb\xf4'</t>
  </si>
  <si>
    <t>b'\xa1N\x91\x80\x91y\xf2P\xccb\xf1\xcc\x89\x87k\xd7\x1f \x81\xb1dN\xa3h\xbao\xe8\xec\x86\xb9\xa0\x04'</t>
  </si>
  <si>
    <t>Home improvements and Pay of Bills</t>
  </si>
  <si>
    <t>b'\xcb\x84\x92Y5\xa0\xa7R\xe0\xd3\xfbc\x14\x17\xc5\x01z\xdf\xef\xd2i\x8bC\xbf\xb5\xda\xef\xec\x98~B\x81'</t>
  </si>
  <si>
    <t>b'0\xb0t\x07\xfb\x1dV\xb6\xa9|E\xeb\x18\xa0z\x03\xd9!\xfc/~1\xdch\x14\xaf\x9b\xeb\xd7vQH'</t>
  </si>
  <si>
    <t>b':\xe1\x1b\xdd\x9bq\x92\x8ck79\xdb\xd8*\xec\xfc\x12\xd2zs]\xf1h\x82\xd6\x03\x1c\xcb6\x00E\x19'</t>
  </si>
  <si>
    <t>b'aF^\x0e\xc1m\xe22T\x9c\xb9)\xc8\x93\xdei\x93#u\x05_%\x13h1\xf4r\xa1A-\x8c\xc1'</t>
  </si>
  <si>
    <t>Eliminating High Interest Rates</t>
  </si>
  <si>
    <t>b'z\x83\x9ex|\xaa^\xa1U\xf5\x14\xb7\xd5\x1c\xd2\xfdK\x1e~\x86"\xf5\x97\x14(P\xc6r\xdeM\xd2\xb0'</t>
  </si>
  <si>
    <t>b'\x8ao 2&gt;F\xfd\xa5\xdf\xa2\xbb\xdeF\xea\xa9#-\xb9\xcf\x9b\x03\xa3XL\x9a\xeb\xbb6/.\xb8\t'</t>
  </si>
  <si>
    <t>b'\xee\xf1\xd4\xcbw\x84\x9a\xa52\x1fh\xdb\xf3MG\xab,1\xb5:\xafG\xa8\xbc\xbfq\xbaI%\xa5E\xd5'</t>
  </si>
  <si>
    <t>b'\xb7\xd3\x9e\xc1|\xd0!\x18\xa0\x1c\xd3\xad\xce!\x92t\xd9*c\x99*h\x0e\xdfk\xa6S\x07\xf3\x14\xc2m'</t>
  </si>
  <si>
    <t>b'\x1b\x9c\x18\xae\xa5\x19\xd9\x92\xf9\x9f}+\x9f\xa8\xbe6k\x08]\x1b\xf5/J\xab\x90\xa4y\xddW\xde\xafL'</t>
  </si>
  <si>
    <t>Personal Loan Type</t>
  </si>
  <si>
    <t>b'\xa1\x93\x9c]\xb1L\x07&gt;\x9f\x8d\xa6mTt\xf6\xf2\x9d\x9a\xa6\xa9\xf32\x08\xa17\x9d\x0b7Z0\x08\xf1'</t>
  </si>
  <si>
    <t>My debt money</t>
  </si>
  <si>
    <t>b'&gt;\xf0\xb1\x074\xca\x97\x0eK\xf9\xd4\xfc*\xc2\xac\x0c&gt;%rI\xe1\xe1\xa1\x8e\xf2\x18O\xb8\x04\x00\xf2\xd7'</t>
  </si>
  <si>
    <t>b'\xa3\xaa\xf6]\xcc\xc5\x8d\xf7A\xefAK\xccg\xe8\xdfA\xb2\xd8\xd7D\xb5#\xf9yS\x17:\x17\xf0H\xc0'</t>
  </si>
  <si>
    <t>b'\x14N\xf8pf\xf7\x07-I5&gt;\x1a\xa0\xfa\x8e\xda\xcb\x96\xeb \xb4G\xe3k\x1f\x957I\xad]t\x96'</t>
  </si>
  <si>
    <t>b'\x84\xac\xff\x9a\xda\xf2\x11\xd8\xce~\xb7\x1d\x17\\q0\xf6\xf5\xee\xe7*\x1e\x0e-\xbcK\xf8=?E`\xc4'</t>
  </si>
  <si>
    <t>winter</t>
  </si>
  <si>
    <t>b'\x97t\xd4A\xeb\x83\xf9\x825J\xfdC\x9a2\x0ba\x9aV,&amp;]`U\xb2\x9f\xd4\xa0\xfdT:\xa5\xf0'</t>
  </si>
  <si>
    <t>Become Debt Free Forever Loan</t>
  </si>
  <si>
    <t>b'\x00Y\xb8\x04\xfd\x19\x005r\xbe\x18!z&lt;:\xc2\xe5m\x86\x9f\xd2\xabQ#\x87$\x12\xe6A@h^'</t>
  </si>
  <si>
    <t>b'&gt;O\x8ay\xa6\xd0\x83u\xfd\x19gJM\xe8y%\x0f\xf3_XD\x1a\x8e\xd3\x81z\xf81]\xf3\x822'</t>
  </si>
  <si>
    <t>b'j\xba\x89\x13\xee\x05\xadb\xf3o\xda\xc4\xc4$\xe7\x12ze\x85\x1cdZ\x94\x94N\xb8S\xea\xf0O\xfd\x8e'</t>
  </si>
  <si>
    <t>b'\xa47p\xd1\xff`\xee\xe8\x04\n\xf31e\xba8A9E\x9cu\xcd*E\xd8\x96\xb4\xf9|\xd7y\xde\xb8'</t>
  </si>
  <si>
    <t>b',js/\x82\x1e\xdfM8D\x0f\xa8\xea\xef\x98\xcdz\xae\x1d\xc1\xf7\xb9\xbc\xbcJ\x19`W\xab\xf1\xa6\x80'</t>
  </si>
  <si>
    <t>b'\xc2\xf4w&lt;\xd4\x9a\xccYw\x07\x06!\xb0[f\xbf\x0f!f\xbe\xde\x0e*C\xd5\x94\xfe:\x8d\x17\x8ap'</t>
  </si>
  <si>
    <t xml:space="preserve">Consolidate bills </t>
  </si>
  <si>
    <t>b']\x02\x7f,?\xcb\x9c~\xd0\xf3S\xe3j\x1f\xbehG\x10&lt;\xfcH\x1bs\xea!\x0c\xea\x8b\xf7k\xfd\x13'</t>
  </si>
  <si>
    <t>b')\xaeA\n\xcc\xeb_GDyb\xe2\x91\xc1rM7`A}\x0e\xc1`\xd4\xe5\xb8{1\x9f\x8c\xd5K'</t>
  </si>
  <si>
    <t xml:space="preserve"> debtfreeloan</t>
  </si>
  <si>
    <t>b'\xd7\xba\x97_\xec\xa4\x8b\x90\xe5\x044e[u\xb1b|34\xa2xZ\xee\x93]\x85\xe8\xdc=\xaa\xb1r'</t>
  </si>
  <si>
    <t>our home improvement</t>
  </si>
  <si>
    <t>b'\x164\xf3mcc\x0eY\x96\x83^O\xdd\xc43\x11\xc5j\x04\x17g\xa5\xe3\x8a\x8e\xfc\xear\xf8\x9d\x1cr'</t>
  </si>
  <si>
    <t>b"O\xder\x1e\x13'\xe0\xd0\xf3\x86rN\x89\xe3\xe1\xf1\xcc\xc0c1%g\xd4q\x9a\xff4\xb3}\xdd\x98\xb0"</t>
  </si>
  <si>
    <t>b'y\x9d\xbd\x0c\x1a_egI\x8d\x81\xfa\xd7\xc9~\x85\xf2\xc5Y\xc2\x1c\xdc\xaep\x87\x03\xe1\xbc\xbdP\xa7v'</t>
  </si>
  <si>
    <t>b'\xdf\xf5"\x16&lt;\xcfT\xca\x9c\xc0\xd3+\x83\xb3!UB\x97\xd3k\x1a\x95\x97\xeck\xf4+|\x1f\xdbF\x91'</t>
  </si>
  <si>
    <t>b'\xd68\xfa[&lt;;\xca"\xf2V58A \x98|pRU\x07Qs=\xcf\x16%\\*\x04\xe3\xefK'</t>
  </si>
  <si>
    <t>b'\xc6\xbf\xa6\x18X\x96\x91P\x9d6\x1c\xf1g\tu\xe0\xd9j}`G+\xca\xf5\x89g~\xceF\xf9C\xa7'</t>
  </si>
  <si>
    <t>b'\xd5f\xc3\x0b\xd33\xaa\xd7\x14q&amp;0&amp;o\xd6\x02\t\xc6\x0cgB(\xcaO\x9b\xb1\xde\xe0\xd8\x9c$k'</t>
  </si>
  <si>
    <t>b'\xfc\x1f\xab\x0c\xdf\x1a?T+\xa1\xf2\xdb\x87\xc7\xd1\x17n\x842\ra\xb5\xe7\x0b^F@7\xfc\x82\xda\xed'</t>
  </si>
  <si>
    <t>b'S\x82\xe7\x16@\x15\xdf\xac\x87,8[bh~hA\x95\xb0\xb0\xf9\xca\xe9\xb4,\xf1\xe9u\x05\xe0\xa2\xc3'</t>
  </si>
  <si>
    <t>b'\xf7\xe1BP\x8e6H5\xd9=c9\xae\xdd\xf7\xe4p\x84\x12\xdf\x8a\x0c\xfdr\x89\x0c\xe2\x89\x97\xd1\xd1\xaa'</t>
  </si>
  <si>
    <t>b'\x91c\xaa7\xca\xfd\xc1\x9b\xfa\x8a\xf4\xdcw\x11r\x8c=\x1a\xf8\x96\xe6\xedJ\xacW\xa9\xbbn\x13\x17\xbbQ'</t>
  </si>
  <si>
    <t>b'\x1d\x96\xa8 \xf4\xa3\xb6Z\xacJ\x9f\\\x06\xbe\x12\xfbc\x1d\x00mC\x85\xac\x17\xcc\xee\x88\x0fos\xc7l'</t>
  </si>
  <si>
    <t>b":\xfe\xab\x13\xc8gv\xe3A\xf0%\x80\xc82\xb2\x05\x86U\xf3\x81\x0b/u\x80\xaaL$c'-\xfc\xb1"</t>
  </si>
  <si>
    <t>b"\xbf\xee\x0c/X\x94\xb3\xeb\x9e\xdf\xf3fx8\x8d`FH\x8d\x121&gt;\xfc\xf2\xb4~\x01'\x08p\x86\x83"</t>
  </si>
  <si>
    <t>b'\x84\t\x06\xc5\x1a\xa9J\x0f\xa9\x88%\xd0\xb7hS\x1e\xa7\xefe|\xf34-\xaf\xc7\xcd\x1b\x91\xf3\xd2\x89\x07'</t>
  </si>
  <si>
    <t>b'1\x0e\x89.%\x03\xfa\x8f6\x1a{\xe7\xd2\xe0~\x91\xb1\xd2M\xe9p\xf8\x01\xb9y|\xa8\x95)\x13\xa4\xbd'</t>
  </si>
  <si>
    <t>b'\xcd\xb3\xa8&amp;{\xce\xe2p\x14#\xd3\x91\x15m\xc8\xea\xbd\xb5nvH\x88\x94\xe7\xbd\xf69\xeaH\x12U\xd3'</t>
  </si>
  <si>
    <t>b'\x9c5\xd7ja-\xd7RE&gt;\xec\xf2\xb6\xef\xb5i\x80\x95\xafo\xa6t\xe7$\xc5\xa1\xdcW\x8bw\xb4G'</t>
  </si>
  <si>
    <t>b'lh\xaeU&gt;\x06\xaa_n\xa9S\xcb\x1b\xae\xac\xf5\xef*s\x18TS\x88\xda[\x80\xb7\xafi\xda\xb0m'</t>
  </si>
  <si>
    <t>To Catch Up</t>
  </si>
  <si>
    <t>b"\xc2\x91\x0f~\x90\x7f\xd4\x8d\xe4l\x19\xb2\x95fh\x91j'\x90x\x9eqZd\x1f\xba\xca) \xdcD\xab"</t>
  </si>
  <si>
    <t>b'a\xae\xb4\x04\x11K\x96\xc2d,\xf6\xb5D\xa0\xa3\x98\nO\xd4\xa7\x86\xd0\xfb\x17g\xcfq\n\x7f\x81\xe1\x97'</t>
  </si>
  <si>
    <t>b'\x0cC\xd3+{\x1c+\r\xae=\xc9\xa7&lt;S&lt;\x8b=\x8dI\x10\xb0\xd3T\xf8#\xef\xbb\x87h\x937t'</t>
  </si>
  <si>
    <t>b'\xad|\xdevf\x8b\xce\x9c\xff\x0b\x96\xd0\xdbs\xd2tc\xb3\xf9e\x94\x12\x01\xa5\xc7l\x04\x07\x82Tit'</t>
  </si>
  <si>
    <t>b'z\x18\x95\r\x12\x80\xe1\xfd\x82Uln\x90\x1bQ\xf4Q5\xb2^r\xd4X\x87*\xa8\xa0]}\xf8\x9c\x80'</t>
  </si>
  <si>
    <t>b';\xa6\x89{\xf7,q/\\\x13e\xc7\x91\x08\xe1\x85\xde\xa3Sl\xbb\xce\xf9J\xbcr\r\x98\x82Y=\xa6'</t>
  </si>
  <si>
    <t xml:space="preserve">Paying off my credit cards!  </t>
  </si>
  <si>
    <t>b'|y\xa8\xc9~U\xf6UQP\xeeD1\xcdb(v7\xa0MF9\x820`\xcfrb\xc9\x04\xe2p'</t>
  </si>
  <si>
    <t>b'^^~\x11\xa4l`T\xd6~\xeb\xf9|\x1c\xe2\x1cg.\xee\xc5}mV\x96\x06/\xf04\xbc\xa3\xe9\xb0'</t>
  </si>
  <si>
    <t>Working Capital for High Growth Company</t>
  </si>
  <si>
    <t>b'\xf3\r\xfdHFO\x9b4\xe3\x11\xcbj\x83\x837=Vc\xecV\xa5\xf7\x82\xbb\x81wp\xa5\x13\x90mg'</t>
  </si>
  <si>
    <t>LowerLoan</t>
  </si>
  <si>
    <t>b'\xed\xf2\x13\xb8\xd8Z\xbe\xe7\xdb\x1a\xccM\x1e\xd1\x19n\x81\xc3\xef\xaa\x06\x1b0i\xc3\x1f\xd5\x08\x89m;\xbe'</t>
  </si>
  <si>
    <t>b'"\x95\xdfi\xa1\xc7(\xdb\xed\xcd\x0e\xab\x15\x8b\xf2RL\x1cPOl\x1f\x06\n\xcd\xb92\x13\xd4#\xde\xc0'</t>
  </si>
  <si>
    <t>b'\x90\x87\xb5\xe4\x96\xc5T\x01\xc9g\x89\x861\xf5\x0fN\x99\xe9\xad%\x81\xa7u\x8b\x83\x881\xa7\xceT\xc8g'</t>
  </si>
  <si>
    <t>onepaymentpeace</t>
  </si>
  <si>
    <t>b'\x0c\x10Yo\xf2e\xd7\xd9\r\xd7\xd1d\xd2Wi \x03\x10\xbb&gt;v\xf5\x1a^\x8c\x8d\xc3\xbc\xdaL\r"'</t>
  </si>
  <si>
    <t>b'6\xfd/\x87\x04\x7fF\xbc\x949\xaa\xdd\x83\xe0\xaf\xe9\xe6\x8e\xb2:mwD\x8c\xfbY\x9d\x9a\xb8\xc0T6'</t>
  </si>
  <si>
    <t>b'\xe0`\xba\xedL\x11\xc0\xc38V\x96\x02\xd7\x95!MG]\xce\xb9F\xbd\x98O\x9e16\xb7\xddS\x95\xf5'</t>
  </si>
  <si>
    <t>CCRefi</t>
  </si>
  <si>
    <t>b'J\xad\xed*\xdb.\x9d\xe5\x16\x0bE\tT\xb4\x16\x9b\xd3\x1a\x08\x91ll#Q\xd8D\xc1r\xaf\xcc\xfc\xfa'</t>
  </si>
  <si>
    <t>b'\xa1\xb3&lt;\xe8\x8a\xa6\x00\xdc\x9c\x9a\xf4\xea\xa6\x92\tZ\xf5j\xaaB\x01\x06\xf4\x93b&lt;_\x95\xb4\t\xa0/'</t>
  </si>
  <si>
    <t>b'\x00\x89\x1e\xe5\x1c \xa9\x9e:\xc4\nxt\xb4\xf5\xf1\x04Y\xec\\Sfm\x8f)\xc4\xed\x1cz\xcb\xfb\xb7'</t>
  </si>
  <si>
    <t>b'\xe7\x84@\xb9\xb6}f=~\xab\xadU\xd0|!\x0eC\xd1\xd4\xd5\x92\x99R&lt;\x16Y\xd1A&amp;E\x7f\xf6'</t>
  </si>
  <si>
    <t>b'\x90\x04=\x7fU\xca\x02\x115\x0f\xab\xea\xcb,cg\xc9b\xf6\xc8\x7f\xd5\\\x86"\x19\xa2\xc8\xa7rG\x80'</t>
  </si>
  <si>
    <t>b'ZC\xbc\xb33x\x96X&amp;\xe7\x93r\x0e\xda\xf0\xa6\xecE\xa7\xe5Vb\x14\xec\x7f\xc5\xb9\xa8XFKw'</t>
  </si>
  <si>
    <t>Debt Consolidation for 1st Financial Ban</t>
  </si>
  <si>
    <t>b'i0,D\xfc\xb9HGIwtp\xc9Ix\xd6\x0b\xa3T\xf4n\x80xC\nRY\x82g\xf7\xf6\xac'</t>
  </si>
  <si>
    <t>b'\xf0\xcf\xa9[\x18\xd2\xcc/\x0b\xf7\x19\xda\xdb\xdd\x03\xf6! \xb2\xaaQ\xab\xd7s\xcc\xaf\xe8z\xf3\x0f\x96\xe6'</t>
  </si>
  <si>
    <t>b'\xc4i\xa5\x92\x9a,\xd5\xb2\xcfnc\\P\xc8\xc0\x02F2)\xfd=\xdeV\xe2D@\x12%\xfd\xf0\x8f8'</t>
  </si>
  <si>
    <t>b'\xbe\x9e\xa7\x9a\xaf\xdcK\x8e\xe8\xde2\xd9q\xcc\xab\xdd\x94M\xc40\x02\x12\xf4.l+\xf7\xfa\x14l\x8ae'</t>
  </si>
  <si>
    <t>b'\x85zq\xc9\xa6\xb0\x11\xf6&amp;\xb0\x8464n~\xb6\xff\xa6n\x0cJ\x94\xc3:2\x94\x0c\xb6\xa6\xe2\x1dK'</t>
  </si>
  <si>
    <t>b'\x90\xe8\xc78\xc4k+&amp;DN\x9c\xf9Y\x1aU\xad\x9du]e+\x13\xb9\xc9\x83\x93\x99\x95ksi\xf1'</t>
  </si>
  <si>
    <t>b'$\xbc\xc9\x9e\xa7&gt;\xc7$\x8e\xd3r\x13q\xb4\r\n\xcdE\xe2\xca\xe0\x05\x17w\xaf\x86\xfa\xf61\x1fa2'</t>
  </si>
  <si>
    <t>Get me back on track</t>
  </si>
  <si>
    <t>b'\xbbw\x91\x7fLj\xf5\xc44\xa7\xd0\xda\n\x07]\xa0J\x0e\xed\x93%\x9a\x9f\xe2&amp;%\xfaf\xa0Y\xd3\x8e'</t>
  </si>
  <si>
    <t>b'za\xac\xd67\x817\x19 tl]\xc7&lt;\xc0O\x90\xa9^"kI\xee\x16^\x02X\rp\xc0\xef{'</t>
  </si>
  <si>
    <t>b'(\xf4\x06\xd0\xa5\xccx\xe3\x16\xab\xcd\x06\x8b\x8cn\xab\xed&lt;QM\x07\xaan0&lt;L\xfcq\xa4\xa6]d'</t>
  </si>
  <si>
    <t>b'\xf7$.\x9b\xa0\x84\x9d\xcf U\x7f\x10\xee\x97\x95X\xff\x0f\xc8\x1c\xd9u\xa49 \xf1\xd5Y`\xbf\x0b\x06'</t>
  </si>
  <si>
    <t>b'\xa0\xf1\x06\xe0\xdfp\xce\t\xee\t3}s\xb9Z\xa6\x8a7)\x82I\x9c\xd5j0O\xc3?\xf4`\x1f\xec'</t>
  </si>
  <si>
    <t>better days ahead</t>
  </si>
  <si>
    <t>b'\xc5\xcb4\xdd\xf2\xde\xc7\xdd\xe6\x1b\xb7\x81&lt;e\xdc;\x11Fhb\xb3D\x95y\x06\xf7\xae/*\xf3\x91\x8c'</t>
  </si>
  <si>
    <t>Debt pay loan</t>
  </si>
  <si>
    <t>b'\x7fI\xdd\x1a\xf0:\xb5\xe4\x0f\xa0h\x92{W\xc4\xd4\xaa\x1aH\xd4\x05Z\xb3\x0e\x14c\xd0\xd7\xfa\xab\xb5\x0e'</t>
  </si>
  <si>
    <t>401k Loan Payoff and Consolidation</t>
  </si>
  <si>
    <t>b'\x1c\xf5X\xbe\xfa\x0e\xaf\x89\xdci\x8b\xc3\x90\xbd\x04X\x80\xdf\x81\\\xf2y$u\xea\xd1\x07\xabs\xefv\x81'</t>
  </si>
  <si>
    <t>Loan Debt</t>
  </si>
  <si>
    <t>b'?\xa4&gt;\x91\xdd\x08\x8c_\xff\xd9v\xfd\xab\x8a\xc6\xc2\xbd\x16\xb3\xa2\xdf\xfb\xa5\xd8(\x14\xa4\xdc\x13\xd0\xf3\x80'</t>
  </si>
  <si>
    <t>b"R:\tmO\xed\x98Rk\xc86\x1b\x11\xe2x\xe6~\x18\xda\x0f',9$\x91\xabG\xfe\xfa\n\xac\x08"</t>
  </si>
  <si>
    <t>Loan_1</t>
  </si>
  <si>
    <t>b'\x06\x83\xe5,\x8d\xf3\xba\xdfr\n\r\x02\xd3\x9f\xd0\xbd\xd6\x04&amp;N\x13j\x90\x1dP\xaeM\x02\x8a\xfd\xe7c'</t>
  </si>
  <si>
    <t>b'0\xda\x01\xdf\x92\xd7]\x9c\x9d\xa4\xfe\xd6?\xa4N\x07EB\x11\x120X!QJ~\xb3G\x92U\x16\x1e'</t>
  </si>
  <si>
    <t>Get Rid of Debt Loan</t>
  </si>
  <si>
    <t>b'~\x12E U\xfa1\xb5\x9aR0\xf1\xa48\xf7\x0eX\xf7\x1f#i\xe7\x19y\x06\x97\xc1\x8f\xb7\x93I\xa3'</t>
  </si>
  <si>
    <t>b'w\xaa#EBK\xcc&lt;\xb3\x04\xd3@k\xf421T-\x07/\x85.+\x02w\xd7\x0f\xf3\x1e\xf1 4'</t>
  </si>
  <si>
    <t>b'\xd8\xee\x10\xc0\x81\x8d\xdb\xc6\x02\x1ec|\x94\x05$\x1d\x96\xb8LT\xeb\xc9\x91=\xaa\x9f@e\xa2\xe7c\x07'</t>
  </si>
  <si>
    <t>b'm\x7foA\xa5U\xa0O\xcc\x80[a\xee\xcc\xc1\xddD\x13#\xef\xb6I\x8b\\p\xd7\x18\xfc\x8a6E\xcd'</t>
  </si>
  <si>
    <t>Consolidtion Loan</t>
  </si>
  <si>
    <t>b'\x13\x08\xff\x10\xbb\x9ey-\xe1t\x99.4K\xcd\x81-\x857\xee3\x98\xc4\x80;\xd5\x15\x93\xcbc\xfc\xc2'</t>
  </si>
  <si>
    <t>b'C\x9c\xc8p\xc9\xae\x10\xd3E\nko\xebd\xfd\xcd\xc9[\xdf\x1f\x96\xb8z\xef\xa5\xde\x80\xe8gE\xdb\x9f'</t>
  </si>
  <si>
    <t>b'&lt;P\xc4m\xed\x97\xad\x1e\xdb\xfd\xee.[d#\xed\x7f\xb0\xbe\xba\xa1^\xcaxh\xbbtBF@\x0e\xfd'</t>
  </si>
  <si>
    <t>b'#~\x0cGo\xce\xd4\xab\xea\xbaB\x1f\x16\x11^E\xbc\xe7d\xb9\x14\xa7J\x9b\xe68\xa3\x0c\xa0V\x7f\xf1'</t>
  </si>
  <si>
    <t>b'ZE\x19\x8a\xb3c\x89"\xdfg\xdf\x14\x9f\xaf@X\xb4&amp;\xd3\xc9\x03\xbc\x8d\xf4#\xf9\x1d~\xe7m\xf5\x80'</t>
  </si>
  <si>
    <t>b'\x94G\xd4\xb1\xb0\xa9\xe0\xbd&gt;\x8a\x8fE\xb5L?c6\n\x111\xdb\x16b&lt;\xd6\xa3cTJ\xa5\xcf.'</t>
  </si>
  <si>
    <t>emergency fund</t>
  </si>
  <si>
    <t>b'V\xe24\xab\xb5\x12(3wrb-\x14\xef\x0c\x81\x92;\x9a&amp;\x9e\xbb4\xcc\x1f\xca0k9\xd2(_'</t>
  </si>
  <si>
    <t>b"S7\xf4%\x95\x17\xba\xea&lt;\x11Vx\x04\x85\x86q&gt;7v\xa1\x1e'\xbf\xba\x06\xefCB\xa75{|"</t>
  </si>
  <si>
    <t>b'%\r\\\xb4=\xc3R\xf6Q\xf5\x15?|S\xcbZ\x85\x8f\xe9*f\xcej\xcb\xef\xa2\xdf\xce\x0f\xd0\xc4\x12'</t>
  </si>
  <si>
    <t>Out of Dept Consolidation Loan</t>
  </si>
  <si>
    <t>b'X\xcd\x9b~\xec\x9c\xe45\xd6\x91\x88\x142V\xbd\xd7\xcfi\x16\xd7\\\xfeOQ\xbdl\xb8NA\x04\xab|'</t>
  </si>
  <si>
    <t>b'$\rG\xb0\xc4F\xe2\xba\x00&lt;\xd0D,Z\xadj\xb1\x03\x15\x19\xd6\x192L\xdf\x8d\xb4`\xc7z\xf2z'</t>
  </si>
  <si>
    <t>b'aV&lt;$\x13\t\xe1\x93\xf9[\x9c\x00\x8e\xf6TU\xdavo\xc6\xe2A2\xa3 \x0b\x16Z\xa1q\xe5\x10'</t>
  </si>
  <si>
    <t>b'\xcdU\x9a\xa5\xe3^\x00g\x05\xde\xbak:?Q\x1d\xe0\xce\x10\xae\xd8\xa9:\xa8\xf7\xbc\x1d\x9fp\xa2\x11M'</t>
  </si>
  <si>
    <t>b"\x9d[\xaa\xdd\x07\x0c9d\xc3.\x018\xc0g\x9d\xc1P\xc6=8'rr\x86\xca\xd6\x1d\x1d'\xca\xba3"</t>
  </si>
  <si>
    <t>b'\xe0\n\xdcEk\xcb\xd8\xc3m\x8b*$\xbbH\x0bC\xd1\x7fc\x18\x0b\xd5\x02\x13\x97m\x97\xc6\x03\xc0\xdfx'</t>
  </si>
  <si>
    <t>b'\xfc\xd5\x7fi\xf0\xd0a\xba\xc2\xe8L\xb7U\x0e\x84\x0f\x82\\\xd1\xd0&gt;\xdb{=\xf7KY\x8f\xe7\x8f\x81\xe1'</t>
  </si>
  <si>
    <t xml:space="preserve"> Debt Consolidation</t>
  </si>
  <si>
    <t>b'\xfa\xe4\xefkg\x16\x87\xeb\xfc\xc7A\xdc\x1a&gt;4j\xf1\xbc\xdei\x95O\x83Ri\xfa;\xd2`\t\x1au'</t>
  </si>
  <si>
    <t>busniess money and credit card relief</t>
  </si>
  <si>
    <t>b'\xbf.\x81\xc4\xd7\x11v^\xa9p\xe6\xf4\xf9#\x84\x84\xd7\x99\xb8\xbd\xe1\xb7~\xd8\xcd\x19O\xc4\xeb\xba\xc6\xe2'</t>
  </si>
  <si>
    <t>b'\xa6\xa7mI\xfc85 5\x16\xdaj\xc6\xb4u\xed\x16G\xc7\xcaD\x948_\x19G&lt;\xb0&gt;u\xee\x9a'</t>
  </si>
  <si>
    <t>b'\x1c\x87O\r\x0e\xcd\xb1\xd7\xb7\x88s\xbbj++4K@Y\xa5\xd8\x02\xbb1\xce\x88\x0b\x06\x9f\xb5\x7fD'</t>
  </si>
  <si>
    <t>Short Term consolidation</t>
  </si>
  <si>
    <t>b'\xd0\x17\xbf\xef/\xe6\x9b6\xfa\x91\x81\xde\xd8\xc1\xfc\x1a+E-\xb0Y&amp;Vm\xb3\xdd#LH\x84!6'</t>
  </si>
  <si>
    <t>b'\x00z\xfc\xa2*\x96\xd2\x8f\xe12A\x18c7\xc3"\x120P\x01/\xb7\x80\x19\x93\xf7RP9\x07\x0f\xa5'</t>
  </si>
  <si>
    <t>b"b\xf1\xde\xfd\n\xbc\xa3[\x94\x84\xe2\xec\x8cq\xb42'\x86L\x91P\xe3\xe1\xde\xe8\xdd\x80\xeb\xdd;\x93u"</t>
  </si>
  <si>
    <t>b'|\xdb\xdd3q\x04\x98\x8c\xa4\r`\xddI\x02\n\xeb\xc5\x86,\x96\xa0\xc2\x92R\x10\x9dqh\xccY\x92\xe0'</t>
  </si>
  <si>
    <t>b'\xe3\xbc\x18\x8e\xd1=\xc2.;\x8f\xc7S\xb7\x08x\xc5\x88\x12\x85\xa9\x0f\xda\xab\xe1\xa8\x17\x0c\xee\xaf#\xe2\xc9'</t>
  </si>
  <si>
    <t>b'S\xec\xd4\xe1 \xe1\xd30\xf3\x00M\xdb\x15\x8c\xa9\xcc\xbb\n\xb09\x9a\xaain\xea\xbd\xa6\xda7l\x9f='</t>
  </si>
  <si>
    <t>Lower interest</t>
  </si>
  <si>
    <t>b'\xcb\x12"\xc9\xd5\nj\x14\x1d\xb8]\xea\xa4a|+E\xfa\x0e\xee\x0f \x1f)\xa9,L:\xcf\x84\x0b\xed'</t>
  </si>
  <si>
    <t>b'\xe4\x00\x92\x1elL[\xa1U\xca\x13\x8eO\x8c\xe5\xb1\x05&lt;_p\xaf#\xfc\x01h\xbf\xedb*\xfb\xf1\xc7'</t>
  </si>
  <si>
    <t>paying it off</t>
  </si>
  <si>
    <t>b'0\xc9\xfa\xa5O\xf9;\x88v\x9d\xff\x14\xf1\xd2\x91i{\xebQ\x85\xec/\xe6A\x0c\xb45\xc7\xb5\xae\xc9E'</t>
  </si>
  <si>
    <t>b'\xdc\xfa6IA.\x99\x0e\xdf\tr\xea\x8b\xd1\x05\xde\x1b\xabO\x03\x11\x8duKh]\x0c\xca\xcf\x9d\xd7\x9d'</t>
  </si>
  <si>
    <t>dept fix</t>
  </si>
  <si>
    <t>b'n\xee]"\x95Ev\xee\xee4\xe8\xab\x8cL\xe55\x1cO_!q\x8a&amp;\x10-\xc7\x95\xe8\x88\x02\xdbz'</t>
  </si>
  <si>
    <t>b't\xd6-\x15\xfb\xe9\x99\xbe\x96\xe3Y\r\xaa\xc3a\x13}\x93VH\xdb\x9b\x05x\xbf\xbb\x95\x81\xb7,\xeeH'</t>
  </si>
  <si>
    <t>BILLS</t>
  </si>
  <si>
    <t>b'\xd3\xdchU)*!\xaf\x0b\x87\xc1r\x12\xae\xd6\xc9O;\xa7\xcc\x96\xa1\xdd\xe5&amp;\x14\xb9\x1a\xc9\xa0\xf6\xc2'</t>
  </si>
  <si>
    <t>Debt conselidation</t>
  </si>
  <si>
    <t>b'\xc3Qib\xe88\x0e\x9a\xb6\x1e\x14\xa0t\xe2\x98%\xfd\xbb\xd2@\x98\xa8\xf8\x1b\xbd\xb5\xc2Bf)\xe2\xe7'</t>
  </si>
  <si>
    <t>Budget keeper</t>
  </si>
  <si>
    <t>b'n\x1cn0\x9c\xbd\xa1\xd5\x87\xe5t,\x12\xc4\xd6\xb4^\xba\xdc\x01\x03\x1d\xb4\\\xcdj\xdd\x95H\x98\xc5i'</t>
  </si>
  <si>
    <t>b'\x8c\xd7V\xe88\xd4\xadj\x84:\xab\xc9jum\x94{\xf2D\xc8N\xbb\xb5\xb5\xefk\x0b\xc3\xac\xa4e\x88'</t>
  </si>
  <si>
    <t>easymoney</t>
  </si>
  <si>
    <t>b'\xaf\x861\x07P\xb7\xfc\x12\x8e\xc8\xef\x8b#%xp\x80\xfch\xe5K\xcf\xe6\xea\x85\xd8\xefc\xe0\xad\xdb\x07'</t>
  </si>
  <si>
    <t>misc</t>
  </si>
  <si>
    <t>b'\xd9\x0b\xe99p\x1c[Xrlv\xc6T\xb8\x05\xcd\x06\xc7\xd4\xc8M\xa6IQ\xbd\xef\xda\xcf\xd8\xc8\xa1-'</t>
  </si>
  <si>
    <t>b'\xf5D\xf6\xe5\x07\xfd\xb9N+1\xde\xe0Sm\xedLh\xff\xb5\\3A\x97\xaf\xaa73x\xa7\xac%/'</t>
  </si>
  <si>
    <t>Credit Card refinancing</t>
  </si>
  <si>
    <t>b'\x90\x9cc\xf8=@\xd2v\xeeP0\xeb\xc9`\xc86\xae#\xa9\xcc\xb9i\xff\xe6\xe2\x8edxi\xf8[$'</t>
  </si>
  <si>
    <t>one time to many</t>
  </si>
  <si>
    <t>b'\x1fZ\xf0f\xd2\xf9\xd5F\xcc\xff\xd59T\xde\x9e\xe8j8\x1f\xf4\xeb\xfc\xda\x90Z\xa9)\xe2UU\x92\x9e'</t>
  </si>
  <si>
    <t>b"\xffJ3\xb2lz\xd4K\xb3$!\x0c\xdf\xa3\xaa\xffzi.\x95R\xcf\x89\x19(\xc7\xb8\xe6\x95'\xf1\x89"</t>
  </si>
  <si>
    <t>b':\xcdI\xd0&gt;O\xb2}\x9b\xd3\xa4\xbd\xd7\x003\x8e\x8f\\s\x8c\xd5\xd3\xfe\x87\xfdh\xe5\r\xe5s\x97h'</t>
  </si>
  <si>
    <t>b'\x1d`/S\x87D\x15\xef#w\xc8q\xc10as\x8b\x11\xd1\xba\xb5\x80(\x07\x94\x89K\xc6\x86oA{'</t>
  </si>
  <si>
    <t>b'\xbf,\xcf!\xd9L\xa8\x95\xfe\xa1_\x8b\x13\xd7K\xd2^\xfb\xc6g\xcaj\xaf\xd7\xe3\xdd\xfe\xc3\xc9\xdd\x11\x13'</t>
  </si>
  <si>
    <t>b'\x98\xbb\xee\xeb#\xaa\xc7\xfbB;\xcb\x93\xce\xcc\x97\xcetQC6\x94\xf8@\x08\xa48\xfa\x99\x84%\xc1t'</t>
  </si>
  <si>
    <t>Consolidate high interest credit cards!</t>
  </si>
  <si>
    <t>b'\xf4\t\x8f\x9d\xc8&amp;\xf1M\x15fU\xdc\x99\xee\xd4Ua~]\xc7\xfe\xd7\xe9F!\x89q/\xf0\x0fG\xf2'</t>
  </si>
  <si>
    <t>b'\x0b\x8e\xbc3\xacB\xba9\x1euC\xac6\xe5\xfa\x7f(\x14\x12\xe8}\xa95\xfdu\x8a\xd0T\x1b\xcd\x90v'</t>
  </si>
  <si>
    <t>b'\xdd\xe5@\xde\x91\xf1&lt;\xbe\x01\xf5D\xbc\x7f\xb8A\xd5\xe9\xfb\\"]\xb3\x8eO/c}0\xf2\x193\x8a'</t>
  </si>
  <si>
    <t>Financial Goal Loan</t>
  </si>
  <si>
    <t>b'\xf5\xc6\xf6S\xcb,\xb1t\xafo\x8878\x9fM\x90\x8d\xec\x9c\xd7\xbb\xaf\x002\x14\xdc\xba\xaak\x18\x06+'</t>
  </si>
  <si>
    <t>Amex pay down</t>
  </si>
  <si>
    <t>b'!\xa7\xa4\x1b\x00:\xf8\xbd\xec)\xd1\x1dY\xe76\xf7\x97\n\x1a\x82L~H\xe3\xeb\xde\xac\x06\xfa\xc0\x00y'</t>
  </si>
  <si>
    <t>b'\x00aL\xc7\xc2\xd0\x82!\x83F\x9c\xd8T\x0ct\xcf+\xfa\xb8\xd6\xc5\x12&amp;\xa3Y\xf3$A~\x1c\xa1\xcc'</t>
  </si>
  <si>
    <t>end to credit cards</t>
  </si>
  <si>
    <t>b'r\x9ad\xec\xe3\x87\xe4\xeb\x9c\x06\xbaE\xfd\x84\xfc+y\xceR\xae\x1bC\xa3\xc8e,\x0er~q\x82\x88'</t>
  </si>
  <si>
    <t>b'k\x97\x0e\xcc\x845\xd7\xe29^\x87\t+Q8\x8a\xeb\xfe\xb2#\xa1\xc0\n\x946\x89"#\xd5\'^\x00'</t>
  </si>
  <si>
    <t>b'\x08\x07\r\x83T&amp;\x96\\J#=rx\xc9\xeca=Y\x9fV\x88\x19\x87t\x1b\xa3\x10g\xb9\xc7\xac\xcc'</t>
  </si>
  <si>
    <t>b'\x96Gp:F\x98\xd0\n\xe6 g\x1f\x81\xc3n\xfar,Z\xf9\x86?&amp;x\x91\xe7\xd4\x97_\xd9(\xa0'</t>
  </si>
  <si>
    <t>My Dream Home</t>
  </si>
  <si>
    <t>b'\xa0\x02\x89P\xa0\xd3\xad\xed\xcf(K\xf3\xb2\x17\xd9Dd\xb3\r\t\x92\xb2O\x01\xb9\x08;%\x16\x97\xd9\xe3'</t>
  </si>
  <si>
    <t>consolidate &amp; expedite</t>
  </si>
  <si>
    <t>b'\xc6\x89\x92\xf1h\xe9--\x17\x85xo\xc2\xa5\x18\xd2\xf4;WV\xf8x}\x81\xc8r\xac\x1d]/@&lt;'</t>
  </si>
  <si>
    <t>b'(\x91\xb0\x86d,@\x07\x92Q\xdc\x9f\xb3\xda^\xa1\xbbH\xa4\xb6X\xa5\xa9\x10~\xcb\xd8\x0e\xcec`\xc4'</t>
  </si>
  <si>
    <t>b'Nb\x9e\x81;\xd1\xa4(p\xca;q\xfdh\x10J\x7f\xd5\xa1\xe4\x16\x96c\xe5\x8e\x93 \xa79\xe4P:'</t>
  </si>
  <si>
    <t>b'\xb2\x14\x96\xc4\x90\xb7\xc9\xc1`VP\xdbi\xc3U\r\x06\x85y\xc2\xcd\xcbP\x17\xb42\x12YtRe\xc1'</t>
  </si>
  <si>
    <t>b'\xf0\xaf\xa5-\x06\xea\x8f$\x0c\xb8\xe4\xads\xbd\nP\xc4&amp;q\x9b\x85\x04\xc0\xb6\xa4V\xcbF\x07\x0fW@'</t>
  </si>
  <si>
    <t>b'^\xfb-\xe9KS6\xb5a\x9c_\x08\xbe\xc4M[\xb1f\xc51\xc2\x0b\x9cF(\xb3,\xd1b\xec\xab\x07'</t>
  </si>
  <si>
    <t>b"\\5c\xdd\x10\x18\xc0/\x93\xb5\x05\xfe8\xbe\xee\xd9O\xae[9\xaei'\r\xd63\xc3c_{\xd9\xf9"</t>
  </si>
  <si>
    <t>b'\x0b#\x17x\x8e\xdfM\x83\xef\x16\x04\xc51\x03|\xd7\xeb\xed\xff\xd2\x1be\xea\xa5\x08\xfa\xf9\x05q\xef\xa6\xf8'</t>
  </si>
  <si>
    <t>debtless</t>
  </si>
  <si>
    <t>b'\x1c\xe15\x01\xb9n\xe0\x08\x8b\xca\x8e\x14\xcd\x92\xccn\xc0\xf5\x12\x1fZ\x17\x97\xc6\xd5]o\xae\xa2\x86i\xde'</t>
  </si>
  <si>
    <t>b'7\x01Ry\x9a\xc4\xc0\xa6\x91\\AaZb\x08\xe4\xc6\xbdIw\xcc\x18\xc0\x13\xdb8\xb3\x9a\\I\x8d\x07'</t>
  </si>
  <si>
    <t>b'\xd6\x91\x8e@\x8f\x88\xb9\xa6\xc6\x93\x91\xdd\xaf\xee\xd4\xbc\x06\xe4\xf2\xf7\xe2\xae\xc6\xe2\xf0H\xca\x18\x06\x97i\xba'</t>
  </si>
  <si>
    <t>b'\x9f\xd5\xb6\x12\xbe\xfeO\xf6\x92\x07\xfb\x97\xbb\xe2(\x92\xa3L\x16\x9b\x17\xcf\xe8\x97/\x1e\xdd\xba\xce-\xaa\xe4'</t>
  </si>
  <si>
    <t>b'\xcb\x16NQ\xce\xda\xac\xc6\xaf\xaf\xdfM\xe5\xa9y&amp;&gt;\xeb\xdb\xd3s\xb9x+\x87\x04\x19\xad\x95\xa7\xee`'</t>
  </si>
  <si>
    <t>b'\xfc\xa8y\xbf\xaalMf\x987E\xf7r\xbb\xfbAud\xa0O\xb0O\xc2_e\xfa\x97\x92\x820:\xea'</t>
  </si>
  <si>
    <t xml:space="preserve">Debt for Pending Credit Card </t>
  </si>
  <si>
    <t>b'\x86\x9d\xaf\x85\xb1\x8b\xa0\x1c\xb6\x98\x84*}\xf2\xc71 \xefm\x94@f\x1d\xc1\xd1\x9e\xd7PV\x05\xf1\xd6'</t>
  </si>
  <si>
    <t>b'z\xfe]\x92\xdcd\xe4\xda\x94r\xd3\xec\xbbH\xf3\x91Ek\xee|d\x0b\xac\xd4\xdf\xab\xae\x84\x955r\x17'</t>
  </si>
  <si>
    <t>helpme</t>
  </si>
  <si>
    <t>b'4\xce\xe5\xed\x93\xeb\xe9\x07\xb1\xee&amp;\xf5\x977\x1a\xe6hvEVo6| \xac\xce,\xd1[\x96)\xd5'</t>
  </si>
  <si>
    <t>Refinance Credit Card Debt to Lower Rate</t>
  </si>
  <si>
    <t>b'\x800\x8c\x9d\x95\x01r\xb3\xd3YC.\xac\xf8esu]\x01\xf8\x88\x9d\x8c\x12\xdb\x16\xd0\x80\x02\xf2\x1c\xec'</t>
  </si>
  <si>
    <t>Consolidate 1</t>
  </si>
  <si>
    <t>b'K\xee\x17&lt;\xa4ca\xadYc\x87\x1e\xaa\xa4\x8e\x93eC\x8dT"\xa7a\x93\xdbWy\\\xf8;\x98\x15'</t>
  </si>
  <si>
    <t>Credit card debt repay</t>
  </si>
  <si>
    <t>b'\x0e\xb8\x9f\x14A=N \x97\xc2\xb2\xac\xa6e\x88~\x9eL9\xcf\x1a\xacS\xbfe=\x96s\xd2K&lt;\xc7'</t>
  </si>
  <si>
    <t>b'\xf6;\x1d\xcc\xda\xf0\xf3\xeb\x80\xe4\x13\x8e\xe6\xcakh\xc4\xfe\x7f\x7f\xbf\xcf\x8a\xb3o\xea|\x1e\xcf\xa3}\xbd'</t>
  </si>
  <si>
    <t>Debt Consolidation...my tunnel's light</t>
  </si>
  <si>
    <t>b'\xe8\x10\r[\xc5^P\x1f2\xd8\x10,\xf0\xeb\xdc\x1f\xde\xaa\x8d\xa2Y\x14_\x1b\xa4\xd7\x0b\xe8\x10e\xa0Q'</t>
  </si>
  <si>
    <t>b'\xe0\x99\xab\x8a\xf5\xdd\xb06_t\xf0=_\xc8\x0f\xaf\x82I\x80\xb427N&gt;\xceW\xe4=\x01\x0fX\xba'</t>
  </si>
  <si>
    <t>b'\x0bE\x0f\xbd\x1aJ\xa6\x8dP}\xca\xa3\xf9?5\xf1\xad\xd7H[!tj\xd8\x17\xde\xeba}\x8e\x92t'</t>
  </si>
  <si>
    <t>Home in 36 Months</t>
  </si>
  <si>
    <t>b'\xb6W\xeb\x93\x1e\xd6\x9d\xe7\xa4\x88`~\x87K\xa6\xad~\xe3c[NF\xba\xe0\tH&gt;\xa6s\x8ag\xdd'</t>
  </si>
  <si>
    <t>b'\xa2$m\xbf!\x1dL\x8b\x8a\xea\xb2=\x7f\xa6\xde;y\x11\xae\x14\x97\x80\xa9#\xd8X\xc6\xd8\xb8}C\xbf'</t>
  </si>
  <si>
    <t>b'\xd0\xf7\xe6\xac\xb4u\x92\xee\x9f,\x9b\xfdg%"\x0c\x9d\xc7\x19\xcb\xc6\x16J\xfbh\xe4\x8d\xeb\xf1\xdfRb'</t>
  </si>
  <si>
    <t>b'7\xc0\x17w_\xea\xfb\x0e\xf4 \x8dO\x86\x9dx\x12{q\xb4\xaf\xcdp\x9c&amp;\x99\x8b9\xfb\x00p\x003'</t>
  </si>
  <si>
    <t>b'\xf6t\xc8]\x9ae\xddx\xfe\xffD\xe0\xb2\xc7\xbd{\xbd\xbe\xc15|tcS\\Q2\xe5==\x0f\xe9'</t>
  </si>
  <si>
    <t>b'\xdd\xa4\xa0H/\x9c0\x8c^3D\x91\x8b\x92\xac\x96\x0c\x04\xb0C|\x9c\xe6\x18 \xd8\x8c\xe1\xe7d\xceE'</t>
  </si>
  <si>
    <t>Balance</t>
  </si>
  <si>
    <t>b'\xdf7\xf2"\xd0&gt;\xaa% b\x83\xe0\xf0r\xd2*\x9b\xe91\xccn\xfe\xf2&gt;G\x98\xb5\xfc\xa4\xcd*\x81'</t>
  </si>
  <si>
    <t>b'Nu\xa1c\xe2\x10\x8a\x9c\xe5\xc2\xd1SGz\x88\xa7g\xb3p+EL\x04\x0b\x81_\x1a\xcbA\xda+`'</t>
  </si>
  <si>
    <t>b'u#\xcd\x90AA\xa9\xdc\xe2\x06W\x9a\t\xbf7\xa7q.\x02u%\xae\x99\xd26\xc6A\xbe\xf464~'</t>
  </si>
  <si>
    <t>Funeral Expenses for Mother</t>
  </si>
  <si>
    <t>b'&amp;\xe2\xc4\x9d\xb1\xe4\x11\xce\xf8\xd8[i7f\xd3!\x02Cs\xc9P;D\xeeu\xf3d\x8dM#\xed\xb2'</t>
  </si>
  <si>
    <t>b"\xbc\xf1'\xc0\x86\x7fi\xea\xfa~\x82\xb1\xefl\x91i\xf2\x11ll\xbdm-\xfc\xbe{*\x94\x98\xc1\xd3\xaf"</t>
  </si>
  <si>
    <t>b'&gt;U\xd4\x1ei\xc1\xa4=Q\xf4\xa9\xd92T_$d]\xa0\xc2\xc8l\xd3\xa9\x06\xaf\xa8\xe0\xa9\x18N`'</t>
  </si>
  <si>
    <t>b'\x0f\x11\xe9?\xa5\xd8\xcf88\xb9@\x92Ox\xceJ\xaa\xce\x01Q#\x11\xa2\x7f_N\x9e\xa3E!\xd6\xe5'</t>
  </si>
  <si>
    <t>b'\xdb\xd9=\xb3?a\xf7\xae?\xbf\x13Q+\x8a\xd9\x06#\x8c\xf4\r0\x85\xc3\xe9\xe1N;{\xae\xa4\x12\xae'</t>
  </si>
  <si>
    <t>Debt Consolidation for Home Improvement</t>
  </si>
  <si>
    <t>b'\xbd\xa2\r\x0f\x05Z\xef@\x8cK}P\xa8\x81:\x86g/"\xe3[\xad\x0e\xd8\x11\x85T\xc1Gy\xe2\xcf'</t>
  </si>
  <si>
    <t>b'\xd3\xddqH\x8a\xba1\xd5\x7f\xcd\x0c&lt;\x81\x8a\xc1\x0f\x07W\xa0\xc6\xcb\xe5F\xf4\x8f\xd5\x1b\x9f|\n\xa5\xec'</t>
  </si>
  <si>
    <t>Paybills</t>
  </si>
  <si>
    <t>b'\x1e&amp;\xeb `\x19\xc2\xa7\xe5\x02^\x11\x05\xf9H\xc3\xbd\x82\xe5\x89\x92\x1f7\x04"\xa2\xf3r\xf5\x18\x91\xc5'</t>
  </si>
  <si>
    <t>Recon1</t>
  </si>
  <si>
    <t>b'\x80o\xd9\x15\xe3\x95\xe0\x1f\x81\x1fP\xd9Q\xda\xe5\xbe\xe4\x8em{\x0bWo\xdf\x161Pr\xb3\xed\x90\x87'</t>
  </si>
  <si>
    <t>The Big One</t>
  </si>
  <si>
    <t>b'%\xfe\x18\x05I\xc6s\xc5\x0f\x9a\xafIA\xf2\x8d\xe1\xe1\xec\xe7\x86b\xa1\xf3\xc1\x99\xc7\xf6\xe9Pqu\x1b'</t>
  </si>
  <si>
    <t>Fresh start</t>
  </si>
  <si>
    <t>b'\xe0\x81T\xd6\xf8H\x85\x8fN\x13\xf39\xc1{qaJ\xd8\x80\xd1\xdd\xc0\x1fP\xce\xd4\xb3\x91u\xa6]\xdb'</t>
  </si>
  <si>
    <t>making it better</t>
  </si>
  <si>
    <t>b' \xeb\xd1C\xbcy\xb0\xffl\xc2\xa9\xcc\x9c%^\x16J\xab\x11\xb6\xec\x8f\x85g\xd2\xd6-\x14B\xf4|M'</t>
  </si>
  <si>
    <t>b'\x12\xc9\xf8E\x9f\xea\x13Pw\xc5.$\x83\xfe\xc4,\x0c\x80!\xa3&gt;h\xf3q\xf2\x82\xd3\xa7\x18W\x193'</t>
  </si>
  <si>
    <t>b'\xe0k\xf1\x1cf-2!\x16\xee45\x19\xe9\xc8:6\xb3Ne\x84&amp;2\x7f\x0b]\x00m\x05\xba\x0c\xe0'</t>
  </si>
  <si>
    <t>Debt Elimination Plan</t>
  </si>
  <si>
    <t>b'\xfc\xd1a\xa7\xf6\xcc\x91\x8b^\x0eg\x845\xb0\xa8t\xa2u\xe1|\x8c\xa8\x7f\xf8\x91\xf9\xf9\xbcI\xd8A`'</t>
  </si>
  <si>
    <t>b'\x88\xac\xd6\xd1\x9a\xbd\t&amp;gC\xbe\xbc\xb9\x0e\x8c\xa4(5|\x93\xa8\xc2\x0by\x82\xdbE{\xaf\x18\x94f'</t>
  </si>
  <si>
    <t>b'\xe9\xd2L\r\xc7\xfc,}J\xf5\xbah\xb1\xce\xb5#\xab\x8f\x89=\xf3\xeb|#\xf7\xf5\x9f\xac&gt;WL^'</t>
  </si>
  <si>
    <t>b'&amp;rM\xfbj\xce\xc4\xe5UXK$\x0e\xe6t\xc0\xb0\x1c\xcb\xa3\x9a\x0b\x03\xa3\xef\xab\x9c\x0c\xd6\xc7\x8fA'</t>
  </si>
  <si>
    <t>b'\x91\x89\x965\x83:D\x10/\x19\xde\xd2\xe2D\xbf\x97\x19e\xf4\x1c\xc7\x8f\xe9n\x9dnrO\x15r\x8f\x1b'</t>
  </si>
  <si>
    <t>b'\xd1\xd88W@I\x8c7\xce\xafD\xafK\x8b\xb4|.\x085i\xb00\xa1\xdb\xae\xbe\xbd\xc9mu\x08\x9d'</t>
  </si>
  <si>
    <t>b'\x0ceJ\xb2&lt;%2\x1d9\x00\xdf\x801\x7fam\xbc\xfd\xb0\xe1\x17\xedg%\x94\xa8\xb4\xf7\xe7:\xf4+'</t>
  </si>
  <si>
    <t>b'\r\x06\xa2\xae\x8c\t\x9f\xc1\x12\x7f\x1e\xc7\t?f\xaf\xa0t\x8d5HO\x1b$v\xacVyMx8\xc9'</t>
  </si>
  <si>
    <t>b'\xfe\xdf\xb3\xdf!D\xec\x8e\xe5\xd0\x8c\r\x1e\x8a\x89-#&lt;\xeaU\x1f8\x15\x7f!\x12\x80\x0bl\xf9\xcd\xd8'</t>
  </si>
  <si>
    <t>b'\xde\x8d\xe2\xe1\xa6\xd5\xc7O=\xa4\xd5n\x7f\x87&amp;\x99\xa5?2\xb1+\xf3\x8a(]3o\xe5*\xf7+{'</t>
  </si>
  <si>
    <t>b'C\x0e\x84;\xb3"\xef\xc7\x98\x85\x7f\x985\x17\xf80\xf6\xc6N\r`\xb9Y\xf7G\xb7\xa66\x8fF\x8aT'</t>
  </si>
  <si>
    <t>Take small business to next level</t>
  </si>
  <si>
    <t>b'\x93\x8f{\xb4\xf2BP\xe1RQ\xb5\xc9\xc7[\x99x?\xd1\x85E\xecFk.yv\x92\x94\xc4^\xcc['</t>
  </si>
  <si>
    <t>b'c\re\x1b\x97\xc5\x05h"\xc6;\xe2QD\xbc\xbf|2\xe8\xf4\xa0=\x07\xc1m\xbd\xd4\x89Z\xc7W\xe0'</t>
  </si>
  <si>
    <t>b'\x11\xf6\x8a\xc6\xcf&amp;.:\xbc\xfb\xd9h\xe0H\xed\xfe)u0\xc3\xe8\x9bt0\x9fOV\x84r\x06\x84M'</t>
  </si>
  <si>
    <t>b'Aa.\xbb\xfa\xacVT/R"\xdcb\xc6\xf3\xa6\xeeF\x11\x96E\xa3\xfe\xd0zD\xd9\xe3Y\xc3\n\xc3'</t>
  </si>
  <si>
    <t>b'p\xbbm\xaf7VO\x005\x1az\xa6&amp;\x10h\xbb\x03\xa4+K\xcf7[\x95uyX\xab\n\x0e\xec\xa3'</t>
  </si>
  <si>
    <t>b'\xc1\xf3/o4\x9f\x9c\xdcAK\x9e\x00\xde+H\xe9\xc9\xfb!\x94;+\xea:d\xa0\x9d1\xa2Y\x19\xa7'</t>
  </si>
  <si>
    <t>b'5\xd6\xc6\x0b\xf4=Xv~T\xcb\xee&amp;&lt;\x87(\x0b\xa9W\x1f\xda\xbe# \xeagpp\xb3.a\x15'</t>
  </si>
  <si>
    <t>b'\x90\xffm\xe9\x16s\xadye\xf3L`\rj\xe0\xc8v4-\x01\xee\xef}\xd0\x1b\xd6\xca\xa6\xe6\x10}p'</t>
  </si>
  <si>
    <t>No more bills</t>
  </si>
  <si>
    <t>b'\x18\x1a\x0b\xb0&amp;l\xaa\xde{\xb8\xc6\x97\xe2TD\xd1\x90\x9f\t\x07MO\x8dv\xb0\xdbOb\\Ve\x84'</t>
  </si>
  <si>
    <t>b':\x93\x13\xb6\x80%j=\x83:u\x01\xaaF\xb4\xb5Mj\x90mN*\xd7\xdb\xd6o\xd3\x9c{\x1d\t\x04'</t>
  </si>
  <si>
    <t>b'\xee\xeep\xbe\xe60\x89\xdb\x9f\x8e\x8c\xe7\xc1\xba&lt;^}\x95\xb2&lt;\xf2\x94\xd5\xb3\xa3\x0f\x029\xa3\x19b\r'</t>
  </si>
  <si>
    <t>b'\xc0\xfe\x92\xa5\xb2\xec\x08U\xf7\xba\xc7\xbd\xb6\xb2h\x12H\x1a!^A\xb1\x0b\xff\x99\xd7B\x97\x8fW\xf8\xc4'</t>
  </si>
  <si>
    <t>b'\x90-NL\xc3\xce\xf9\xa7\xc7D\\\xa3\xb2\xc1rzz_-\xfb\x8c\xb9\x05\x11-\x10\n\xeb\xbb\\\n\xa4'</t>
  </si>
  <si>
    <t>b'\xb8\x88\xec\xeeD\x8cp\x01Y\xe8O^\xf6\x14\x8d\x18\xc5T\xb6X*\xd6\x8e\x93\xa4P\x8e"\x98z\x8b)'</t>
  </si>
  <si>
    <t>free</t>
  </si>
  <si>
    <t>b'\x92\xd1A\x0fYJ\x84i+\xb7\xdb&amp;\xcb\x15\xd2\x1b\xf7}\x18C\xd5\xef\xbf=\xd7%=r\x9c\xbe\x0e{'</t>
  </si>
  <si>
    <t>Debt buster</t>
  </si>
  <si>
    <t>b'2Y#\xe1X.\xbe\x8a]\xa0\xbd\x07\xa9\xaa\xd06\x19&amp;*\x81\xb5\xbb\xb1\xa3flv\x9ct\x88\xb9\xd1'</t>
  </si>
  <si>
    <t>b'x\xc5M\x9aa\xda\xbd\xc6\x95\xf8\xf3\xac\x0e\x93\xe8\x1b#\x8f\xf7\xd2|\x99 \xa2\xa3==\xbcB\x04\x1b\xde'</t>
  </si>
  <si>
    <t>b'\xc9\x8c\xdfW\xb9F7\xed\xf6\xfft*\x08\xb8x\x07\x9c\x9d+\xdc\x80\\\xc8\x1e\xd3\xfb\xee\x1bK\xd4\xd0~'</t>
  </si>
  <si>
    <t>b'Q\x89Z\x0f\xdb\x99\xcc\xde\xe3\x80\xe0_?7\xe8T\x11\xa2\t\x9b\x08 \x11\xaa\x89\x12\xde;\xc5\x02\xbe\x95'</t>
  </si>
  <si>
    <t>b"8\xebI\n'd\xf4\xfaC\xda8L\xa3s\xcb\x03\xc9:\x93\xdf.x \x80\xf11ag\xe8e\xb5\xe9"</t>
  </si>
  <si>
    <t>b'\xe8\xa3p{d\xc9\xffs~\xb7\xad\xd4@\xe5z{\xdf"\x83\xfe\x9c@\x12+\x06\xca\xd2\x11+0\x03"'</t>
  </si>
  <si>
    <t>b'\x0f\x18\xea]"\xe6\xb45\x10\xd0\x10B8V\x85\xe5\xe1\x1c:\x8dN~\xf7\xcc\xda\xe7Z\x1c\xc7of\x8b'</t>
  </si>
  <si>
    <t>Credit Card Consolidation &amp; Car Payoff</t>
  </si>
  <si>
    <t>b'\x90\x8e\xd1\xa0d\xb9\x93\xa5\xec\x19\xa5X\xa1(kR&amp;\x84,\x9f\xe0\x14\xd6\x14y\xb5,\x91\x1cd\x8f\x9f'</t>
  </si>
  <si>
    <t>b'\xc0\x00\xfa\xe2(\x83\x1a\xf5\xc9\x1dm\xee#\xb8\xfc\ts\xf5~1\x8a\xd6\x0b\xbf\xd1\xd7c2r\xefB\xbb'</t>
  </si>
  <si>
    <t>Loan to payoff credit card debt</t>
  </si>
  <si>
    <t>b'}\x88\x13-G\x93w\xaa\xe6\xe7\xe3]\x9a\x8c\xa0\xa5B\xb0\xf9\x11\xff\xb7\x08\xf5\x1cM\x01\x08\xa2\x97BV'</t>
  </si>
  <si>
    <t>b'j\x1b[\x16\xe2\x1e\x1fBy\xa0\xe4\xc5C\xd6q\xb6\x01O\xda\xcb\x9b\xd1\xa7\xfdn\xbdN!&amp;\xef\xfc2'</t>
  </si>
  <si>
    <t>b'2!\x13\xd1s\xd4g\x85\x89Jx\xcf\x08\xba \x93\xd9\xe5\x16\xaf\n\x88\x80*U\x80\xa7\x8b\xacM\x16W'</t>
  </si>
  <si>
    <t>home improvement / consolidation</t>
  </si>
  <si>
    <t>b'|\x83VDS\xaf\xa3\x81-\x91\xfb\xcb\xbd\x03Y\xd4~\x85\x98e\xb3\xd1{JWV\x0f\xec\x1b\xf8\xc8\x14'</t>
  </si>
  <si>
    <t>b'\xb1\x10\x9b#\xa3\xb9\xea\xabg?\x0e\xa1F\xfb\x1f\x8c7\x9d\x99$e\xa10*\xa9\xb81\x164_\xf6\x03'</t>
  </si>
  <si>
    <t>b';\xa2\x15\x8f\xf5\xd3\x81hu\xa5\xd8\x1d\xf1\xabu\xaeeqE\x05\xd6\xe1\x9a\xc7\xee"\xa8@n\x8f{/'</t>
  </si>
  <si>
    <t>b'A\x97\xb8-#\t#\x053\xacN\x87\xe2\xf6\xf2\x12\xac\xb5\x85\xd5\x88\xb2E(\x8em\xfa\x93\x8d\x8ai:'</t>
  </si>
  <si>
    <t>Starting Fresh</t>
  </si>
  <si>
    <t>b'f\x12\xfd1:jdf\xcd%\xe1\xd9\xce\x97_\xa0\xc7\xf49\x04\x8b[\x88*Qb\xaf\x9e\xc2}tT'</t>
  </si>
  <si>
    <t>b'a7\x9d\xed\xbf\x0b\xfe\xae=\xb4|\xe1\xa0\xbf:\xf1\xdf\x1c7C\xba\x8d\x1e\x827\x07\x1a]I\xf4\x81j'</t>
  </si>
  <si>
    <t>b',\x97\x99\x9d&gt;;\xd6\xab\xa2c\xa4\x1f\xce\xe1^C\xae\xb1\x81v\xc2\x08|\xf1\x80\xfd\x7fd2d\xa4}'</t>
  </si>
  <si>
    <t>b'\xafD@\xd5\x89\x89\xdff\xe4\x0c\n\x00\x89\xd3\xec\xe6\xd4\x9c\x83S\x9a@L4e\xeau\xe2\xd2\xe2\\('</t>
  </si>
  <si>
    <t>b'\x0c\xbbw\x99\x07K\x98w-\xb6\x7fs\xe0\xa9L\x1d\x96\x81P7F\xa7\\K\x1f]\xce\x06"\n\xbcE'</t>
  </si>
  <si>
    <t>b'\xd2\xf8\xad-w\x83C\xbf\x06K\xe5\x94\x181\x8bbH\xa38W\xc3\xc1\xc4\xf4U\x86q\xe1\x06\x87\x16\x9a'</t>
  </si>
  <si>
    <t>b'o\xef\x14\xcfw{D\x07s\xf9\xfa?cu;\xb8\x1e\x1f\x95\xdb\xf3\xe96\x00T\x06\xba\xba\xaaH\xe3$'</t>
  </si>
  <si>
    <t>Debt Freedom Plan!!</t>
  </si>
  <si>
    <t>b'N\xf1\xdd\xcdo\x08\xe2\x9e\xa7\x8a\xd3\t\x06\xa8)t\xde\x1f\x1f\xed}\x04\\\xe3q&gt;\xce\xfd\x13\x8cC\x85'</t>
  </si>
  <si>
    <t>b'\xc8\x9e\x1d@\xf5^\xb6s\t\x05B\xda\x8c\xbf\xa6U\xe4\x89\xf7\xd4\xa12\xf5\xf3\xaf[[b\x1b\xd26\x9d'</t>
  </si>
  <si>
    <t>b'P\x99u,D\xd5a4\xbe\xd3\x7fy\t\xf9\xd4\xb2\xec\xba\xdd\xe0\xfc\xe5\xd3;\xcb\xdaA\xb7\x18\x88\x11\x10'</t>
  </si>
  <si>
    <t>debt get away</t>
  </si>
  <si>
    <t>b"\x03-\xf6\xf57s\xdf)7qK\xc6\x8d%[B\x0cei\x05z\xd2\x12'\xa9\x10\x0c(\xdc\x1f^U"</t>
  </si>
  <si>
    <t>b'1\xdd\xe6\xdb\xa0\xe7\xa6\x99\x1f\xcc:J\x1c#t\x9f\x8f\x7f\xbdB\xae\xdaP\xdb\r\xf8\xa3\xe9@70\x0e'</t>
  </si>
  <si>
    <t>b'1\xdb\x81\xaeg\xce\xae\xd5.\xe1\xd1$\x82\xd9pT\x8b\x07\xbd\xe4."\x98\xf3\xd2\xcf\x8b\xe1\x10\xf5\xc0-'</t>
  </si>
  <si>
    <t>b'\xaeMd\xae\xe9\x083\x89G\x99\x93S\xaa?\xab\xe5\xcd\xcf/\xd8\xab,\x06\xadC\x870z}*~\x00'</t>
  </si>
  <si>
    <t>Granddaughters surgery</t>
  </si>
  <si>
    <t>b'\xb0\xe1\x17\xaaW\xf2W\x88\xcb\x17s\xc3&gt;I\x8f\x9c\xe5\xea,l\x18U\x11\x15\xae\xd6\x9a\xd0z\xad\n}'</t>
  </si>
  <si>
    <t>b'C\x80\x8c\xb0YE\xef\xeb\xae\xa4\x9d{\x97\xaa\xf1\xaf\x01(\xd7G&gt;\x12\xc7!y3c\x1a\x0c\xbeH\xfd'</t>
  </si>
  <si>
    <t>b'\x86\xad\xa5\xf9\xfb\xb1\x98\t\x01\t\xa0\xfe\x9b4[\\4\x1eh\xac\t\xdbKF.\n\xab5X8p%'</t>
  </si>
  <si>
    <t>b'\\D{\xbd\xa9\xeb\xd7\xfc\x0f,\xf1e=N\x03,-\xf8g\xce\x90E%\xdey\xa9~RVR\xe7o'</t>
  </si>
  <si>
    <t>b"\xba\xb9\x1ap\x88\x91'\x96\xef\x94q\xad\x9e\xf8M\xfc\x18Np!\x8a\xb7\xaf\xb9\xf0\xb4\xf6R\xaevWJ"</t>
  </si>
  <si>
    <t>b'\xe5\xf7\x02\x14\x17au\xdb\x05\xa7~\xda\x95\xc4Q`\xf9\x8cR\xab\xecFn\x00\x0e\xe8L\x88\xc01a\x83'</t>
  </si>
  <si>
    <t>b'\t\x8f\xdcx\xaeO\x1e\xfd|\x19\x05\x94\xd1\xf9\xc5X\xbbZ\x99\xe99W\xc9E\xcd&gt;\xa0\xdet\x93\xf9*'</t>
  </si>
  <si>
    <t>b'_\xce\xbe\x9c\xd3\x85\xef\x0f\x9d\xdf\x1bP~\n\x9c1\x950D\xf0\xc5Q\x87\x12/\x18\xa4\x1f2s\xcd\xbb'</t>
  </si>
  <si>
    <t>b'#z9q\x90Q\x00\x01\xf2k-\x02\xb5\xab\xdbh}\xae\xee\xf4\xc8\xb92eX9,\x8fy\xa8h\x99'</t>
  </si>
  <si>
    <t>b'\xd5Y\xda\r\x03V@+5\x12\x03\xff3\xa8\x16\xf2l\xdb\xd2\x1fF{&amp;t8\x88\x0c\x0fdN\xa2\xa2'</t>
  </si>
  <si>
    <t>Remodeling bathroom</t>
  </si>
  <si>
    <t>b'&lt;\xf8fX0\x95\xda\x15KtS\xc7\xcb\x17\xda\x89\x8f\x81\xb7\x82\x1e\xc6\xe8AR\xb5\xc3WA4H}'</t>
  </si>
  <si>
    <t>getting debt free</t>
  </si>
  <si>
    <t>b'Vr\xa2\x8a\x19\xad\xc5&amp;\x0c\x8bi\xec2\x93a\x07D\xf86\xc9\x14\x83r\xba\xf8vS\xca\xf4\xfa+!'</t>
  </si>
  <si>
    <t>A Blessing</t>
  </si>
  <si>
    <t>b'*\n\x99.\xbd\xb2\xf2\xee\xcd\xbf\x18b\x85\x01\xeb7}+\xbf:\xce!J\xf3\xe8\x9e\xbfb\xb4\xecT4'</t>
  </si>
  <si>
    <t>Paid off early</t>
  </si>
  <si>
    <t>b'Cr\xbd\xeb$\x18\xa5\x90${\xc3\x86\x97V/]\xae|\xbf\x8e\x00.[\xe8^\xaf\x11t\x86\xc3R\xa5'</t>
  </si>
  <si>
    <t>b'\x19W8G\xda\xe2\x84\x91\xcaGE\x85\xf0\xc5\xe5s\xdb\xe0j\xcfF\x88Q\x83\x02y\xdf\x84(4\xe0]'</t>
  </si>
  <si>
    <t>b'\x18\x18\xb7\xa0\x9c\xab\x97Yl\xf2\x9fc\x94\xc1\xc6c\xbb\xbe`(\xd6$$Xc?\x17\xba\x97Z\xcb\xda'</t>
  </si>
  <si>
    <t>b'\x9f\x18\xb7\n\xcd|)fs)\x9d\xc4=\x04&amp;\xbb\xd4\xa1[\x04yU\xe52\xcf\xe5\xd40\xad%\xa1\xef'</t>
  </si>
  <si>
    <t>classic</t>
  </si>
  <si>
    <t>b'(z\x0b|9P=\xe3\xc2\xe9\xfb?\xce\xe9!E\x89\x16\xb1/\xa5\xae\xd2\xb9\xa9\xd9\x0bM\x14\x06\x08j'</t>
  </si>
  <si>
    <t>Consolidation of all debt</t>
  </si>
  <si>
    <t>b'\x15k:O\xee\x1a\x8dD\x1br\xec\xb6\x8c\x80\xa2\x86]\xd1\x01\xdb\xba\x94\x89\xe0\xc4GZ\x15\xec\xac7?'</t>
  </si>
  <si>
    <t>b'\x8a.\x10\xcdIW\xb0\x16\x1fFi9\t\x8f\xd8\xa5#\xc9.\xa2\xc1v\x1b\xf2\xf1y\xf5\xed\xe8\xf2\xa0J'</t>
  </si>
  <si>
    <t>Home stuff</t>
  </si>
  <si>
    <t>b"\xfbX\xd6\x9aE\xd3\x86-\xd5-\xf7,Y \xb1\xb4\xe0\xae\xd9\x9fQ\xb9g\xe3\xf1\xee'$\xdd\x8a\x14\x00"</t>
  </si>
  <si>
    <t>b'\xe0\xb8,\x12\xd3[\xa8\x17\x93\xadJ\xd26\xc8\xb5\xffRi\ni\xe9\t\x1a\xe0\x10\x1f"O;\xfc\xf2`'</t>
  </si>
  <si>
    <t>b'/o}\xbd\xf3\xcc\xfcdN\xa6\x8aUBd\xe2\x1f\xdf_6\x1f\xb0\x10\xa6"4\xb6\x99S\xa9\xc9\xb9^'</t>
  </si>
  <si>
    <t>b'2\x13\xf2\x16\x17&gt;\x10\xd7H_\xbcJ\x90[\xe5\xba\xf64\xc4\xbe\xa2\xbd,^\xde\x8bht\x85\xbd\xc7\xb8'</t>
  </si>
  <si>
    <t>One easy payment loan</t>
  </si>
  <si>
    <t>b'\xac\xc0,\x99\xe0\xa6\xa0\xa8\xcf\x06\x94l\xcc\xf3\x9d\x06A\xef\\\x82h7\x0b\xa6iyo\x11I1Q\x0e'</t>
  </si>
  <si>
    <t>b'W\xe1\xfb_\xd9\xc6\xd4\xb3x\x9dQ\xa0\xeb\xec\x9f\x8d\x07\xf1\xe3\xbb\xe0\xc2\x13\xd5v\xd9\xeb\xb7v\x97\x1a\x98'</t>
  </si>
  <si>
    <t>b'Z!\xf6e\x93\x1196\x05\xb8\x95\x89\x83m\xdc\xdb?\xc2\x08^\x87l\xdcF\xf7 \xef\xfbP\x19\xea,'</t>
  </si>
  <si>
    <t>Recent Debt</t>
  </si>
  <si>
    <t>b'\xec\xb7\xc4\x9f"{\xadH\xfd\xf7\x1f\x92\xae\xf3\x9b\x9b.\xcc\xe1\x97L\xa3\x86\xbc\x8e\xaa\xa6p\xa72,s'</t>
  </si>
  <si>
    <t>b'\x83\x1eI\xad\xdbK;lw\xfbJ\x87\x9a8w\xe2~\xee\xea\xd6\xc6\xb5\x01O\xd8!\x18l\x8e2$\xba'</t>
  </si>
  <si>
    <t>b'\xfd`\x99p\xc7\x89\xd8\x81?K\xa1^\xbf\xdd\x8b\x81W\xf9\x8f\x87\xa7%\xef\x95\xd6\x04\x07\x16+C\xb9K'</t>
  </si>
  <si>
    <t>b'K6_LlgGa\xd0\x8f\xa3\x96\x04\xb8`\xa0\xeea.\xc1Z\xf3\xce\xfe\xcfH\xd4\x0bq\xda\x19t'</t>
  </si>
  <si>
    <t>b'mH+\xa4.Y\xda\xb9\xa8\x86Xs\x13w\x0b\xbbH\xda;]\xf6/50\xb9\xb2\xb5\x13Q\x02\xe0\x0b'</t>
  </si>
  <si>
    <t>b'\x95mH\xfd\xf6?\x08=\x08\x08\xcc\xb0\x9c\x02R\xa1]\x1ch\xb5iZ&lt;\xee5\xd2\x7f\xfb\xe2{\xe55'</t>
  </si>
  <si>
    <t>b'R\x9f\xfb\xb9\x82!\x83\x967\x02\x07\x0f\xde\xeb\xa3"Q\x10`\xaf\x07\xca\xe9-\xb4fh^\x1bJ\x00{'</t>
  </si>
  <si>
    <t>Hello2u</t>
  </si>
  <si>
    <t>b'D\xca\xd7\x1f\xba\x1b\x13\x00\xee\xca\r\xcc:\x02\x171I\x04\xefs\xf4Y|\xf3\xe9\x97\xbc\xe7\xf1n\x06\x8f'</t>
  </si>
  <si>
    <t>b'\x93\xc29\x02\x07U\x92\x84\xc3\xbb\xc6\xda\x9c\xb3c\xd0\x94Ut5\xbe\x8c+\x9a\xa1\xe7y\x06\xf6\xf3\x0f\xa6'</t>
  </si>
  <si>
    <t>b'\xe1\x18)\xe0\xff={\x87\xcb8)\x9e\xecQ\x9f\xf7Q\xff\xa3\xc4\xd69"\x91&gt;b\xba\xd2\x1d\x88X\xe5'</t>
  </si>
  <si>
    <t>b'\x98\xb7H\x1d\x94\x03s\xa6\xfa\xd1\xe7)\xf2\x03\x1eY$\x1d\x82U\xc2\x97c\xb0=\xc8&amp;\x8a@\xc1\x9a1'</t>
  </si>
  <si>
    <t>b"\xa8k*bs\xfdC\x07d\xf8\x15\xca\x94\xbdJ\x91\xbdhF\xd2t\xab\xcaR\x13\xa1\x19\xca'\x07\xe0\xfe"</t>
  </si>
  <si>
    <t>b'Wa\x1c4I\x80\nK\x0ef\xe4F\x82o\x91\xf7\x0b\xcb\xcf\xbb.\x07j\xa2X|Ecqv\xb6Q'</t>
  </si>
  <si>
    <t>RE-FI</t>
  </si>
  <si>
    <t>b'\xc5\x7f\xa7\xec\xca\xe6\x05\xbb\xe9\x97s[\xa1\x8aj\x05\x90\x8c\xa3\xd3Y\x97\x9d\x1f\x82gd\x145W.\xc7'</t>
  </si>
  <si>
    <t>b'b\xd3\xa9,\xfb\xc3fg\x03X*\xbakW\x07\xdf\x16\xfa\x88V\x10u6s \x10&amp;\xeaR\t\x9c\xa1'</t>
  </si>
  <si>
    <t>b'\xf1%\xa0^\x106L+%My\x97/\xdf\xc0\xc0\x11\xbeR4\xdf\xa0\xea\xbau\x90\xe5\xf37\xb0U\xff'</t>
  </si>
  <si>
    <t>b')q\xeb\xba\xe3\xa1\x02h\\ND\xb0\xd9\x0ck\x96d\x95TX\x15ai\x88\xd4\xdfC\xa1\xd5\x98\xf8\xbb'</t>
  </si>
  <si>
    <t>Remodel-Payoff</t>
  </si>
  <si>
    <t>b'^\xbb\xde\xc0}\xc6\xa8\x07\x06\xa5\\\xc1\x86\x15\x82\x1b\x86\xe0\x93=\n\xb0\xa9N6!\x0f\xc5/~\xea['</t>
  </si>
  <si>
    <t>Payoff Car and Get debt free</t>
  </si>
  <si>
    <t>b'\xfa\xc6\xf1\xe0\xd6\x83\xe0!e\xdb@\x8b\xb8\x9b+\x97\xb1\x00gV\x11\xb1\xfa\x01\x8dl\xe3n#0F$'</t>
  </si>
  <si>
    <t>credit card payoff/freedom</t>
  </si>
  <si>
    <t>b'5\x15e\xa26\x05\x9e\x90\x08\xc5\x03e\x81&gt;\xaci\x7f\xe2\xb4K\x06!yZ\xf45\x81\xaa\xfa"j\xeb'</t>
  </si>
  <si>
    <t>Realign  My Financial Integrity</t>
  </si>
  <si>
    <t>b'\xfe\x11\x01\xf8Hr\x1c\xfe\xa5X\xdd\xbe\x11\xfa\x0b\x8c\x93;\xeb\xb1\xa5H\x1e\x91\xb760\xc3\x93\x87\xb3\x16'</t>
  </si>
  <si>
    <t>Business Development Loan</t>
  </si>
  <si>
    <t>b'\n\x99\x1c\x87\xaa&lt;]Bp\x9f\x94\xa6Ozb\x93\x1d1\xdcS\xc4M%\xeaw\x16\xc0\xc8\x92\xf3"\xb6'</t>
  </si>
  <si>
    <t>b'\\-\xc6\xcb\xb9\xcd\xe2\xcf\xd0]R\x03\x1a*,\xc0&gt;\xdb\xda\x13\x1d\xb7\xcd\xa8\xdf\xcb\xff\x0e\xe0 \x0e\x0c'</t>
  </si>
  <si>
    <t>leverage</t>
  </si>
  <si>
    <t>b'HMi\x8b`\xdfpeyg\xf0f\x89\xd2\x049q\x14\xccp\x17\x08\xba\x98\xcd0\xed\x81\xfc\xb9T)'</t>
  </si>
  <si>
    <t>b'\x0f\x1a&lt;y\xd0]X\xfe\x0f\x06PY\xcd\xe0~ 5*\x82\xca\xec\x8d\xd0\xc5\xecOz\t6C\xa1\xe5'</t>
  </si>
  <si>
    <t>HVAC replacement</t>
  </si>
  <si>
    <t>b'\x06oc\x16\xee\xcev\xe7{2\xfc\x7fI \xab\\\xd6\xb0&lt;S\x10ciYZ\xe9|2\xbaB\x9c,'</t>
  </si>
  <si>
    <t>b'b\xc9\xe5\x8aqxx\x901\x1d\xe5]\x7f\x05]\xd3^\x9b"V!\xf0\xb9\xd0\xc3\x089\xa0-\x04\x0e\xca'</t>
  </si>
  <si>
    <t>b'\xd5\x18\xa6k\x82&amp;\x84U\xe4\x93\xf2Fh\xc5\xf3-\xa7\x90B\xf1u?\xb4-\xe6\x844w\xadoSe'</t>
  </si>
  <si>
    <t>Auto/credit card consolidation</t>
  </si>
  <si>
    <t>b'n\xce%\xaa\x82R\xc8\x89Z\xb3\xecB\xc7}\xbb[v^\xbf\x11\x7f*w\xe1{\x8e\xc0\x9e\xfe\x9f\xe9L'</t>
  </si>
  <si>
    <t>b'S\xf9\x15[U#\x12\xd1\x8d\xb5-`N\x81TR\xc5\xf5\x03&gt;=\xd27\xac\x80\xc0\xcf\\\x13\xdaZ\xb3'</t>
  </si>
  <si>
    <t>Debt Consolidation I</t>
  </si>
  <si>
    <t>b'/%aGmH\n\x98\x9e\xf3-\xb6h\xb2jx\x93\x06?\x02\xc7G\xb8\xf1\x02\xf6&amp;\xfe\x0e\xbbc\xa2'</t>
  </si>
  <si>
    <t>b'e\xae|\xe7\x98\xba\xa3\x94\xd4\xa8\xef\x02\x83\x9e@\xa4\xa7%\x19\x18\xfd\x0cE\xf7\xda\xa0\n\xe2\xf9Eq\xbf'</t>
  </si>
  <si>
    <t>b'\xdd\xb3M\x92\xe1d\x825\x956\x01*:$\xees\x08\xa3\xd4\x9e\xfb\xbe\x18\x8f\x10\x952\xf4\r\x06-\t'</t>
  </si>
  <si>
    <t>Responsibly Consolidating credit cards!!</t>
  </si>
  <si>
    <t>b'P\x13\x1d]\xa2\x80J\xf3U\x13\x8a-\xda\xdb\xef\xb7\xb0R\xb4\xa9`\x0c\x94\xa7\xdf5z\x81\xd9vi{'</t>
  </si>
  <si>
    <t>b'&lt;8\xc3\xb4\x9e\x95\xed\x8f\x950}\xd0\xbe\x89dq#\r\xb1\x1e \xd3\xf7:\xc5U\xeb^N\xad\x96\xff'</t>
  </si>
  <si>
    <t>b'\xa2&gt;\xe1\x88\x81\xd9\x00\xdae\x82jJ\xff\xa1\xfeAH\xbaMDA\xcd\xeeG\xe2`\xa0\r&gt;)\xd1\x93'</t>
  </si>
  <si>
    <t>b'U\x9a\xe2p\x89M"&lt;xRE\x86\x03\x0b\x1c\xc7;\xd4\xb0\xcb\xe0fC=\x8b\x04\xfa\x7f\xaf\xfb\xa3\''</t>
  </si>
  <si>
    <t>b'p\x14an\x1c\x13D:\x92G\x81c\xf2\xba\x86n\xe2\xf8F&amp;\xe2\x93~a7\xd0\xa0\xed\xc5Z\xac\xb2'</t>
  </si>
  <si>
    <t>b'1N\xa5\x08\x870\xe8\x8a\x8d&lt;\xc3\xd6\x80\xeb\xdaB\x02\xc8\xde8\\\x8e\xe2\x9dl\xae\xe0\xf6\xd6\x9e\xe4@'</t>
  </si>
  <si>
    <t>b'\xc4\xbb\xf6L&amp;\xa8\x96\x84-\xf6\x13\xee:\xfe\xed8G\xd8Q\xabp\xc9\xa6\x01\xce\xa8\xdc&lt;q\xea\x17v'</t>
  </si>
  <si>
    <t>Post School Loan</t>
  </si>
  <si>
    <t>b'\xfe~g\xc8\x0e\xbd\x00\x8f\x18\xe8\x086\n^\xf9\xeaa\x83h\xfc\x89\xe6\x95\xea\xda\xf0\xb4\xc4) 9p'</t>
  </si>
  <si>
    <t>Residency Consolidation</t>
  </si>
  <si>
    <t>b'\xec\xfb\x7fZ\x9fe\xbb#\xa0\xc4\xfa3\xd5\xcc\xfd\x86\x1c\xbd\x7f\xfd\x92@g\x85;i\xe5+~\xf3\x194'</t>
  </si>
  <si>
    <t>b'\xb7%\xc3\x01bF\x03\xe44\xc8\xe6v\x14F\xb7\xe9\xf9@M\xe9\x19\x01\x94\xc6!B\x10-zwi\xe6'</t>
  </si>
  <si>
    <t>My Major Purchase</t>
  </si>
  <si>
    <t>b'oxP{\xd3\xcf\xee\x19\xa4\x91\xef\xc5b\xfa\xf9\x8bYb\x04\x94K\xa2]\xb5&amp;\xf76\xfbJ\x1dY\x91'</t>
  </si>
  <si>
    <t xml:space="preserve">My Consolidation Loan </t>
  </si>
  <si>
    <t>b'\x11\x82\x0b\xa0\x85\x98\xd2w\xa4\r\x8bm&amp;Y:zCC\x14]\xc8\xcfh\x95\xda\xec\xf3\xa2\x0b\xf65\xb7'</t>
  </si>
  <si>
    <t>b'O\x03v\x8e\x1c\x00\xd7m\xfe\x86F\xb5\xfb\xdey\x08(-\t\x1eS\xa6\x0b\xc6\x18\x1c\x974\x80G\xcd\x0f'</t>
  </si>
  <si>
    <t>Time For Change</t>
  </si>
  <si>
    <t>b'\x86\xb4\t\x81/\xacj\x04\x88\xd1H\x9b\x08\xaaY&gt;\xa6\xf1\r\xd3\xd9t\xd2\x08{\xd8s\x89\x95~\xd8\xf9'</t>
  </si>
  <si>
    <t>b'\xe7\xc6\xaa\x86\xce\xb0zo\xb7\x996\xdbN\xcf\x1fg\xd8\x8f/\xe9\xe7\x90\xad\x9b\x9e*2\xd6\x953vK'</t>
  </si>
  <si>
    <t>need to pay some bills</t>
  </si>
  <si>
    <t>b'\x18\xe9\xc9\xf7a\x917\xfe\x8d\x94f\xcb;\xf3\xd4\n\xcf\xe3\x17\x85BN\xb3\x113\xbeb\x0f\xd0S\xd8\xa5'</t>
  </si>
  <si>
    <t>b"\xae'\xd4i\xa2\xd0\xe3\x94,\xcd\xf1\xf4[5\x1d\xec\\\x8f\xa0\xeb\xec\xe0\xa6\x07\xdf\xf5\xf6\xefRww\x8f"</t>
  </si>
  <si>
    <t>Closing Cost</t>
  </si>
  <si>
    <t>b'\xc6\xebw\xae\x0e \xc3\xc1\x96\xc2\xac4v\xe0\xfe\xa0\xec\xdb\n\xfc\xbb\x8b\x11\xbaOg\xccY\xbfKVQ'</t>
  </si>
  <si>
    <t>Cash Only</t>
  </si>
  <si>
    <t>b'\r\xe0\xc3\xdcj\x12Td\xe9\xe3w\x04\xc9\xe7\xdchZ\r\xbd\x13Ew\x0e\xad\xbb\x9a\xb24\xe7\xbe\x01.'</t>
  </si>
  <si>
    <t>b'e\xb10\xe2_}\xab\xaa\x80s\x7f\xa4\xaeJp=\xde\xb2E\x82\xbes\x9f\x9a\xe1\x8cb(\xcd\x97R\xbb'</t>
  </si>
  <si>
    <t>b'qe\xcf\x8c\xdcGR\x9f\xe9-\xac(\xa4\xb2U7N\xe3\xbdvs1u1%\x92y\x9a\x815.\x06'</t>
  </si>
  <si>
    <t>b'\x89\xe5\x9co\xed:\xdaa\xefS#\x08\xee\x9e\xa2\xdccK;\xc6\xe0\x0b\x85*\x97?\xf4B\x02Ji\xf2'</t>
  </si>
  <si>
    <t>b"\xe3\xf2@[i\xa4\xdc\x1a\x82\xbez\x89H%\xa0\xe1G\x84c\rc\x14}\x9fJ'\xc6\xbep\xb3,\xdd"</t>
  </si>
  <si>
    <t>b'$\xf3\x06\xed\xdaz\xf9\xda,-\xb2v\x1c\xf2\xae\x888i\x9f^4v;\xd8m#\xc93\xad\xca\xbe\xe0'</t>
  </si>
  <si>
    <t>b'1\xa9\x1b\x83\x15\xfb\x07\x05\x13\xd8\x10\xa6m\x1c\x1f\x02\x14\xa4S\x7f\x02SO\xb7\x9f7;\xb8\x17\xa6_-'</t>
  </si>
  <si>
    <t>b'j\x1f\x89\xc5\xb1\x9f\xe09\x8e\xac?\xb3\xea\xac\x8b\x0f\x02\x00\xd74\x0c.?/mk\xcd\xa0\xf80\xcb\x9a'</t>
  </si>
  <si>
    <t>b'[sNc\xbb\xfdX\x0c\xe5b\x0b\x97Z$\x9ahx\xe9e\x98\xf2\x12\xaf(5|\xef\xeb\xc1$\xb5t'</t>
  </si>
  <si>
    <t>Credit Card Paydown</t>
  </si>
  <si>
    <t>b'\xf0\xbdCT\t\xc2\xd2\x14A\x01\xe9Lu\x1b\x83h\xb5\xc6\xff\x00\x03x\xb80\xa3\xd3\x92\x1f\xf9\xeb\x9ds'</t>
  </si>
  <si>
    <t>b'xM\xabE0\x85\xe79XG\x9e\xd5\xa7\xff{\xd6Z(\x17\x03\xde\xbcw\xda\xa6:\xd1\r\x15\xf7\x04E'</t>
  </si>
  <si>
    <t>Building Future security</t>
  </si>
  <si>
    <t>b'm\xb5]&gt;U\x88@\xc1\x02\xc9Z\xe5\xa4m\x97\x89\xd0\t\xe9-6\xaa\xf3\x03-\xa3\xf7\x93\xdc,\x97\xe1'</t>
  </si>
  <si>
    <t>Travel Business Loan</t>
  </si>
  <si>
    <t>b'\xc1\xab\x05b+\xdb\x81\xf2\x88\xb3\x05\xb7uh\xd3O\xce\x87\x86\xe6\xaf\xad*\x92r7-\xc5\n{8h'</t>
  </si>
  <si>
    <t>b'BJ\xc0\x87\xfc\x1c\xee/\xc2\xb7\xfcL\xc7\xf0\xaf\x99\xdf,\xee\x1d\x9d\x8f\x95X\x16\xd4\t\x018C\x8a\xa6'</t>
  </si>
  <si>
    <t>Getting back on track</t>
  </si>
  <si>
    <t>b'M%`\xb2\xdd\xd4\xf34K%KzK\x9f\xb0\x01\x97[\x10T\xd7f\xe5k}\xc8j*\xfa\xe2\xc7\x0e'</t>
  </si>
  <si>
    <t>b'\x01\xcf\xef\xe5 E\xb2\x13\x83$Qp@\xb1m\x03\xe7\xc1\x17\x8f?S\x14S\x15=X.\xc9V0\xc4'</t>
  </si>
  <si>
    <t>b'\x8b\xc2\\\xd6\x9d\xe2\xda7a\xa8\x056\xcb\x8a"\rv\xd5bc\x8ea]\x1e\xa8\x91\x19\xccg\xbc*\n'</t>
  </si>
  <si>
    <t>b"\xab\xb6\xdb\xbeh\nQ\xd8\n\xeb\xff\x89\x00t\xd9#\xc0\xdd\xf4\xc5\xf3]D\xaa('Kj\xb2\x10\xcc("</t>
  </si>
  <si>
    <t>b'6\xa5\xe4"\xb6\x0e\xbe~\xb6\xef\x87j]\x87\xc6\x0cs\xfb\xde\x94\x9cbq$\xf8Cg\xe0\xe1k\xa1\xb0'</t>
  </si>
  <si>
    <t>b'&gt;\xed\xea\xb4\xbb\xe0\xceyzZ\xe4\x03kb\xa1\xcf\xa3o\xa2\xa5\x8c\xd9\xc1\xa8)\xa2\xf7I{\x01Mx'</t>
  </si>
  <si>
    <t>b'\x1f\xfc-\xacy\x8b\xe2\xd7\x9f C\xf0\xb1x\xde{w\x010JN\x8bal\xc2\xc9\xf5\xf3\x18\xe6S\xac'</t>
  </si>
  <si>
    <t>Debt Releaf</t>
  </si>
  <si>
    <t>b'\xc7@\xee\xa3\x98\r\xe62\xf1)\xeaO\xf6\x1c\xb4\\\xb5pIb8\xee7dxk4\\\xc7\xc7\xa6\x9b'</t>
  </si>
  <si>
    <t>b'\xf6\xd20\xe8\xf2\x06\xf0(\xd4\xb3\xf3\xac\xba\xcb\xc6X\xb85\xf0\x92?\x8fs\xe5V\xe0O-\x1e\x81\x9a\x13'</t>
  </si>
  <si>
    <t>b'\x9e\x80\xaa\x1b\xee\xaf\x9f\x00\xbaG\xaf\x84\x10\xbd\xadI\x1c#\xde\x83\xd4\xc6p\x1fa\xeak(\xcaXK\x14'</t>
  </si>
  <si>
    <t>b'r\xd0\x8c\x1b\xd5\xe6\xfdh\xc2y\xe6m`/\xbbcd&amp;\xc2=k\xdet;8I\x90,\xfa\xf1\x19\xac'</t>
  </si>
  <si>
    <t>b'\xd5\x83\xa7\x19k\xb7\xba,\x8b\x02\x88\x11\x02\xf9\x14\xc8y\x88\x11\xa1Ye\xd9y\x98\x03\xc51\x0cc\xf3\x1b'</t>
  </si>
  <si>
    <t>b'&gt;(\xfdB\x0f;_\xad\x1e\xeb(2f\nA\xe8r\xdd\x00\x14\xb9Fg\xa8\x10\xf8[ot\xc8\xbb\xe0'</t>
  </si>
  <si>
    <t>b'\x1bbi6\xbd6\xf9\xcfi\xb7\xa3\x96}\xce\x90\xfc\xc4:\xcf\x05\xd7\x90\xd4\x1b;5"\x1dE\x828\x1f'</t>
  </si>
  <si>
    <t>b'\xd9\x99\xa1F\x87{\xe8g\x14x_fG\x9c$\xc1\xe8\x0f\x95\x03\x9d\xc4\x19\x89\x00\x8c\xc9"\xc3\r\x06]'</t>
  </si>
  <si>
    <t>b'\xae\xa4$\xc13\xc4\xbb\x04\xf4\xbc\xe9\xd2X\xe3#\xa5\xb5\x92\x05\xb7\xe0\x9c\xd4\xe6$^c\x8c\xba\xb4\xc3P'</t>
  </si>
  <si>
    <t>b'\xf8U\x03t\xf0\xcd$\xe8y\xb7&lt;\xde\xbcy\x1d\xea\xc1\x86\x14\xf9\x8c\x1f\xcc\xf1\x0c\x04\x03[\x03],\xa7'</t>
  </si>
  <si>
    <t>House Payoff</t>
  </si>
  <si>
    <t>b'\x1eS\xe1\x9b\x01\xa8\x99\x10x\x1c/Q\x12@U\xdeC$X\xaf\x1f\xc1\x136X]\xff(\xd3\xdcI\xf5'</t>
  </si>
  <si>
    <t>To Pay off and cut up credit cards</t>
  </si>
  <si>
    <t>b'@`\xa7\xac!e\xfc\x86!\xeb,&gt;\xb4\xb6~l\xce\xed\xbdT\xc3D\xb9\xe6\x92\x11\x1c;\xc3\xab\x89\xb5'</t>
  </si>
  <si>
    <t>b'\x11\x13\xf1\xc9\x94\xa7\xdcF\x8d\xcf\xc5T\xce\xdd\xe5\x0cWq\xdc\xadI6\xf3\xa6\xcb\x89\x84\xe3\x89\xba\x87\x7f'</t>
  </si>
  <si>
    <t>Kitchen remodel</t>
  </si>
  <si>
    <t>b'\x8b\x00\xce7 \xdb+\xff\x9d\xd4-\xe5\xe4f\x80\xf7\x85dP\xdb7\xd1\xf5Fm5\xad\nV\xd1\x97\xc2'</t>
  </si>
  <si>
    <t>b'\x8c\xbe\xd9p\x89)\xed\xdc\xe6RD\xcd]e\xc8\xc41\x0c\x01\xb6Q\xea\xcb\xa7\xbe\xde8\xb6\x80\xf1i-'</t>
  </si>
  <si>
    <t>b'\x92}F\xaa\x91\xf3tS\xb3\xe7\x92J\xe2qp\xc3I\xde\xd4\xbe\xa4\x18\xbc\x17\xa5\xdf\x7f\x8a\xcf\x97\xae8'</t>
  </si>
  <si>
    <t>Malibu</t>
  </si>
  <si>
    <t>b"\xb1\xe3\xcb\x17\xbcJpL~Bt\x9b\xd4\x8a3V\xa3\x13N\tre+/]\xb1:\x0b\xf8\xe0'{"</t>
  </si>
  <si>
    <t>b'\x7f\xe3\xb1\x1c\r\xb2\xc4y?\x15\xc9W\x89\x805\x0c\x0e\x9f\xb0\xe5 \xb9\x83\xbe\xeb\xd7\xce\xec\x02e\xb8n'</t>
  </si>
  <si>
    <t>b'l&amp;2jx\x9b\xd5a\xaa\xe3\xbdU;1\xcf$\xb1\xac\xfb\xe7\xc1\xdch:\xb2\x8cF\xdb\xed\xc7\x85\xd6'</t>
  </si>
  <si>
    <t>dbt conso</t>
  </si>
  <si>
    <t>b'\xa7,T|\xfb\xb5\xefgx1l\x9e\xd9\xe6\xbd;\xb1\x93\xa0\x94q\x19\x8d\xb5\xbdP\xc0-\r\xbb\xb8t'</t>
  </si>
  <si>
    <t>b'\x17n\x1d\xb82\x8f\x9a\xc4\xb2\x8e\xbcA\xedt\xee\x91\xe3\x90;\xcf\xa2\xdb=\x02]\n\x05\xc2\xe9\xc9\xad.'</t>
  </si>
  <si>
    <t>no more bills</t>
  </si>
  <si>
    <t>b'b\xfc\xea\xf9\xf4\xd3\xaf\xb8T]\x16\x0bf\xdc_|\xcc\xd7l\xa0\x9eR,W\n\x1c.\x85\xddK\xff\xcf'</t>
  </si>
  <si>
    <t>out from under</t>
  </si>
  <si>
    <t>b'xh/2\xf2\xd3\x8d\xd7O}\xe7\xdd\xd6\x95\xdfY\xa3\xd3R\x80\xd92&gt;\x94 \xc9\x97\xe4\xd8\x0c\xcc\xfc'</t>
  </si>
  <si>
    <t>b'!\x91}8\xdd\xa6\x0c\x8e\xd5\xb6\x9d\xd9\x97\x881N\xe2\x14\x95\xbd\x9f\x03\xe07k\x13&lt;K\x03\x15T~'</t>
  </si>
  <si>
    <t>b'=\xee\xb2\xa5\xd2\xd1d6}\xea\x0b\xc5\xcf\xb5\xf6AN\xb0\xb5\xb3\x8f\x93\x80\xaf/J\x8a\x89\x18\xd5\x9c3'</t>
  </si>
  <si>
    <t>CC_Debt_Pay</t>
  </si>
  <si>
    <t>b"\x03\xe5\xe7\xca#\xc8=\xd3@]\xbeR\x87\x13\xf0\xc5'\xa8\xf8\xa0\x84yn\x82\xaa`H\x80\xf6&gt;\x96%"</t>
  </si>
  <si>
    <t>b'\x90\x10\xaf\xc0\xef\x8eDZN\x0f\xef\x0f\xf5\x01\xa2\x02\x11\xde\xa0a\xf73:\xf7V\xb9\xac\x9b\x80m\xcbl'</t>
  </si>
  <si>
    <t>Bill payoff</t>
  </si>
  <si>
    <t>b'.\xf7n\xc8y^*\xe3\x14\xd3q\x16\x1d\x82\x05\xe1/1\x03-Y\x8e\xc9\xb3\xe4\x13\xc3\xa4"\xf9\x88/'</t>
  </si>
  <si>
    <t>b'\x86\xcd\x183\x80\xac;7\x1d\xd6\x0b\xe9\xf7\x9c\xfd\x8a~L\xf7\x063\x10\xa4\xa1\xc5_\x15\xda4Z~8'</t>
  </si>
  <si>
    <t>b',\xf0Y1\xab?\xdb\x80/\x85\xb5\x8b\xf1\xb8\xb0@\xe8\x80\xd0\xc2\xab\xe5\x83\xeb\xa7\xefHz\xf4\xcb\x0e@'</t>
  </si>
  <si>
    <t>Hot tub loan</t>
  </si>
  <si>
    <t>b"\xac'-h\x98\x8c:}0@\x93;B\x86\x86D\r\xa4\x90\xc8\x90\xe3\n?\x8e9FK[\xed\xab\xaf"</t>
  </si>
  <si>
    <t>b'\x89dzM\xbb\x94nO\xedh\xd05QY\xa4\xf9\x8c\x1ce\xa8\xb6\xa4\xc9\x9a\xa6\x9c\xbc\xd4Zm\x7f\xfa'</t>
  </si>
  <si>
    <t>Fresh</t>
  </si>
  <si>
    <t>b'\xe8,\x9c\xb58\xd7\xda\nE[\x0e&gt;\xac\xbd\x85\xb9\x03\x92J(\xbd\xe0\xee\\F%\xa3\xa0Mj\x97^'</t>
  </si>
  <si>
    <t>dreams</t>
  </si>
  <si>
    <t>b'\xe9\x85\xdb\xc2$\xc7\xdf2\x1f\xec\x9d\xde\xd6\x1aY\xec\x03\x9a\xb0\xd2\xdf\xa9\x93\x97\x82\xfc\xe4\\\x8b\xa2\x8fj'</t>
  </si>
  <si>
    <t xml:space="preserve">Finishing basement/remodeling </t>
  </si>
  <si>
    <t>b'\xc5k\x92\x9b\x03\xd5\xfd\xe1\xcdSy0\xe7\xac\x1d\x86\x86\xde\x10\xf6\xf7\n\xe5u-\xe0;\x7f\xfbU\x9e\x8c'</t>
  </si>
  <si>
    <t>b'\xdd\xa8\xd7\xbd\x15\xd1N"\xafd=I\xd2\xef\xba5\xe7U\xaa|\x9do\x96P&lt;0\x89\x01z\xc0&gt;\x9c'</t>
  </si>
  <si>
    <t>b'\x15\xef\xe4A\xdf\n7\xed\xba\xb7{\xc4\x84\xf9\x14\x91\x05\x95\xd7\xcf4\xb1\xcf\x9c=\t\x02\x1c\xc8\xe3\x15A'</t>
  </si>
  <si>
    <t>b'\xc5T\x1ax#\xf3gq\xbe%\xa0\x88\xb3\xf3\x95\xb4\x82*a\xf0\x11"C\xa2\xc8\xce1C\x88\x17\xa3\xce'</t>
  </si>
  <si>
    <t>b'_l\xb9sRT\xe9\xe7I\x9c\xae\xcc\xa1\x7f\xbaQ\xfd|sL\xb4\x0ezPP\xda\x15\xf9P\xfb\xbcl'</t>
  </si>
  <si>
    <t>clean up some debt!</t>
  </si>
  <si>
    <t>b'\xd0]\xd7Q\x1a\xaf\xd4KE\xcb_\x98{\x94\x95p\xf0\xc2A\xa0\x8b\xed\x1cqr!\xf3\xb3\t\x8b1\r'</t>
  </si>
  <si>
    <t>Consolidation of Graduate School Debt</t>
  </si>
  <si>
    <t>b'Ag\x88\n\xaa9\xd0\x0b(U\xccE4\xf93XXr\xf4\x19\x00s\xb5E\x0c(\xa2\xf3\xe0\xb9\xc5~'</t>
  </si>
  <si>
    <t>b'r\t\xe3_\r\xa8Y\xd7\xc0}g\x03\x9c\xa1\xf7\xc2\x99\x0bD\xee\x03\x17\xe3n8Q\xf2F$\xf5x\xb3'</t>
  </si>
  <si>
    <t>C.C. loan</t>
  </si>
  <si>
    <t>b'\x0e\x03\n\xfe\x1a\x89\x8e\xe0K\x19\xd77\xbf/\x04h\x1exI\xe6X\xaci\xe0\xfb\xa9\xe3\xd9w\xcf\xdd\x92'</t>
  </si>
  <si>
    <t>b'A\x16\xf8\x84\x8d&lt;$ VM\x89!\x04VN1;NY\xf7d\x7fS\xfdY\xa0\xec|\xb4\xbe\x9fW'</t>
  </si>
  <si>
    <t>cc consolication</t>
  </si>
  <si>
    <t>b'K\\\t\x03;\xc4sGP\xd1\x80\xb2m\x98\x08\x11\x8b\xebP\xfa\xee\xd2\xd2+\xa3\xc5\xd9\xa8&lt;di\xf4'</t>
  </si>
  <si>
    <t>Pay off bills and reduce rates</t>
  </si>
  <si>
    <t>b'\xfa\xfc\x99\xdaM\xfe!\xcb*U\xbe\x8d\xea\xbd\x18\xffQW\xd8\xfc\xb2\xf9\xddOt\xa6r\x93\xf9;\x92\x16'</t>
  </si>
  <si>
    <t>b'D\xdf\x02\xc5B\xc5\xf3\xec\x1c\xca\x0f\xbc\t\xef\x80\x90\x01\xb8\x01\xc6\xaa\t\x83\xc2\x98E$wQ\x92S\xc4'</t>
  </si>
  <si>
    <t>b"&lt;'aR\xa4\x0e\x8f\xd4\x8f1\x94\x89?\x85\xefq\x94X\x1e2\x1d\x8bw=f\xacs7\xdex@\xdc"</t>
  </si>
  <si>
    <t>b'\n#\r\xe4\xa9\x98\xf2\x93\x04Uy\xcf\x07r\xc8\x9a\x88U\x0c\xf4\x87\x13\x1d\xe8\xad\xd3\xf7[\x9c\xe0.C'</t>
  </si>
  <si>
    <t>b"[?\xd2'\xace\xe9\xf3\xaf\x08\xad\xd3I@X\xd4\x0f\xbcw\xafY|\xdap\x9aI z&amp;0@x"</t>
  </si>
  <si>
    <t>b"\xbb\x11\xff\x89\xf8{\x92~'\xbe}\xfd\xef\xb9\xc1\xc2\xe1\xd1x|\x95\xed\x8cd&amp;:\x14\x9a\xc2^X\x02"</t>
  </si>
  <si>
    <t>b'\xe8\x81yKF4[E\xd1\x84\xac\xdb\x1d\x91V\x19I\x90\xb6\x9cgF\x0c\x12\xc7\xb4.\xacP\xff\x8a\xfe'</t>
  </si>
  <si>
    <t>b'\x98\x91\x16=\xe4\n\x99u\xfe\x07\xd2}\xc3tdY\xb0CH\xf9\xbcF\x0eE\x13\\+/\xa6\xb2\x8a\r'</t>
  </si>
  <si>
    <t>Spending future earning</t>
  </si>
  <si>
    <t>b'H:\xfc\x01f\xe9\x9a\x83/+7\xdb\x0bd\x7fE\xd6F\xd9&amp;=,\x87\xa1\xee\x8f\x12\xa7\x8c9\xe6+'</t>
  </si>
  <si>
    <t>b'a\x19\xaeE \x9f\x9a\x8e`p\x0c\xc7jE\xbaU\xa8a\xaaCB\xbeBY\\\x9b\xf5\x00\x89\x971\x9a'</t>
  </si>
  <si>
    <t>b"9\xe1i\xaf_m4\xb6f\x82X\x15=\x8d\x98\x05\xe3\xc2\x00\x89\xce\xc1:\xa2\xe1'\x99\x89O\xab\x12W"</t>
  </si>
  <si>
    <t>b'\xf8\x8ee\xab-\x83f9\xa4|\xb6&amp;\xfb\xd8N\xea\xa6w\xcd\x1f8\x07\xf5:\x97&amp;\tO\x9f\xae\xc2\xe5'</t>
  </si>
  <si>
    <t>b"\x8cFT;5;1h1\x02I\xae\xcdMD'X\x18\x85\xeev\xae\xd8\xbf\x87\xf0\x01%j\x96\xfb\x83"</t>
  </si>
  <si>
    <t>save me one more time</t>
  </si>
  <si>
    <t>b'\xab$?\rl\xff;\x8c\x93d`?\x10\xd4\x04\xb8\x844\xd5\xca\x16\x99%\x9b\xe6W@\xc3&amp;{\xd3\xc8'</t>
  </si>
  <si>
    <t>b'\x05\xb5\xd5M(\xf5R\xd5\xc5\x06\xbem\x80\x7f]$yi!\x92|\xab\t0y\xbe33\xc9\x83,\x17'</t>
  </si>
  <si>
    <t>Even Better Rate</t>
  </si>
  <si>
    <t>b'K2\x1d+\xaff\x14-f\xb6\x86`Z\xd06\x8c]\xa6}\xab\xe6\xd5\x84\xf2\x97\xe5\xcc\xf6W\xf2B\xb9'</t>
  </si>
  <si>
    <t>payed off</t>
  </si>
  <si>
    <t>b'\x8a\xa6\xa3\x0b{1\x9a\x02\x93Qc\xedQ\x81\xf3\xafd\x9a\xc3\xcd\x15&gt;c\xc9\x8a3?&amp;b{E\xdd'</t>
  </si>
  <si>
    <t>b'@\x82w\xfe\xc7\xe2\xc2W\xd5s7=/\x11S\xf3\xfbd\xf8E\xf9\x19O:\x8e~\x16\xa9\xa5P:\xf5'</t>
  </si>
  <si>
    <t>b'\x03\x19ip\x1cC\xaa\xac\xc7\xb6\xc2\xc3\x1cUab\xa1\x93g\xab\xa0\xe7Tx\x9e\xe2\x89;\x84\x19D\xb2'</t>
  </si>
  <si>
    <t>CC loan</t>
  </si>
  <si>
    <t>b'IffI\xc9\t\xc3R\xb2"\xc3\xba]\xfeP\x88G\xf3\xe0\xa0\xb5\x9c\x15Y\x0c\xe8\xed\xc4\x16N\xa04'</t>
  </si>
  <si>
    <t>b'\xe9\n\x8bGc\xc1,\xc9\xb2\x0b\xccG\\\xab1\x1c\x14\xf8k;D\x06u\x8d\x8a\xdcA\xc5\xdc\xce\xf2E'</t>
  </si>
  <si>
    <t>b"9\xbd\xba'\x8c\xf2&gt;T\xe5`\xddC\xffQ\xf2\xc4Jv\xdc\xfc.\x0f\x8ez\x1d\xab\xa2Zu,\xad\x81"</t>
  </si>
  <si>
    <t>b'\x95\xd6$\xbe2\xc2~\xf2C&amp;\xc4z\x8eFm-\xdc\xa7\xf1\xc9j\xfa\x8f4\xfd{ \xe8\x08\x19\xf4h'</t>
  </si>
  <si>
    <t>b'\xe2\xa8\xfa-\x1dC\x89O\x108)l\x81\x92\x87\xcb\xfa\x7ft\xc7f\x19=\xa5\xe6\xd5\x05\x9e\xfe\xb4\xfa\x04'</t>
  </si>
  <si>
    <t>b'\x8f\xdc\x80a&gt;O,\xcf\x01q\xa6\xfd\xf0\x13Hu\xf9\xe5\x1c@\x90}Kp\xc82(\xc9*se\x88'</t>
  </si>
  <si>
    <t>b"\xa6\x8c\xf0\xdc\xb3\x91\xa3=\xd4\xf7\xbf\xc4L\x0ca\x1a\xad4\xa0'\xf7 -\xf7\x9d\xd5!\xcf\x18\x16M\x1b"</t>
  </si>
  <si>
    <t>b'\x84(\x8e\xe6\xc5\xc3\x1a\x03P\x84x2y\xd4a\xb2\x1fd\xfe["\xf5(\xf9\xd7Mh\x10\x14\x1f\xd6%'</t>
  </si>
  <si>
    <t>Vehicle repairs and maintenance</t>
  </si>
  <si>
    <t>b'&lt;\x9fb\x10\x1f\xa9\xd3\x07e;@\xb0\n\xaa4FW\x08\xa0\xe5_\xbc\x84\xab\xad\xb4\xa1\xe7\x10?\xdf\xd8'</t>
  </si>
  <si>
    <t>Jump Start</t>
  </si>
  <si>
    <t>b"%g\xb6s\xe75\xbb\x82r\n'y\x99\xc6\xc9C\x0b\x1dlk\x93Uo\xf5\xa3\x02b\xc6\x05\xf6\r\x0e"</t>
  </si>
  <si>
    <t>Home/Car maintenance</t>
  </si>
  <si>
    <t>b'\x1d\xe4\xbf\xe2\x92\x904HTe\x1f\xac\n\xd9\x8dK\x9f\x9f\xdf\xfeG\xdb\xbc\x00\xbd\xb8\xb4mJ\xfdo\t'</t>
  </si>
  <si>
    <t>b'w\xfd?\x95\xab\rp\xea#*\x1d\x0f\x84F\xfd{\xebxA\xd4\x04\x1b\x1f\x18\x9f\x8c\xc8X\x8f\xbds\xae'</t>
  </si>
  <si>
    <t>b'\xa7%m\xe0\x06\xac\xbd\xd4u\xff\xe7\xd4\x98\xc4\xe2\\f\x12\xaa\x87&amp;\xe0\xb0v9\xf0/G\x8d{\xa1\xaf'</t>
  </si>
  <si>
    <t>Plastic Pay Off</t>
  </si>
  <si>
    <t>b"5}\x1b\x9b\xa0Ol\xdb\x14c\x11,%w\xa3\xe53C\xaf\x11\xe4`\x1c5\x01\xd4\xed\x07&lt;'!O"</t>
  </si>
  <si>
    <t>Credit card repay</t>
  </si>
  <si>
    <t>b'\xb5\xfe\xe4\x94\xda\xc1"\x97\x80E\x06\x92R\xc6~\xed\x81\x0eT\xa7\xdfJ\x0f\xf0\xc3\xd9\xaa\xc0\xf8\'=\xf4'</t>
  </si>
  <si>
    <t>loan club</t>
  </si>
  <si>
    <t>b'\xab\xf4\x1de\xa7\xf6ELy\xf0\'"+\x0e=`\xae\x91\xafP\x13+\x1eb1@\xf9\x88-\xa0\xb0\x03'</t>
  </si>
  <si>
    <t>Home adventure</t>
  </si>
  <si>
    <t>b'\x8d\xdf\xe891\xe4\xc2`\x1b\xfe\x98\xdb\xbf\x8c\x0f&gt;\xcc\xb9\xe2^\x0f\xa8w\x88$\xfd\x13\ryt \x14'</t>
  </si>
  <si>
    <t>b'\xf5\xf1\xd0\x8f\x88n\x9dIW\xe1o\x9e\x04o\x11\x1e\x06\xf9y\x12\x86\x95\xf6\xcf\xad\x92\xce\x9c\xc0\x8a0\xd6'</t>
  </si>
  <si>
    <t>b'\t\xa5\xe0W\xd92\x10O\xee\x0ec0\xf0\x05\xa5\xf9i.\x9c\x8d\xc6a\xa3\x1f\r\x0bcr\x81\x8e\xf9x'</t>
  </si>
  <si>
    <t>b'\x91\xefh\xb7a\x8fP\xb5\xd4-,s\xe6\x9a\xd7\xaa\x96R\xc7\x11\xf2\xda\x92Mb}-]\xf7\xcc\xb5\x80'</t>
  </si>
  <si>
    <t>b'\xe1$FD\x9b\r\x04\xa1\x12\xa5\xfb\x90\x01\xeb\xa6\xe7\xa2\x9ah\xc2\x04\xd4\xe1!\xef\x1f5pj\xf2p\xfa'</t>
  </si>
  <si>
    <t>Vintage RV</t>
  </si>
  <si>
    <t>b'j+}r\xc7\x00*\xab\xa9\xc7\xcfj\xb1\x11;gkjp\xd3j_\x01\xff\x95\x86c5B\xd8RR'</t>
  </si>
  <si>
    <t>b'v\xe8\x19Rj5\x82\x9fG\xa0D\xb3)\x05\xd1\x17\x1c`\xf7\xa8V\xd6/U\xe7\x98\xc0\xb3\x950\xc8\xff'</t>
  </si>
  <si>
    <t>Household improvemen</t>
  </si>
  <si>
    <t>b'\x1b\xb2tt\xca.E\xe59d\x97\xb8\x9eDU\xac8z\xa7mXe\xba\xfbV\xd4D\x07\x19&lt;\x9ci'</t>
  </si>
  <si>
    <t>b"i\xd72Sb\xe5\x01\xa1l\x07\xc6\x94n\x86'b\xc8\xac\xeb\xc1\xd4\xad)^\xc5\xa6\x11\xa4iH\xb3:"</t>
  </si>
  <si>
    <t>Superfixer</t>
  </si>
  <si>
    <t>b'\xc7\xcf\x98\xd8r\xb3o\xa3\x8f\xcaC\x80}!\x99\x19=7@K@kO\x82F\x03_\x18\t\xf4\x14l'</t>
  </si>
  <si>
    <t>b'\xc9\xf4D\xfb(\xc8\xe3\x8ck\xd6o\x93#\x17\x8b\xe5\xba4\x94p\xec\xc3\x84\xacX;\xa1\xea\xfd\x97\xf4\x7f'</t>
  </si>
  <si>
    <t>b'\x1f\xc4YJE\x9a-\xbb\xc0.\x01T\xdb\x156\xd9P\xea\x16\x1b\xbd3\x9e\\\xa1;\xe7l\xba\x17\xef_'</t>
  </si>
  <si>
    <t>b'E\x9f\xf6\xa7\xca\xf0j\xdd\xc6\xf7KM\xechz\xce\x1e\nn2\xb8\xc8Ym\x1f\x05oG-q\xe2S'</t>
  </si>
  <si>
    <t>b'\xa6\xdci\xc1+\xa7\xd8~\xa6\xf8W\xc8\x8c\xd3J\x9f\xd8\xae:y\xe42\xdd\xea\xb8=\xc2\xdck\xf7\xae\x0b'</t>
  </si>
  <si>
    <t>b'\xee\xeau\xd1s\xa8\xbe\x01v\xed\xad\xa0\x83\t\xda\x0b\xe9\xe9\x0eGi\xccJ\xdc\xca\xaf\xa5\xd5\xa0\xae\xdc\xc1'</t>
  </si>
  <si>
    <t>b'\x81\xa8\xbf\x12\xac\x11\xd4\xab\x9e\x13/\xe8#\x93\xf2\xbf\x04\xd0\x98i[\x973\x04sq\x1a\x11L\xd5\xf2\xbe'</t>
  </si>
  <si>
    <t>b"\xd7\x9f\xa0\xa5\x83\x86\xe1\xc9\xfe;\x81\x04A7\x9873'f\x91Lb\xa3\xd2\x08\x08\\\xc9\x19F\xfc2"</t>
  </si>
  <si>
    <t>b'N\x08\x0e\x02\xbe#({u\xb1\xea\r\xfeTj\x84\x02\xb2\x0b4\xd1YQ\xce6\x8d\xbf\x0b\xf7\xda\x91l'</t>
  </si>
  <si>
    <t>b'\xb2\x80v\x92\x92\x8b\xe5\xb7\x10\x12\x9ej\x04\xf0\xf7\xc9\xf0\x9ab\x90\xad\x10M\x19\xd9o#*s\x11#A'</t>
  </si>
  <si>
    <t>b'\xa3\xed#\xa7\x9d\xc5e/\xdc@\x8c\x83\xf6Sd`\xdew\t\xb5\x97\xd7f\x80{\x05\x1a\xaee~"\xe0'</t>
  </si>
  <si>
    <t>b'x\x915\x97\x91\xd5\r\xc7fR)\x1d\x91.\xc2\xe8:&gt;3\xdbx#\\\xfd\x08"\xfeZIR\xd5\x16'</t>
  </si>
  <si>
    <t>DEBT PAYMENT</t>
  </si>
  <si>
    <t>b'\xa6\xa2\xcb\xd0L\xd5\xc9\xde}\x05\xf1\xe4j\xf47_#\x8c\xfa\x18\xd3\x18U\xc0#\xce\x1e\xecS\xa4\xbb\xc6'</t>
  </si>
  <si>
    <t>MyFuture</t>
  </si>
  <si>
    <t>b'I\xaf\x06\xaf]\xf1\x0e\xaf\xcc\xb6\xca\xda!\xcd\x08d3\xadG;\xa5\xd3W\x19\x96=\xa9\xabv\xfcti'</t>
  </si>
  <si>
    <t>b'\xab,0\xd7.&amp;\xb2\xd5\xf1`\xdb\xb28W\x07\xe1[\x8f\xde;?2\xbf\x96\x89\x88\x8d\x85\xf9\xcd\tc'</t>
  </si>
  <si>
    <t>b'\xcd\xad\xd3-u\xd7\xf9\xa5\x02\xc8 c;Y\x85&lt;P\xf7\x92\xa8\xe5\xfc\x17\xb9\xb1\t\xd1\xa3a\xde\x90G'</t>
  </si>
  <si>
    <t>b'\xf3\xf73f\xd2\xc9_\x0c\x04m\xd8\xae\xc7\xe7X\xa1\x93$\xb1\xa90z\xdc\xf2\xdfIQL\xcd:\xac\xbb'</t>
  </si>
  <si>
    <t>b'\x03\xf3 F\xe7\x11\xdbt\xc2i\xdf .hk=\x17HF\xd3\xe7\xe3\xd62J\x808\x87m\x91L\xbc'</t>
  </si>
  <si>
    <t>b'\x9efv\xe8\x1en:C+zB\x98|(\xdc\xd7\x91\x02Yl\x88\xfe\xbe\xda\xe1\xa5\xc1\x9d\xbe\xd5\x07\xca'</t>
  </si>
  <si>
    <t>b'^sG\xd0\xe9D!dh2K\xcdp\x83\x1em\x80\xebty\xea\xcbfV\x85@\x96\x94\x98\x90o\xa1'</t>
  </si>
  <si>
    <t>b'\x01\xa1\xe5\xf3\x90\xdaf\xf2\t\xc5_}\x8e39\x86\xc3qI\x02c\xa5\xe9\x9a?\x84)\xe5\r\x81\x82\xd9'</t>
  </si>
  <si>
    <t>b'G\xfd\xd3\x1b\xac\x16?9o\xa3\x1d\xa15\xd1\x84_\xaev\xaeF\x96R\xc5\xcd\x19\x88\x06^\xb3\x83c\x05'</t>
  </si>
  <si>
    <t>refinancing high rate cards</t>
  </si>
  <si>
    <t>b'\xc1.\x96\xc5\xed\n\xe4\x9a\x0c\x8a\xabK\xf8\xd3\xb8\x81\x87K\xe4_\x96\x8b\xba\xde9\xe7\x08:7\xb8W\xad'</t>
  </si>
  <si>
    <t>b'5Neq\xc3\xa6$\xb0\xcetS\x82\xfb\xd1\xea\x10\x88\xcc\xb7o\x972G,\xad\x81A\xe53\x9d=('</t>
  </si>
  <si>
    <t>b'\xbb@a|H\x8c\xe5I\xad\x1fm\x89#\x05\x83\xce)U\x9b\xe4r[\xfe\xc3\x9e\xdc\x1b\x86\xe2[\xae\x14'</t>
  </si>
  <si>
    <t>b"\x9e\x885&gt;\xf6*\x06\x8f\x00\xe3\x8aK'E\x96\xcc\xb6;\xfd\x8fu\xac\xb0\x9e\xc8\xd6\xb6N\x0ff\xed\x00"</t>
  </si>
  <si>
    <t>TOTAL CREDIT CARD PAY OFFS</t>
  </si>
  <si>
    <t>b'\xb7\xcbj\x9a\x08\x8cB\x13\x83\xd5\xbay!`\x01\xff$+\xe7\xa1\x0b\xf2\xfa\x88W\x9c \xde\x95S\xf9\xec'</t>
  </si>
  <si>
    <t>b'2\xebiw\xb3T\xe0\xdcV\x05\x951\x02\xa2D-\xd3\xefy\x14\xba]T\xe7\xb8\x06N\xf5\xcf\xf1P\x01'</t>
  </si>
  <si>
    <t>b'\x8f\x9e\xb8\x0c\xf5\xe5\xba\x92\x90a\x83\xd2d\x8cO\xd1\xab\x01\x94\x96\xdf\xefv\x89\xb4\x99\x8c\x0b*\x84\xa8\xe1'</t>
  </si>
  <si>
    <t>b'\xe6_\xadR\xb4\x7fPK\xc4|\xfb\x8fq\xa8[\xc2&amp;\x8eJ\x83Pu\x80\t2\xe4e`py\xf4\x05'</t>
  </si>
  <si>
    <t>b'\x02\xcb\x8c\xeaepT\xbe`\x9c\xe9B_)q$\x85T\xf1|\xfcF~\x1a\xd2s"\xa8+d^\xb5'</t>
  </si>
  <si>
    <t>Putting the House in Order</t>
  </si>
  <si>
    <t>b'7\xf6\xa7g6\x14\xdc\xfb_r\x9c\x99\xb8Y\x1e\x1eW\xa1\x9a\xe4P\x0f\xdb\xc2\x02~D)\x10\xe9B\xf4'</t>
  </si>
  <si>
    <t>b'\xd9E\xd2\x1f\xda\xdaupb\x1b*\x05&amp;\xd2\xa6\xa4\xe7\xc3\x8d\x1d\xd7\x99d7\xff\xdc5\xceO\x85\x080'</t>
  </si>
  <si>
    <t>b'\xa8\x1e-\xb46\x0b\x08!\xb5\\\xd5)\xd4H\xdf\xab\x86P\x01/e\n1\xc5-\x8eJ\xbb\xa7\xfd2.'</t>
  </si>
  <si>
    <t>CCDebt</t>
  </si>
  <si>
    <t>b'!\xf8\xdf\xe5\x88?/m\xc1Nz\x92\x92\xc6EQ\x00e\xb2SU\x07\xfd\x16\x8f\x953\xb5\n\xce+q'</t>
  </si>
  <si>
    <t>b'\xfb\x92\x0f"?\xbe\x91\xc6\x0b\x03\xb5\xe4qz\xc3$L5\xd2\x19\r\x04T\x85VMk\x98z\x86\xe1\x1b'</t>
  </si>
  <si>
    <t xml:space="preserve">Pay off credit cards loan </t>
  </si>
  <si>
    <t>b'&lt;\xe4\xcd\xc8\x94\xef\xc0\xb9o]*2:\x8b\xc6\xa58\x15`\x16\xe3\x95\xb1%\xf7\x87D\xd3\xb2 \x87&amp;'</t>
  </si>
  <si>
    <t>b'\xa3\x8e\x98h.]\xc0%U7\xa5\xc0\xa7\x82\x9bAp_\xcf\x0e\xe9d\xd8\xe7`2\xbc\xdb\xfc\x94\x7f\x8e'</t>
  </si>
  <si>
    <t>level loading my life</t>
  </si>
  <si>
    <t>b'\xe2S\xc8MX\xe5~\x97\x00\xba~\x0b\xf6\xd1s\xd5\x16\x16T\x18\x9b\xf8/\x08{^\x8d\xad+\x1c\x0b\x92'</t>
  </si>
  <si>
    <t>b'@=FxC]\xbb\x81\x12-\xea\xdf,\x81/\xa4&lt;\x07\xbb\xef\xd2\xa3PT\xb0\xbe9\xa2oX\xef+'</t>
  </si>
  <si>
    <t>b']W\x0c\xd4\x18\xae\xa9F\x9eLI\xdbaI\x07`\xb1\xbc|8\x8f\x1b\xcdVdfk9)\xce\x8e&lt;'</t>
  </si>
  <si>
    <t>b']\xa1\xef\xbe3\x17\x83i\x11\r\xb0\xb9\xf4\xbf\\\xdc\x89\x87\xcb7\x19\x8f\x91Z\xd0\xb8+\xea\\\x15\xcf\xb0'</t>
  </si>
  <si>
    <t>b'X\x84\xd4\xe1\xf1\xed5~\x07U\xcd\x90\xfaCe\x1e\x14&lt;\xc7\xf5\xf7\x1448R\xc5\xdc\xf0\xb8\x93\xf9\xa7'</t>
  </si>
  <si>
    <t>b'\xb9\x84\x99\x9f\xa1\xcd1x\x8e\x13I\x10b\x85\xad\x07c\xab_\xc6\xb2\xd8\xfc\n\x99;\xcf\xac|\x9b\xf4$'</t>
  </si>
  <si>
    <t>nomore</t>
  </si>
  <si>
    <t>b"\x86&lt;\xfdw&amp;L\xb9\xc2Xq@L_\xe9\xf4:`\x00$\xe9\n'\xf2\xa2~\xae*\x88\x95\xacd\x05"</t>
  </si>
  <si>
    <t>money safe</t>
  </si>
  <si>
    <t>b'!J\x08l\xbb"{\x876\xb0\x80\xc3\x89r\xf6\x05\x8b]qu\xaa!\xf5\xff+\xe7\xbeu\xee\x01\xc7\xef'</t>
  </si>
  <si>
    <t>b'\xc7\xcc\x17\xff\xf6\x1b_\xda\xfc\x7f&lt;\xe4\xca\xe4Nx\xcf\xc7\xbao\xd5\xbcf}\xe7h\x0fV\x95#\xbf\xa5'</t>
  </si>
  <si>
    <t>home save</t>
  </si>
  <si>
    <t>b'\x83\x11\xcc\x01q\xc2`\tQ\xd4l\xc4s\x1a\x8e\xac\x8f\x9a19\xbc"\xe3\xbcki\x93k1m%\xd3'</t>
  </si>
  <si>
    <t>b'\x81ja\x1c\x006\x14\x97\xf9\x07(\x876=\xb8\xd0\xbb\x1c\xdeLU36\x9e=b\x16\x9e\xdd\x922\x85'</t>
  </si>
  <si>
    <t>My Lending Club Loan 1</t>
  </si>
  <si>
    <t>b'\xb4\xb4\xd8\x942|%\n\xeb\xf2\xf7\xbb;\xd2\x13\xcf\x84T4g\x89\x89\x94Qw\xdf\x98\xce\x84\x06\xe9?'</t>
  </si>
  <si>
    <t>b'#\x15\x171\x89\xc9BK\xcf\xf4c\xcb\xbf\x11R#\xe1\xadz\xfa\xdb\xe2J\x84\xc7ES\xc6\x0fh\x93\xfd'</t>
  </si>
  <si>
    <t>b"[\xbb\xdd\xb2\x116'\xef\xb6X\xb2\xf1f\xc2\x9c\x14g?\x10\xae\x9e\x9b\xf9.\xca ~\x15\xe2\xc2\x85\x17"</t>
  </si>
  <si>
    <t>b'\xf5*d\xa7\xc1\xf6\xf2}\x1d\xcc\x92\x86\x13lt\xa8V\xd0&amp;\xc7\xbd]\xc5\x9d\xb1\xc8\x17nL\xdf\xd6\xe5'</t>
  </si>
  <si>
    <t>Engagement Ring Financing</t>
  </si>
  <si>
    <t>b'\x9e\x08}(\xfe\x00o\xad\x0c\x8a\xc9n\xfe\x8c\xe4\xfb\xacN|\xb1\nf\x8d\x8b\xb8\xf8\x15u\xd2/mh'</t>
  </si>
  <si>
    <t>b';\x81S\xed\xd8r\xe4\xb3\xe3\xb0G\xc7\x08\x10\xc1\xd7\\^\xb1\x96\x8d\xdcWEu\xc0\xd8\xb2\xe1\x80\xb1^'</t>
  </si>
  <si>
    <t>b'\xfe\xc9\x9f\x8a\x12Q$\x85W\x9c\xbc\x8a\xac\xdcC\x92j5\xef\x0b1R\xe74\xca\xa0N\xc0G+S\x1d'</t>
  </si>
  <si>
    <t>b'\x1f\xc25\x7f&gt;\x84\x07&amp;\x8e\nQ=U\xac\xe9\xaa\x0c\x18jh,\x17\rY\x07\xdd\xb4\xd6\xa7E2\xa9'</t>
  </si>
  <si>
    <t>b'\x12}\xc4+\x00(\x91) \xeb\x80\xca\x8f\xe8\x9f\xf2&amp;\x86\x86+\xe8\xc6C\xe3\xcd\xe0\xcf\xd5o\xba\xc6.'</t>
  </si>
  <si>
    <t>consalidate credit cards</t>
  </si>
  <si>
    <t>b'nR\xae\xb4\xf9\n\xa5\xc6Oi\xa6E\x9a\x0c{F\xb9\x8c\xb6\xb7\xce\xaa%\xe1aw\x8b\xd0\xa7\x13\x92Q'</t>
  </si>
  <si>
    <t>b'F\x05\xc3_\x0bps?\xc71N\x9f?Z\x9bW\xb4\xc0B\x82\x847\xdb\xb5\xa3\xf5\x03\x00\x9b\x17fk'</t>
  </si>
  <si>
    <t>Freedom from my Debt!</t>
  </si>
  <si>
    <t>b'Pf\x17^\xdc\xc3\xbbjv:\x1bvz\xaaW\xbd\xbc?\x86p\xaey\xf9\xe3F\xecK\xc7\xa0\xf6\x93\x0c'</t>
  </si>
  <si>
    <t>b'\r\x897\x8e\xed\xfee\xd0\xd6\x88\xe2\xee\x82\xcc+\x12H\x02\xaf)\xa8\xff_\xb2\xed\x17Z/p\xa1\xdd\x03'</t>
  </si>
  <si>
    <t>Pay off Credit Cards!</t>
  </si>
  <si>
    <t>b'*o\x97\xa6\rX\xed\x10\xb5q\x87\xa1\xd9\x82\xf0\x1dd\xa8,\x0f\xfaD\x9c4-[\xf2\x0e\xe4\x8a \xd0'</t>
  </si>
  <si>
    <t>b'\x948\x12\x8e\x87\xe0\xc4\x8b`\xa3\xe3\x88\x95\xe58\xd9\xac\xaf5\xd7\xe7\x8f\xe6\xa8\xe9\x170.\xaa(\x90S'</t>
  </si>
  <si>
    <t>Credit Card Removal</t>
  </si>
  <si>
    <t>b'\xd4kk\x16\xda\xf3\xc8\xf3\xefQ\x9e~\xaa\xa8;A\xd5&gt;.\xc4\x81_\xbc]wz\x86\x9br\x8f%\xc3'</t>
  </si>
  <si>
    <t>b'!\x1d\xcb\x94\x93\xa5\xed\xc1\xca\xe7\xe3\xa8\x0f\xb6\xd6\xf0k\xc6\x849:b\xf0\xdat\xe9\xe0\x19\x82\xaa\xe4\x93'</t>
  </si>
  <si>
    <t>b'\x9b\xb4\xddr\xc7\xff\xc0R\x19\xce\xa0\xab\xc6K]S\x18f\xdaV=\xb0!\x94\xf5H\xbb\x82\xe6\x1f\xf1\xf1'</t>
  </si>
  <si>
    <t>Control</t>
  </si>
  <si>
    <t>b'\xdb\xb3;\x95qS\x1d_\x0fqU\xfa6\xcd\xd1\x11^\x1e\xe7,\x0b\xab\n)\x88\x85\x06\x8e%\xc2(\x98'</t>
  </si>
  <si>
    <t>Credit Card freedom</t>
  </si>
  <si>
    <t>b' \x9f\xdc\xb2\x9c\xf1\xdd\xc4\xd8\x96n#\xaaI\x95\xde\\#\xb5\x80\x03\xe1\xb1\x85\x83\xa7\x87\xf2\xac\xcf\x0e9'</t>
  </si>
  <si>
    <t>High Interest Consolidation</t>
  </si>
  <si>
    <t>b"\xbb\x07zd\x06(\xe5\xf8\xcd\xb8\x15\xb8\x87|\t!)\xe4\xb0 \xb5\xa3=\x98\x93\xd8'\xb5\xd6\xfc\xb3\xe4"</t>
  </si>
  <si>
    <t>Debt_Consol</t>
  </si>
  <si>
    <t>b'\x1c\x90\xccC\x9b\xc7|\x1b\x19\x05z\xcfG\x9f8\x94\x1c\xb1q\xcbJX\xe2\xbf\xec\x1aC\x93+\xbf}\xb4'</t>
  </si>
  <si>
    <t>b'\xad\x06S\xb5\x94\xce\xd3\x19\xc2\x85\xdd\x8bF&lt;\xe7\xa8\xafz\x01\x12\x9f[\t\xde\xfd\xaa\xca\xfet\xb6\xbah'</t>
  </si>
  <si>
    <t>Personal Emergency</t>
  </si>
  <si>
    <t>b"~n\xdd__\xe4\n]&gt;L\x97YaZ\xed*'\xdd|\xe3\x96fS:\x99\x9d\xd0\x92\xbd}\xb9\x82"</t>
  </si>
  <si>
    <t>b"\x15\x94FGk\x89\x0c\x83\xaaIo\xae&gt;S\xb2\xc3\xa8\x10m\x9f%\x96YH\xe2\xd3\x03\x94\x83\xban'"</t>
  </si>
  <si>
    <t>b"\x11\x91\x15\xbe\x18\xde\xbb\xa3\x85E\x1c\xaf'\x1cj\x02o\xb04\xd6\xce|\x08\xa5\xab\xa1\xfe\xd3\x94\xa8K\xf1"</t>
  </si>
  <si>
    <t>MINE</t>
  </si>
  <si>
    <t>b'm\xc5h#6?/\xc5\xdc:\x16\xdfo\xf9 \xd6vb\xd4\xc1\x18\xb3\xc5N;\x91\x9d)z\xd2\x7f\x13'</t>
  </si>
  <si>
    <t>b'\x93\xc9F\xf3\xfa;&lt;&gt;z\xc8\xa3\xa3\xeckf\xc2\xd4\x96\xd4\xe3\xd7:\x1aa\x94\xc9\xfc=\x83\x80c2'</t>
  </si>
  <si>
    <t>b'\xc6\xbeB`CG`B\xa9\x12\xe4\x1a\xfaJ\x9f\xdcx%2\x913|0\\\xb4\xd0\r\x1d%\x96I\xb4'</t>
  </si>
  <si>
    <t>The next step</t>
  </si>
  <si>
    <t>b'8\xda\xc45\xe9\xcb(\x1c\xb1\x1c\x9f\xf1.\xbc\x94\xee\x81\x8fYMf\xcf\xf6\xb4\x12\x0c\xb8T\x88^R]'</t>
  </si>
  <si>
    <t>b'\xe8\x0f\xa8\x0fZm\xf1\x99\xfa0gJ\xe2\xf9\x92\xe8^II\xa7\xa5\x7f\x10\xb1&gt;\xec\x8d:\x9b\xf4k\x0c'</t>
  </si>
  <si>
    <t>b'-\xfcC\x1d+T)\x11m\xb7`\xb1\xba\xd6\x93Q\x86S[0MXO\x02 \x91\x01\x7f\xe8\x86\x82\x81'</t>
  </si>
  <si>
    <t>b'\xf1N\xfb\xf606\xe7\xce\x0f\xd9\x08L"\x05\x05kTZ.{O\xee\x9c\x8e\x98Le\xfau\x0f\xf5\xb2'</t>
  </si>
  <si>
    <t>b'\x0b\xc7Y-\xa560t\xf0\xafH\x06\xb9\x1a\x84\xda]\x91\r\xfd\xc7\xb7h\xcb\x10m\xbcv\xddl2\x0f'</t>
  </si>
  <si>
    <t>better my credit and pay off debt</t>
  </si>
  <si>
    <t>b"\xb9\xf4\x94\xde\xff\x14\x95\xfc\x1d\x86~'\x03\x15--[\xc2\xbd\xc7\x10\x81\x9a\xede\xad\x1d\x1a\x8b\xd7\t\xef"</t>
  </si>
  <si>
    <t>b'\x9aj\\\x15\x1b\x90\xa9X\xe7\xcf\x93\x11R\xa7\x92\xab\xa7\xdd\xc0\x97ag\xdeK\x05\xf5O\x89\xbc@-Q'</t>
  </si>
  <si>
    <t>b'\x02\xae\xcc\xa8\xfb\xa7\x92\xe8\x8cy\x18#T\r\xfde,\xb4\xce\xf5\x84\x9e\xbe\xad/\xc5\xaci\xe6\x17e\xa4'</t>
  </si>
  <si>
    <t>b'R\xa3B\xab)G\xbc\x87\x95\xd8\x8a\xe4j\n\xae\xad\xa7\xe4\xc9\xb8\xb0\x97LQ\x14=[\x8e\xddfM\xdd'</t>
  </si>
  <si>
    <t>b'\t\xa4\x85&lt;,\x80&lt;\xf2i\x19n\xd9&amp;,\x05\xa5\x8a\x12\x05\x0b\x9a\xe4\x17\xde\xcf\xf4ns\x19\xa7\xd5\xf4'</t>
  </si>
  <si>
    <t>b'&lt;\xc08\x8d\xb3\x05\xc9\x02}\xe5\xb3\x94"\x02\x19\x90Y\x91\xf0\xdb\xd1r\xa3\x11~\t\xca\xb3\xb2\xc3\xeb\xbf'</t>
  </si>
  <si>
    <t>Credit Card Debts Consolidation</t>
  </si>
  <si>
    <t>b'\x16\xa9\x9f{NE\x92\xc3\xa1i\x99\xd4\xe4\x13\xa5\xb6\xd5&amp;?\xd7\x04r\x9a?\xfdV\xab?7O\xf8\x18'</t>
  </si>
  <si>
    <t>b'\xde5R\xc4\xd9\xadl\xdf\xa6-\xcc\x7fix\xb4|H&gt;x\x08/\xd9.\xf0&gt;\xdf\x9a\xc3}\x94X\x8a'</t>
  </si>
  <si>
    <t>b'\x1eu\xba\xdb\xeaqvW\x1d\xd0\xa0\x9cY+\x99\x03\xc0\xb3\xaa\x13\xa7\xe9\xee\\\x1eA\x88\xb4?\xf3\xd7\n'</t>
  </si>
  <si>
    <t>b'\x8a\xaa\x82\x92\xcbx\x00jd\xc5C\xd6O\x93&gt;\xa5\x80{\xf4\xdft\xbc\x83zg\xdc&amp;\xb9\xc9L\xcd\x00'</t>
  </si>
  <si>
    <t>Good</t>
  </si>
  <si>
    <t>b"\xe3L[\x87\xe59\x80Men\xbd\x7f\xca-yvL\x10\xb4YiO{'\x1b\xd4\xb5\x14\xb2\xe7f\x08"</t>
  </si>
  <si>
    <t>b'\xeb\xe9y*\x1f\r\x01\xb7K\x9f\ti\x03\xb6H}\x8b\xcf\xc6z\xb6 l\xe0\x14\xc3)+-;\xc6!'</t>
  </si>
  <si>
    <t>b'\xec\xe4\x84\x84\xce\x86\xddQ\x00\xb2\xd9a_\x89]\x99T\x98\xed`\x81\xba5g\x99\x94\x8d\x1c\x94\xd8$\xbf'</t>
  </si>
  <si>
    <t>b'\x1f\xa7+1\xc6\txwT\x93\xdb\xaa\xa4b\x98\xceo\x9a\xda\x83M\x18\xa8\xa9\xfe\x15\x82)\xde\x02\xb6V'</t>
  </si>
  <si>
    <t>b'Q\x01\xd3\x1d3\x17\x86\xa1A \n\xe8]\x9a3x\x7f\xed\xfb\x02/!\xf5]j^J\xfa\xb9X\xdf\xbb'</t>
  </si>
  <si>
    <t>b'\xafD\xab&gt;u\xa4\x05\x19x\xce\xa3X1!\xea\x15\x98\x05\xc3\xec\xbfS\xd5\xde$\x1b\xd1\x0ev-\xef\x12'</t>
  </si>
  <si>
    <t>b'\xfc\xb6\xcb\x878zb\x0c\xc0\xf1\xb5\xd4I\x05\x83\x05\x97\xd2\xba\xac_\x96/B\x90\xeev[\xe3y\x87\xad'</t>
  </si>
  <si>
    <t>My sisters special day</t>
  </si>
  <si>
    <t>b'Rs\xd5\xa41\xa2\xb4\xc8_\xbbq@\xd9\xf8m\x92l=\x13\xf0!\x90\xdd\x81E\xe2\xff\xf3\xca+\xba\xbc'</t>
  </si>
  <si>
    <t>All Together</t>
  </si>
  <si>
    <t>b"\x87\x05\xe1\xec\xff\xc4\x8f\x13':\xc0\xb9\xd2.D\x15EgH\xff\xf6\xcb!\xb0Tw~\xb8\x0e\x9e\xc3\x1e"</t>
  </si>
  <si>
    <t>b'-\x1c\xac\x8a\x94\xecWZ\x88\xdc\x1f\xe0\x17\xcd\x98\xc9\xe0\x0c\xfd\x0e\x9a\x9c\x05&lt;\t\xfd\x1e}\x1bn\xd14'</t>
  </si>
  <si>
    <t>403 b Payoff Loan</t>
  </si>
  <si>
    <t>b'\xcb#\xfbZ\xb3\x88\xcdt\xf6\x18\xfcbG*\xb5\xd0\x1d\xb0\xc4x\x16\xd3\xe2\xc3"B\xf8o\tj\xa1\xc8'</t>
  </si>
  <si>
    <t>consolidation of my credit cards</t>
  </si>
  <si>
    <t>b'\xed\xac&gt;\x89\xbe6\xc5\n(\xe1\xd0\xbd|\x04Gj\xdf3\xfe=\x19I\xc7tC(\xf4\x8e&amp;\x10"g'</t>
  </si>
  <si>
    <t>b'\\\x01;\xdf\x11\xd2m\x8d\xd8Z\xd3kg7L\x10\x81hX\xcb\x19&lt;\xed-$\x0e\n\xefm\x81\xc7\x85'</t>
  </si>
  <si>
    <t>b"\xe8\xf4\\4\xdb\xdc\xcb\x1dsY\xda\x03=\x8b\xa3n'\xadG/\x1f 3\xfa\xab\x98l\x97w\x16y&lt;"</t>
  </si>
  <si>
    <t>b"\xc4\x10v\x00\xf9\x89T\xba\xc1|\xe4\xa5K'\xef\x81\x1eJ#\x98\xb1\xf6S\xcdF\xbbE\xb7xe\n\xbd"</t>
  </si>
  <si>
    <t>b'7$\xf0I\x02Y\xa0\x0e\xca\x12\x8e?\x873\x10\xdfF\xd6\xf2\xea9\x1a\xd7Z\xf2\xd2\x98\xfc\x94\xad\xffo'</t>
  </si>
  <si>
    <t>b'p9\x85\x01\xf2[\xd9\xb2\x1c`\xfc\xf7[\xed\x04\xb2C0Pa8sW\xcb+v}jkV=\xc5'</t>
  </si>
  <si>
    <t>b'n\xaei\xa6\xffk\x83\x95-\xa5\xb8d0\xe7\xdecZ\x91\xa1\xa6\x18\x17\xb7us\xec\xbe4\xe7\xb5\xb3H'</t>
  </si>
  <si>
    <t>Day Loan</t>
  </si>
  <si>
    <t>b'f}W:\x004Y\x1e\xf1x}f%L\xa4\xc0\xfff\x1f\xe6?\xeek\x1cO\x9b\r\x97\x83]\x16\xd0'</t>
  </si>
  <si>
    <t>Consolidation Part #2 - In Tennessee</t>
  </si>
  <si>
    <t>b'b\xe8\xb6y#i\xc8\x13\x05\xbb\xfd\xf6cm\t\x08+\xd0&gt;M\xfb\xaa\xde4\xb5O?\xab\xa0\x11\x91c'</t>
  </si>
  <si>
    <t>Credit Card Bundle</t>
  </si>
  <si>
    <t>b'\x7f\xc5\x03\t+kc\x8a\x7f{X\xc7a\x87\xc0D\x9b\xfb\xebTC\xf1P \xbaU\x89\xb0\x8b*\x9c\xdf'</t>
  </si>
  <si>
    <t>b'\x89\x08\x07\xc1\x86&amp;f\x03\x05\xfc\x96XE!\x10}~.\x9b/\x14lU~\x1cSM\x18;\x82Uo'</t>
  </si>
  <si>
    <t>free at last</t>
  </si>
  <si>
    <t>b'\x80\x00\xc6\x8d\xc2\x16\xbd\x0el:F\x07\xec\xb1\xe9\x15\xcc:\n=\x93\xc6\xc4\x94\xa05\xd6\xfd\xe0\x95N\xe8'</t>
  </si>
  <si>
    <t>b'\xe9\x98\xb7T\x07\xcf\x08\xa5\xeeC\xf5\xcc6\xb0\x93\xc46\xbb\x18\x13\x8e\x18\xc8k\x9e\x15\xc9\xde\xb7\x1d\x03\xfd'</t>
  </si>
  <si>
    <t>b'B|^\xcd\xc4a\x89T\x8f^O\xfd\xe3\xed@\xb8\xc8\x8b\x88\n2\x95d7\xa5\x02\x1eHc\xf7\x0e\x13'</t>
  </si>
  <si>
    <t>b'\x84\x89p\x05\x97\x06\xce\xffd\x86\xdf\x9c\x86u\xe5\xc5\xd4\xed\x89Ie\x7f\xcd\x88\x8f\x07\xcab]\xf0k\xa4'</t>
  </si>
  <si>
    <t>b"\xca\xdb%'+V\x17\xec\x9c \xad\xf4/\xaaD\xeeSUt9\x15\xd0\x95y1\x1b-b\x84t\xb3]"</t>
  </si>
  <si>
    <t>b'Np\xba\x04\xe6\x1bk\xea@\xf6%\xf5io\x19\xbfi\xc7\x1b\xa7\xdc\x11s8\x86o\xad\tu\xd6&gt;\xc4'</t>
  </si>
  <si>
    <t>b'\xd5\x88\xbby3Fb\x7fyn9`\xc1Y\xf9b\xdf\xca"\x9c\x04\t\xd6#yG \xf4\xfeW\x91\xc0'</t>
  </si>
  <si>
    <t>b'\x90\x08\xc9\x169\xdcz0M\x00\x1fbFg\x10\xd8@\xafXosa\xdf\xd8sx\xda\xb1\x9c$Kg'</t>
  </si>
  <si>
    <t>b'K\xaf\x9d\xf4]K=\xd2(\xeb4\xae\x9b\xf7\xb2R\xef\x98\xfc-E21Y\xef\x0f\xc4\xab\x93\xaf\xb4\xee'</t>
  </si>
  <si>
    <t>b'\x80\xe9\x1d\x0f_Z\xfa\xf1\x9e\xdba\x1d/\xe2\xb7\xe1\x04\x04\xc7\xdas\x9d\xe3\x9a\xd6K\x97r\x16\xec\xbfG'</t>
  </si>
  <si>
    <t>b'\xa9\x8e,-MVw\x9e\x9d\xad\x08\xf0\xf2\xacf\xf1\\\xb3G\xa0%\xaa\xe4\x04\x1e\xd9}\xcc0R\x03C'</t>
  </si>
  <si>
    <t>b'\xe2\xee\xfc\xc6M\x8d\xccP\x14\x15\xd4&gt;\xefW;\xecZ \xb1Nm\xcaF\x9a\xd3\xc9\xd8(\x90\xc8\x1b\x14'</t>
  </si>
  <si>
    <t>b'\xad\xbf\x89\x95\xb8\xd4\xc2\xe7\x91\x17:\xbbB\xe6\x1b\x97+\x0e\xddA\x12$&amp;\xe3\xdcF\x9e\xcf\xf3Zy$'</t>
  </si>
  <si>
    <t>b'MG\xf6\xdc\x1e\xe5\xf4\x0c\xa8T\xed~1\xfb\xa07\xa58\xf3\xd4\x88\xc0B\x9f\x1c=r\xfe\xf0\xb4\xa6\xba'</t>
  </si>
  <si>
    <t>b'\xfb\x9d\x089Zj\x8e\xefu\x05\xee\xc7)\x8f\x14\xa9\x05\xed\x810n\x85\xac?\x06\x9f\xf7w\x1bKI"'</t>
  </si>
  <si>
    <t>Investors</t>
  </si>
  <si>
    <t>b'\x83\xf2\x88G9-\x01\x19\xf3f?sn\na\xe4\xefv\x87\xebi}\x0b\x11/\x8d\xd0bZ\xe2\xdc\x03'</t>
  </si>
  <si>
    <t>b'O\xcd\x88\x92\x9e\xdb0\xe5I\x8f\x9f\xe4\xa7v\xa7\x96z\x1aA\xa5\xa6\xdf[\x1c\x17\xec\xde\x98\xa4\x84\x92\x9c'</t>
  </si>
  <si>
    <t>b'W\x8a\xf2\xd76\xb9ezEQ"4\x8dKe7\x12m\xf73\xe0\xb1\x13\xfa\xca\xa9\xdaX\xd8\xe4\xd2\xdd'</t>
  </si>
  <si>
    <t>b'$\xc7\x08J\xa0\xd3\\l\x12\xae\x15\x83\xd0\xfd\x98Ts\xb6_\xd6s\xcc\x12^\xf1V#\x96\xd9\xab\xe3c'</t>
  </si>
  <si>
    <t>b'\x14\xcd\xa8@q\xe5t4E\xc8:c\xc3S/\x8d\x00\x9c\xc4\x81y\xfe\xa9\x00d\x9d\xcb\rV^_ '</t>
  </si>
  <si>
    <t>b'z?\x9b6\xcb@\xa6\xac\xffA\x0c\xd7\xad\xac\xdbN\x1a;\x8d\xa6\x08\x118&amp;\xd6\x03^\xbf\xf3\xe9o\xfd'</t>
  </si>
  <si>
    <t>student loan</t>
  </si>
  <si>
    <t>b'\xd4\xfa\xc5\xec\xea\xed\xde\xcd\x16\xa0\x8f\xe6\x8c\xfc,\x95\xa0\xc3\x00T\x0c\xa4\xca;@y$\xa3\xa6\x981m'</t>
  </si>
  <si>
    <t>b'\x81\xf4\xf6=\x8b\xc7\xb3\x88Y^\xad\xb8\xc3\xa2\xd7[\x8f|\x00C]\x8a\xfe]\xadvT\x87\x82\x03Gy'</t>
  </si>
  <si>
    <t>b'\x90\n\xa1k\xc58\xd4\x83\xd2]\xecIGw\xe0\xc0\x13\xfe\xcc2\xc7\x00,\xfc\xa9\xfc\n|WJ\xa5\x0e'</t>
  </si>
  <si>
    <t>b'\xe6Sf\xde\x91\xd7U]\x98\xf5\xda\xd8\xa8/7\x8a~\xad\xd687\xd8\x15\x06+O\xd5=\x00\xb2\x96G'</t>
  </si>
  <si>
    <t>b':\xd7\x98\xf8{\xae\xe9j \x12\xfe\x06\xe4-\xe0~,\xc0\xc6d\xb3\x93&amp;+\xdd\xdd\x97\x1eV8k\x00'</t>
  </si>
  <si>
    <t>pay off all credit cards</t>
  </si>
  <si>
    <t>b'pM1\xdf\xe3D%9\xec.&amp;\x8b\x1b\xadf\xbc2\xd8f\xd0-\x03\xaf\x10\xdf-^:\x0f$~\x92'</t>
  </si>
  <si>
    <t>b"'\x9f\xae8\xfbf\x0c\x19rZ\xda\xac\x11c\x02_\x7f\xe387\xf1\xe4Q\x81\x8c*\x1b`k\x18\xf3!"</t>
  </si>
  <si>
    <t>b'\xe1\xa8P\xb0\x17-\xfa\xf7\xac\xedW\xf5\xc9\x15\\\xb0\x9fL\x0e\xa7DC\xe5\x93]\xd6\xc2\xa9\x06\xe8\xda\xe4'</t>
  </si>
  <si>
    <t>b'\x0e\xc0\xf3\x118(\xcex{\xad\x1a\x14\xc7D\xf9d\x07\xc2\xa7\xe1c\x9f\x8f5\xc3\xd2\r X\xecp\x1f'</t>
  </si>
  <si>
    <t>pay 2nd mort</t>
  </si>
  <si>
    <t>b'4*9\x99-\xa0\xba\xc5\x1cqC\xd0\x8e.\xed0g\x0b\xaf}\x138i\xfd\xdb\xe3To\xc2\xd5\xfdX'</t>
  </si>
  <si>
    <t>b'\x0e\xcd\xc3\xa2\xda)v\x91\xbem\xc9\xcf&gt;lX\x1e\x80\xe8\x92\x1a;\xd5\xcbT\xef\xb3\xd1D\xebU&gt;\xdf'</t>
  </si>
  <si>
    <t>b' \xab\xa5)\x11j\xf7\xfc\x8d6\x04N\xbe*,\x98\xc2\x7f\xd0c\xde\x83[\x13\x12\xbc\xc9Z\xf8H!\xe0'</t>
  </si>
  <si>
    <t>b'\xf6\x02\xab\xd5s\x053\xc7z\x0f\xbf\x8f\x80\xf6\xcc/s"d4\xce\xcb\x07\xady\xa1\x1c\t\xc4\x16d\xe8'</t>
  </si>
  <si>
    <t>b'\xbb~P\xad\xb0J\x1c,W\xcc\x9eQFc\xce\xc9\xaf\xea&gt;UN\xf6\xc7/Hk\xd4d\x1fp\xff,'</t>
  </si>
  <si>
    <t>b'ru4\x9a\xc7\xaa\r\xb5\xb3\x02}\x980\x05\x10\xf0~\xd0hP\xc4\x980\xcc7sb.\xb7I\x19\xc3'</t>
  </si>
  <si>
    <t>b'uo\xf4\xf2\x9fuQlM\x10\xee \xf8/\xdd\xa7@\x96\xde\xfdhI\xd2q\xe9\xaff&lt;S,\xfe\xac'</t>
  </si>
  <si>
    <t>pretty loan</t>
  </si>
  <si>
    <t>b'\x06\x8fn`\xf42 \xc5\xf1\x97\x85\x9f\xf7\xce\xd8\xd2\xdcb|\xa6\x15\xa7\xa2\xc6\xd9\xf7\x1at\x134*\x13'</t>
  </si>
  <si>
    <t>b'$\xa00*Vo-r\xae\x0e\xd4Q-\xb05\xe5T,\xe7\x0e\x97\x952\xd8\xc3\x12\xd0\x9aq\xfd[]'</t>
  </si>
  <si>
    <t>b'|\xd3\xf9\xec\xcb\x93\xe0r\x9f\xb5\x8c\xfd\xdb\xc3\x90\xd2\xec+\xe0\xad\xa6\xbah\xcc\x8a\x9a\xb9`#aY\xd4'</t>
  </si>
  <si>
    <t>Room</t>
  </si>
  <si>
    <t>b'R\x8f\x14\xa5\x9a\xf0\xdb\x13\xbe\xfb\xb14\xad\xac\xcd\xca\x19qKz\x00W\xa6P\xc9\x16r\x9b$R\xcf\xe1'</t>
  </si>
  <si>
    <t>debt consolidation 3 credit cards</t>
  </si>
  <si>
    <t>b'\x9aq\x05\x0f\x8c\xac\x00NZ6\x8e\xc3\x9e\xd2\x0fcV\x04\xe3\xe5\xf6U\xc77\x80}?\x87\r\xbe)v'</t>
  </si>
  <si>
    <t>Pay off Credit card</t>
  </si>
  <si>
    <t>b'\xae\x1b\xcc\x16\xd4(7\xff\xb6\xd9H\xce6\xe0\xb4\xb8~\xfcl\xed\xe2\xe9%{\x8d@\xb2\x89\x10H: '</t>
  </si>
  <si>
    <t>b's\x04\x8c+F&gt;\x1d\xa6I\x06\x17R\x13l\x82G^\xad\x91\x9f\x85tS\x96&amp;\xc0B\xbf\xc4\xa1\xd2M'</t>
  </si>
  <si>
    <t>Fun Time</t>
  </si>
  <si>
    <t>b'\xd7\xf5Wn\xd2\x03 #\xcd\xc2X8\xd7\xab\x8aqc\x05\xf9S6\x98|\x8ed\xb7\xc7\xb9#\x7f\x86\x1a'</t>
  </si>
  <si>
    <t>b'a\xa0\x7f\xb9!!\xff\xe4x]\xb3m\xc2\x13!U1d\xe2\xa7\xcb\x14_\x89\xeb\xff\x89\xe0\xef\xf7\xac\xb7'</t>
  </si>
  <si>
    <t>b'V\x97;\xc8\x8d9-\x00\x90/\xe5\x8a\xb0\x9e\xee`\x1a\x12\xe74\xafM\xde\x9d\xacP\xda\xcd}\x0c\xaf\x94'</t>
  </si>
  <si>
    <t>DAMAGE CONTROL</t>
  </si>
  <si>
    <t>b'\xf4\x92f\xc23\xcd\xdb\x92\x11\xec\xeel1\xe4h\xc89\x98\x8b|&gt;#\x89\xb0\x13\x97\x95\x8c\x11\xdfG|'</t>
  </si>
  <si>
    <t>PAY OFF LOAN</t>
  </si>
  <si>
    <t>b"r\xd1\xfa\x92d4\xe7\x90\xd6'\xd9\x94\x1b\x03W\xfc\xd1\x1f7&amp;\xd5\xdc1\xdd-\xee\x93\x91B[\x7fJ"</t>
  </si>
  <si>
    <t>b'\xb6H\xf5#\x01\x85~1 \xf9V\xfa\xae\x01\xc8w\x9c\xb6\x15\xb2\x960i\xb0\xfe\x8a\xa5\xe0-\ri\x10'</t>
  </si>
  <si>
    <t>b'\xb4_o\xf2[S\x14\xa8\xe6\xef\xe3\xd2`\xa3@\x9du\xb7\x06&gt;:\x891N\x17\x11dp\xe6\xf8&amp;\xd3'</t>
  </si>
  <si>
    <t>Credit Card - Payoff Loan</t>
  </si>
  <si>
    <t>b'\x94\x07\x7f\xc25R\xa5 \xf1\xf7\xd2\x8cc\xa8\x8c\x0ef\xd8[\x1f\xf5\xf6\xf9b\xb6\xdc_w6\xd2w\x03'</t>
  </si>
  <si>
    <t>b'\xee\x96lSJ\xedU\xaft\xfd*}"\x16\x12w\x9djup\xa154\x80\xbc\xa9\x8c\xb9\x9b\xee8\xdb'</t>
  </si>
  <si>
    <t>b'\t\x90\xb2\x86\xe3\xe5\xfa\xd34 \x84\xaf\x93\xc0Q\xf5\x91#\x95=\x03`\xb6\xea\xa4[;\x83&lt;b\xc3\xec'</t>
  </si>
  <si>
    <t>b'\xdc\xedq\xe2u\xc1\x1b\x84\x98\xd9\xe8\x96S&gt;\xcd\x9e\x88,x\t\xc2\x1e\xba\x0e\x1a\xf3\xc5\xe5&gt;\xc6\x011'</t>
  </si>
  <si>
    <t>b'%\x7f\xf4\x18\xddv\x07\xb6\xa7\xafI\x0ba\xb2\xde0\x9d\xc9\xfa6\xe4\xb7\xec\xa7@\x1c\xcbs\x1f\xc0\x1a\xa2'</t>
  </si>
  <si>
    <t>b"N\\\x11\xd1\xc860\xb3!b\x1b\x15\xa4M\xfd\x08\x83\x8f\xc0\xd0\x1fF3\xc8\x93\x8a'\xea\xd44\xba\x0f"</t>
  </si>
  <si>
    <t>b'%k\xb6\xb9\xd9\x82\xe2\x06]\x18\xfd\xf3\x1a\x80\xc2H\xd88\t,\x0f\t_7\xa7\x86A\x90T\xe8\x89\xe4'</t>
  </si>
  <si>
    <t>b'\x98\xf8\x03}qJ@\xb9\xed\xa0\xf9"\xa6\x15\xf5%\xa0`&lt;h\r\xd6\x1a\xe3\xef\xdeb\xb4\x13\xc3\xab\x8b'</t>
  </si>
  <si>
    <t>b'\xca7\x91\xcc\xbc1ZR~v\x182\x80\x03\xe8\x82w8\xa2\xf7Q*jy\xefe\x05\xd8]\xdd\xe52'</t>
  </si>
  <si>
    <t>One Note</t>
  </si>
  <si>
    <t>b'8\xbc\x7f\x9bv.\x1eY\x94\xc1?\xd1O\xa5\xdb\xd4*"\xeb\xc6\x8d\x10x\x1f\xe3G=\xefb\xee\x878'</t>
  </si>
  <si>
    <t>Loan One</t>
  </si>
  <si>
    <t>b'\xd7\x7f\xbc\x1dB\xd2R\x90%p\xd7\x99\xed\x08\xa2\xc4I`\xb7Y\\lP\xd9\x0e\xfckf"JL\xd8'</t>
  </si>
  <si>
    <t>b'\xd8\xbc\xc4\x96\xa4\x1fd\xd9\x96WY\x1b:ks\xb7,\x8d\xee\xf2\xf5\x03\xb2\x7f\xb8\xdaK\x0b\xc6\x00\x8f\x11'</t>
  </si>
  <si>
    <t>b'\xcf\xcaD\xf5s\xbd\xde5&gt;N|*\x80\xaf\xaa\x87\x91\x07Rb\x0fn\x9a\x17_\x9e9OM~B\x8f'</t>
  </si>
  <si>
    <t>Debt Consolidation Loan LC</t>
  </si>
  <si>
    <t>b'j\xad@\x93\xb9\xd86\xe0\x94\xd5\x17\x7f}\xd71\xc8k\xbe&lt;,\x0b\xb3\x88\xb8\xf5\x16as8\xc8I]'</t>
  </si>
  <si>
    <t>b'&lt;\xa5\x12\x80\xbff|!\x94`\xd5\x8b\xfe\x9d\xe4\xee\xd6][\xccz\x01{k\xec%\xc0%\x8f1z\x8d'</t>
  </si>
  <si>
    <t>b'{\xc6\xddm\xfahIVg\x9c\xd5\x89w\xa9\xe3\xe9\x97h\xde\x0ePF\xfb\x8as8\x81\xf5$\xdc\x96\xcd'</t>
  </si>
  <si>
    <t>b'\x8b/!\x0c\xdfT\xa2kH\x8b\x89HAT4z\xb4\x1a\x10\x0b\x8aMy.\xae\xf6\xe10F\x86\xc8\xcc'</t>
  </si>
  <si>
    <t>b'\xf9T\x05\xd8bW\r\xb0\t\xf9\xad\xc7\x1f\t\xa0\x17\x14P\xae\xd20\xa6\xa5e\xe9\x1d]\xcf\xf0v\x8a\x94'</t>
  </si>
  <si>
    <t>b'\xdf\xe7E\xa0\x92V:5\x9a\xf4p\xfb\x85\x95\x08\xdf\xbc\xa2&amp;\xc4\xea3\xba2Q%\x80@\xba(\xb5\x14'</t>
  </si>
  <si>
    <t>b'\xe0\xb9\x02\n\x85s\x10\xba\xc3\xd0\xde\xe4\x9e\xdd\xc14\xf6\xa5\x13\x9e\xd92w\xd7\x1c \xe4\rW\xd4v\xae'</t>
  </si>
  <si>
    <t>b'Z\x17\xa1\xbfn\xfb0l\xe2\x85ns\xaa\x08E\x19\xae\x02\xb5\xb6"K\xa5\x12|\xaf\xcdh\xe7B\x99\xaf'</t>
  </si>
  <si>
    <t>b'\x9du\xaa\xe9\x18\xce\x98\x93\xb9h\xe0\xd64\x19\x87U\xaa\x9f\x8fLW\xa3\x16\x88\x06fzu\xc2%{\\'</t>
  </si>
  <si>
    <t>b'jl\xfe1\x1e\xef\x8d\xcd\xd5e&gt;\xa6\xe7&amp;\x93\x06g\xd3a\xb2\xe3\xc1/k\xf2MEb\xef\x7f\xddo'</t>
  </si>
  <si>
    <t>b'\\@\x16L&gt;\x86\x9f\xd5)\x01\x15\xb9\xbbK\x1a\xc5\xc5:\x1ba\x1da0*\xd4\r\x17\x8c\xee[\x91s'</t>
  </si>
  <si>
    <t>b'g8\xbe\xe4\x8e\xa0\x80\xe5w\xac=\xbf\xf3\xc2\x13\x98&gt;[A\xa7\x84)\x85\xc5"\xed\xa6\x92p\xec\x14}'</t>
  </si>
  <si>
    <t>b'%&amp;\xde\x11\x80\x1c\xe8\xf3\xea\x91~\xbf\x95\x9e\xd920\x19\xffrG\x82zvs\t"\xc3&gt;\xe4-*'</t>
  </si>
  <si>
    <t>b'f\x98\xf3%\xd0\x1a\x87\x1e\xc9\x10\x9cWc\x8diE\x05h\xdf\xfe\xf2\x04\xd7E\x9c(\xfbf\x00P=\xaf'</t>
  </si>
  <si>
    <t>b"m\xc2\x968\xebo\x04D\x9a3\x1eD\x17\xc9\xf4'$\xed=\xbc;N\xfdW\x8e\x92\x85\xfa\x0f\x13\xed\\"</t>
  </si>
  <si>
    <t>b'5yp\xf2h\x7f\x0bL\xb3\xb7\xe3\x93\x0c\x86\x1aF@\x9c\x1dywb\xaf:\x8f\xe1\xd2\x17 d\xba\x0f'</t>
  </si>
  <si>
    <t>b'SB\xf1\x06Nc#\xf9\xa1\x17\xeb\x84\xf8e.\xc3u\xd6?\xd2\xa3\x89\xc1E\xa89\xbc\x07\xc5C\xe9C'</t>
  </si>
  <si>
    <t>b'5lK\x8dL\xa8t?\xb4\xeaV\xfa\xb4C\xad\x14d\xa7\xfe&lt;\xd2\xc7?A\x01\xbcm\x1a\xe2\xd1\xcf\x19'</t>
  </si>
  <si>
    <t>b'\x18\xdc\xd8\xd8.\x9eR\x1e\x07\xa6\x04\x86\xfc\x9d+\xb1\xd0\x9d\xc8\x95\x11\x86m?\xbc\x9f\xbebH\t\xf4h'</t>
  </si>
  <si>
    <t>b'\x1e\xcb\t\xfbs\xea\xaca\x95\xc6O\xb53Ud\x8c\xaeI\x8d\xa0\x05\xaar\xa8\xaa\x1e\r\xdd\xe9\x86J\xe0'</t>
  </si>
  <si>
    <t>b'~u\xea\x07.uH\xaf\x8b\xdd \xa4c\x0b}\xdd\xad\xe3an\x90\xdc\x95PS\xb6\x8eFw\xa9\xad\x08'</t>
  </si>
  <si>
    <t>b'\x12\x92q\xa9\xba{hc_\xdc\xa5+K\xfe\x01*\xad,F\xe8\xbc\xc0\x10\x89\xfc.hO;\x912A'</t>
  </si>
  <si>
    <t>b"X\xa1\x96\xc9\xea\x05\x94\xeeA\x91Tb}]x\xbc\x0c\x0e'\x95\x7f\x13\x8da\x1f\x1c\xb6\x10\xf2\x1e\xd9^"</t>
  </si>
  <si>
    <t>b'\xc9AC&gt;\xda$z\xf2\xbe\xd3\xd1"t\xf5\xe6{W\x9e\x1f1\xab\x81\xa8vLr\x9f\xa8\xe9\xd3\xde\xe6'</t>
  </si>
  <si>
    <t>b'\x0e\x88l\x1c\xf7\xfb\xf9+\xc7\xd6\xf3y\xf36=\xe4T}\xb6_\xbb\xb8R:|\x82\r\xf1,X\xfe\x96'</t>
  </si>
  <si>
    <t>b"p'p(2\xc3y\xc9\x92\xfb\x83r\xee\xd7c\x8cz\x9d,\xa0\xd38\xae\x07\xf5\xe39Y\xa8\xe7\xaa\x9c"</t>
  </si>
  <si>
    <t>b'\xe1\xc9\x82+\xa7\x96\xa7o\x1f\xc9\xf6\x96\xc4\xb0\xacaW\xaf\xc4\t+\xa6}\xb5E\xd6E\x7f\xb7\x10\xac\xd8'</t>
  </si>
  <si>
    <t>b'\x9b\xa9\xfe\xe9\xbcS@}\xd61O\x19\xecG\x8c7\xa6\xce\xd45\x8d\x07iJT}\xf6*\xf3\x822\xc2'</t>
  </si>
  <si>
    <t>b'\xac\xcf\xd9\xeau\x10\xba\xe1\xc3%H{&gt;kV\x14\xc3*\xd7F\xcb\xdaT\xbb\xdc\xf35\xc1&lt;F\x9f\xe1'</t>
  </si>
  <si>
    <t>b'\x87\x07\xa3\x97\xda\x12\x9a\x15)\x0c\xfb\xfa\xb9\xd3\x18\xb3W\x03d\x9f\xca\xc6\x8a\\,"\xb9\x91e\x7f8u'</t>
  </si>
  <si>
    <t>b"\x92\xc0R\x11'\t\x9a2Z\xa6\xda\xa2u\xc7\xd9\x97\xddZ&amp;\xb8\xdfvS\x99\x9b\x86\xba\x82\x1d\xeao\n"</t>
  </si>
  <si>
    <t>b'4\xe4h\x03\xc3^\x0c\xc2\x08.\x85N\xe0\xa8NB\xb0\x18\xbd\xe8"\xe1BDr\xdeyeb\x9c\xd75'</t>
  </si>
  <si>
    <t>b'\x10\xcf\x17\xd5\xbah|\xfe\xf0H\xb4\xd0\xb7\xa7\x10\xdf^L\xb0T!\xd1\x06\x82\x958(\xd4\x1f\x19\xe1R'</t>
  </si>
  <si>
    <t>b'\x97o\xb0k\x80y\xf9\x17Om5\xa6\x10\xec6L\xc2F\xb3SP\xec\x7f\xe3\x08(\x02|\xd6v\\,'</t>
  </si>
  <si>
    <t>b'\xc7\xc4h\xcaw\x03\x00\x05o\x93\xbe\xea0\xd1\xf2Y\x15\xd8\x90\xbdP\x91\x1f\xec\x8d\x1f\x06\x01\x94\xf5\xd9\xac'</t>
  </si>
  <si>
    <t>b'\x01Q\x0cIb\xaf\x0c\x8aZ\x11\x0e\xdd_W\xf5\x93\xe9\x9d\xf9MY\xcfR%\x9d\xd6\xbe\x99\xb1nDh'</t>
  </si>
  <si>
    <t>b'x\xe0\xd7\xe2\x9a8\x86I\xb3\x17\xbb\xd0\x04\x8a\xa6\xa9\x11\xbf+v\x1b\xd5\xf0\xff\xaa\xc4\x1e\x9f\xdb\x0f\xaa\xe8'</t>
  </si>
  <si>
    <t>b'\x91Ro\xd1\xa3\xcc\xd7C\x9c\x1c\x1bu\xee&gt;t\xc9\x15nX\xb5\xd40\xeb\x99\xb4z\x16\xb6\xeb%$W'</t>
  </si>
  <si>
    <t>b'T\xdf\xa3\x88\x89\xf0\x91\xb2Z\xf7\xcbd\xbe\xb7n($\x8d\xc2&gt;\xd9\xc9C\x8e!O\x95\x1d\xbb\x84\x9eN'</t>
  </si>
  <si>
    <t>b'7"\xddun|c\x98\x17\xb17"\xc7\xd8\xa2#\x94\xeaX\x8a\xc5\xc9\x89\xfb\xdf6\x89\xf4\xe5\x14\x84\x92'</t>
  </si>
  <si>
    <t>b'\xf3\x86\xb4Y\xa9y\x90\xff\x19"\x85\xc01\x93\xfa\xea\xb0\xadt\x96\\\x87\xde\xc8\xf9\xc4?\xc8p?\xfa\xa4'</t>
  </si>
  <si>
    <t>b'\x85w\xe2\xea\x0f\xf2\xa0\x08\xb9\x01N\xe9f\xf6\x01z\xa4\\\xc3\xf4S\n\xb9{~\x01j\x0b2\x98(\xb2'</t>
  </si>
  <si>
    <t>b'}A\xd1zo\xcc\xcd@W\xfe\x0c\xb8\xcd\xf7\x13\t\xb4\x88l\xb8\xd2\xcc\x1aX\x0c\x1a\xf5\xa6\x9e\xe7\xfbt'</t>
  </si>
  <si>
    <t>b'x|\xec\xcb\xb5$\r1pf\x94o\x8d\x86\xd8%\xa0v\xc1\xd1\xf9\x19(\xd3b\x13&lt;\xe3\xa1w\xf7{'</t>
  </si>
  <si>
    <t>b'\x07%\xd8\x84C\xd0\xe6\x1c\xa5\x9f\xfb\xad\x83\x8a\xb0\xf4\xe9\xa5\x95\xc3\xe5\xac\x07\xe7\x99\x1aH\xcd\xe7#36'</t>
  </si>
  <si>
    <t>b'I~h\x88p\x9dl\x81#\xd8\x81\xfdj\xcb\x99\x97\xcd\x97\xef\x0b.\x1c\x88b\xaa\x8f^N\xf1hf\xc2'</t>
  </si>
  <si>
    <t>b'\x16\xfc\x8e\xdc\x06]\x11\xa2^\xec\x17v\x92\xdb\xe57\x85\xfb2\xe0\xce\xca\xcd\xf8\xf1\xbf\xf5\xdb\xb8\xc8\xb1\xa2'</t>
  </si>
  <si>
    <t>b'6;\xa2\x1f\xa8\xe4a\x86n_\xac\xfaA\xe7\xfc\xc8\xa0\xe7\xf1\x11\x95;\xb1\x1d\xcc/o(wh\xfaV'</t>
  </si>
  <si>
    <t>b'\x00\x01\\\x90,c\xfb\xa4\x91\x14\xbdz\x07\xddr#\x82S#Yo\xad\t\xa9]Eq\xd5vd\xcb\x8f'</t>
  </si>
  <si>
    <t>b'\xc0\xbc\x12\x9e\x19\xed\xd4\xaa\x00\xc3\x1fc+\xc9\xcd\x15\xf8\x91\xa6\xb4\xbaTP;/\xb1}\x1a!\x9d\x0c]'</t>
  </si>
  <si>
    <t>b"\x9f\x11\x03\x0c\xc390/\xb2{P\xcd'\r\xcc\xd3\x99z\xcd\xc4\xc4:\x03\x86\x94G\xb6\xe0,\xf8\x1d\xa8"</t>
  </si>
  <si>
    <t>b'\x02d\x01X\x1c\x0f\x91\xcf\x95\x9e\xaf8\xbd\xaeZd\xe8\x92q\x8c\xdf\xb0\xa8c\x02\xcd\x13\xef\xc2x\x9em'</t>
  </si>
  <si>
    <t>b'\xa9U\xf4\xca\xd6\xc4\x18`\x1fU |\x8e\x85\xdby\xa8\xc5\x19\xc6\x0c\x02&amp;\xc7\xd8B\xc0\xd9\xb17\xeaK'</t>
  </si>
  <si>
    <t>b'rP\xcb\x9f\xaf\x13\x9b\xa4\xd6*vW\xf8A\x8d\xe7\xac\x9c\xdeIR\x88\xa4\xbd\xca\xc0g#\xb9|y\x9a'</t>
  </si>
  <si>
    <t>b'\xee\x070\x10|\xb8k\xa5\x9a,\x10`\xb8\n+\xd1U\xe6y6\xc8\xc9?\x96\x1a\xacu.\x1c\xeb\xee"'</t>
  </si>
  <si>
    <t>b'\xc5\x84@\xd9\xfd\x03$\x92\x9d\\\xe3oq\xe60\x91\xed\xab\x94\x9d\xebIA3NM\xd5CS\x9d\xc7V'</t>
  </si>
  <si>
    <t>b'\xe3\x0c\x8bSRi\x7f\x0fV#"\xda\t\xbePAi\xdb\xf6Xd,+\xfd\xfc\x85\x85\xbfF\xbf\xe7\x9f'</t>
  </si>
  <si>
    <t>b'\xcd\xa1+\x13l,VQ\xd1\xe8\x7f\x8e\xd4\xdbVW\xd0\x8f^9O\xe8H\xf1_q\xe2\x10\xe6\xfb\x1a\xa1'</t>
  </si>
  <si>
    <t>b'M\xd0\xcar\xb8\xd5\t\x1b\xdcq&lt;\tN\r\xc6\xd2\x95\x99\xcep?g@\xc1t5\x1f\xc1WH\xa9\x1e'</t>
  </si>
  <si>
    <t>b'@\xe1\x8cu\x86\x98\xc6\xc5\x96&lt;p,\x98\x1c\xdb\x02]\r\xdb\x12\xba .\x1e1\x8a\xfb\xc3\x0b\xb3\xfc\x1d'</t>
  </si>
  <si>
    <t>b'\xcb\xfc\xbc\xed\xb7(\xa1\x7f4\x04\x14+\x82[\xed\x151\xec\x94\x86\x06U\x88\xe8\x1e\xa4\xea\x1e\xd2dQ\xe7'</t>
  </si>
  <si>
    <t>b'\xce2\xc2\xd7Bw\xe6e.o\x88Z\xd6`\xe67\x85\xc6\x02V(\x18\xe3\xea\xb9L*KpH\xafJ'</t>
  </si>
  <si>
    <t>b'\x85\x0f\x92\x01\xaeX\x0fY\xc9:xhTrf%\xa3\xe4\x8c038\x82h\xdf\x1e#\x96\xe3\x0cV\x05'</t>
  </si>
  <si>
    <t>b'\x01\x88YXW\xce\x85\x8b5\xc0\x8b\xe5\xf6pU\xd9\xaf\xabi\x0f|\x98\xeflv\x9f\xb5\xde\xfd\xfc2\x15'</t>
  </si>
  <si>
    <t>b'\x02\x8e\x8a\xfd\xe0\x00\xa1\xf2\xdd\xc55\x12\x8dyu$\xef\xb12F\x9e\xa38\x8dq\x8a0pj\xc7\x0f\x18'</t>
  </si>
  <si>
    <t>b'g\xf1\tx\x99\xcb\x86\x84\xd7\xa5\xf3\x15W\x04\xb6\n\xd0\xd6\xdf\xd5*W\xf9t\xc8f\xfe\x1d\x14\xf0\xc6\xbb'</t>
  </si>
  <si>
    <t>b'O\x02V$G\x0f\xa8\xc8\x19\xb9\x08bJ\xe4g\xb8\xeb\xf1\xbdS\x86\xfa!\xd0\xbf(\x00\xd4V4\xd3('</t>
  </si>
  <si>
    <t>b'Q\x97\x87\x19\xdfP\xe2\xe1s2H \xa9\xbfuT\xc1@\xcd\x84\xf3\x82mK\xbe\x1f\xd8\xc6*\xd3!A'</t>
  </si>
  <si>
    <t>b'\xb4\xe6C\xa3\xf5\xf7\xad\xdf\x83\xb8t\x17\xfa\xc8\xf2Ms\xf5s\x11\xc3O!\x8b\x82\xaf\x08Ow\x82\x895'</t>
  </si>
  <si>
    <t>b'+\xd2h\x9d\xfduS\x8aI7\xb0\x85\x1c\x1b\xd9\xbd?X=\xce\x17\x03\x8cMY\xf4E\\\xbb\x85\xd0\x99'</t>
  </si>
  <si>
    <t>b"\x97}2\xd1\x10e\xe9\xc1\xac\xb1R\x1a/b\x86J4\xf8'\xb9;\x9e\x03v\x1b^n\xce\xa1\xeb\xb0^"</t>
  </si>
  <si>
    <t>b'[\xd0\xaa\xa5\x84|cy\x9fN\x8f\xec\x9d\xee\xad@:\xc7\x91\x1d33\xbb\xbfZ\x1d~\xf0M\xd7\x86\xde'</t>
  </si>
  <si>
    <t>b"&gt;\xd5\xa6\xda\xf1\x05L\xb5\x1c\xdak@r\x19;\xf5\x15M'\xdb\xe5\x04\x1d7\x16Hn\n\x17\xec\xdc\x7f"</t>
  </si>
  <si>
    <t>b'5\x9a\xdd\x0f\x0c\xca\xfcZ\x95\x96l\x1a\xdf@:\x92,\x1a\x9c\xd3\xa4\xca}\xabz\x9bI\xea\xbb+\x97\x1d'</t>
  </si>
  <si>
    <t>b"\xd9\xf4\x10\x00&gt;\xd6\xe22E'\x88\x13\xbd\x84\x02\x90\xb2\xe0\x83q6\x88W\x92J[;\xbc\x93\xe0$\xd9"</t>
  </si>
  <si>
    <t>b'\x87V\x8bhz3\xaf\xf0\xc4\xf4\xc2\xa1\xdc\xda\xd4\xb8n\xd1\x99\xe8\xde\xc7\x1d\xc8f\xf9$a\xfc\xf7_}'</t>
  </si>
  <si>
    <t>b'\x08L\xb4|o"\x1a\xbf\xdb\x84\x94\xb40*P^[\x8c\xd9\xf2O\x97Z\x9d\xd8\x03\x04\xce\x7fTv\xf4'</t>
  </si>
  <si>
    <t>b'\xd5B\xa1\xcb\xca\x80.\xf5\r\xa62\x9a\x14\x7f\x07\xca\xfd\xa4\xa2\x0b\xefj\x80[\x9d\x8d\x01\x89\x11\xde\xe6)'</t>
  </si>
  <si>
    <t>b'\x0ba)1\xae\x0b \x96\xc6\x89\xd7\xdf\x12w\xef6\x0eO\x80z\xe6\xc7\x87\xd4\x18\xcb\xe0\x19\xc1p\xe2\xce'</t>
  </si>
  <si>
    <t>b'\x8a#*\x11\x99\xab\xee\x1bG\xdc\x9b\xfb\x94\xeb\xf1u[k\xd3\xe5e[\xf4\x92:\x87\xd2\xe7j})8'</t>
  </si>
  <si>
    <t>b"\x102\xe0^#\xdb\xa6X7[#\xfaq\xe5Q\xd1\x95\xc1\xe3\xb0`\xa0\x06\x11\xfc\xac\x97'iX\xf6\xab"</t>
  </si>
  <si>
    <t>b'\xa5n\xb54?_\xa4\xf9\xf1\xc9\xc8\x80Y\x06\xc8\x18\xb1\xa6k~\xf2\x90 \x84-\xa3;\xe3w\xb9\xec,'</t>
  </si>
  <si>
    <t>b'\x0e\xc0I\x10yka\x0f)jk\xbdQh\xc9\xa6f\nFGu\xac\xb5\x9d\xc8n\x1d\x95\xb5l\xbd&lt;'</t>
  </si>
  <si>
    <t>b'\xa3\xe1\xb3H$\xc9\x1e\x1a\xec\xb4\'\xf64p\xe0\xe5G\xa5#\x89\xe4\x85\xab\x1b\xd6\xa9\xe1@"\xc1|\xde'</t>
  </si>
  <si>
    <t>b'=\x0c\xc5\xabWt?\x80\xc8|\xf2fb\x08.\xa3\x01\xc4\xe7\xf3\xec{\xa1\xf6 dp=[\x1f\xec,'</t>
  </si>
  <si>
    <t>b'&lt;\xd1\xdf\xf1\x85p7 4\xfc]c\xce?\xcfO\xff\xf7I\xbc\x1cE]\xd1s\xfaH\rqH!\xa2'</t>
  </si>
  <si>
    <t>b'6\x86\xc3p\xba\xf5\x1f\x18\xc5\x85\n\x1d\xc2\xc82&gt;\xbd\xf5WI\x82\x8f\x85\x18G\xa5\x7fH\x9ed\xba$'</t>
  </si>
  <si>
    <t>b'\xb3#\xd03D`\xebM\xf7\x026\xa0\xea*\xbb3[\x8d\xe58\x94\xf9w\x94\xce\xc6\x8d\r9A\xa0\x04'</t>
  </si>
  <si>
    <t>b'\x8e\x96\xe6\xc3\x9c\xae-M\xb6Y\xdc\x02\x89\xe7&gt;a\xe5\xa1\xb5DM{_xlKx\x8a^`\xa9\xb8'</t>
  </si>
  <si>
    <t>b'\xce~\xbe\x19h\xf4[f\x8c\x13o\xd23&amp;\xb8\x9enf\xdd~5p\x86\xd3\xdb\xe4\x11\x07\xca\x87\r\x03'</t>
  </si>
  <si>
    <t>b'\xc2\xff\xa6F6M\xe0\xf5Ha}O\x9bG\x953/\n\xb9H\x00:\xbc\x8f\x83~N\xe5\xa7\xbf\xc4Q'</t>
  </si>
  <si>
    <t>b'\n\xd2\x8bUD\xeaR\x12W\xe8*r{g\x98\x98\x81\xdc|\x19+\xb4\x06\xe0\xc5\xabY\xa4r:\xfd2'</t>
  </si>
  <si>
    <t>b"\xd1\xb2'\xa1\xad \xecBH\xec\xafX\xf5B\xc3\x9d`U\x01dk\x06\x1e\x18\xa3\xa4\xa5\xb3\xb0@\xe5\xec"</t>
  </si>
  <si>
    <t>b'\x88x&lt;\x16/\xe4m\x17\x92WaE\n\xf1\xadN\xc0\x0bk\x06k\x9f\x0eY3)\xadD\xa1^\x9aL'</t>
  </si>
  <si>
    <t>b'\xbc\x95\x91\xc2\xfb\xbdGrl\x19\x1d\xfcb\xaa\xc4\xe7sf\x84\x81\x15\x8b\xc9\xb1\x08\xeb\xa2\x99\xd8\x94\x98~'</t>
  </si>
  <si>
    <t>b"\xec\xde\x08\xee\xe4\x84\x86(~9\xd0k\xe1\x07=\xe1o\xfff\xb2'E\x11\xc0Z\xac\xb6(\xab\xe0+\x11"</t>
  </si>
  <si>
    <t>b'\x08\t$\xdcM\x1f\xbb\x9btF\xe0\xe3\xbb\x80#\x9ex!=\x9a\x13.\xd6)\xa1:\x90\x07\xb4[\xf5\x98'</t>
  </si>
  <si>
    <t>b'k^\xd1w\xfe\x13\xd1\x03\xbf\x9d\xb1{b\xb2\x89a\xad\xbal\n\x85\xf0\x05\xbf\x00\xc1|X)f\x132'</t>
  </si>
  <si>
    <t>b'\x04H\xbey\x88\xfb\xa5\x14\x9e\xd3?\xe9\x91H\xa1\xf1\xac\x90\xa0l\x95\xe7\xd4\x936\xa8U\xa7s~\xed\xc1'</t>
  </si>
  <si>
    <t>b'h\xba#j\xbe\xe3\x08NO\xbf\xd2\x80\xb1\xfd\xbe\xbf\x10\xef\xd0T;8\xdaD\x05\xd4\x9e\x04i\xe6\x95\x1c'</t>
  </si>
  <si>
    <t>b"a&lt;\xd1\xcd\x85\xb9\xf2\x93e\xa5g\r|g|`\xfe!B\x95\xa0\x02\x1f\xd5\x8eQ\xc1\xb5J'\xedF"</t>
  </si>
  <si>
    <t>b'\xd0]\xdc:\xc20\xd7L\x1b@}\x85d\xfe\x0c\xd9\xc9\x1f`\x98d\xcfUtlR&lt;\x07\xf5\xa3\xa7\xf0'</t>
  </si>
  <si>
    <t>b'H~\xf6\x1d\xe6\xc6\x8aL\xb3\xe3\xf2\xb4\xce9&lt;\xc8\xcb\x03\xd9\xec\x1cmW(\x15y*T\xc9\x8f\x9c\x03'</t>
  </si>
  <si>
    <t>b's\xe5\xef\xd3G1Xr\xf4P\xce\x08\xd8pMT-\x95\xf8\xb0\xa0\xf2O\x9e\xfa\x98\xe2r\xcb\x1d\xc47'</t>
  </si>
  <si>
    <t>b'\x99\x82w\xdc7:\xaa\xdc\xfd)\xc9\n?\xbd\x93\x08B,\xbdI%;\x11\x01z\x03\xe7\xc7\\\x89Q\x8c'</t>
  </si>
  <si>
    <t>b')\x11\xb1\xbe\xed\xafX\xda\x8b\xcaJ\xec\xa0\xfc\x14\x80|\xf4\xaaj\x84\x13\x11\x94~`\x9e\xa2\xda\xe4I\x86'</t>
  </si>
  <si>
    <t>b'd\x94\xe8\xab\xb7\xb6e\xf0g\xb7\x92rb\xb5Ie\x0c\x1aJ)\xfd3\x06\x9b\xfc5\xd1F\x85|\xd6\xc7'</t>
  </si>
  <si>
    <t>b'5\xdb9\xd7&amp;I\xab\xa3[\x00zs7&gt;$D\xe7\xf4\xb6\x98\x84\xa9\x83P\x8c\xf0\x93D\xbc\xc3_\xb0'</t>
  </si>
  <si>
    <t>b'\r\xab\x1f\xe1e\xf8[\xb7\x1d\xc6g:\x8f\xf8\x86-AvY\xa4U\x1f\x8c\xf0U\xd1\xfa\xa5d\x0b\xbeu'</t>
  </si>
  <si>
    <t>b'\x9d\xa4\x04\xae\x04\xe6\x83\xb1\x92$:\xf1[\xb5\x89XG\xc8/s6d\x9e1\x19\x8aM\xd8r\xb2Z\xf0'</t>
  </si>
  <si>
    <t>b"\x14\xcd\x92dl\xc9P?Iq'\xa9G\xdd\x86R\xd0\xfb\xbdf\x9a\xb1\xbf\x89\x9b\xb8\xd5\x8e^\xe7\xe0\x0b"</t>
  </si>
  <si>
    <t>b'\x90\xe9U\xf2\x89\x1c\xd7\x9c\x94\xa6\x90fi\x93RT\xb0!;\xcc\xe3\x16\x12\xf9\xdb\x8a=2R\x83\x1a\xa5'</t>
  </si>
  <si>
    <t>b"4mV-\xf4)\xa7'\x9b\xc7Z\x15\xfe!Hh\xa1\xd6\xf7\xeb\x19\x1c\\T\xc7\xf9F\x8e\n\xfe#^"</t>
  </si>
  <si>
    <t>b'3=\xc3\x1c\xdc\x86N\xf2XW\x9d\xd2~\x9a\xa2!.\xb1\xcb\x8e{\xc9,\xe5\t\xf0\xf5&gt;Ft(T'</t>
  </si>
  <si>
    <t>b'\x90\x98&amp;\x8ao\x8eR\x8cO\x98\xe8\x94\xc0\x8d\x8f\xa4\xe1\x85\xfa\xa6^\xdf7\xafO\xa4@\x03\xde\x92\xd9g'</t>
  </si>
  <si>
    <t>b'\x11\xa7\x84HK\xed@\xc3\xe6\x95\xdd\x121\xd88\xee+\x13\x84N\xd1\xa6\xf0S\x06\x8e\x874V\xdcL\x06'</t>
  </si>
  <si>
    <t>b'\xd2_\x0c\x97\xcc\xb5\xf34.\xac\xb6\xa2\xcfY\xc6\x04\x89\x8d\x08\xce\xc3\xc3VZ;\xd3\x0cbo\x8czj'</t>
  </si>
  <si>
    <t>b'\x80\x00\xa9\xd3\xe9\x03\xc7q\xb9\xfd3\\\xeb/C@B\xf2S\xf0\x9a\xb8\xcbt\x1f8\x06\xa7\xaf\x8e\xb9\xaf'</t>
  </si>
  <si>
    <t>b'\xb7\xe9Z\xef/!\x8f!\x85th\xca\xa2&gt;\x0brrt\xfa\xad]Y\xaf\xea\rr\x12!\x11\xfc\xf7\xc8'</t>
  </si>
  <si>
    <t>b'Z\xdf\x1c\x13&amp;\xe9Ue\xa7G\xaa\x16kp1\xd5\xb9\x9f\x18\xe5W\xda\x17\xb3\x9d\x88\xf2\xbe\xc5\x1fk\x04'</t>
  </si>
  <si>
    <t>b'N\x0b;9\xd7\xbcX##\xf4*+_n\x16\x03\x8d\xd6($[k\xf1\xb0\x15X\xb3!\xce\t%S'</t>
  </si>
  <si>
    <t>b'\x1a\x91i\xfc\xdc\x1aM\x0bV\xcb+1\xaa\x98\x9b\x10\xcak;\xefhk\x81\x98\xcc)\xc4y\xff\x91\xfa\xab'</t>
  </si>
  <si>
    <t>b'\x01\xb8!WPb\xb7\xd5\x93%\xc8\xe6\xe1\x99\x8b7\xf4\xaa\x99\x18J@v\x0e\x04\r\x8d\x8f\xb5\x15b\x02'</t>
  </si>
  <si>
    <t>b'\x12\xdf,\x7f=&amp;\xa6\xe0\xba\xe4\x10\xbc\xca\xab\xc2\x90@\x1d\x08\xa3\xf2J\x13V\xc9\xb2\xaf\x08lJ\xe8\xea'</t>
  </si>
  <si>
    <t>b'\xe5\x84\t\x89\x13\x83b\x96\x07\x02\x95\xe5\x9aKk\t\x8f\x00\x84\xdd\xa2Pt\xf3\xc2\xc0\x0c6\x86\xd9\x0c\xd9'</t>
  </si>
  <si>
    <t>b'\xf2\xe5\xdfk\n\x83\x0f\xcb\x00\xac\xbe\x0c\xae\x07l\xa6+\x01\xcb\xc1\x95.\x884V\xf0.\x07s\r\xc7\xc0'</t>
  </si>
  <si>
    <t>b"\x15P\x1ep\xd3\xd69\xbeF\x815m\xfd\x0e\xc4[W\xf2U\xbd{$8\x0fQ'\xbd\x8d\x95N\x89\x11"</t>
  </si>
  <si>
    <t>b'\xf3\x96\xcfv\x8e-\xde\xfe\\\xc5S\xf5\xc5\xf4j\xe3\x0eR\xb6\xe4N\x91\x8d3IU.E\x0c\x9b\x87\xbb'</t>
  </si>
  <si>
    <t>b'P\x11\xee,\n\x1e\xff=\xd2\xc3\xb4\x04a\x92\x1c\xbe\x97\xb0\x03\x94\x05\x93d\xd3\x95\xadb\x05g\xb8\xbe?'</t>
  </si>
  <si>
    <t>b';\xaa~a\xcd\xb5Uj\x0b\xed\xf9\xf2\xe5\x14\xf8 V@\xb5\x18\xfc\x8e\xeb\x93\x03KT\xd7\x03\xef_\xe0'</t>
  </si>
  <si>
    <t>b'\xa0\\\x18T$4\n\x17\xdb\xc7\xa0D\xcb5\xad\xfbe\xdb[\x12&gt;\x95\xdfSG\xa4/&gt;\xc3\x05\xb1P'</t>
  </si>
  <si>
    <t>b'\x08\xc3\x82\xc4V\xc7\xb2\xd3\xfe\x176S\xfc\xe2\x0c\xda\xae\x94V\xc1\xfa\x9c\x05\x8c\xfe \xcf\x07\xb785\xa2'</t>
  </si>
  <si>
    <t>b'\xce\xab\xe9\xbb\xfa\xea\x9c\x15R\xc6\xdc=sk\x95\xfe\xbeL\x04\x94\xbe\x88hF.\x9e\xe9\xc9\xdb\xb8\x87\x03'</t>
  </si>
  <si>
    <t>b'x\x1bCN\x8d\xcb\xe7\x01\xe9O\xe6\xd6\x7f\x8a)\x99\xb2\xe3K\n\x01\xac\x97L\xc1"\xc5\xe5\x87\xac\xec\xd6'</t>
  </si>
  <si>
    <t>b'\xe0\x9a\xc6\x01\xf2W\xa5\xb1\xfc\xb3\xed\x93\xc9\x15\xb0\x9elV\xc3{\xd8"\xfd=sIq\xe9X\x87^\xed'</t>
  </si>
  <si>
    <t>b'M\x82K\xa7u\xb9\xe8\xb3\tX\xdc\xca\x96\x08\xf6\x86d\t\xc4\xe4\x10W\\\x89\x14\xd7\x10R\xe4:\x07\x96'</t>
  </si>
  <si>
    <t>b"\x85N\xf5\xf4\xc2GU\xc6_\xd7M`'\x8b\x93Q\xd6\xe3D\x03\x08\x7fI\xb7+\xf9P\xbb\x10l[\xca"</t>
  </si>
  <si>
    <t>b'\xa3\r^\xd4x\x9b7\xf9=\xfb$Q\x1an||.\xf9r\xdf\x11\xbe\x08\x7fg\x1f\xe4\xcd\x9f\x05{\x02'</t>
  </si>
  <si>
    <t>b'\xc2\xba\xed.\x80\xfa\xda\xa3~\x82\xf7\xb9B\xfb\x10\xca\xbc6\xe0d\x84\x9e\xa8\r\xce\xca\x12\xf3\xf5\xc4\xeb\xd6'</t>
  </si>
  <si>
    <t>b"\x9dJ\x18\x13u\xfdP\xbd\xa1\x9f\x8b\xee\xe7.\x88\r\xfai\xb7\x88Vn\xab\x18\x81'\xf7\x8c\x01g\x18R"</t>
  </si>
  <si>
    <t>b'\\\x9d\xa4:\xdf\xdf\xa8E\xb9"\x07Nj\x9c\xe9gf6\x85,\xcc@;\x1d*p^1\x84`H\xa4'</t>
  </si>
  <si>
    <t>b'n\xddQ\xdb\x86\x04/\xdf\x1f\xdd\x99\x94\xc9\xf59b\x81m\x1f\xea\x00\x8b\xafwB\xcf\xcd\xad\xacf\xafc'</t>
  </si>
  <si>
    <t>b'\xc4\xae\x884\xdb\x99\xce\x93\xf6\xac\x87\x01J\xc6\x11f\x95"\x92\x88\x1b\xea\x0f\xbch\x1b\x12\xea\xd2hV\x9a'</t>
  </si>
  <si>
    <t>b'~\x03\xd7\xca.*y\n\x90\x1d\xae\x04,&gt;\x1a\x16\xbe\xeb z\xe4\xa0\xce\xf0\x83"\x915{\xbd\x8ez'</t>
  </si>
  <si>
    <t>b'\xf0$0\xbe\xe0\x84\xed=\xddL1\x98\xaaB\x9f\x92~z\xc2C:,\xa3\x11xZF\xe9\xe9\x84\x9d5'</t>
  </si>
  <si>
    <t>b'\xe2\xb4v\xc8\x06E\x18i%\xa2\xf6\x94\x9c\xd9\x8a[3\x85\xb4\x91"`\xe7\xc8\xfb9\xb4\xed\xab\xef\xa1\x9f'</t>
  </si>
  <si>
    <t>b'Qo\x01\xd9edwW\x8cS\xf2\xe1\x1e&amp;2i\x9b\x7f\x89\x94\x85yeC\xf3\xd5\xe3\xba\xe9\x887I'</t>
  </si>
  <si>
    <t>b'\n5\x80\xc9s\xe5M\xc4\xc2\x1ed\xea\x98ba\x95\x01\xf8A\xf2\xa7LTP\x80O\x7f\xbaBh\xf3"'</t>
  </si>
  <si>
    <t>b'&amp;\xbf\x91_\'\n\xfab\xe6R\xd0\x80\xe3\xb0\xf9\xbf\x1e\x90\xce\xa1Z\xa7"D\xd2a\xd6\xd5\x85\x98\x0b\xf4'</t>
  </si>
  <si>
    <t>b"#b\xd1l\xc7\x8f\x14\xbc\x8f\x80\xb0\xfbC\x032\xc8g\x9c$\x15g\x1f'v\x83H\xab\x97\xc0/\x92\x93"</t>
  </si>
  <si>
    <t>b'\x171\xe0E\xad8\xfeAu\xca;\x99\x16V.\xf4 \xa7\x18k\xd5\xab\xb8&gt;9\x88\xd6\xd3\xf3R:a'</t>
  </si>
  <si>
    <t>b'\x9a\x92\x08\xa7?\xd3\x01U\xb1\xb7~\xe9\xb3\xd1\x15\x9420-\xde&gt;\x12\xd4Z\x1fB\xef\xb4\x0c\xf1\x08Z'</t>
  </si>
  <si>
    <t>b'\xa0\x80\x1f\x85\x1e\x87\xe8\x9aU6\xa9\xbc\xddl\xda:\x9b\xe4\x93\x8cG\xd9\xab\xf6\xa5Sw\xa93a\x1d\xf7'</t>
  </si>
  <si>
    <t>b';\xbc\xad\xfc\xa1%\x95\xb5\xa4:\xfc\x13\x9c\x8di\x8c\xa8\xcb\x8a \x0e=S\xa9\xb3\xfeh\xca\xe1\xecy.'</t>
  </si>
  <si>
    <t>b'C\xf9%=3\xc2\xc6|\xef\x96u\xd5O\x95S\xebcPNm\xa7P\xef\x85\xacm,L9#`G'</t>
  </si>
  <si>
    <t>b'\xc0WP\xf8\x1d\xb4\xf6\x00\xaePF;\xce\xb2\xbeY\x07\x1aN\xa7F\xfe"\x0e\xdeQ);\x16-V\xb6'</t>
  </si>
  <si>
    <t>b'o%\x8d\xeej\xf3\x17\xb0\xcc\x90\xbe)\xd3\x18\x8d%\xe6)\xae\xc4\xd6eQ\x80\xad\xe9[\xe6\xea:\xd7\x0e'</t>
  </si>
  <si>
    <t>b'\x07\xbb\x14\x87\rP\xf4\xaf\xd9\x90U\x14\xc7Z\xd1i#\xff\x9c\x9a\xe1\x11:\xd7\xcb\x08\xaa?\xe9\xf9\xfb?'</t>
  </si>
  <si>
    <t>b'\xde\x01\xe5\x8b\xd19}q9\xf4\x89e\xb8\xf6\x06\xf5\x19\x1e\xa5e\x0c\x15\x80\x96&gt;G\xa6{\xd1\x93\x03\xbe'</t>
  </si>
  <si>
    <t>b'\xcc\x14\xf5P\x9f\x81\xe8&lt;\x9d\xac+\xf9\x7f\xab\x1b\xa2;\xabg\xad\x03\x1c\x93\xecF\xa9\x89{\xc9.,l'</t>
  </si>
  <si>
    <t>b'@\xf4\xd8\xee{\x06\xcf\xe3\xb9\xf8m\xea\rd\xc1HFc\xcc\x8e5\xc8\xf6\x01\x10\xbfB 7^\xab\x0b'</t>
  </si>
  <si>
    <t>b'\xc4\xf9\x0f\x95v7W\x07\xbdC\x91n\xd39Y\x7f/i\x1c\x01\x158"\x8dA\x8c\x8f-2v=\x8a'</t>
  </si>
  <si>
    <t>b'=\xca\x16\xed\x87\x1d\x017.\x11\xfa\xfek\xc8\xf6y\xffz*7\xe5\x00)\xe9\xd5\x8fS\xf6R\xe3\xcb\xbd'</t>
  </si>
  <si>
    <t>b'_\x0c\xc8E\x91w\xf8@(\xc8\x97k3\xf2;&lt;\xe7l\x9ctX\x18{x\x9a]\xaf\x94\x0e&lt;\xf83'</t>
  </si>
  <si>
    <t>b'|\x0f\xbd)\xee\xbd\xf2\x9a\xb8MN\xc5\xee9W\x8a\xc63\\n\xe9 B\xa1E\x04B\xabB\x7f\xc7!'</t>
  </si>
  <si>
    <t>b'\x8e\xd4\x98\xf2P\xc1]y\xa9M\xc3T\xf1@\x859\xbb2\x9a\xa6Y\xda}a\xe3R_\xe0\xbc\xf9\x9c\xf8'</t>
  </si>
  <si>
    <t>b'\x8b\xf9k\xb01I\xff\x87\xe0\x05&amp;\xcf\xc9;!\x0c\xbc\xe4n=P\xd6\x9a\xc2\xc3;\x9ds\x8b\x84\x18B'</t>
  </si>
  <si>
    <t>b"\xb4\xfc\xd6\x8d'0\x8d\xf14\x9c7\xcf\xf0\xcbIe\xa3\x0c\xdf\x1a\xefm\x14\xca\x02z\xdf[\xe67\xb8\xf5"</t>
  </si>
  <si>
    <t>b'\xf1\x19\x01\xe9\x15v\x04`g\nva\x0b\xcd+y\xf5\x8e\xc2_\x10z4\xf2\xa2\xaa\xab\x81(,\xbf\x97'</t>
  </si>
  <si>
    <t>b'\x15!!\xe7\x86\xf8\xb2\xf1\xaa\x8a\xda7\xf7f\xb1F\x08\xf7A\xf1\xda\xa6\xae|V"\x0c\x8d\xfc\x0e\xfb\xce'</t>
  </si>
  <si>
    <t>b'\xdb&lt;E\x82!\x9d\x0c\xdf\xea\xeao\xd4^5&gt;X\xe7;H\xfdX!e\xfc\xd7\xff\xebt\xe5S\x18\xe6'</t>
  </si>
  <si>
    <t>b'\xf8p\xa9y\x10\x9bnP\xf8-\x87\xbaV\xaa\xc3h\xef\xfe\xb1\x1f\xf2r\xfe\xf0\nN:\xab\xdd\x15c\x18'</t>
  </si>
  <si>
    <t>b'\x05*v\xcf6v\xeb?\xfenVM\xa6\x16\x86Ce\xa3\xa5\xc9X\x87\x04HM\x84k#c\xe6\xe0~'</t>
  </si>
  <si>
    <t>b'\x07p\xbdJ\x01\xfd\xe4(L\xcd\x1d\xd9or\x04An\xb0\xc3g\x0c\xe9f\x86\xce\x8b.\x9b\xdd+\x82W'</t>
  </si>
  <si>
    <t>b'\xf2\xd2\xe2\xff\x00\xd6|?\xae\x83\xd42\xe2\xc3\xafiI\x14TQ\xf6]\xe2WTV\x9bdQ;R\xf8'</t>
  </si>
  <si>
    <t>b'\xaf\xdf\xeb5\x87Dtr\xca;\xefx\xd8)\x8em\xdf\xdd\xeeM%\xba^\xc2\xb7+\x85Y\xe86\x0f\xa3'</t>
  </si>
  <si>
    <t>b'\x1a\r\xdb\x12L\xa1\xf552\x81~o\xa2\x95?\xe6\xb1K\rd&lt;vbz\xc8\xbbr0\xf9\x94z\x88'</t>
  </si>
  <si>
    <t>b'x\xb0F+\xaf\xbd\xd4\xb1\xf95\xa9\xe2\xc0\xa9%\xdci\xfe\xcf\xe5&gt;H\xd0X\x08\xd8[\xee\x95\x8b\rK'</t>
  </si>
  <si>
    <t>b'I]c\xf2\x11\x8c\xf9JR\x11\x90\xc7\xe0\xc8\xdcE\x05\xc2zK6f\xf5]\xef\xadW\xdfOxL\xcf'</t>
  </si>
  <si>
    <t>b'\xb0|\xb7l\xf5!\x9a\xfe\xad\x8eS\xd6\xf4\x11\x1d\x86\xba\x9ck:+\x1e\xf8\xa8:?\x01&lt;c,"\xa5'</t>
  </si>
  <si>
    <t>b'IIrn\x19\x01\x91&lt;\x98Q\xb4\xac\x96Aw\xc2d\x8b\xb6\xd8\x05\xf7,\xaf\x95N\x800\xad\xe0U\x80'</t>
  </si>
  <si>
    <t>b"\xbb\xa0H9\x06\xf0\x95\xd9o\xab\x07\xe9f\xa3N'\xd8\xb9,\xf6?@&lt;\x18\xf5:7\xa8\xc3j\xbd\xef"</t>
  </si>
  <si>
    <t>b'.5\x8f\xcfw@\x82L\xf4\xa3e\xc9\x05\xa6\xcb\x06%\xfe\xd7\xb78\x98\xd6\x1e3\xd2\x01\xb5\xde$\xc7\xdf'</t>
  </si>
  <si>
    <t>b'=\xa5\xf7\x0b\x80\xeag\x83dW\xf1\xfe%\xa3jS\xc4C\x9a\x0cI\xd0\xf5\xf7\tn\xa7\xbe\xf7\x96|}'</t>
  </si>
  <si>
    <t>b'\xc9\xdaS\x99\x17\xf8\x02\xe8x\xa9\xf7dp\xf4\x88\x9e\xa2\\of\x06\xb6\xe6\xd8\xf51:&gt;\x1c\\\x9fu'</t>
  </si>
  <si>
    <t>b'\xd2{\xac\xaeF\x0e*E\xbb+D&amp;\x06R@\x08I\x02\x1f\xc2\xd9\x96G*r"\xb2\xf2\xfb\x1fg^'</t>
  </si>
  <si>
    <t>b'\xdd}\xdd\x02\x02\xa9Z\xb1\xf9\xd3\x80\xdd\x1au\x98\x0c\xf5k\xc5\x05\xfcnN\xf1@\x07.\x85\xc5\xfa\xcd\x84'</t>
  </si>
  <si>
    <t>b'`D&lt;I\xa5\xe5\xec&amp;\xba\x99\xa7\xfb\xccn\xdc\x91\xc3\xa5!\xd97o\xbe\xe2\xba\xe9f|\xf90\xe88'</t>
  </si>
  <si>
    <t>b'mT\xddm(\xb4\xea\x0c?8p\xa341*&lt;\xdf0\x83\x89\x16\xdf\xd0NxJ\xb2\xd2&amp;\x080C'</t>
  </si>
  <si>
    <t>b"\xd0\xffB\x11\xe0N\x1d%\xfd\xaf\xae*\\\x0c\x99Q\x8bm1\x06\xde\x82't{T\xe9?\xe813\x08"</t>
  </si>
  <si>
    <t>b'?\x08\xae`S\x1cZC)\xad\x04\xb4\xd7\xc7\x98\x8a\x93M\xd9\x99\xbe\xaf_\x18+\x05B\x14.\x16\\3'</t>
  </si>
  <si>
    <t>b'\xbd\xd7K\xd0c3i\xca/3\xab\x93\x1e\x8d\xe9\xa2h\x07{\xdcr\x1aM\xc3\xc0O[\xc7\xb5\n_Z'</t>
  </si>
  <si>
    <t>b'\xccB\xda\xf4\x9ei\xba\x1f\x89m\x1c\x884\xc2\x94h\xa6\x0e\xf5\xfc\xa7~u\xf1\x86\x9bg\xbe^\xac9\xaa'</t>
  </si>
  <si>
    <t>b'\xcbx\xe5\x05/G\x80@t\xee\x93\xc0!\xe7$\xe8\x11\xbb\xea\x92C\xbf\x89\xdb\xea(#\xce\xe8We\xc5'</t>
  </si>
  <si>
    <t>b'#\x18\x9a8\xc9\xcan\x08,\x01\x9b1H52&gt;\xa8\xb9\x8e\x13&amp;\xfb\xfc\xf5\xec\x97)p\xc3\xf1\x19"'</t>
  </si>
  <si>
    <t>b"\xd1\x0b\xc9&amp;\x11\x06\xeb\xae\x8d\xf9\xa6\x8ce\x81\xcf\xf2\x16V(rg9\x83\xdb\xf7x\xfe\x90'B\xb3\xb8"</t>
  </si>
  <si>
    <t>b'\x1ad\x86C\xb2F4\xf9\xb9oA-\xbd\x83\x12\xab.\x89\xf4\xfc\xc8\x07\x92\xe5\xe6M\x1d\x075\x04\xae\x81'</t>
  </si>
  <si>
    <t>b'e:\xf2\xfb@\x84\xc5&gt;H\\\xaf\x81u\xbe\xb7\x81\x96\xffNqfN\xefz\xebG(\x18R\x9cw='</t>
  </si>
  <si>
    <t>b'\x847\xc6\xac\xd6\xde\x08\xd0\xd8\xa3q\xda\xe5z\xbf\xb7\x0e\xac \x90\xa9\x1c\t$\x95S\x0c\x84=\ni?'</t>
  </si>
  <si>
    <t>b'\xd4\x96}\xef06 #\x95CD\xf0%\xa7\xadE\xff\xfb\xf7k\x89=\r\x18x\x1a\x042\x87\xd39\xad'</t>
  </si>
  <si>
    <t>b'\xb1~bCZCt_,~p\xa8@\xf45@\xbd"\x8a\x0c)r,\r\xc8\xece\xeb\xc8\xf2\xc9Z'</t>
  </si>
  <si>
    <t>b',\xae\xe7\xa1\x1e\xfc\xb9\xdd\xd4\x0c\x1fNcI\x1e\xc2\xdb\xe0\xbb\xb3\t\xf9\x90`\xf7\xce\x1f\x87\x1d\xd0\x8fE'</t>
  </si>
  <si>
    <t>b'\xa7\x95FS\xf6\xab\x12S\x9d \xd7\x9e\x1e$KQZ\x1b\x07"\xf8Z`6\x89\xc8\xbfD\x95OF-'</t>
  </si>
  <si>
    <t>b'B$\x06\xc9\xdbk\xb3\xf8\x99\xd1Z\xc8G\xf1\xf7\xde\xde"\x12V\xc8\xb5\xdatK\xfe\xb7=`\x02\xb5\x04'</t>
  </si>
  <si>
    <t>b"H\xd3\xad\x99\x93\x19dm\xeb:'\x8c\x00\x9a\xcaR?\xc6\xe07Dgb\x93\x83-\x87~T\x7f2\xc0"</t>
  </si>
  <si>
    <t>b"\xa1\xda&lt;\x04k\xd0]\xea'M{x\xaeI,w{\x87\xa5\x05\x10\x12\xf0\xb9\x86\xc1\x8b\taZQ\x0c"</t>
  </si>
  <si>
    <t>b'\xc73\xfd\xee@\xb1\x8a\xacUf\xd7\x07\x8c\xae\xb6\xe5\x87\x83`\xde\xc4\xfc\xadr\x92N\xaf\xbc\xe1\xf4\xb6\xc9'</t>
  </si>
  <si>
    <t>b'\xf9Fy\x90\x96\xca\x8b\x0bK\xab\x81\xd4\xab\xdd\xf6\x83\xce\x11\xb6\x01\x8cE\xcc \xd2\x0c\x1f\x83\xa6\x03\x16\xc1'</t>
  </si>
  <si>
    <t>b'\x9c\xaa\xe3\x91\xde\xc2\x9aK-bUs\xf5\xf1\xaa\x1a\x89\x12\x7f\xbb\x87:M\x9c\x9aaO\x19\xd2\x88a\xd8'</t>
  </si>
  <si>
    <t>b']\xa5R\xd9\x012ll\xb0\xb9\xa4\x94\xfe\xb9b\xd4\xf1\x8c\x17\xf4\xc6%\xe0\x84\x86?0\xb2\xe9*\xb3\xc6'</t>
  </si>
  <si>
    <t>b"%\xd1w=?ne\x82\xd3\x02=\xf2U\x07\xb12hg\xc0C\x95\x1e\xb7?'\x1a\xf3\x86h &lt;\x16"</t>
  </si>
  <si>
    <t>b'\xd4p0\x7fb\xa3\xa0\xa5\xfe\xf6\xdc8\x9d\xf3\xd6\x7f\x1ff\x1d\x832+\xc0\xc9)\xcd\xecm\xe2i\x80i'</t>
  </si>
  <si>
    <t>b"e\xc0\xf9vln\xf7\xa6ua\xa1'\x8dC\x1a\xf2\xfd\xcf\x8a\xda3\xde\xc1\xca\x17\x10ke\xed\x93\xaa$"</t>
  </si>
  <si>
    <t>b'\x8d\xe3\x96\xee]\xb7:\x8a6&amp;+\xe5\xa2\xcc\xe3\x92*\xa4\x18\xf8\x02\t\x99\xd3_\xd1`\xbd\x1d\x90mm'</t>
  </si>
  <si>
    <t>b'$\x05\x8e\xf8\xb8\xfb\xd5\x1fc\xf2?\xa3U\x83\xe7\x7f\x8f\xb2\xb2y\x96M_\x91^\x7fV\x03\x04\xde\xfe\x95'</t>
  </si>
  <si>
    <t>b'wLA\xe2\xe2\xac\xac\x97\xb6\xe6Gf9h&amp;u\xc2\xafb.\xa5\xae+\x17\xbe\xe6\x95\xfd\xa5\xf7N\x05'</t>
  </si>
  <si>
    <t>b'\xcaE\x9c\x07\x03\xd9YJ\xf0&amp;^\xc9h=\xf0\xcc\xd2i_\xd6\x12\x06\xc5Z:H\x93\x80\xe3mX{'</t>
  </si>
  <si>
    <t>b'\xb5\xf3\xbc\xe6\x8b"\x06%\xf6G\xba\xc4]\x1d\x9b\xf0fYe\x049)\xfc\xe3n\x93CB\x0fV\xf03'</t>
  </si>
  <si>
    <t>b'\xec\xf5\x9b\xa1\xa8\x1aX;%\x83\\\xb2I+\xa0\t\x85\xe3\xa1^\xeb\x15\x0b$\xf7\xcet\x89/\xab\x0c\x0e'</t>
  </si>
  <si>
    <t>b'\x86\xe9\xeb\xdc{~.\xd9\xfc`\xd9~\xad~9\xd8&amp;\xa6X\xdf\x99\xf2/\x84\x01\x06\xe6\x1f\xf9+\xd3\xab'</t>
  </si>
  <si>
    <t>b'\xd6t\x02\xe3A\xb3P\xd5\x81o\xe2u\xb6\x86Q\xe2\x9b\xf4\x10\xee\xbdor\x868\xfe\x16\xee\xfb\x12\x83Y'</t>
  </si>
  <si>
    <t>b'\x00\xf3\x88 \xf5u6,\r\x04\x91\xf0{4\x13\x04~1\x16\x10\xfe\x16\xc2\xeaq\xc6w\x88&gt;(\xaf\xda'</t>
  </si>
  <si>
    <t>b'\x12\xd5\xde\xa3~\x16\x9c\xcc\xdc]\xa78F\xb6\x87\xd7Ow\x00z\xb5\x8c\x8f\x8fk\xcf\xb8\xfdA\xfb\xe0\xc2'</t>
  </si>
  <si>
    <t>b'\xc1\xb6\xa7\x06\x99\x05\xc0\xb8\x96\xeb\x9e\xee\xc8\xf0\xcbP%\x06\xberO\xa1\xa7}\xaf\xe9n%\xd6\xd8\x92&lt;'</t>
  </si>
  <si>
    <t>b'.0\x90\x8b\x1c8\x8dk^y\xae\x94\x87E\xba\xa1k\xb6\xcc*~\x87\xd4)"\x85\xa9\x7f\x8a\x82aW'</t>
  </si>
  <si>
    <t>b'9g\xa4^?\xccJgu\xab@\x93M\x0f\x03[\x01\xbe\xe6e$$~R\x8e\xdf\xeb\x9e\x07+\xe5\xb2'</t>
  </si>
  <si>
    <t>b'\xed\x16\x86\xb9:c\xed\xae\xa2&gt;\xafX\x02\xfd&lt;X\xdeX\x02\r\x9d\xe0\xef\x8c&gt;\x98\xb7\xabd\x1a&lt;\x92'</t>
  </si>
  <si>
    <t>b'j\x1a\xcbf\xd4%u\x82\xb3\x94\x0f\xd2\x9c\xce\x99\x95\xb0\xd3zf.\xb0\xd3\x19\x83y\x98\x81b\x9b\x0b\x8a'</t>
  </si>
  <si>
    <t>b'p\x91|\x8d\xb0-\x01\x99\x9e\xcaa\x93\x1a\x94\xa7\xd4\xe99\x9fW\xa1\xa2g\x05\xb9\xb5?\x02 \xcf\xe71'</t>
  </si>
  <si>
    <t>b'\x17b\t\x9e\x8f\x12\xe7\xe9\xb3e\xe2\x18\x88\xf6\x8c\xad\xaaG\xd6` \xfbe\x1ay\xfc\xfdR \x8a]\xdb'</t>
  </si>
  <si>
    <t>b'/\x02\xca\xda\xae\x9e\xfb\x8a\xc2\xc56\xe6^\xec\x18\xba"1x\xa2P\'V\xc1\x84\xd4FD\x97\xee\xa6\x05'</t>
  </si>
  <si>
    <t>b'\xdbd\xa5\xf2\xf1N\xf6\x80A0\x92\x19\x815\xd8\xb22FfJ\xc0v\x04BV\x80\x149\x9a\xd40\x86'</t>
  </si>
  <si>
    <t>b'\xa1a\x92\xcf\x08\x0f}G\xa6\x94\xad\xb8\x93\xcch\x94\x93\xda\x83^\xc7\xe2\xdd\x8f\xa7\xad\xdb\xe1\xd4\xbf\xd5\x14'</t>
  </si>
  <si>
    <t>b'_\nr\xaa8\x8e\xc8\xf9#\x0cc\xb1\xac\xdaR\x96\xff\x01\xf68\xb6\xc6|\xc0U!?\xb3\x80mfP'</t>
  </si>
  <si>
    <t>b'w\x1fh\xdeV\xde\x9fb\x12\x0c\x8em\xadb\xf5&amp;V\xfbv7\xe3\xf1\xd4\xb1\x82\x17\xf9\x84\xe2\x98},'</t>
  </si>
  <si>
    <t>b'\x0e\x1a\x99\xc8\xa4Gk\xf2\xab\xb8/\xcb\xe5\xe3\xac*\xfd[\xce\xce0*\xdf}&gt;\x95An\x15\xcc\xb59'</t>
  </si>
  <si>
    <t>b"\x85\xd2hb\x85\xa6f0\xdaM'\x11qS:\xfc~?\x98\x14\xaet\xeb\x1e\x97\x8b\xa66\xadT?4"</t>
  </si>
  <si>
    <t>b'\x05\xd4\x1d\x85\xb3\x1f\xed\x11R\xedg9\x1c\xbb]\x12\x02P\x9cK\x0c\xcf\xd0b\xd8g\x98\x93\x8d\xc1\x11\xeb'</t>
  </si>
  <si>
    <t>b'\xa09V\x84\xadR\xfa\x9a\xb2\x8c}\x11\xa1\xd6\x1e\xf9v\xef\x8c\xe3\x04`\xef\xb3HB\xbf\x8b\xedo\x97u'</t>
  </si>
  <si>
    <t>b'\x15\xa1hn\x17\xb8\xa3\x04\xbf\x99\xa1`\x88\x1bk \x18\xb4\x82\xe4\x01\xf5==\x8e:^6{G\xe9\xf0'</t>
  </si>
  <si>
    <t>b'\xc7pM\x81\r\xe2\x8c\x8fS\xa8\xa2#\xca\xe8\xac\xd5\xb9\xad\xbb\xcfQ4\xbe\x14k\xf4\xf8t(N\x82\xe9'</t>
  </si>
  <si>
    <t>b'\x92\xd7\x9f\x8aQ\x0eT\xac\x0c4\xc3\x1aY\xba\xb6.\x06\xf0\xfd\xc2\xc44z\xe1\xb8\x9d\xf2\x8c\xe6\xbd\xe8\xa9'</t>
  </si>
  <si>
    <t>b'\xc7\x90!\xa1E%\x9cL\x02\xa0^]\x14+\xc1Zgo\x82\xeb\xbbd\x08\x01RG?\x16\xa2\x14\xc1r'</t>
  </si>
  <si>
    <t>b'\xa2.XH\x0b\x84\xe1d\xcd\xba6\xb9\x06dh\xbcCK\xa5\xda\xe0\xf0\x84~8 \xed\xf5\xdf\xd8\xdb\xf2'</t>
  </si>
  <si>
    <t>b'Z\xf0\xad|\x8d\x83\xa3\xae4\xa4\xf6\x14{\x18\xb5\xa9w\xf2[\xab\x87\xc0J\x93\xbc\x15\xae\x1d\xab?\xb9\xc6'</t>
  </si>
  <si>
    <t>b'~^\xb1\xd1SF\xdf`\x15\xf29o\xea\xf2\xef\xfa\x11wT\xb2Jh\xcb\xe2\xfc\xe7\x98`\xce\t\xe5\xc5'</t>
  </si>
  <si>
    <t>b'\xca\xfd\xa2\xe5\xec\xaab\xdcv\x87z/\x16\xc5\x8de\xfep\xd8\xa9e\xca\xda\xea&gt;\xcfc\xf1\xa8\x17\xda\x87'</t>
  </si>
  <si>
    <t>b"\xd7\x18\x95\xbc\x06k\x86\xd5\x8d\xde[\xadwSZ\r\n\xff\xfd8\x85t\x11\x13\x81'\x7fr|\x86\xfeg"</t>
  </si>
  <si>
    <t>b'g\x85\x14\xc0\x80h\x0b\xb6\xb6\x1c\x92gf\\\xfe\x85\xac\xa7\xeeNU\xd0&gt;c{f\xbb`\xdb\xf0-\x8f'</t>
  </si>
  <si>
    <t>b'H\\\x03\xb1\xf7\xb6.\x00\x98\xb7\xf8D\xc167\xd5=B\x8fF\x0e\xd8\x7f\xdbe\xb2s\xf1\xd5\xdck\r'</t>
  </si>
  <si>
    <t>b']e\x8d\xa9\x80\xea@\xfb0h\xbe\x0b?"Ft\x0b\xf3\xcc5_\xb8c\x98\x8f\xe6n\x8aY\xa5\x05\''</t>
  </si>
  <si>
    <t>b'\xef\xeaA&gt;\x99\x08{\xf1\x9f\xdfRp\x16A+\xbe\xc1Cq\t\x7f6\x0c#\xc6_\x98\xca\xb5)&lt;@'</t>
  </si>
  <si>
    <t>b"\xab\x91\x16,\xcf\x88\xad\xb2\xed\xb1=UFx\xdc\x07x\xb8\xfb\x91\x922(\\'\xaaxY\x0f\xeb\x858"</t>
  </si>
  <si>
    <t>b'z.z;\x82\x80\x1d\xb7PS\xfa\x01\xdaj\xe2\x13\x13\x1a\xc0{\xda\x9e\xb5\x80\tbE\xa7^7\x01\xef'</t>
  </si>
  <si>
    <t>b'\x9b\x06\xb3\x87\xde\xa5\xf7&gt;KI\x1b\x88Jw\x97\x0bW\xceI\xea\xd6\xd1\x95\xeb\x7f\xb2[\x00\xc7\xe1\x18i'</t>
  </si>
  <si>
    <t>b'\xdb\x13Jc\xd4\xdfS\xfbz\xc7\x0e\x19\x11\x19\x9a\xb9\xfae\xa3\x99\xe6\xc4I}\x1b\xb8\xae\xfc\xf4\xe5o\xeb'</t>
  </si>
  <si>
    <t>b'\xc0w\x11\xc2&lt;u\xb0xh\xcc\xa8Aw\x18\xc1\x11\twg\x03\xfc!H\n\xb7p\t\xa1\x04[0\x94'</t>
  </si>
  <si>
    <t>b'\x19Z\x0fJ(&amp;\xb7W@!\xb5u\xf0\xfa\x08\r\xef\xfez\xcb\xb0y\xb5\xf5\xef[\xfa)\x08ML\x8a'</t>
  </si>
  <si>
    <t>b'\xa9 m\xcb\xba\xd6\xf9\x96\x80%aP\xd8\xa0\x80\xc1\xb2\x02\xa0I4\x9eE$\x00\xc8\x16\x07\xa1 rc'</t>
  </si>
  <si>
    <t>b'\xf6\x89\x87\x14eU\xc8\x02+\xedz\xda\x15\xab\xdcQ;7D\xdd\x7f\x1c\x9b,\xa2\xe0\xc4\x81\x1d\xdd\x94\xd8'</t>
  </si>
  <si>
    <t>b'O)\xa3zG\xcfG\x07"h\xa89\xd3\xe3u\xc2\xc7\x8f\xd2\xc4)H\xa0*k\x87\xb9X\xf3\x99\xa2+'</t>
  </si>
  <si>
    <t>b'\xcd\x85S\xb2\x984\x14G3\xb8\xf0\xecR\xf28n\x02\xfcqJB\xf4Da\xa9\x85\xe2-\x19\xa7\xec\x07'</t>
  </si>
  <si>
    <t>b'Q\x0f\xc8\x0f\xd4\xeeD"C\x93n@\xa2\xe1\x1aZ:B7\x8c]2\xacZ\x8d\x80\x96T\xa4\xee\x8a\xd9'</t>
  </si>
  <si>
    <t>b'\xdb\x88\xc2-Qx\xb5;\xc4\xe7}\xe5/\xb8\x83\x92\x80\xce]\xac\x1d\xf4\x9c\xd8\xc7O\xbad\x7fH\xf0\xc8'</t>
  </si>
  <si>
    <t>b'\x1a\xcc\xcd5\xff\x84\xd6\xf3\x89!k\xa2\xda\xea\xed\x7ft\xc7vV\xd7B\xe7\x87\x02\xeft1\x97A&gt;\xe9'</t>
  </si>
  <si>
    <t>b'\xe1(\xc5\x91\xb6\x96Gw!\xf7\xe7\xc5\xf3\x99\x9e\x07\xd1\xc0\xc4\x00\xc4"\x10("\xce\x97\x1b\xdf\xca:\xa0'</t>
  </si>
  <si>
    <t>b'\xb7\x14\xa5\xc3\xf8\xafs)}Y_z\xd76\x01\xc4^\xcc\x93\xb6\x85\xa7\x01A\x86B\xd6\xea?n\xce\xb1'</t>
  </si>
  <si>
    <t>b'W\x19\x8d\xf3\x96\xaeQ%.\xbf\x17R\x9b\xd6\x88I\xe2\xc0\xeb\xcf\xb5r\xc06k\xf0\xfdp\r\xa7\x9b)'</t>
  </si>
  <si>
    <t>b'\\+\xff\x88\x97$\x94\xbddsAL2\xdd\xcd\xb1\xc1:\xf1\x90W\xc0\xdb\x1d\x93\xe9\xdb\x12i\xd0K\x90'</t>
  </si>
  <si>
    <t>b'7\x11\xe53A0\xc8\xddg\x07\x0b\x8f\x8dl\xeb\xcf\xd9H\x1d\x11s:v^\x86`\x8a\x9f\xe6%\x15\xc1'</t>
  </si>
  <si>
    <t>b"\xb3{\xfb\x8e\xc3&lt;\x0fQ4\xcdJe\xb5\x0e\x17\xac\x83\xd0,e\xc8\xe6\xddL\xc4wx\xac+'6\xb6"</t>
  </si>
  <si>
    <t>b'C`i\x00\xc4t\x9c\xaad{{~\xaf1\xac\xb1nU2mXt\xe6\t\xd4Z[\xef\xb2&gt;\xd4\xbb'</t>
  </si>
  <si>
    <t>b'"\x88\x9f\xea\xbbe7J\xfb\x80\xe9\x0c\xce\xa9\x19}s\xd8\x1dJ%W\x05\x8a\x9b\xe6d\xe9\x8b\xba\xfa\xbc'</t>
  </si>
  <si>
    <t>b'\xe3,,5\xd6C\xe0\x1ct\x9e(\xeb\xa3\x0f$\xdb\xa8\x10O\xffW\xc9\xc2\x91\xcbX\xf5W\x00\xc1\x13H'</t>
  </si>
  <si>
    <t>b'3{\xb6\x8c\xe6II\xc9xg\x84\xd8W\xdf^\x1c\xa8\xe8\xc0\xa7\x8eAb\x9b\x19o\x95\x12[%\x07+'</t>
  </si>
  <si>
    <t>b'\x1a\xa8\xf0\x03O\t\xfb\xed\xbe8\xfdAL\xae\x02\xa3w\x81\xa3\xe9Mg\x07\xf2\xb5\xcbh\xc7\xc2\xf3\xb0R'</t>
  </si>
  <si>
    <t>b"'\xb5\xa6\xd4\xe5\xd3\xdf#\xb6d\x06\xd4\x86K~\x97\xe4\xb1_y\xb5\xe9(c\x95n\rnL\x0f\x9e\xa1"</t>
  </si>
  <si>
    <t>b'\xb4\x824?\r\xb8\xbd\xb9=\xa6\xc3\xd0\x13u\xe7v\xff\xcd!w7qx\x13\xaeTZ\xd6\x86\xc3$\x84'</t>
  </si>
  <si>
    <t>b'QM\xa0\xbd(g`\xfc\xc0\x7f\x1d\x18\xa2\xc7\xd5\xaf\x98\x08\x16\x16`P\xa7~\x8e\x82C\xb6\x10\xca\xd1\xc2'</t>
  </si>
  <si>
    <t>b'\xd51pH\xa7\xde\x1c\x94\xfc\xfc\xeb\x89\xbd\x90p\x90g\xba\xc5\tU\xee\xec\x8e9\xc9T\xa9\x8c\xe39z'</t>
  </si>
  <si>
    <t>b'\x01HH\x10K\x98\x97\xc5\x84\x16p\x8e\xe9\xf7\x18\x82\r*\xfd\xd96p\x9b\xde\x8aw,\x11\xc9\xe90\xa6'</t>
  </si>
  <si>
    <t>b'\xda{\x06_\xc7\x91j\x93\x06\x1ex}\xa1\xff\xc6\x0f\x00\xee&gt;\xd2\x95\xe2\x02\xdf\xba\xc1\xf7\xe6=\xee\xc4\x8c'</t>
  </si>
  <si>
    <t>b'\x89\xb1Z\x97\xc3\xcd\xe5\xcd\x84q\xa8\xfb\r_19\x9f\xd1\xe4\x98\x19\x07\xc6\xa4;.\xb6k\x16\xdb&gt;\x11'</t>
  </si>
  <si>
    <t>b'2\xd3\xa0\x02[|T#\x96@\xa3\xea/j-\xab\xd4CR\xcb\xe4\xd5\xc9\r\xfc\xb2bN\xfc\xdc\x8c\xc7'</t>
  </si>
  <si>
    <t>b'\r\x91\xef~U\xe0\x08\xd8\x9d\xdfeG\x8b\x05=i\xdb\x1d2\x06\xa8\x9cN\xd6\x0e\x15\x049&amp;,\x80\r'</t>
  </si>
  <si>
    <t>b'\xa1\xc6\xa6\x90\xef+\xfc?[\x00v?\xee&gt;\xf0@\x90Z/\xee.\x05\x9d\xb4^"hA\x08\x96(h'</t>
  </si>
  <si>
    <t>b'9p\xc7\x9bpv\xa3\x88\xbe\x1dr\xbeD)Q/\xb0\xdd\x0c\xd9\xd8s\xcd\x9a\x13\xc2\x0ez\xdd\xc3E~'</t>
  </si>
  <si>
    <t>b'|\x08\x02F\xbckr\xb8\xc5\xb5\xac\xcbK8\xf3a\x0b\xcc\x1c:zi\x8c\x19\x82\xce\xb1"mF\xc6\xb1'</t>
  </si>
  <si>
    <t>b"\xb3\x95c\x96\x12\xd9\xddG2b6\x99\xb3\xc8\xc7\x15\xca\xac\x85\x1b\xcf\xddq\x84G\x91'\xdf\x9a\xa1\xd3\x07"</t>
  </si>
  <si>
    <t>b'"\xef5|z\x0bk%8\x1ex\xff\x88\x90\xb9\x8b\x15\xe1\x01\xe2\x11\x1f?\x7f\xaapN\xb0\xeb\x84\xe8m'</t>
  </si>
  <si>
    <t>b'~\xbc\xef\x14z\xf0\xbd\xae9\x8a\xfb2\x1fc\xe5\xdb\xb5h;e(\xe3%\x86\xc4\xd9T\xf9\xaa\x8a\xca\xc3'</t>
  </si>
  <si>
    <t>b'!\x99\x1c\xd41\xc7\x92\xa8\x12\xa4c\xf1\xf2_\r\x8c\x17\x9b\xef\xb2\x0e\xa9\x13m\xb2\x9f\x18tM\x9b]?'</t>
  </si>
  <si>
    <t>b'\xf00I\xd8\x83-\xe2-&gt;\xa5\xf1J\xd4\x10(d\xe6\xc44\x8c\xccm\xd2O&amp;\xe6\x07\xf2\x8a-I\xe5'</t>
  </si>
  <si>
    <t>b'\xd5\x15D2|\x7f8\x08\xdaN\xb5\xa6\xbc_\x144!{]\xf4s\xbcL\x99&amp;\xca#\x99\xc4A9e'</t>
  </si>
  <si>
    <t>b'\x15\xc5\xc3&gt;Z\x8f\x83\xa8\x06\x19\xd4\xa8\x7f{\x11\x81gL\xb5\xfd&gt;\x13\xa7\xc2\x82\x94t\xc2\x90\x03\xd1\xd8'</t>
  </si>
  <si>
    <t>b'l\x88(%\xaa\xe3\x9d?\x86\x87\x87\xf0\xc7 L*G\xd1T~\xf6\xcd:4\xc5\xe0B\x84\x9cK~3'</t>
  </si>
  <si>
    <t>b'e\xdf;\x16Q\xdcs\xafJ\x9b\xbb-tn\xe3\xf4\xe8 \x1f\xc2N!@z\xfa\x13\rW\xe1:$\x8a'</t>
  </si>
  <si>
    <t>b'ZIw\x82\x88\xc8\xe7T\x11\xf3\xa1\xaa\x8b\x9e\x95\xadr~\xff\x85$7\x89b\x810W\xf5\x10l\xab\xa2'</t>
  </si>
  <si>
    <t>b'\x01(i\x12\xdf\x81\x0cu\x00Vx\xd1\xa4\xb6\xf2\xa2\x08\x17%\xa4\xd9\xf4\xef-\xce\xcb\xb1\xd1o\x89\xa2w'</t>
  </si>
  <si>
    <t>b'\xb2!X\x1b\x08&gt;bT%%eo\x98a\x91\xb7\xcb\xfc-\x01\xef\x9b!\xf2\xf0\xd7\x13%\xe0\x1379'</t>
  </si>
  <si>
    <t>b'\x93\xb5\n\xb1b\xa6Z\xa4\xd5\xac\x87\x08\xa4\xab\xb0pVMCI\x0c\xd6 \x02\x1f\xa1@\x0f\xf8R9\x14'</t>
  </si>
  <si>
    <t>b'|\xe4=7&amp;\x18|9\x145\xe5_6\xc3\x84C\x0eq\xf1j\xe3h1\xb9\x80M\x17/a\xf5\xac\x06'</t>
  </si>
  <si>
    <t>b'\xc4\x89\x0f,xJ\xf7~a\x8e\x9aK\xbf[\x0eG\x7f\x90\xff\xbd\x97j7\xcey\x05@T\x1b2`&lt;'</t>
  </si>
  <si>
    <t>b'\x03k\x7fI\x91\xec\xbf8mY\xbd\x1c\x10I\x06lB\xd2\x1e\x86j\xfc@\xdb\x16\x86\xc3&gt;&lt;\xa0\x84\xd0'</t>
  </si>
  <si>
    <t>b'\x01\xa3\xa0t\x810\xc9\xbe\xbd\xfb\x9aUD]\xa9\xe4\xc7\x0c&lt;\x1c\xa1\xf9Gh\xe8Q\x948wx\xc3\x96'</t>
  </si>
  <si>
    <t>b"i\x939\x9e\x88#\\X7\xf6]78)\\D\xa4'3\x83X~=\x85B{O\xd0\x9d\x9a\xb8:"</t>
  </si>
  <si>
    <t>b'F\xd86\x02a\xbcL,\xa5\ti\x12\x96q=K\xae\xb1\x94\x11a\xec\xafj\x1e\xad\x00\xfd\xb2w\x00\x11'</t>
  </si>
  <si>
    <t>b'd\xdc\xeb\xfc\x80\xce,\xd5\x1a\xe2\xcd\x83\x97\r0\xfb\x8cq\xe59\xd6\xa4\xed\x9d`\xe2rziqG\xec'</t>
  </si>
  <si>
    <t>b'\x190\t\x89\xea\x96\x038\xd0\xc2`1\xf0\x11\x98ZL\xe8\xb5Liw\xaa\xb7&amp;X\xa6:\xa3\x1e\xf8!'</t>
  </si>
  <si>
    <t>b'\x91\x8b\xb3\r\xd8\xfe\xc9\x1e]\xf7\x94\xb4\xdd@\xa6\x1a\xce\x02,J\xd9\x83\xd1b\xeb\xca\xd8\x10}\xa8\xb2\xde'</t>
  </si>
  <si>
    <t>b'[7\x1e\xbf\x8d\xaf\xc1\xf1n\xe3\x19\xbd!z\xa6\xe2\x13\x98\\]Z\x9by#\xa2~*\xfe\x89\xeb\xa8\xee'</t>
  </si>
  <si>
    <t>b'\xf6\xbc\xf8\xc6\x97\x18\\\xbf\xee\x9a"\x07\xe3\x9e\xc7\xe4\xa0 \x92z\xbb^\x12\xaa\xb5\xd8!S\x93Z;k'</t>
  </si>
  <si>
    <t>b'U\r\xfd\xf29&lt;n\x90(P%zn\t^\xd4W\xb0\xfd\xe4\xe8k\x83Oi\xcf\xee\n\xbaKgj'</t>
  </si>
  <si>
    <t>b'\xeav*\xc4\xf4\xf9\xe1\xbfG0\x95\xceR:\xed\xdf\xf1w\xa3\xa4\xa9c\xc0\xa8\x9c;\x8e\x1f\xd9\xd3\xe8\xf4'</t>
  </si>
  <si>
    <t>b'b\xdbW\xa46N\xc3\x8b\x1e\x14R\x81l;\xed\xeb\xd7v\xdd\xee[u\x82\xe9\xb5\x8c\xae\x15\xcf\xad\x05\xe7'</t>
  </si>
  <si>
    <t>b"\xd1\x841\x00/\xd8\x8a\xb6\x82\x8e\x0c;b&lt;\xa1\x8c\r\x1e\xcbp\xa7Y\r'\x9f\x8f7\x10\xb0\xbdS0"</t>
  </si>
  <si>
    <t>b'P\x8d\xa6N[q\xb5iD\xb8\x1d\xe0\xd8\xe3\xb5\x93\x89\x86\x90\x05\xab\xe8\xc3U\xc5\x17\xc1\x11\xd6\x1eVA'</t>
  </si>
  <si>
    <t>b'\xca\x86\xfbs\xa2w\xf8hT\xe6\x1az\xa5\xe0Y\xe3l\x82Z\x95\x13?\x15\x8efJ\x90\xb2\x85\xa5\xfa\x14'</t>
  </si>
  <si>
    <t>b'\xfd\xcb\xe0&lt;\x89\x1d\x0e\t\x8b\x1ez\xa92bz\xcfJ\xcc\xab?\xe1P\xd0E$\xd1\xd4\xe58\x07\xe3D'</t>
  </si>
  <si>
    <t>b'\xb6\x1b\x9d\xe7#\x039\xee\x81\xd4\x0b\x8d\x9f\x9d\x95\xac\x06\xea\x984\x02\xde\x11|6[w\xfa\x8b\xa0g5'</t>
  </si>
  <si>
    <t>b'$/\xd5\xdb\x1e\xa5\xb8P\x97\x1e2\xca\xe8+\x16\x13\xf9PU\xab\xe3\x8d\x04\xb0\xc1A!C\x14\xf8\xebM'</t>
  </si>
  <si>
    <t>b'i\x1e\xfc\x80\xda \xcf\xe1)\x9b]\xb4\x92/&amp;\xeaz\xea\x04\xa1\xbc\x90\x81\x06\x9cH\xe2\xa3\xb63\xfe\x1f'</t>
  </si>
  <si>
    <t>b"\x85\xce\x16\xa6\xd4u=\xcc\x15\x0f\xf7\xd6\xf1\x07\x13(K\x9b\xceIpq\x16\x83\xa9\xb6w'\x7f[\x8d\xb7"</t>
  </si>
  <si>
    <t>b'5\xf9\x7f\x0e&gt;\xb4@g\xa86\xcd\x7f\xf5\x95\xe1\xd3:\xff\xa0\t\xd5\xbe\x98\x1e\x1e|\xd6vb\xd4\xe7\xca'</t>
  </si>
  <si>
    <t>b'\xbe\xdc\xe0\x08!\xf0=\xc7\xa2|\xeb\x8c\xd8\x98P8G0}\x11x\xc1\xd5\x1ea\xee\xe9\xf0\xa8UQ\xf9'</t>
  </si>
  <si>
    <t>b'e\xb5%\xf3|/\x86\xc7\x05\x9f\xf5l\xbem7]\x92\x96\x8d\xa5z+\x9e\xfd\xdb}\xf4\x0e\x8e\xb1\xa0\xe1'</t>
  </si>
  <si>
    <t>b'L\xb1Dx\x90\x1evK\xe3N\xd1\xe2\xaf\xa9\x85\xbb\xba\xd5\xdd\xf9,\xf1E\xaf\xec\xe6\xb2\x87\x96\xe0\xab\x94'</t>
  </si>
  <si>
    <t>b'dj\xe6\x92\x96\x10"\xbd\x8f\x9a\xf2`\x08r\xe6?\xe6~"\rn\r\xa6S\xfb\x84 JAI\x16 '</t>
  </si>
  <si>
    <t>b'E\xf0\x17\xe7\xab|{\x02k\x8d\xa3\xd1Ng\xa8\xab\x97}\xe2\xeaJ@!\xc9w\xa7\x99\xdf\x1e(ER'</t>
  </si>
  <si>
    <t>b'7\x9b\ts\xe8\xfdT{\xc6\xfc\x8d\xad\xe3\xc4\x18G\xcaC{\xbb\xe4\x08\xf3\x1e\xafPy\xc6\x17\x80\x9cg'</t>
  </si>
  <si>
    <t>b'A\xabE\xf8X\xba\xfa\xbb\xcc\xfc\xcb\xeeF\xc9\x14|8\x91\x96?\xcco]W[kxy_\xd0\xb5`'</t>
  </si>
  <si>
    <t>b'\xa1\x84c\xe5B\xd6\xd2\x83L\xf7\x17\xb1\xb4\xbf\xa3\xd9\x15\xff\xb4\xde\xfb\x1a\xea\xe6\xf8\xd8\x1c\xd2j\x80\xaf\x15'</t>
  </si>
  <si>
    <t>b"\x02\xde'\x83`6m\x88k\xe2\xe1\x19\x80}\xaf\xec\x86\xb7\xb0q.\xa7\x12\x11\xf6\xa5i\x18\xad\xbc\x1b:"</t>
  </si>
  <si>
    <t>b'\xa72g\xc6\xaf\xe5\x93g.\x9f\xf7a\x7fd\xa5C\x03\xa4\xd0\xf6\xf1\xbd1;\r\xf6\xfc\x0e\xad^&lt;B'</t>
  </si>
  <si>
    <t>b'g\tI\x1a[S\x13\xbf\xcbFT\x92\xce\x91b\xbe\xf0]\xe0\x02\xf7\xe4\x12\xfc\xf7\xb5c\xa9\xbbnw\xd2'</t>
  </si>
  <si>
    <t>b'EC\xdb\xfb\xe3\xbf\x95\xad&gt;\x98\xdcZ\xefo\xc5\xd7Z0\x88^\xffg\xf3\xdfE\x005z\x10+\xab,'</t>
  </si>
  <si>
    <t>b'\xc4\xc4\x0e_\tt\x90\\K\xfeN2H9\xa5n\x91\xc4&lt;\xf3y\xabsj\x93\xb3O\xa4\x83\xb7$\xb8'</t>
  </si>
  <si>
    <t>b'\x08\x1fV\xc5\x11}Z\xeb\xf5\xbc\x9e:\x1f\xb9O\xf0\x9a\x03\xfc\xe1\xe7nU8I\xd24\xc3\x8b\x93\x0bH'</t>
  </si>
  <si>
    <t>b'\x93\xbe\r4vZ\xb8.\xfc\xd7\xf3g\xbd\x99\xa2\x07J\x14\x90\xe5x\xcc=\x8b\xb0|\x9e(\x12D\x9d\xed'</t>
  </si>
  <si>
    <t>b'\xc1\x0e\\\x9e\xc6\x8al\xc3\xbe\x80\xce\x8fI\x11V\x99\x99\x872c\xeb\xee\x9d\xa1\xf8\x9b\xd2\x10\xa4\x12\x95\x9c'</t>
  </si>
  <si>
    <t>b'\xe2}\xe1\xa7\x07\xab4\xf9\xbe\xa4\xc6\xadyv}\x9d\xf2\xce\x8fi\xf3\xd3)\xb5\xcf\xc7\xe8\xd7\xa4\x04\x92\xa2'</t>
  </si>
  <si>
    <t>b'\x99\xcf\xebI\xc0.\xb3 \x18+A\xeaC{a\x13=\xc2\xbb\xd6\x1c\xd38\xac\xfc\xa9R\xd8\x0e\xecA\xbc'</t>
  </si>
  <si>
    <t>b'$\xefN\xcf\x06\xbc\xb3\xbe\xb8\x19E"\xb6+\x9e\xd3\xaa\xaa\xfd\x91e`\xdb\xff\x82\xbd\xde\xfav\x97C\xae'</t>
  </si>
  <si>
    <t>b'\xe0paT\xb7b\xb5K\xe8\x11\xebN\x89S;X%\xa4\x80c\x84\x87\xbc\x99\xd4zE\xe1\xbc\x8c2\xb4'</t>
  </si>
  <si>
    <t>b'\xe6\xec*\xfc\x0b\xad\xe8\x0e\xaa\xc9\xd4e%\xfd\x0fD\xc7Zr7\x82u;\x1bj+\xbd&lt;\xa7:\x8aV'</t>
  </si>
  <si>
    <t>b'T\xb9c\xeeD\x05\x95\x81ty\xe2RQyO\xf4g5&amp;ip\xbb\x8d\xae\xcdc\xff\xbf\x8f7\x8aJ'</t>
  </si>
  <si>
    <t>b'\x0fH\xdcRi~{\xa4\xb5\xfd\xe4\xcc\x1e\xb8d\x01B\xee&gt;\xb6\x82\r\x9b=)Q\xa7\xd3;\xe2|+'</t>
  </si>
  <si>
    <t>b'\xbf\x89\xad\xf5T\xfb\xe6U\x0c\xe5\t\xc5\x87#\xbe\xdb~\x9dtB\x01\x96\x08\x86\x86r\xa1\x91bf-\x9c'</t>
  </si>
  <si>
    <t>b'\xf0?}}/\xf3\xd2\xfa\x97c\x84\x86\rV\xbaG\xc5\x8d\x81\xber!F\xe7\xcc\xe2\xb1#\xd2\x04\x02\x1d'</t>
  </si>
  <si>
    <t>b"TZ\x8d\xe6\xfee\x19/\xb7\xab\xff\x97\xc4C\xbd\xbf\xdca\x819\xbf\xb7Pt\xd8'\x19\xe7\xc0\xd7B\x93"</t>
  </si>
  <si>
    <t>b'\x84\x9d\x9cva\xb1\x08\xcb\xee\xe10@\xd9\xa1\xd2\xaa\x06g\x8d .\x85" W\xe2\xaacs\xd5\xc1\x1e'</t>
  </si>
  <si>
    <t>b'y\xc7\xecp\xca\x948N\x99E\xa6\xd1\xb5\xe6\x80%\xf5\x97\x8co\xfe8.v\xa15\xf0\xe9\xad\xf3 &amp;'</t>
  </si>
  <si>
    <t>b'\x98\xd4\xdf\xb4\x87\x18,x\x80\xaf\xf7\xf9d\x13)\x9f\x070\x8b\xdd\xbb\xf1\xba\x96\xd0DrK\x1f\xe5\xc0\xf0'</t>
  </si>
  <si>
    <t>b'&amp;\xf5\xe9\xc1D@\xe2p\xff\xa36\xc6&amp;\x90\xfcN\x00Jd7\x1e\xf9\xd7\x90\x06\xd2N}\xb0u\x9d\xe8'</t>
  </si>
  <si>
    <t>b'\xa4njm\xacw\xe5\xd0&lt;\xd0F\xcc\xff\x88\x18b\x1a\xe4^\xbd\xf1l\xe2\xfdF\x04\xbf\xd6F\xd6TD'</t>
  </si>
  <si>
    <t>b'joy\x08\xd2\xa2\xd3\x955\xd9\x052\x10\xcd\x1d\xd4\xcbn\xe1WZ66\xd2\xf0\x9b/\xfa\x032\xcd\xa8'</t>
  </si>
  <si>
    <t>b'4\x1d\xa5\xc7\x16\xb9\xde\xed\xb2s\x11\x9b&amp;O2\xb5\xb2\xe0\x9dHhb\xe3\xc0"\xee\x86\x11\x18\x0c|]'</t>
  </si>
  <si>
    <t>b'\xe4\xa3\x8dS\x7f\xfa\xb2\x02f\xe34\x15\xb7\nk\xa12\xb0\x05\x0f\x8cK\xf6a\xc6\x1e3&lt;\x0e\xa3\x93Z'</t>
  </si>
  <si>
    <t>b'A\x0c\xef\x93\x80\xd9A\t\x98\xf0vG\xa2\xf7\xa8\x9b\\&gt;AgWts\x10,\x1b\xec\xec\xa5\xeesb'</t>
  </si>
  <si>
    <t>b"\x82L\x9c\x08\xa2\x97\xf2&amp;\x9f\xdcD\x91\x14vW'd;\x18t\x95*'\xe7A)h'?\xde\x9b\xc7"</t>
  </si>
  <si>
    <t>b"E\x98f\x87\xb4\xe3\xea\xb7\xca\x13\xd8\xaf33\x80\\\x1e\xc3]&amp;\xce-EV\x0b^'1\x8epY\x8e"</t>
  </si>
  <si>
    <t>b'\x1b{\xe6y\x94\xee\xc1\x8a\xd0\xf8\x87=\xe6\xe40G\xd9P\x9f\xd0\x87\xa8\x1b\x16\xed\xe5\xfd\xb8\x8a\xcf\xec2'</t>
  </si>
  <si>
    <t>b'r\x8e\xbb\xd0\xfd\x07\x1fI\xc6Z\n\x00\x08\xae(\x82]\xfc\xa9\xe9\xfe&amp;\xfd\xa1lY\x1a\xed\x89\xcb\x8a='</t>
  </si>
  <si>
    <t>b'\xf1\xcc\xb6\x8c\x0f.z\xc9h\xecO\x95Tn\x13 \xe7j\xbfv5O\xdfx\x84\x8e=\\J\xd7\xae\x8b'</t>
  </si>
  <si>
    <t>b'\xde\t\x8b\xa0\x19\x1ag\xad\r\xd3\x13\x16_\x10\x14\x94\xce&lt;$9\x857\t\xe1\xb2Kv\xca\xbc\xae\xd6\x99'</t>
  </si>
  <si>
    <t>b'\x89\x8aF\xf6\xb5\xb1\x84|\xd5\xf8!\xf3\xd3\xad\xe1\x7fHw\x9bA\xa8V\xe9X`\xce\x0e\xa3\x1b\xfc`\xb7'</t>
  </si>
  <si>
    <t>b'.\xc8\xcen$\xb3;6\x967\xe2\xc0\xc5\x91\xf5\xf7\xed{\xd0\xa2\x0bz\xecO\x14T\x0f\x11.Oqx'</t>
  </si>
  <si>
    <t>b'\xbd\xe7]&gt;\x02d\xbe\xe0S\xc61\xa2]\x88\x9aIH\xba\xd9\xba\xe0y\x06s_+e8\xa4r\xf1\xdf'</t>
  </si>
  <si>
    <t>b'm\x85\xe1\x9b\xf4\t\x8a)\xac\x11#\x0b\x0e\x86\x94\xa9n\xab\xf1\xbdKFYe\xab\xd9\x02[\x9d|\xcc\xe1'</t>
  </si>
  <si>
    <t>b'\xce\xa1nwidtt%\x1a\xa9\xb1S\x80Ym\xca\xcb(\xfe\xeb\x19\x9b \x93Z\xc1\x90\xec\xdc\x7f\xca'</t>
  </si>
  <si>
    <t>b'\x1c2}\xeek\xee\xa5\xedI(U3J.\xe8\xad\xf8\xec\xb9\xb3D\x1a\xae\xd1\xac)\xce\xc5u\xebW\xb2'</t>
  </si>
  <si>
    <t>b';\x932\xedS\x0e_J\xb4\xb1\x17g4\x95\xee\xd6E\xb7\xb3\xa0jC\x1a?\x98\xac\xab\xd2\x85\xf8\xde\x7f'</t>
  </si>
  <si>
    <t>b'\xae\xa5&lt;\xbf%\xcd\x85\xa2\xf3v\x16\x85\xbaF\xa4w\xed:\x92\xfc\x85\xebv\xcdSz\xf4\x12\xc7\x1f\xfa\xae'</t>
  </si>
  <si>
    <t>b'\xef\xd7\nV\x10\x04t?\x97*\x89\xb8\xb3\xc3)\xf1\xc6=\xa05\x95\t\x8e\xfds\xd0e\xbfC\xe2) '</t>
  </si>
  <si>
    <t>b'\x13pcc\xd8\xf4-X\xf13\xad\x18\x99{K\x02k\xe7 \xaf\x9a\xc8&lt;\x8d\x94R{\x1c\xd5\x1f\xebZ'</t>
  </si>
  <si>
    <t>b"\x83n$\x87\x1d\xba\x11\xfc{A\xfc2\xeb\xfe!\x82R-f\x02\xe6\xfc\xf3\xb4\x8b\xeb\xab'\xb3\nA\x04"</t>
  </si>
  <si>
    <t>b'\x9c\x96\xd14\xb6T\xce\xbdz\xf40nX\x84\xef\xdem\xf5\xd1\x8bM\xa4\xa7\xe4\x19\x96\x15F&gt;4\x8bF'</t>
  </si>
  <si>
    <t>b'\xab\xef\xf7\x14W\xfa\x80\xc54jY\xb0t\\O\xfb\xbc\xeb\xaf\xb5(\x12((D;\xefW\xf9\xe2V\x13'</t>
  </si>
  <si>
    <t>b'\x85\xc3\xe7\xae\xb8\xeb\x8e\x06\x97 \xfdm\x8bd\xf6\x02\x1a\x04\xde\xab\x92\xdc\x96\x94G\x08:0\xc3\x1b5\xae'</t>
  </si>
  <si>
    <t>b'\x1c\xf1\xd7\xdc2!8\x9e:\xcf\xe3n\x15j\x82)\xa2\xc4\xf6:+B\xf1BW\x97i\xff\xf5!Le'</t>
  </si>
  <si>
    <t>b'?\xd8\xf8\x8cil\xc6\x9c\xc4\xdd\xda\xfc\xaf\x14\xc4\xefU\x18\xa2\xe2E&gt;&lt;\xbcV\xbd\xbf&gt;\xae_\x07\xcd'</t>
  </si>
  <si>
    <t>b'mR\x1d\x8c\xeb\x14\xda8[D\xb7/\x8d\xa3\xbe\x17=F\x03\x91\xc0\xc3\xf8l\xb2;\xe5\x00\xec\xad\xfe\xe9'</t>
  </si>
  <si>
    <t>b'\x1d\xe9\xc5!\rs\xbbw\xe5\xdb\xa5Ce\x88Hm\xf5\x01{\xa2B\x0c\x04\x8b9\xce%\xca\x8a4\xad\x81'</t>
  </si>
  <si>
    <t>b'\xde\xea\xb0\xf8{S(\x85R@\x15\xfe\xb3\xef\xfb\xb2$\xc8\xc2wq\xb7MNJBA\xb8\xb5\xb7\t('</t>
  </si>
  <si>
    <t>b'?\x02\x0c\xc3\x98\x00V\x94_g\xcdp\xb8\x12\x05\xdc\xb2\x0b\x17\x1ezS\xd2\xe4L\xc4\x1b\xdb2*\x0b\xe9'</t>
  </si>
  <si>
    <t>b'\x00#i\xe82\xfc\x0bI\xe6\\`@\xeb\xae%d`/\xff"\xfb\xa2\xc1\x98\x81\xefd@V\x13\x91|'</t>
  </si>
  <si>
    <t>b'\xdd\xfe\x022g\x9dl\x7fG1\xba\xe8#\xc0\xd7&gt;\x17\x0c\xf59.Zny?\xf2\xd1\x87\xef\x14QY'</t>
  </si>
  <si>
    <t>b'l\x97\x1b\xf5} y\x18\xcc+\xa1Yr\xbc\x8b\xb0\x91n\xd8\x1d(\x1cp97\x00\xb5z\xb1\x8e\xed\x14'</t>
  </si>
  <si>
    <t>b'\\fsp\x98\x80\x9a#K2\xfe\xb4`\xef2]&amp;\x9a^\x93g\x80\xe6\xc4\x801\xbck\xc06L_'</t>
  </si>
  <si>
    <t>b'vg\xb4SP\xddGX1\xf8\x1d\x9c\xe3\xf3\x8eRY\xce\x88\xd6\xc2/\x8e;\x01H\x07\x98fR~&lt;'</t>
  </si>
  <si>
    <t>b'(\xbeW\xbd)\xddcv\x85Ae\x1b\xb4\xbdM\xa8p\xf4\xb9\xda\x94\x12\x9eg}G(9J\xd6a{'</t>
  </si>
  <si>
    <t>b'\xdc\x07t\x13\xfd.\xe0)\xda\xcb4\xce\xe1\x07&lt;\xdd\xa2\xc5"Cj\x90\x02z\xc4|\xf2\x91\x11\xf2\xd7h'</t>
  </si>
  <si>
    <t>b'\n\x08t\xcc\t\x88\xc31Y\x1f\rl~\x1d\xe44\xc1cd\xc6\x8c\xed\xa3\xd5\x124*\xa8%\xbbks'</t>
  </si>
  <si>
    <t>b"t\xe2'\xc0\xb5\x85\xed\xa2\xca\x86\xcb\xe6=&gt;\xf0\x93d0\xe0B\x8c\xf2\xb0+i(\x06\xf4\x85~\xb4\x04"</t>
  </si>
  <si>
    <t>b'x"e\x94&amp;v\xac\x96J\xda\xa8c\x8b\xe0\xcc\x9c\xdd\x90T\xd4\xcd\xa4\x05]\x92|X\x10\xb8#\x92+'</t>
  </si>
  <si>
    <t>b'?L\xe3C\x1b\xfb\x87x[\xefIz[\x90\r\xdf\x86J\xb9c\xf7\xe6e\xf3\xe9\xb7\x7f\xda\xe7\xc3\xfa\x99'</t>
  </si>
  <si>
    <t>b"\x0cr&lt;G\xc8\x12\xda,\xdeU\xf9\xb8+\xe7\xbc\xb3O`\xba'\xe3Y\xf6\xec\xe3J\xdd\xadx4\xdcN"</t>
  </si>
  <si>
    <t>b'C\xed\xd4\xa8\xcf\x195\x148\xeb\xaa\xd4u\xc4\xc2p\x90+\xbd\x08*\xca\x81\xefcN\xc9\xf5\xcb\xb2r\xc8'</t>
  </si>
  <si>
    <t>b'\xc8t\xbab\xc0F\x82\x01\xa0V\x87&amp;\x99\x10\xe7\x9f\xb1\x01\x90\x84\xa5\x8b\xd2\xa6\xbd\x8d\x1e\xb8bJD\x0e'</t>
  </si>
  <si>
    <t>b'|me\x9eT4ifGt\xa1\x01\xaf\xa0`\xe5\x0f\xa2{\xbf\xce\xccn\x0f\x0f\xe1\xad\xa6\xdb\xfd\xfek'</t>
  </si>
  <si>
    <t>b'\x95\xe4\xeb\x85m\xc7\xdc\xea1\x85\xd6x\xe1\x08\xfd7K\x1a\xbd\x14\xf9\x19\x8a\x8d\xa8\x91\xdb\xd0\xbc\xe1\xcc\x8b'</t>
  </si>
  <si>
    <t>b'dT\xa5\xa6\xa2\x81\xda\xf8\x8f\x90I\xe5\xa1\x8d\xd7\x89&lt;ie\x17\xb2\x18\xc2k\xdb\x95g\x97\x81\xfa\xedI'</t>
  </si>
  <si>
    <t>b'-c\xf0\xfb\x8e\x1bm\x83]{\xdeJ/\xf4\xc7O\x1aK\xe1\x00\x02\x9bF\x88\x19\x96QQ\x8e\xbcm\xe1'</t>
  </si>
  <si>
    <t>b'1\x08\x17s\nKRT\xab\xf7YG\xf5\x0c\xa2!\xd2\xae\xcbr\xeb+2\xc4\xbd\x89\xadQ\x11\xe5\xe4G'</t>
  </si>
  <si>
    <t>b'\xc5\x90b\xea#b\xc5\xa0=\xebO\xb9R7\x05\xc9\xdf\t\xf0\xef\xc6cRV\xdbj0/\xbb&lt;\xc8\xcc'</t>
  </si>
  <si>
    <t>b'\x9bcu,\x0e3r\xc7T(\x07\xab\xc7\xaa\xc5\xc5O$S\xfc]=\x12\x8e\xe1\x8fR$,2\xf0\x7f'</t>
  </si>
  <si>
    <t>b'\xe5\xe5\x84(R\xc7\xc2t\xd9\x1d\x89\xd16\xdb\xe7u\xff\xa0\x195))C\xfa\x06b\xba\x12\xbf\x8e\x1dd'</t>
  </si>
  <si>
    <t>b'A\xa07\xb9\x8b!&gt;\x85\xd4\x18\x8d`2\xbf\x8e\x16\x81QW\xec\xc4\xab~S\x0fj\xb5\x867\xae\xfb\x9a'</t>
  </si>
  <si>
    <t>b'\x9f\x91\xaf\xc2ni\xe6\xd7\xd7\xc6\x1ffH\x95\x14\xb1B\xbc\xb0\xd3\xc0\x06\x9f\xbfxgA\xe5\t\t\xa9e'</t>
  </si>
  <si>
    <t>b'\'\xe7\xd1\x0b\xdde\x16\x98\r"l\x9c\xe5\xf8\xf1\xb2\r\xeb\x8bG\xd1b\xf9-s\x12\x13\xa9#B\xd8o'</t>
  </si>
  <si>
    <t>b'd\xaeJm.\xc2\xbd\xb3D\xfd\x05\x95\xdc\xec\x90\xc5\xfbH\xf6\x10Y\xe9\x94A\xd9\xd7\xd4nl\xe4\x82a'</t>
  </si>
  <si>
    <t>b'h\xca\xfb\xd4K94&lt;B\xa4.\xb7n\xfdA\x1d\x86p^~\x16.&lt;\x87\xbe\xa5\xd4H\x07v\xc1\x95'</t>
  </si>
  <si>
    <t>b'\xbe\x0b\xb83\x96\x1bX\x1ed:\x83!7c\xf7\xe3\x7fh\x16\xb3d\xb3\xc0}\x0fn\xf6P\x8c\x16)\x1b'</t>
  </si>
  <si>
    <t>b'Ij\x00\xd9\xf4]\xae\xab\xf1\xb3\x82M/W,I\xd3w\x90?\n\x92\xe9\xd0\x8d\xb4cY\xd0IcR'</t>
  </si>
  <si>
    <t>b"\xfb\xcd\xc0\xe2\x91\x03-\x14LD\x81R\xe5\x7f\xef\xa6-\x15A\xfa\xd7KE`\x18J'\xa0\xc3\x91\xae\xb6"</t>
  </si>
  <si>
    <t>b'W\x00\x00\x8fu\x86dy\tX\x95l\x879\xbc\xdc\xa7Z\x83k1 t\xec\xcb\x1c\x8b\xfd\xd1\xb5E\x00'</t>
  </si>
  <si>
    <t>b'\xdck\xdc\x8f\xf1\xbcx\x99\xad\x0c\xedN\xe5\xcbY\x94\xab*\xb7\xdau\x90\xb2\xfcv4U!&lt;:\xbc('</t>
  </si>
  <si>
    <t>b'Xd;\xd6\x95\xbf\xa4\xc5C\xf2\xe2\x1a\x18\xd0q(\xd3\xdd\rTA\xd8\x9f\xbb~?\xed\xf9\xa6\xcc\xa8y'</t>
  </si>
  <si>
    <t>b'q\xc3\xb4\xc3J;\x0c\x8a;#\xc6\xe1;\x8el\x07~\x8d\xfd\xebm\x9e\x07\xd5&lt;(C\xa6\xab\x19\xd9_'</t>
  </si>
  <si>
    <t>b'\xfe\x96t\xa7=;\xf2\xebv\x8f+\xf0q1+\xd1*\xd3D\x83\xe0n\x1e\xa3\x9c\xe9\xc1\x19\x1e\x1am\xd9'</t>
  </si>
  <si>
    <t>b'\x95&amp;+\x82\xe3\x8f\x96\x16Q\x10\xdf\x1e5#\x97S\xbb/\x08M\xba\r\x91a\x19\x18AtL\x86\x9e\xdc'</t>
  </si>
  <si>
    <t>b'N\xe2\n\x8a\xcfz(\xab\x92+|\x80C)\xf9\xc5\x84\x12\x94l\xbf\x07\x81\n\xfc\xd2qu\xabE\xa4G'</t>
  </si>
  <si>
    <t>b'\xe8\xf7\xa2\xc3\xc1%e\xfd\xe8\xba\xb7\xee@\xfc)\xe0e\x91\x04\xaca\xd7\xe6\xf4/\x876\xd6\xc9\x92\x1f\xe9'</t>
  </si>
  <si>
    <t>b'&gt;\xee5Dq\xd8_\xa3\xc4N\xa2\xae1\x04(i\x99\xb7\x99N\xc2\x97\x13\xfa\xd4\xb8HoX\x86c5'</t>
  </si>
  <si>
    <t>b'\xd7\xf0\x8d@\xaf]"W\xc3)y\xa5,/%7\x88\x99\xad\x8d:Q\xf7!\xab"\xfe\xb8\x96\x1b\x17\xa6'</t>
  </si>
  <si>
    <t>b'\x05\xbf5\x0b*\xdc?\xdb\xe2\xc9J\xfe!\xbck\x8f\xfd\x83\xe8\xb8\x9dnm==_^\xc3\xf3\xf5\x19\xf6'</t>
  </si>
  <si>
    <t>b"\xc2t\xfb\x7f\xf7\xec\n\xbfb\x8dV\x1f\xe1gJ\xc6l\x9c\x01\x13'\xc0\xf0\x1fn-\x11\x15/\xcb\x15\xdf"</t>
  </si>
  <si>
    <t>b'\nl\xb8\x01xj\x16\xeb?\xd5\xea\x94\xe6\x0e\xecc\xce\x8c\x8f\x1aI\xfe\xad\xd0\x8e\xe1\xa7e_\xcf\xd4\xc8'</t>
  </si>
  <si>
    <t>b'\x89E\x9ewM\x8d\x9f\x1f\xd0\x1b\xa3\xe3m\xdc0\x92\xc2\x1d&gt;\x86\xcc\xc9:nv\xb6-,\xb9\r+\xc5'</t>
  </si>
  <si>
    <t>b'\x8b\x03\xea\xdfp\xe9\x98\x00ZXF\xaaf\x8e\xd8\x99\nL\x80O\x9a\x84L\xfe?VQ\xdf\xb5\xb3\xb9\xf0'</t>
  </si>
  <si>
    <t>b'I(\x9b\xcb\xc0\x13\xad\xd0\x7f*\x1d\r\xeef_\xca\x91\x89m\x10\xb3\xe94\xfb6{\t\x95\x9f\x96\x9bE'</t>
  </si>
  <si>
    <t>b'\xf7p\xb1(\xc2`\xae\xfc\t\rXe\xd2\xfb\x17\x12Uw\x8a\x9c\xa1\xa7\xd1\xcf\xbd\x14M\xe8\xa3nhp'</t>
  </si>
  <si>
    <t>b"Tpn\xd9\x965\xc3k\xd21\xacS\x83\x9b\x04w\xb7E\x8e\x18\xea\x11D\x91\x94\xc4N\xeb\x83\n\xe2'"</t>
  </si>
  <si>
    <t>b'wc\xd3\xfb\x88\x94g&lt;\xec\xdd\xfa@\xab\xd0gc\xe6\xa6]\xda\xa6T\xf4F\xbe\xccAV\x0b\xb4\xbb\x01'</t>
  </si>
  <si>
    <t>b'\xaf\xe4\x82-\xb5\xcc\xce\xc3\xaa;\xb3*\x02IV\xad\xe7fx\xcf\xce\xbc\x96\xfe\x0b\xc6\xd3\r\xecn\x06-'</t>
  </si>
  <si>
    <t>b'\x1b\x11\xabx;\xe6=&lt;\x88\x00\xbaN&amp;\xd4{.\x874\x8c\xcb\xdc\x93\xc8\x9a\xffOT~\x83\x8c\x80\xd1'</t>
  </si>
  <si>
    <t>b'\x841ye\xad\xc2\xa8G4\x13\x1f\xd1\\\x91r\xef\xc5n3\xfdg\xd9]9\x7f\xe7`\x96\xabY\x97\xe4'</t>
  </si>
  <si>
    <t>b'\x0c\x13\xc5^\x01\xdb~\xc7\xeb\x01\xfdOJ\xaeT\x10\xfb\xf1P"\xb0:@\xcc\xb8\xf9@\xac\xf8\xf9\xf6?'</t>
  </si>
  <si>
    <t>b'\xae=\x8e\xb2\x85\xcc\xd3w0V\xd2v\xc9L0\xd4\xff\x8c\xbc5\x93\xe5\xe9\xc9\x1f\x16O-b\x18\xcfJ'</t>
  </si>
  <si>
    <t>b'\xc7\x82\xee\xd9\xe4/\xd8&lt;\xc4\x05[\xc3]\x93\xdb\xcdWY\x011\xcf\xf5 \xb1\xec\xd7g\x87\x16,\xc2b'</t>
  </si>
  <si>
    <t>b'\xac\x83&lt;y\x93(\x1a\xc3\xf7`\xa12\x93\xdb(\xe8\xc4\x8b\x9bgR\xe3c\xda\x0b\xf2\xa1\x8b\xc4\xa9^~'</t>
  </si>
  <si>
    <t>b"Q\xa2;\xf3\xb7\x96\x14\x92-\xb1^q7a\xf4h\x9e\xd0\x14^vtK\xfe\x80\xa2\xeb\x16Z~Q'"</t>
  </si>
  <si>
    <t>b'\x16\x9c^qOH\xba\xad\xf1L+F\xa9\x97\x08jdX\xd1\xedf\xf3\xa9h\xa0\xbf\xc2\xd6_*\x84u'</t>
  </si>
  <si>
    <t>b'\x81\x9e\x96E1\xef\x06cR\x12\x91\x11\xd3\xa2\xb9\xeb\xae\xb3\x1a\xf0\xee\xd9J\x02_\x06\xb8\xdb\xce\xa2 N'</t>
  </si>
  <si>
    <t>b"\x18=\xb8\xd1*\xf1\r\x16\xdam{0\xc2iv\x17I9m\x08\xe0\xa0\xab\x83Iud\xa8.\x9f\xfb'"</t>
  </si>
  <si>
    <t>b'\xc1\xdeA\xcbS+\x98H\xf6\x8f\xb3x}n\xda\xf5\xff\xb4\x00\x02\xa49\\u\xfab\x04\xee\x07\x9d\x02C'</t>
  </si>
  <si>
    <t>b'/\x7f6\x81\x81Y\x7f\x90\xff\xd6}\xcf\x04j2\xaa8E!HS8\xf0_v\x96H&gt;P\xeb^7'</t>
  </si>
  <si>
    <t>b'\xf8\xe6\x8dY\xad\x96\xbeD|\x00\\g\x1b\xdc[\x14\x8f\x9aA\x0bd\xa8({C\xde1\xb2#\x014\xc3'</t>
  </si>
  <si>
    <t>b'\xe1\xa5\x08\\9H\xa3V\x11t\xf1?\xd7F\xcaM4\xfe\x8b\r\xd7\x95\xea\x12\xbe\x11\xa9-{\xe6&amp;\x1b'</t>
  </si>
  <si>
    <t>b'\xd9\xec989\x19\x17S\x90XBB\x96\xb7\xb2\x9b\x99\x85R\xdb\x85W\xa8\xd3\xbbL\xc59y"\xd3\x92'</t>
  </si>
  <si>
    <t>b'\xa7\xf9\xf9\xc4\x1b\x08`J\xa64D\xd2\x0c\x88\x01\x98\xac\xdd\x84\x14\xa8w\x81\x08\x8cY*f\xfdO\xd8\xc8'</t>
  </si>
  <si>
    <t>b'd\xa6Ay\xff\xf9\xc9\xb6\xe1$P\x08\x8f\x10S\xce\xb8\x84e\xdcM\x0bN6/h\x1c\x1du\x17?8'</t>
  </si>
  <si>
    <t>b'to\x12d\xb1\x94\xc5zT\x8a\x08\xfa\xf3\x16\xc0\xd4\x86&lt;w\x85\x90\xecs%\x9ad\xd5\xa3\xa5\xc1\x9c\xed'</t>
  </si>
  <si>
    <t>b'uj\x18\xec\xc2\x90\xd4r\xe8\xfd0\xc5\x06w\xfbk9\xb1\xf3\xf1\xa6\xa8\x94\\\x8a\xc2\xdb\x17\xd1\xb5R4'</t>
  </si>
  <si>
    <t>b'\xd8\xcb\xe7WB\x87\x01\xacT\xd8(&gt;h\xcag\x14\x969\xe7\xcb\x8d\xe8-y\x83Q\x9b\x1e\xd4\xd4G\xe7'</t>
  </si>
  <si>
    <t>b'\xb6\xce\xa3`#\xc9zY\xef\xef\xb0#\xd1\xdd6\xdf{CC})\x8e\x8c\xf6\x8e~\x18\xbf\x19\x91\xedT'</t>
  </si>
  <si>
    <t>b'\xca\x95\xaf\x03\x01\x87Z\xf9\xc7\x1c\x08N\x1bu_-\xe9A\xc3N\xf9+T\xb3\xbb\xc19\x0b\xd0\x19\x9b\r'</t>
  </si>
  <si>
    <t>b'\x92\xfc\x93){\xd0\xc1\xc1~\xd2i\xceu\tM{YH@s\x18\\*\x9c\xbe\xc0\xd9Q\xa0\xbb\x1e_'</t>
  </si>
  <si>
    <t>b'S(\xd0E\xf6\xcbf\xfc\xd90\x99\xfd\x0f\x15\xe5\xfe\x01~\x9fCQO\xca\xaf\xcb\x1a\xd0\x0f\x0c.\x0b\x85'</t>
  </si>
  <si>
    <t>b'3\x04\xf1d\\\xfe\xfe\xe3M\x84\x1dK\x85\xa8.\x8bm\x94\xd2C\x07{#\xbbY\xc9`\x87j\x0bz\x82'</t>
  </si>
  <si>
    <t>b'{\xc8\xa3-\x96\xe8=!\xaa=qd^M\x15\xd6\x10u\xbb \xabKZ\xd6\xf3\xebu\xf5YZ\xb0.'</t>
  </si>
  <si>
    <t>b'\x00\r\x97Ny\x88[AY\xe3T\x13\xd7+l\x10\xa5\xda\x99\x13\xa02\x83X;\x12\x1b\x98\xdd\xf8\xc8\xf2'</t>
  </si>
  <si>
    <t>b'f\xa6[u6\x19\x9b\xfb\xfd2\xbb5Y\x91\x12\x05\xdf\xabtv\x10\x16\x8d\xe5\xaa\xc5\xccu\x8di\xb9\x98'</t>
  </si>
  <si>
    <t>b'\xbb\xe1\x81\xb4\x00D\x85\xfb\xb6\x93\xf4\xdf\xa6A\x9a g\xbd\x9c,\x17\xff]\xc3x?\x17\x18\xdc&amp;.\xf6'</t>
  </si>
  <si>
    <t>b'9&lt;8KM\x0f\x06\x1b\xe5\xbd\xddZw\x9d\xfa\xb7\x93\x92bdP\xb2\x14\xba\xeb\x89p\x84^\xaet@'</t>
  </si>
  <si>
    <t>b'\x83\x1e\xd8L_\xf0\\\xe5QeH\xb8\xbd\x00\xfc7&gt;8jMHWF)$X7\xc6B\x86X2'</t>
  </si>
  <si>
    <t>b'\xf4\xab\xbc\xf8\xcc\x10\r\xc6\xac\x99or\x174\xc9\rMyUj:\x01gwx}\xe8S\x8d\x96\xecw'</t>
  </si>
  <si>
    <t>b'\xea:\x06\x99.\x14\xd9M\xb9Uf|\x97\xa8\xa0\xd12O\xd1,\xd0\xc7l\xf2\xa3\x97\x1a\xb6\xe3\xed\xbdr'</t>
  </si>
  <si>
    <t>b'\x08$\x0f\xa2\xe4\xbeN\x15\x8d\xfa\xc7\x1a\xa2\xfa\x8b\xb2%\x1f\xce\xefH\x94\x02(\x98y\xf2D\x99k\xe7\n'</t>
  </si>
  <si>
    <t>b'\x199\x92\xe5\xbah\xeb\xa7&amp;\x0c_d\xc9\xc8\x07rf]\xb2\x1b\x01&gt;\x8c\xaf-\x88\xe4\xa1_\xc8]0'</t>
  </si>
  <si>
    <t>b'\x068w\xaaP=\xa4N \x92[&gt;\xbf\xb0\x1f\x90\x83\x8c\x1a\xbcj\x1a\xf16RC\x90b\xd7\xef\xb1\xe5'</t>
  </si>
  <si>
    <t>b'\tc\xa0\xab\xf7\xd2X3\x00\xa9\x12\xfc\xb0\xa6\xb6\xb3\xb6^\x98"V\xd9\x1eO\xc6Zi`\xe65\t\x84'</t>
  </si>
  <si>
    <t>b'\x8b\x88\xad\x7f\xbcP\xc8\x02{j3\x02\x8enMT\x1e\xaf\x0f}\xcc\xc2\xd1{a\x97v\x1aB\xa3D\x0f'</t>
  </si>
  <si>
    <t>b'G&gt;\x1e\xd8\x91\xfcE\xab\x1f\xae\xfee\xfc\xd7\x07\xd3O\xecM\t\xbb\n\xa4\xe8 *\xcf\xc6\xd5!\xb9\xdc'</t>
  </si>
  <si>
    <t>b'\xa4\x87Pb\xe6f\x16\x8f\xac\x97\x98\x7f\xbd\xfa\x01\x18\xa8C\xb3\x0b{_\x0f*\x11\xf8CA\xc6\x19\xa2#'</t>
  </si>
  <si>
    <t>b'\x81\xbaL\xee\xc5\xb8&amp;\xfd$"\x95\xb2\x0f\x08-\xb5\x07h\x0b\xb0\xfe\xd4\xea\xbe\x04+\xaaLJ\xec\x9e\''</t>
  </si>
  <si>
    <t>b'\xb5\x06v\x81\x95\x8d\x95\xde\xf3b\xd3\xb9\xbaq\xa5\xa3W\x00B)\xb5!R\x901\xc9n\xb2\xa0\xbf\xf8\xb5'</t>
  </si>
  <si>
    <t>b'{\xa5\x06\xd7\x9a\x86\xa5\xf7\xbfM\x8e`\x1a\xff)\x9b\x14\xceE)3\xe2#w\xe48\x97\xdez\xca\x085'</t>
  </si>
  <si>
    <t>b'\xc4\x80\xe09\x15f\xb5\xdb\xd7\x15\xb8SZ\xb1\x84B&lt;\xc6ST\xa5sW\x0c1\xb5I\xa3v\xe7d^'</t>
  </si>
  <si>
    <t>b'&amp;\x9b,\xbdC\x11\xdd\xfe\xc5_\xbd\x7f\x8a\xa14\xd7\xfdR\x0e\xa4\x9a\x86\xa4\xcb\x9a\xeb\xe4\x15vLG\xd0'</t>
  </si>
  <si>
    <t>b".\xb0\xf7&lt;\xf1\x8c\x85\x17\xc4\xaeMV0\x90\x11-\x8d\xd0'u$\x15\xb4@t/\xafSLJ0\x82"</t>
  </si>
  <si>
    <t>b'#\xa7\xde~\xedC\x80?\x86\xf2/\x96m\xda\xaa\x10\xf0\xadH8&lt;\x82\xf6\xc3\xf8\x98\x1a\xb9\x19\x1b=\xeb'</t>
  </si>
  <si>
    <t>b'\x1e\x07|\xe8\xed\xa0S\x0b\x80@\x8b\xc4;!\xe5\x03r3\xe9Z\x02\x13?\x02\x83&amp;\xf3\xe6@\x10\x08\x15'</t>
  </si>
  <si>
    <t>b'\x16c&lt;\x8c\x9d\xf4\xd8XX\xa6\x93].B\x0e\xfe \xd5\x18\xdeWs\xb9%\xbf\xe4\x05\xb1\xc0\x95\xba3'</t>
  </si>
  <si>
    <t>b'R\xa11\xf1GT\xd5[\x03@\xc7m\x01\xa1D\xd4\xb9\x9b\x17\x80\x90M\xa8l\xb627@C\xd3\xb1\xe1'</t>
  </si>
  <si>
    <t>b'@\xe70\x0f\x9a\x0b@\x98\xf2\xeb\xfez\tF\xefp&gt;\x9a\x13k\x8e:9|B\xb7\x803\xb0f\x1bk'</t>
  </si>
  <si>
    <t>b'\x8c4t\xd1\xd95f\xb7\xc0\xd1\xb9h\xb2\xd7\x11\xf3\x83\x88\x08\x04`\xc1k\xc9^(hA\xa4\xb1\xfaF'</t>
  </si>
  <si>
    <t>b'\xb2rO"NRt\x15\xc9\xdfi\xdddJ\x12\xacZ\x8c\x0b\x08\xc6\xe7\x07\xcf$B\x92\xfc\xe1\xe3\x1d_'</t>
  </si>
  <si>
    <t>b'eP\xbdh\xf1\xfa\xd7\\7\x00!\xabU\xb3\x1d\x92\xafZHR\xea\x18M+\xd3\xd9\x7fK\xbc\xa8\xa2)'</t>
  </si>
  <si>
    <t>b'Wc\xf2*$`H\xfe\x05\x87\x83\x82\x885Q\xb2l\xa9$%w\x9a\xe89G}\\\x1a\xfe\xde\x12e'</t>
  </si>
  <si>
    <t>b'\xe7\xbe\x99\x05\xb0[\x07\xd5`\xe6M\x0c\x1eZ\x18l\xd7\xfa-dNz\x93\xbc\xf1\x1c)\xb1g\xc1C#'</t>
  </si>
  <si>
    <t>b'V\x9d\xce\xd5\x05\xa5\xa0bcE\xbay\x9cC^\xe5i\xcf[\x87\xf6\xc1\xb2\x8e\xca\x15\xb4\xe8\x1b\x02eB'</t>
  </si>
  <si>
    <t>b'\x07\xb5\x17\xb1\xf0\xcd\xdd\x88\x88\xda\xc2d\xf5U\xa8r\xaa f\x02\x0c\x12\xa7?\x83\xb4&amp;\x82\x0e=&amp;\x02'</t>
  </si>
  <si>
    <t>b'/\xee\x9b\xa2\xd66E2\xd4\xbdw\xf4\xec\xd6\xeac\x1d;\xcf-\x8d\x03\x13E\xe7\x01\xb89\x95\xb2\x12\x8e'</t>
  </si>
  <si>
    <t>b'A\xeb,B\xc6w\xad\x01\xe6s\xb3&amp;OU\xdf\xb6\x9a0\x99\xc7\x04\x1d\xb6\xdd\x1c\x16&gt;\x08\xc8\xbf\xbc\xc7'</t>
  </si>
  <si>
    <t>b'\xebJ%D\x0f\xc1\xcb\x98#\xf3\xfb\x8c\xe8\x81x\x88)\xa4m6\xc3\xe9\xf3\x1ea?\x11\x14\x83\xac\xcf\xf8'</t>
  </si>
  <si>
    <t>b'\x1cj\x1e\xdb\x1eu\x8c\x1d\x134\xbe\x1f\xb7\xde_~\xa2\xd0{\xfb:#\xd6\x10eb\x91\x10\x0f\xc5+*'</t>
  </si>
  <si>
    <t>b'\xeeWtp\xa1\xdc\x90r\x98\x8dOx\x92t\\\xe5,WHP&lt;\xa1&lt;\xb5`\xec\x9d\xce%\x15\xc0\xcb'</t>
  </si>
  <si>
    <t>b' \x15\xaa\xbe\xf1\x1a \x93|\xc6\xfe\x8bC\xaf\xa3NX\x87\xeeN?dy\x972\x1a@\xd3fH \xff'</t>
  </si>
  <si>
    <t>b'\xd3\n-\xc6\x04t\xe8\xfc\x01\xe3\x19\x17*\xad\xb4\x02.\xa0\xcfH\xc0J\x0c\xc1\xeeO\x8f\xcb|\x9e\x17\x87'</t>
  </si>
  <si>
    <t>b'\\\xa5\xd7\xef\x97\xf8?*&gt;6\xa2V\xbd\x87\xdd\xe4\x01\xb0\xb2A3\x99\x96\xc1\xee6\x11\xbd7@\xa5\x03'</t>
  </si>
  <si>
    <t>b'\n\xa9\xe1\xa2\xf2`\xbb#\x7f(OK6@E\xa4\x9dJ\x80\xea\xc4N\x9a\x88\x1d\\\xe8\xe9Vb\xebY'</t>
  </si>
  <si>
    <t>b"\xbb\xcd\x91r\x07\xbb\x01\xed\xd8]Ra\xdaW\x1fJ\\mR\xa6Qh'9\x9dl\xe6\xfb\x00\x82\xb2\xd7"</t>
  </si>
  <si>
    <t>b'.\xae[\xd7\xea\xc0\x1f\x7f\x7fzsf\xd4\xa9\t\xd5\xbe\xad\xae\xe7\x17\xc4\x90\xb7R\xab\xfe\x0f\x03\r\xd5\xc3'</t>
  </si>
  <si>
    <t>b'\xf9pC\xab\xe4\x14\x05c,\xce\x8cd\xa2\xe1\xde$^vp/w\x99\xba\x13\x05\xc0\xbc\xf4a\xf6\xc5\xab'</t>
  </si>
  <si>
    <t>b'\xe4\xb5\xeaLS\xe2S\x1b_\xcd\xa7!7\x00\xc9\xee \x14n5\xe0\x0c\xf7s\xb3\x92A\xceg\xc5\xc0\xcf'</t>
  </si>
  <si>
    <t>b'y\xb5\x1b\xa7\xf1\xd9O\xfc\xed3ny4\x8cb\x04\xa1\x0f\xd2\xef\xadEI4\xce\xd5\xd5\xa5^\xd9\xac\x1f'</t>
  </si>
  <si>
    <t>b'M@RG\x15\xbfw\xe2\x99\x1dv\x1b\x888b@P\xa8\x7f\xc6H\x16rb\xbc\x90\x0eV\xbd\x83\x10|'</t>
  </si>
  <si>
    <t>b'\x9d/Y\xd2g\xdc1m\x06E\x9b\x14!d\x86D\xb0Q+0\x06\t&amp;\xb4$\x99\x1b\xc3\x14\x83$\xf2'</t>
  </si>
  <si>
    <t>b'`n\xd2\x08T\xcd\xa5\xf7L\xfd=\xcf\x0f7\xe7\x97]\xde!\xc8\x0by\xc7*D\x1d\xbe#2\xe1\xd3\xab'</t>
  </si>
  <si>
    <t>b'I\x7f\xd3\xcf\x0b\xe4A\x89\xb0\x95Lf\x03F\x97c\xe5\x893^+N\x1c\x0c:\x80\x82\x93|M&amp;\xcb'</t>
  </si>
  <si>
    <t>b'\xaa\x17\xfd(\x1e\xd7\x1e\xdf6\xb7\x93\xf9\xc4B\xb5c\xd9\xad\xd7\xe77\x1cx\x86\x1e\xca\x80\xce)\x9b\x85\xf1'</t>
  </si>
  <si>
    <t>b'\x89\xb9\xe7_H\xa1\xc5\xba&gt;\x83=fY]&amp;\xfe9\xc4W\x08\x8c\x16\xdc\x80\xdf\x12\xb4&amp;p@\x813'</t>
  </si>
  <si>
    <t>b'TF\xcd\x9d\xcb\x91\xc0k%\xea\x95\xa2\x1c\xfc8\xe7\xfe\x1b\xd6\xb9q*\xa8\xf6Nn4\xbbP\xfe!\x97'</t>
  </si>
  <si>
    <t>b'\xa1\xfb8\xdf\x0c\x8en\x0cg\x08)m \xbd_M9\x0f\x133\xe5\x1a\x068\x9d{\xdf\x93|\x89\xfe\xe8'</t>
  </si>
  <si>
    <t>b'\x19\xe1~\xc76"\xf7\xd2\'(\x9er[4z\xff\xb9\xb8\x86\xb8\xe5\x98\x12\xdd^\x85H\x92d\xde,\xe5'</t>
  </si>
  <si>
    <t>b'\x87\x0b\xce\xd7sC\xa3\x8f#W\xf17q\xf6\x11\x07\xe6\xc6\xac\xe2d\xe2\xd3\xf3H\x04$$\x8e\xad\xb6;'</t>
  </si>
  <si>
    <t>b'\xa2&gt;NJ\xe9\xb1y\x8c\xd5\xe5\xf9xo\xef\x01.u\x85\x8a\xd7\x19\x8cm\xc8ZI\xa1f\xcb\xdf\xa5\xd8'</t>
  </si>
  <si>
    <t>b'f\x10\xba\x8f\xf1\x18&lt;\x08WK\xf4\xbd!4\xf6\x94\x1a\xed$\xd8\xbbg\x188dS\x000\xf5\x0f\x9d\xa0'</t>
  </si>
  <si>
    <t>b'&lt;\x8c\xd0T\x1b\xd8 \x02$\xb0z\x8d,\xaf\xdd\xba\xafi\x95\xa9\x7f\xb1\xc0\xaa\xd3\xeb\xd1\xfe\x8eX\xce\xd4'</t>
  </si>
  <si>
    <t>b'\x12\x81\\\xef\xa8\x03i\xb8\n\xe6K\xc7\xe7\xe5\x0b\x19y\x1c\xe7\x87\x83\tx\xca\x9d\xd0]\xaa?[e\xb3'</t>
  </si>
  <si>
    <t>b'\x0eT\x8a\xab\xab\x07\x81.\x0b\xab\xc8J\xc0\xc5\x97\x0e\xf8\xa0\xf6\x85p\x82\xef\xff\xf8\xd0\x82]\x9f\xfc\xdb]'</t>
  </si>
  <si>
    <t>b'\xa4\x91\xaal\xc1;\x06\xc1\xf5\xc4\x8c\xf0\x05|\xd9\xbbz!i\xc1p\xdcT=\xf8\x18\xf6*\xed\x89\xd1\xa0'</t>
  </si>
  <si>
    <t>b'\xdd\xda]=.\xfc\xca\xc3\xb7\xe7\xc6h\x96\xda1\xc5\xd4u\xacj\x8cXu\x9c\x81x\x1f\xc4\xb9\xed\xd4I'</t>
  </si>
  <si>
    <t>b'7\xd0\x16f\x9e\xca$Cp}\xf9h`nhNC\x15\xf11\xdb\xc2\xff[\x99`\xbb\x96\x93\xff\x7f\xcb'</t>
  </si>
  <si>
    <t>b'\xe3ec\x0b\x0e0\xe2\xdf\xd7\x08\x8cr\xaa\xf5\xc3\x16\x91\xcb\xc3\x8a"\xe9\xd8\x16i\xb5s|\xae\xb20\x92'</t>
  </si>
  <si>
    <t>b'r\x83X\xee\xf9\x1e\xca\xf4|ar\xa6\xb9\x92\x93\x03\xa1\xaa\x10n\xd8\xdb\xdfF\xee\xaa\xcdbZ\x85Yo'</t>
  </si>
  <si>
    <t>b'\x91\xd7\xb7\xe3\xcd\xc0\xfb\xa1x\xa6\x9a(\x8a\x86r\xa2\x9e\x1f~\xe5\x80;\xfd\x0b\xca\x1b\xe2\xb5\xdf\xa0^D'</t>
  </si>
  <si>
    <t>b'@D&gt;\xcc\xb36\x7f\x97\x88lc\x1c\xa6\xb6\xbe\x9eS\x96m\x11\xbf\xba;\xc7%\x15\xcd\x98\x8a\xdc\x11\xea'</t>
  </si>
  <si>
    <t>b'\x89\xec\xa1\x95\xe4\xb9\xb2oq\x83\xf5\x13\xb9*9\xc3\xaa\xfa\x85\x1a\x0c\xb4\xe7&amp;!\x13^\x7f\x86\xbcD\xb8'</t>
  </si>
  <si>
    <t>b'\xb2p4\xe6\xc5\xd3\xd4\x1aZ\xf7JkEx\x1d&gt;sg\xean\xf5\xbd\xd5\x9d\xefmy\xb4\xda\xb3\x9e\x7f'</t>
  </si>
  <si>
    <t>b"-\x11\x08\x11\nk\x002\x9a\xb2L\x18de\xd4\x82\xff\xaat\xaf\xed\n\x1e\x8f\x16\x1fp\xef\x89'\x10\x1a"</t>
  </si>
  <si>
    <t>b'KJ\xc3\xac\x87\xaa\x0e\x8c*H\xb4!+[\x95!\x8b\x8d\xa4\xf9\xd6\xc5\xe7\xe7\x01cy\xf0\x80\x84\xd0l'</t>
  </si>
  <si>
    <t>b'0\xffX\xa5\x93\xd1\xd7/\xf8&gt;\xed\xb4\xfa\xdf\xd4!\xfa\x10U\x02\xbdX\xd8\xfb\x1aH\xb6\xba\xf7\xbc\xffp'</t>
  </si>
  <si>
    <t>b"\xdf\x14^O\xddg'\x1d\xcf@\xea\x16\xd0\xb1\x83\x94Ru%&lt;}\xe1\xec\xbe\xb7\xf2\x13\x86S.\xbev"</t>
  </si>
  <si>
    <t>b"\x05g'\xf0\xfc\xef:\xe2Sh\x08\xca\xd4\x96\x0c\xaf|;\xd9i\x908\x88\xdf\x88\xb8\xccU\xd1`Q\x8a"</t>
  </si>
  <si>
    <t>b'\xc3e\x80\xf2+7G\tvt\x82&lt;\xb9\xf4\xa5Q\xf7\x08\xd2\xc9\xd8&lt;X\xd9g\x08\xbd\x15x\xb8\xbf\xd9'</t>
  </si>
  <si>
    <t>b'\x9c\xa5\xf0\xed\xb8`M`\x81)\xd4q\xc3\x9dB\xab(\xea\x0b&lt;N\xc8_\x0c\x99\x91b\xb0\x87[\xfb#'</t>
  </si>
  <si>
    <t>b'\x89.\x1e\xe0:\x0f\xa623\xc3\xdf\xe6\xa3\x14\xd8j\x9b}{\x1f\xc5\xad\x8c=\xb8S4\xe0\xd5 \xd9O'</t>
  </si>
  <si>
    <t>b'%\x0c\x85C\x91\x0c\x08\xbb &amp;\\\x93$\x17\xbb\xe3Wm\x06I\x19.+\x13\xef\xdb\x92\xc0\xae \xa2\x03'</t>
  </si>
  <si>
    <t>b'0\x1d\xa6h\xcd\xdc\xee\x965bv\xbc\\&gt;\x80\\\xf2O\xf9h\xd5\xfb\xa3\x95\n\x11\x80\xb2\x9a\t[%'</t>
  </si>
  <si>
    <t>b"\xad\xe6\xa9\xe0ef\xd4\x82\xc6\x9dd'\xaa\x07\xa0\xa9\xef\xf5b\xa3(\x1c\x1b\xba\x83\x1c\x01$\x90\xb9\x94p"</t>
  </si>
  <si>
    <t>b'\xe0\xa0\x0b7\xe6f\xb4M\xd1\xb3e\xa8r\x1e\xe1`(\xb8\x88\x19ZX\xf6\x93\xa7\xb1\x9c7\x92\x1a\xe5&amp;'</t>
  </si>
  <si>
    <t>b'\x0f\xbc=@\xb4\xa2\x1d\xda\xbf\x10\xb1\xb9\x8f\xc14\x8d\xd0\xb9n"Y\xefo\xcc6H\xfe\ng\xbbp\xaa'</t>
  </si>
  <si>
    <t>b']%d\x99\xf7\xdd\xbe\xdd\\9W\xd1\x85qrE\xf3\xe2,dq\xce\x9c\xc1[$\x89=1\xf1I\x89'</t>
  </si>
  <si>
    <t>b" Iy\xd7\xae^0\xfd\xbb\xe6\x90\xa1;An'\x1d\xd1\xa2}\xafiB\x9e%\r(\x0b\x11a:d"</t>
  </si>
  <si>
    <t>b'\xd4X\x86\xc8\x8e\x05\xed\xec\xc0d\x06\xec\\Z\xf2\xb5\x81V\x1f2\x9a\x8b\ry\x14AS\x9c")\xf07'</t>
  </si>
  <si>
    <t>b']H|h\xd2t)\xfc\xa6\xa4~\x7f\x0f\xfc}\xe8\xc6\x06\xe5y+F\xd7\x99\xff/\xb7}\x1aX\xf3c'</t>
  </si>
  <si>
    <t>b'\xea_\x1b\xf9Ug\x91\xdc\x01cm?%\x8a\xb1m&lt;\x1c\xfe\x88\xfb\x84\xdf5\x94{2\xfan\xca\x03\x85'</t>
  </si>
  <si>
    <t>b'\x1c\x0b\x99.s\xb0\xe0\xb1;\xb9\xbc\xcaA\x86\xb5\x93_]=\xb7c\xa8\xe4\xf6?\x19+\x0f\x1fa\x84i'</t>
  </si>
  <si>
    <t>b'\xb4,N\xdb8L\xf7oY\xa7t\xa17\xae\xcftc\xba\xd6J\x951;i\x02\xfd\xd2\xb8\xae\xb1-?'</t>
  </si>
  <si>
    <t>b'$\xae\xc6\x1f\x98\xc86\xa9\xdc\xf0\x9f_\xe2=\xd1\xc1\x814Q\x98\x919}\xfaQ\xb8\xd5\xfce\x04\xba\x89'</t>
  </si>
  <si>
    <t>b"\x03\xe0&gt;\xa3\x85\x1e0\x88{\x8a'\xc8U\x86\xee\x1bJ\x1cQ\xcax\x04US\xd6\xa0y\xc1\x981l\xc0"</t>
  </si>
  <si>
    <t>b'\xb6\xda\xe1\x92\x000\xcf\xd0\x08W;\xf9D\xaa\xecj\xd9:|{\xd1K\n\xc5\xa2\x14\xf5\x82\x87\x82\x1a\x19'</t>
  </si>
  <si>
    <t>b"+':\xe4\xf2uB\xc5NP)\xd3 \xa9\xee\xd3O\x14q\xd8.9\xe5\xa50&amp;(\x9e\x1c\x98\xf00"</t>
  </si>
  <si>
    <t>b'_\xfbN$*\x98G\x960X=B\xda\xa7\xfe\xbdWl\xad\x92\x07pJ0F/\x8a0V\x1eo\x03'</t>
  </si>
  <si>
    <t>b'\xc8\xb4\xa3\x98\xa2F\n\xba\x9b"g\x8a0g\xc6@\x06\x1aO\xea\x81\xc4\xd93d"\x03\xc3\xd0\x06{\x9f'</t>
  </si>
  <si>
    <t>b'\x0b-C6\xd6.\xc6+6;\x80\xa9/\x96cMtn\xf4\xfdy\x88\x93\xf3j\x15\xa6Y"\x0e\x97\xd8'</t>
  </si>
  <si>
    <t>b'\xe6E\r4\x07\xa0~E\x8fp\xd0.h)\xa5\xba\xc5l^\xcb\xcc\x850i\xf0\x92\xda\x96\xdcE\x9f\xbb'</t>
  </si>
  <si>
    <t>b'D\xa5`v\xbd\xd1M\xd7\xc2\xa9\xef\xa8]\xaeX\x1d\xfe\xb4R\xa9\xc2.\x81\xbe\xedT\xa4M^\xff\x01\xf9'</t>
  </si>
  <si>
    <t>b'\x7f\x9aN\xe1\x95\xb1.\xadr\x92$\xf3\xbb"\xe3 \x16\x08\xe9US\xaai\xe1\x98O\xbbi~\x99$G'</t>
  </si>
  <si>
    <t>b'\xd9\x02\x9c\x89\xedy\xe7\xc9t*\xb8\xc8\xaf\x05\x93+/~m\xdd\x7f\xca\xb1\x1b\\\xec\x9a\x7f\x9c0pp'</t>
  </si>
  <si>
    <t>b'\xb2f0\x97\xfczg\xf2W\xaeW\xbb3\n\xd9\xf4\xaa\xcb\xcasC\x02Hi\x0f*\x9ac\xaaan+'</t>
  </si>
  <si>
    <t>b'\x96!2Kn3\xad\x1d\x96H\xa42\x9c\t\xc2\xc5\xe4ni\xba\xb4\x07\x9d\xc9\x8e\xe4zn\x94\xb9:\xef'</t>
  </si>
  <si>
    <t>b'y\x97L\x87\x04\xa5\xa9\xf0\xe3\x80\x84vC\x08\xeaM0!\x10\xd9\xce\xb7\x98\x16\x97.\xe0/\x99\xac\xe8i'</t>
  </si>
  <si>
    <t>b'\x96\xba\xc5\xda\xe4\x04\xda,H\xba\xa3\x85H9\xdd\xf3\xd3\xc8\xf02\xb2E\x1f\xb8U,\xb62HJ\x8b/'</t>
  </si>
  <si>
    <t>b'\x9bw\xbfe\x98\x93=H\x00\x06?o`2\xd0p\xe9\x1a\xc2\xb1\x18\x1dk@C\xbem\xfcsj\xa1\xca'</t>
  </si>
  <si>
    <t>b'\x1d\xb0\xe4-\xa2\xc8\x0c\xa0\xfd\x9b\xda\xacU\xf5\xe8\x94R\\s\xdf=\x0f\xad\x1f\xe9\xcd9\xd4\x01\xb0,r'</t>
  </si>
  <si>
    <t>b'MO\xa5 p$\x13\xeeT\xeb\x92\x00\x93\xd6\xbe&gt;\xc2\xbe\xa7\xea\xd2\x1f\xf5\xbd\x9fd\xd8L\x89IBK'</t>
  </si>
  <si>
    <t>b'\xa2~\xe2\xfb\xf3\xb3\xde-\xd4&gt;\xc1%:^\xf2q\x89n\xe4\x85k\xd6\xb8r\x88M-\xbcM\x17-\xe8'</t>
  </si>
  <si>
    <t>b'\n\xb2\x909?\xed"\x86L1\xb8c\xde\x99\xcf\xcb\x8aF|\x83\xdb&lt;m\xb7\x88\xeb\xd0\x8a4r\x03\xb2'</t>
  </si>
  <si>
    <t>b'\xfe\x99\xd6\x85r3\xe9\x8fy\xcb&amp;\xd9@\xf1\x96*v\xf4\x8d\xb0\xafzW\xe06-\x91K\x9e\xe4\x90k'</t>
  </si>
  <si>
    <t>b'\xffTe\xd3\xfe8\xcfn\x9f?~y*\xc7@\xfa\xd5\xcf\x91|\x16p\xad\xc5\xb0\xe9\xa8\xaf9\xa1\x19\x80'</t>
  </si>
  <si>
    <t>b'\x80\x05\x84\xc7"1\xe7@\xbab\xb3M\xe1\xbe\xf3*\x8e\xaf.\xf6\x0bD\x19\x94\xe6P\x92\xc4\xfaR\x1d\xa8'</t>
  </si>
  <si>
    <t>b'ROt\xad\x82\xff\xfc\xcd\xe4j\xde\x02\x82\x90\x1a\xa0\x9a\x1a\xe6\t\x8c\xff\x0e\xc0\xda\xde=\xe7R-iE'</t>
  </si>
  <si>
    <t>b'\xdaV\x01R6\x08\xd8\x8e/\x17a.\xbeC\xb2\x05_\'A2\xc2\xde\xd2V"\xfc\xfd;c\xf4=\x92'</t>
  </si>
  <si>
    <t>b'\x02\x15\x87\x1bc\x8a\x81\xcc\xb9\x8a?w\xd2\xbf\xfa("P\xc5\xf3\xd8~\xfcg8\xbb\xd5\x0f\xfc\xacI\xc0'</t>
  </si>
  <si>
    <t>b'VX\x10\x91\x91\xbd\xc9\xd5.\xcc\xd7\x9aQ_M\xb5\x9c48xv\xf8(\x11\xda\x99#a\x93p\xd3\xd7'</t>
  </si>
  <si>
    <t>b'\x0b\x15\xe3K`\x0b\xbe\xbd{\x84#\x86\x8c;cV\x03X\xf5\x82\xdf\x91 \xd5\x9b,\xa4"5\n\x02\xc5'</t>
  </si>
  <si>
    <t>b'S\x8f\xe7\xca\xac\xc8b\x85E\xfc\xdfaWe\xe1\x89\x07Z\xdd\x94\x8c\xdd0tU\x10\x02R\x05\xe2\xdd\xb8'</t>
  </si>
  <si>
    <t>b'&amp;\xce\xe5\xdb\xc3+\r8p\x9cC\xd02\xc1.\x98\x03\xc2!&lt;\x96[\xeb\xd6\xa5AIvz\x13\xd5A'</t>
  </si>
  <si>
    <t>b'\x9b\xc7\x01\x92\x94\tqi\x8c)P\xb8b\xce\xd9{vX\x87\xd1\x7f\xdc\xf8\xaev\x90eZQ\xfe\x10\xf2'</t>
  </si>
  <si>
    <t>b'\xea\x16b\xbb\xddk\x8a\xe4\xaf\xe0\x99?XZ\x0f\xd5[\xdb\x83@\x8a\xfe\x92\x7f\xeeUu;\xee\x95\xf4\n'</t>
  </si>
  <si>
    <t>b'\xe0\x02\xd6\x83\xa9?\xcf}G\xa2\t\xdd\n\xe3\x1afck\xbf\x8c*Q\x1b\x1bHgN\xb1\xfc\xe8\x96\x9d'</t>
  </si>
  <si>
    <t>b'v"\xc1\xaf^\xcb\x9f\x19\x16\x86\x12B\xe3\xf3\xd8+d\xaf#\xca\xa2\xd0o\xb3\xa6\xfb\x9f\xef\xa7%:\xe2'</t>
  </si>
  <si>
    <t>b'B\xb6\xc3M\xd0Z3S.\xc6\xff8\x9b\xc1X\x84\xdd\x7f\xe2\xcfx0W\xa2\x90\xba\x05\xd5[)R?'</t>
  </si>
  <si>
    <t>b'\x9a\xe9\x8f|L\xd4\x1b\x80\xab{\xcf\xe3\xea\x0b0\xd1\x1e\xa1\xf4e\x0bf{B\xa3\xbb\xb0\x0e\x05\xa5\x0f\x12'</t>
  </si>
  <si>
    <t>b'\xcb\x03A\xdf\xdb\x9bv+p\xee\x12\xaf\xc7_\xc3\xec\xdev\xca?`\x0bl\xf8Yv\x9c*|\r_:'</t>
  </si>
  <si>
    <t>b'\xe9^\t\xc3T\xb8\xf9\xc1{\xdb\xbf\x8d\xbf\xa7\x7fr\xf6\x86\xcaf\xbbmN&lt;\x16\xe1\x9d\x8c\xbb\xcb\xe9\xe0'</t>
  </si>
  <si>
    <t>b'C\xe2B\nq\x891\xe9&gt;\xbf\xecE\xd2D\xfd\x9f`.\x95\xe3de\x1amp\xff\xe1\\\xbf\x1b1\xba'</t>
  </si>
  <si>
    <t>b'\x07\x94\xaaA~\xcb\xcb\x1e\xff\xc9\x80\x01\x07Tes\xd7j\xd9\x08\x86j\xcf\xc0#p\x90\xcb\xfc\x15S\x15'</t>
  </si>
  <si>
    <t>b"S'N\x17\x01)-5\xbco\\Z\xf6\x91\xb5%\x1ay\xbc\xdb19\x1b\x12\xe3\x86*\xd1C\x85y\x8d"</t>
  </si>
  <si>
    <t>b'^\xc0V\xcd+\x96\x17-5W&gt;o\xd6_\xa3\xf6G\x83\x10\xf8\xfa\t\xbfwLh\xc9\x7f\x9e\xd7Fj'</t>
  </si>
  <si>
    <t>b'\x07\xbd\xb6M\x07\x1bX\xe5\x9fo\xcf\xb1\xea-\x10\x00\xdd\xacb\xa2\xb2ma]=\xd2\n\xbe\xbfCV\xd6'</t>
  </si>
  <si>
    <t>b'\xa9\xa9\x16Z\xa8\x8aHE\xedE\\;\x19\x96\x0f\x0bf)#\xe4\xdb&amp;\xb0\x8b\xd6\xe0\xa0s\xca\xb5\xa9\xf8'</t>
  </si>
  <si>
    <t>b'\xc4\x10\xb4\x07\xda\xdb7\xe0\x84J}\x03\xfbI\x19U\xc2d\xdcH\xd2\x00\xa3|q*\x96R\xf46\n\x1b'</t>
  </si>
  <si>
    <t>b'*\xd0mi\xa3@\nQn/\xa8\x99R\x16}5{ #\x89h\xa4b\x17\xce\xd5\x85\x0f\x94\xcc\xf4q'</t>
  </si>
  <si>
    <t>b'Sp\xb9\xae\xd0\x16\xb5PO\xec\x92\x9d\xcb\xdd\xc0x\xf8\xd7w\x04iXd\xcde\xb1\x8ah}\xbb\x84\xcf'</t>
  </si>
  <si>
    <t>b'\xb4\xdc\xb9\xbf=w\xe4\xae\xf3\xcd\xdc\x15\\X\xa9TF\x9f\x19\x93\xedd\xafb\xdfv\xe8\x9b\x05]0\xdb'</t>
  </si>
  <si>
    <t>b'\x88\xe7R\x1bc\xf8\xfbZ:\x96\xd1\xf3$U0\xeb\xf5\x03.c\xc1q\x1d\xe6S\xef\x1a\x01\xa8\xa4\x9f\xf7'</t>
  </si>
  <si>
    <t>b'P\xbe}_\xa4\xd5\x14\x84\x8f\xdd\xf7\xed\xbe\xf9\xd2*-\\\xe4o\xe7\xb2-\x95{\xf4\xb7wt-\xa7O'</t>
  </si>
  <si>
    <t>b'\xcd\xcb\x03\xa6\xe5V\x1d\xbduW\xc69\xd9.\xa7\r\xc0\x98=x\xfb0m\x92\r\xaa\x1fY^T\x04|'</t>
  </si>
  <si>
    <t>b'\xe1\xac\xc5\xa1\'"8\xcc\x0b\xf0\x13LO\x82\xc2m\x1c\x95=\xc0\x07]\xc3\x0c+\x04\xa4\xb22(S\x84'</t>
  </si>
  <si>
    <t>b"\xe3\xc2\x874&gt;\x18\xf0\xefyi\x0cP\xcb\xe0\x8a\x99\xf1bF\xef\xa3'\x92\xd3\x0c@\x91\xdd\x9cy\xa2m"</t>
  </si>
  <si>
    <t>b'2e\xbf,u$C\x1e}\xcb\xa2\x87\x85\x1aOp\xeb\x1ePI\xa1\x02\xd3-qN\x99\xc8\xd9\xf6X\xfe'</t>
  </si>
  <si>
    <t>b'~\xbe\xca\xc4\xe6\x8e\xc6\xd2j\xf7\x1cH\x98L\t_\xe5p$\xae\xdc\xbf\xf3\xa2\\\xb4lG\x1d0\xe7\xca'</t>
  </si>
  <si>
    <t>b"\x13\xb3\xed\x11FT\xc3/\xcd'\xec\x9cun\xa7\xcb+\xdd\xdaD\xcd\xc4!\xeb\x94hg\xf2U\xf4\x05\x07"</t>
  </si>
  <si>
    <t>b'A\xbez\xce|\x0euZ\xde\xb3\x10LQ\x19\x99\x16t\x93\xa3Y\xd9\xe6\xb0\xce\xda\xc6_\x1f\xe9Q\x12`'</t>
  </si>
  <si>
    <t>b'M\x9d\x81\xba\xf5G\x1d\x00_?x\xb0b\xf1\x82\x03\x05P?\x87G\xfd\x1d\xda?\x15\xfc\xbc\x92X\xf5\xc0'</t>
  </si>
  <si>
    <t>b'\xf20\xdf\xd9n$-\xa0p\xc9t\xfe\xe3\xa9|Er\xe2\xcd\xc2$\xba$\x90\xf6\xe2\x9f\xcax\xb3\x0f\xc2'</t>
  </si>
  <si>
    <t>b'\xcee\x8fI\\\x88De|2\xedW\x1b\xbc\\\xa2\x80\x86~\x8f\x959.\xa6\x05\x82AA\xfbF\xfdU'</t>
  </si>
  <si>
    <t>b'\xcf\xa6\x9f?a\x1d\x00b0\xa6\x14\xda\xaff\xbe\xae\xcd\xdc8\xacUf\xb28\x97c|=\xf2"G\xd1'</t>
  </si>
  <si>
    <t>b'\xe9/\xaf\x10\x8f4\xfe\x16I\xe6\x85-z\xe0=_\xa8+\xe7g[\xcb"\xec\xd5\xc0\xdfuW\x82#o'</t>
  </si>
  <si>
    <t>b'\xa4\x90\xa6\x00d\xbc\x0bT\x89?\x97@\x00\xc9\x1ac\xc6\xdb\xc7\xd4ka\x020\xf7\x0c\x05\xe1\xdb\x85l\x98'</t>
  </si>
  <si>
    <t>b'(\xfc\x94X9h-P\x16J\xe0\xeb\x88\xe1q\x05/3\xb5UB\x1a\xd1\x18\x97\xf0\xf5\xb4\x0f~\xde\xc9'</t>
  </si>
  <si>
    <t>b'("\xcc\x93a\xe9H\xe9\xdc\xfe\xf8\x1e\xb4\xcd\x02S\xb2\x05d2\xe4\x02e\xe8\xa1X\x87g:\xf7G\xd1'</t>
  </si>
  <si>
    <t>b"\r\xd4\x9d\xe1+\xbau\xc7\x02\xd4\xb9\x84b\x10?\xbb\xccC\xc0Z\xe7\xa6'T^\xad\xf2x\xdba\xb5r"</t>
  </si>
  <si>
    <t>b'\xae+\x9b\xb5\xde\x9e\x11\xe8K#8c+\x01\xb0\x88\xf4\xa8\xa1\xdc/kU\xcb\xc7 \xeb5\xd3X\xd5\x82'</t>
  </si>
  <si>
    <t>b'dHlV(\xc9\x809p\xb1NaC\xec\x1b\x1b\xbcW\xc3(\x8b\xb5\x00G#\xf9(]xK\xf8\x8e'</t>
  </si>
  <si>
    <t>b'\xf5\x04\x944u\xdc%L\x91\xaa\x0c\xaf\xd9Euua\x13\x9dX\x163w#en&lt;Z\xc2\x9aWX'</t>
  </si>
  <si>
    <t>b'\xd5\xe0\x86\xbe\xb5\xc8\x10\x94\x03\x1b\xcc\xc4\xd7^K&lt;\xe9N\xca\xf5\x9a\x99F\xfaV6&lt;?Q\x8d1\xec'</t>
  </si>
  <si>
    <t>b"K\xd4\xc0\xd8\xa1\x9b\x8d\xf0)\x8f\x92\xb5\x03 \xc9\xe3\\\xb2\xd1\xdb\xd1\xfa'\xed~\xd4\xd9if\xf6\x021"</t>
  </si>
  <si>
    <t>b'\xd4Fd\x91\r\xc9\x00\xcf}\x17\xd4\xa30\xe41\x99\xc2v\xf7\xd2\xf6,\xebY\xfa\x9e\x0bY\x94\xd2\xcd\xbb'</t>
  </si>
  <si>
    <t>b'V\x0exx\xe95\xcdk\xe2\x19\xa1\x12\xd0B\xf7\x1e\xc3\xf3"t\x1e\xa2\x80\xc2\x85\xb5\xbe\xf6\xc1\x9c\xd1\xe3'</t>
  </si>
  <si>
    <t>b";\xed!\x12\xb7(\x11\xca\xa2_r\xf87\x98\x9dN\xac\xd9\xea\xfek'\x85U\xb2\xaf\x12:\xf2\xeb\x99\xe1"</t>
  </si>
  <si>
    <t>b'\x146Cpju\xa6\x1d#\x99b\xb6\x92\xcfH\\\xd3X\x01\x16{\xe60i[\xd1\xa9\xcf\x1c\xe9bI'</t>
  </si>
  <si>
    <t>b'\xd3\xd9Y8J\xbb@\xda\xc7M\x0c\x8cb\xc7x\xae\x95\xcd\xc1\xdfv\x18\xcc)/\xbd.\x8d\x0b\xca\xd7\x1d'</t>
  </si>
  <si>
    <t>b'\xb34\xbf2\x0fE\t\x7f0 {Q\xc1\x0f*J\xa7\x04\xb4\x9e\xd9p\xe5\xb7&lt;\x13\xb3a\xdfh\xf1\x93'</t>
  </si>
  <si>
    <t>b'\x8d\xac\x0b\xa1\x02\x14\x1a=lb\x9e\xd0\xa6\x163\xca\xd65\xee\xf0\xf7\x05\x89\xb8p\xf6\n\xf5\xdb\x9c\r\xdd'</t>
  </si>
  <si>
    <t>b'\xe5\x1f\xda\xad\xba\xd9\x9b\xdalk\xf8\xfe\xbf\xb4\x81\x87Kx,\xc19\xa1[-\x11\xf7 \xf2\xed\xd84\x15'</t>
  </si>
  <si>
    <t>b'\x9d\xf2\\\x04;\xee\xca\xb15\x11q6\x95\x0e\xde\x19\xe4\xbe\xe0\xc5\xdd\xb9\xe0\x8b_&lt;\xe5#g!3\x18'</t>
  </si>
  <si>
    <t>b'o\xe6\x13\xb8\xe8\\f\x90\xbf\x93\x04wi\xfe\x85\xd2D\x87y\x03\xa6v\xdd\xed\xef\xb4l\x81\xcb\xc0K\x8f'</t>
  </si>
  <si>
    <t>b"Ux\xb9\xbd~ht\x85\x86a\n\xf3\xf1DK\xb0\xd4iZ\xc1\xfb;\x96\xd8=\x10\xdet3\xf9_'"</t>
  </si>
  <si>
    <t>b'\xf1o\xca\xd3Z\xbe\x0e\x10\x91\xc6\xc3\xa3u&amp;\x1e]k\xa2\xff\xfd\xe6"\xd1S\x04n]\xc3\xd6\xe6\xc8\x93'</t>
  </si>
  <si>
    <t>b"\xc2`ly o'\x8a\x12\xe5\xf5\x82\x17 \x17\xdb\xfb\x84\x80v\xda1Hb\xe4\xab/2\x0b\x1ff\x00"</t>
  </si>
  <si>
    <t>b"5\x17\x907\xab\xf6\xdf\x1f\xbb\x8a\xbd\x08P\nqjy\xf4C6\xfaopN\xa1\x9aNP\xb0_\xf0'"</t>
  </si>
  <si>
    <t>b'\xcb4aM\xfc\xfd\xe0\xb9&gt;5\xec\x9e\x87\x03\xd0\x96\xa55B\x9c\x14\x80v\xbbl\xca\xaee\xfb\xf7:\xb1'</t>
  </si>
  <si>
    <t>b'8FSjx\xbbD\x94\xc9\xfe\xc9\xde\x1a_\x9f\xc6T{@\xbf\x11!\xe7\x93\x1b\xb8\x1c\x7f\x83\xb8\xdeu'</t>
  </si>
  <si>
    <t>b'F\x04\xb9\x12\xd8\xe3\x13\t\x0f\x07:s\xeb\xb0\xf6\x8c\xb3\xae\x80QV\\Y\xbd\x936\xa5\xecO\x8c\x07\x80'</t>
  </si>
  <si>
    <t>b'\xfd(X\xab\xbc\xd3\x88\x16\\\xe9\xe6\xcdGG\xb7\xf04r\xb0\xdclcsE\x83\r\x8b\xdb-\xb0\xbd\xf7'</t>
  </si>
  <si>
    <t>b'\xad\x84\x84jAe\rKF%\xe3\x9e\xb9\xe4l\x89~8\x82\xcb{\xce\x18\xbb\x0f\xf5\x91v\x0b\x8e\x84\xc7'</t>
  </si>
  <si>
    <t>b'\xd4\xb8\xbfm\x16\xf1\x14\x05\xe1\x9bw\xf9\x00\xf8\x02H\x0f&gt;\xf1\xa6;(:\xe9.&amp;Bc[#`\xbe'</t>
  </si>
  <si>
    <t>b"b\x89\xb7\x85\x16p\xcat-F-x\xa5\xe2\xd6z\xceQ\x18Wb\x16_\x0fCW\x0b\xda'/\xc2b"</t>
  </si>
  <si>
    <t>b'\xe9e\xca4\xc0Y\xce8f|u\x81\x08~\xafW\x175\xe7\xde\x9ftF$\xf8P+P+f\x87,'</t>
  </si>
  <si>
    <t>b'\xcf\xfa\xda\xd8\xb8\x9c\x19\xcc\x9f\x87\xaey\xa9\xb6\x86\xf0\xa0\x8d\xfd\x8d|\t\xa8\xb6/~z\xd4\xd7\x7f\xd3\xfd'</t>
  </si>
  <si>
    <t>b'kaic\xd5y\xe5\xb0\xda\x03UC\x0c\xfa\xb2[\xec{hT\x98\x0csR\x0e\xdeY!\xfai&amp;\xd8'</t>
  </si>
  <si>
    <t>b'\xfaf\xab&lt;z_t?\x1dg\t\xd0\xb6Q\xac\x0f!\x93"r\xdb!\x95S@e\xe4b:\xd1\x9b!'</t>
  </si>
  <si>
    <t>b'hC\x82\x99\x81\x9cW;\x87\x99*\xfc\xb6i\x02\xcc\xf5\xbf*\x91V2\xdb\xf6\xcb\xeb\xa6\xdb\x14\xac\xd5D'</t>
  </si>
  <si>
    <t>b'\xb0P\xf6lAZT#.~CB\x04/\xf2\x1d\x7f\x91\xd7g\xab\xa1\xa5\xc7X\xa1\xbc\x86\xfd\x00\xd9\xbf'</t>
  </si>
  <si>
    <t>b'\xc3\xd2\xdf\xa1/\x1c@!\xd7\xa8\xc1\xa8\xae\x98\xb4\x1c\xb4^\x18g n^\xf7*\x0e]_o\xda\xe7\x1f'</t>
  </si>
  <si>
    <t>b'hd\x8c\xa2\x05\x86\xf5-p)\x19\xdf\x138\x80!\xc2K0\xd7&gt;A}\x00z\xd9.Xh~\x077'</t>
  </si>
  <si>
    <t>b'\xcb+\xa1t\x7f\xddp\x9c\xab\xeb\xa6\x9cu\xf0\x8b\x94\xbe\x05\x82\xfe}s\xfcF\x8c\xb1H.s\x85\x7f\x0b'</t>
  </si>
  <si>
    <t>b'\x13J8\xb7&amp;\x1f\xa1\xaf\xe8m\xc5\xbbk\xcb\xd5\x07\xeb\x99\xf5\x99\xa8\x0e\xf4\xe0\x00\xf7s\x8aTd\x92\xf0'</t>
  </si>
  <si>
    <t>b'\x86s|Y8\x1a\xd5\x15\x08\xc9!L\xd7\xa0\xe5)\x80q\x1c\xc8A\x1c6\xc2~\x02\x17\xcd\x97\xa4R\x14'</t>
  </si>
  <si>
    <t>b"\xf4R\xc9%\xf9\xf5\xa8d\xf2\xc7'k}\x90\xfa=\xc5\xea,!\xc7\xe5\x90\xe2\xe4\xfeV\xb9\xdc\\\x9a\xd0"</t>
  </si>
  <si>
    <t>b'\xf1\xf5\xa8\xf0\xdf\x92*\xa6\xf1~\x98\xcczc\x90dO\xb2Z\x02%\xca\xc5\xa5\x8f\x93~5\\(\xff\xca'</t>
  </si>
  <si>
    <t>b'\xe5\xd6\xdb\xf2p\x8c\x11\x94g\x08k\xdd3\xe4\xab\xca\xa4\xa5\x03\xe4\xbc\xe9\x03O\xe7\\$\xc5a&amp;g3'</t>
  </si>
  <si>
    <t>b'F+Z)$\x1c\x0c\xa1\xa8\xcd\xfa\x02\x981\x99\'\xc2\x0e"\xb2&lt;\xae\xd3Wn}\xed\xef\xd1D\xf8r'</t>
  </si>
  <si>
    <t>b'\xe9\n\xdc\x16\xdeLa\x93\x80\xcd\xb3c\xb5=C|\x81D\x05\xe4K\xc8{\xd4\x853t\xba\xe0G\xedt'</t>
  </si>
  <si>
    <t>b"F\xc7\xa8\xd3\x12q\xd7='\xd6\xc3\x7f5\xfc\x81\xac\xc2\xb1\xa5\xe7H(\xd5\x8eI7\x00\x07b-\xd6)"</t>
  </si>
  <si>
    <t>b'\x1f\x0fV@h\x90\th\x84\xfck\xc0q\x1d\xe9\x1eI\xb1u9\x07\x9a\x010\x16\xd1vMv!]4'</t>
  </si>
  <si>
    <t>b'\x03\x8f\x9e\xc3S\x0c\xc0\x1c\x87\xfe\xc9\x9d\x13n\xd5e\x04\x81\xc7\xcf|\x03\xcd\xdb\xabj}\x1a\xfa\x9d\x90\x82'</t>
  </si>
  <si>
    <t>b'\r~NC\x97e\xd9\xfca!{7\xc0\x9br\xee@\xa2~Q\xd8.z\xc0\x84_\x10+`\x99\x87\xcd'</t>
  </si>
  <si>
    <t>b'\x88\xa4\x96yG\xb9/\x9e&gt;\xe2\x02:3\x8a\xf1\xbe:\xce\x97\xe3\xdd\xdf\xbd\x14Cr\xe8n\xca\xfbN\xc7'</t>
  </si>
  <si>
    <t>b'~E\x87+y\x7f\xe3\x01P\xb4\xd7\xb1sm\xb3\xe7\xce\x05\xe6\x0b\x9d\xb9Y\x90\x80\xf9\xb70\xf4\x1b_\xe4'</t>
  </si>
  <si>
    <t>b'[\xff\xa7\x05\xab\xcfN\x04\xad\x0e\xc2\xe4M\xb1r\xea~v\xd0\xd5Wy`\xa5\xado\x99[\x0b\x88\xe5\x0f'</t>
  </si>
  <si>
    <t>b'D\xb3\xa1\xef@G\xeeS\x84c\x809\xb6\rW=\x8b\x1a\xd0e\xb2\xefHY\x8eF\\\xf37\x17\xce\xed'</t>
  </si>
  <si>
    <t>b'\x03\xbeF\xcc\xb1\xef\xe49^m\x91\x10n~&amp;+\x8dT\x83\x05\xba\xda\x16]\xf8\xc9\xf5\x1c\xd8\x16\x8b\xc3'</t>
  </si>
  <si>
    <t>b'\xfaN^7\x8a\x9c\x0f\xfeb\x80\xa4\x83&lt;\x8dI)s\x86f=M\xf7\x8b\x0e{\xa9\xb5\x9a\x7fzM\x8e'</t>
  </si>
  <si>
    <t>b'\xee+\x16h\xb0\xb3\xcb\x00\x0bn{Z\x8c!A\x7f\xce\xbf\xd2\xad\x1d\xd0\x88&lt;1\x97\xd1\xb8A\x1e\xaf\x02'</t>
  </si>
  <si>
    <t>b'\xe3\x8a\xd9\xacC\x87#\x84\xc3\xd7C9\x14\x83\x82\xb0\x89low\xa0\xd5\x04*\xd3\x1a\xb6\x10[\x0b\xe1\xb9'</t>
  </si>
  <si>
    <t>b'Z\xf5\x90\xd8\x91\x11\x13\x1a\x8e\x14c\xb9\xb7i\xb2\xa0\xc5\x9d\x84}R\x1f\xfb;\xcb\xfd\x98\xd0]\x7f)\x19'</t>
  </si>
  <si>
    <t>b'\xa0m\xd9m\xf2\xc6\x15\x1biR\x10\xe7\x19\xc3C\x8f\xda\xb5\x92\x97\xa7F\xf7\xf8\x8c\x99\xe4\xdb\xe0\xfc}\xb0'</t>
  </si>
  <si>
    <t>b'_+\xd2\x8d8{(\x0b\x1a\x10\xda.\x14&gt;"q(|\x8eC\x93N\xf3\xfd-\xc2\xa5\xe7\x9f\xca\x11\xd9'</t>
  </si>
  <si>
    <t>b'\xda\x85\x81\xa9[Zg\xd5H\xbe\x86\x03\xb5;\xa8\xf0{\x0b~\xaa\xa7\xfaR\xf5s\xb8\x9d\xaf]\x83\x9dD'</t>
  </si>
  <si>
    <t>b':F\x11\xc2\xb2\xa0K\xeb\xd1\xbe@\xc7RM\x1c\xd0\xa0\xd5\x8a\x0b\x02\xe7m\xba\xf4j\x91\xdc^=\x96\x9e'</t>
  </si>
  <si>
    <t>b'\xb6\xb9\x825\xb1\xf4\xd2\x9b\x90\xbc\x17\x12\x8b\xa4\x04U4\xd6\xed-\xbf\x88\x8f+^X\xf5\x9d"\x0fT\xe5'</t>
  </si>
  <si>
    <t>b"\x01\xf65\xdb\x13\xd6O\xf6C\x8b\xb2\x18;\xb7\xbb\xa1\xcb\x00\xa9\xcc\xdd\xa9.\xcb':\xf3\xea\xad\x18\x8c\xbd"</t>
  </si>
  <si>
    <t>b'xe8\xe4y\x92\xfc\x8fG\x89(\x1a\x9c\xb85\x153\xa0\xa4xx\xfe\xb9..\xee&amp;\xbbw]\xcf~'</t>
  </si>
  <si>
    <t>b'\xc3Q\xe7 u\xad\x10\x94\xc3\x01[9\x11\x11K\xc3\xbe\x91\xffR\xc6\x8c\x96o\xeb\x18x\xffW$\x12C'</t>
  </si>
  <si>
    <t>b';\xc6\xa52[\x0bW\x19a@:\xc2ZxQ\x86Q\x9c\xc6\x80\x01\xb7\xb6\x02\x97\xc3y\xb7\xcf\xf8\xebk'</t>
  </si>
  <si>
    <t>b'\xa0qH+\x9fYH\xc7(\x9e\xae\t3\xb3\xc7d&gt;\x10y\xee\x92Dx\x85\xa8R\x9b6\xcc\x81*N'</t>
  </si>
  <si>
    <t>b'/\xf5W\x08\x84\xce\xb7\x9d\xd9I\x85\xf6\xc4\xb5q\x8dFr\xd2U\xb3Q\x11:L6\x9f\xe5\x0b\xb5\x15\xfb'</t>
  </si>
  <si>
    <t>b'\x94\xd5\xd0\x14\x07\xb5\xdcXp\x18$\xa2\x8c;+~\xc0H\x8d\xd7\x9c\xfcj\xe2\x85O\xb2\xef\xd8\x87\xb4\xfb'</t>
  </si>
  <si>
    <t>b"M\x9b\x97\t\xba\xfe\xe4P\xd7\xe2\xec)\xbb\xdf\xdc'U\xfc\xc4\x8e[\x1e\xe3\xcb\xa6s\x82}L \xaf\xa5"</t>
  </si>
  <si>
    <t>b'@\xc5\n\'\x17\xd2?\x04D\xe9\xa4\xe7&amp;"~\xbe@m\xc2y|}^\xf3\xe2&gt;\x90\xaf\xf8\xe2\\E'</t>
  </si>
  <si>
    <t>b'jo\xf0k\x013\nl\x05\x18\x0f\x81\xe7bZN\x1a\xf9\x1f&gt;\xca4\xfa\x9bJZ\xf0E9N\xb6\xb1'</t>
  </si>
  <si>
    <t>b'\x1e\xa2\xff%A\x13\xd6\xac\x8f\xf4M\x166%\xcd\x94\xcf\x1dg\x8aU8\xc4\xd8cv\xe7Cr^\x16\x10'</t>
  </si>
  <si>
    <t>b'^\xb4XL\xc5\xc3\xc6\x95\xc5 Qf\x1cQ\xbbO?9\xa8m\x07w\x07\xf7K"0u$y\xfaw'</t>
  </si>
  <si>
    <t>b'\xdbp\x00\xb6\xf7\xda\x0c\xbb[\x80&amp;\xa8X\x92\xfa\x07\xa4Kd-/\x8d-(B\xea\xfeH\t3\x92q'</t>
  </si>
  <si>
    <t>b'\xea\xab\x83\xa2Fz1HJE\x90\x80\xd7\x91|~f\xd1\xacO\xa8I\xb0\x9bY\rl\x1b\xd4\x1f\x92\x93'</t>
  </si>
  <si>
    <t>b'\x0c\xd7B\xdc\xc8\xf8\xaea\x149\x02\xa4\xe2A\xfe\xf8&amp;\x83\xe3\x89\xed=\xf3kni |&amp;\xc8\xbc\xcc'</t>
  </si>
  <si>
    <t>b'\xde\x87\n\xc2&amp;\x8f\xa7\xc5\x17\xa0\x98y\x86\xb9\n\xe2\xacqK\x1e\x0cM\xc0\xae\xabdl\xb7\xb22\xe8Q'</t>
  </si>
  <si>
    <t>b'rH\x12\x19\xebA\x08\xc5\xbd[:m~&amp;6\x8b\xbb\xb9p\x03so\\\xb6\xf5q~\xcc3\x03\xff#'</t>
  </si>
  <si>
    <t>b'\x07C\x07\xd1\x90\x90U9\x1e\xf3\xa2\x9d\xec\x1as\x82@8/O"x\xe5\x17\xa1}\xa9\xf8\x92z"\xa6'</t>
  </si>
  <si>
    <t>b'\xae\xfb\x162k6;\xe9%\xa6\x913\x08EY\xb5\xa5\x06\x01\xe7;\x8a\xed\xdfV\xd7\xfb\xd2F\x0b\xa2\x0f'</t>
  </si>
  <si>
    <t>b'2\xa7s\x85\xd6\xbc\xda\xb9\x11\xf5\x9ey!\x87\xe2c\x17\x11"7"\xc0m=\x18\x00\xa9\x9c\x97\x8b\x0cG'</t>
  </si>
  <si>
    <t>b'\xb7\xed\xe6\x81\x0b\xf4\xbe\x8e\x9a=\xb4{\xf1\xc1\x95hb ^\x15L\xaf\x8cn\xa6o\x14\x01\xba\x00\xf6^'</t>
  </si>
  <si>
    <t>b'^\xc6\x01\xd2\xe0\x97\x8f\xfa\xccy\xb5\x84\x04\xa4v\xb3M\xb7\x06U\xd4a\x03\x91\xab\xdda\xdcP*\x7f\xc0'</t>
  </si>
  <si>
    <t>b'\x06\xd6 \xcc\xfa\x17\xfd\xa2\x9b\x8e\xc1\xf3\xa8\xb5\xfc[\xfe\xf2\xa5)\x7fx\xad H\x123H\x9c\xf3\xe0\xef'</t>
  </si>
  <si>
    <t>b'5\x1f&lt;P\x80\xa5\xe3A\xde_\x14TB\xe9-V\xc4\x83ei\xc4\xedeZj\xb7\xd8\x95\x1c\x82\xa2)'</t>
  </si>
  <si>
    <t>b',\x8e\xdf\xf4&lt;\xa2OI@pB\x985~!=\xd9\xcd#\xda\xf6"\xcf&amp;\xfd\x9e&gt;nK3x\x8c'</t>
  </si>
  <si>
    <t>b'\x16;\x9eq\xea\x87\xcc\xa9\x87\x00\x9c\x83\x89\xae\xf3\xd1\x17\x0b\xcd\xaf_\xe1&amp;c\x1b0\x18\xde\xa9l\xa9)'</t>
  </si>
  <si>
    <t>b'\xb3m\xc4\x94\xb5\x81\n\xa4\xb9N\xb6\x8f\xc4\xc2\x7f\xcc\r\x9f\xe8\xff/\xa6\x18\x120\xd3i\xa9x\xd3{/'</t>
  </si>
  <si>
    <t>b'\xadj\x11j\x93\xe2\xfe\xed\xac&lt;\x8dq:\xf2-"\xe4\x0c7\xcd\x97\x13B-\xdd\xb3\r_\xad_V\xdd'</t>
  </si>
  <si>
    <t>b'b\xd7\xe7B&gt;\xae\xf87\xac8\xf0\xbe\x16\x84\xbd\xc2#\x08\xad+\xfe;\x92\xd3\x1f\xd1\xb8\xde{\xfe3\x89'</t>
  </si>
  <si>
    <t>b'~\x1d\x1bvZ~0:\n\x1bY\xba\xb1\xb7\xe3u\xfc\xfedt\xe6\xfd3Y\\\x94\xa0+7e0\x1d'</t>
  </si>
  <si>
    <t>b'+\xdc\xf9\xd1kp\xab\xc9\x94\x80W\xbd\xbd\x98\x88\\U\x93x\x83\xf8\xcd\x13\x15\x87\x04\x9em\xf7.}\xdc'</t>
  </si>
  <si>
    <t>b'\x0b\x08\xad\xd1\xbdA\xcc$=\x12Xg\x98!\xeaifO\x8c\xf8%d\xd7\xef\x89*YF\xd9"\xdd\xeb'</t>
  </si>
  <si>
    <t>b'\x84\xc3\xee\x0c\xd0\xb3jy\x89\x84\t\xb2\xc4\x98\t\xa6_\xba%\xef\xa3ro1|\xe7\x8d\x8eLE/\x8c'</t>
  </si>
  <si>
    <t>b')7\x7ft\xe9B&gt;\x81N&lt;\x9c\x0eds@_\xcb\xccB\xfb\xe2\xb1"\x10"t\x10\xd6\xe5\xfbF\xf0'</t>
  </si>
  <si>
    <t>b"\xd0a\xa2+P3\\\xb5?t\x99}\xa7\x00\x13\xf1'\xd9\x10\t\x07\x9d|&lt;0\x0e\x9c\\j\xfa\x93\x8e"</t>
  </si>
  <si>
    <t>b'\x19C\xe4\xfbr\t\x87\x99(\xbfx\xcaM\xe6\xc9t\x93\xae\xe8\x86\x7f\xc5\x7fG\xde\xda\xbd\xfb\x9c\xcf\xfcb'</t>
  </si>
  <si>
    <t>b'\xf5n\x87"\x0b\xf38\x01\xdd~\xeb\xc8(\xbd\x9a&gt;\x10+\x96E\xe2\xa9D\x7fh\x16-\x83*k\xf2\xa5'</t>
  </si>
  <si>
    <t>b'\xfb\x11#\x05\xb2\xdaB\x9d\x14\xd2\xc6v5\x90\xb6\xdd\x1e|X\x89\xb7\xa9\x10\xa6&lt;\x93-\xa0\xb0\x99xP'</t>
  </si>
  <si>
    <t>b'\x19\x0e\xb9\xb8\x8dr,\xb6rE\xf4\xad(\xa5@\xac\xe6\xfb\x97\xe3J\xbf\xa9\x05\xf3@^\xb3VH\xb1\x1b'</t>
  </si>
  <si>
    <t>b';\xe4\xa2\xda\x8a\xd5\x14\xe7~U\xb8\xd5\x8b\xe8\x13\xd10,\x18=\x80\x95\x19\xb4E\x1e\x87\x1d\x9c\xb8M\x86'</t>
  </si>
  <si>
    <t>b'r\x01\xae\xe9\xf9B\x8f#O\xbf\xe7\x1aD*\xd9\xe2Q\xdf\x88\xeaRm\xb9^\x10\xa9R\xa1R\xcbL\xef'</t>
  </si>
  <si>
    <t>b'\x05\x16&gt;54:\xcc\xed\xdb~\xc9lz\x9e\x14E/\x16\x902\t\xfa\x95\xcb\x02\x8aU\xe3\x13\xa6X\x1b'</t>
  </si>
  <si>
    <t>b'6|\xa3Z\xbc\xe9\xdda\xd7\x7f\tu\x9d\xc3\xeb\x8c/\xcd{\xf9\x81ShZ\x00\x8c\x8e_\xb6\xc1\xfd\xb1'</t>
  </si>
  <si>
    <t>b'\xd4Y/H\xfe\x9a\x0e\xb2\x13\xdb\xb3\xde\xedv\xf7\xc8|\x9ah\x1e~\xf7\xdf\xd97\xf2\xdf5\xcd\xdc0\xdb'</t>
  </si>
  <si>
    <t>b'D\x16}\xc3\x92[}\xd5N\xc4x\xbc\xd8\x16\xa6Q\x97\xe5\x8a\xccZ\x81`\xa0\x8e\xe7\xab\x17\xbc4\xa1\x17'</t>
  </si>
  <si>
    <t>b'\x0bI\xb12o:\\"\xc2\xae)\x06Sh\xf03\xb7\xbe~\xf8!\x1e\xd6\xf0W\xafp\xe3\xe8=\x92\x16'</t>
  </si>
  <si>
    <t>b'X\xd2\x95\x03\xc1&lt;wz\x1fI(\xbb\xf8\x02\xa0\xe8]\xe2\xb0\x1cY|\xcf\x9c\x938m\xab\x98\xcf\x8d\xc7'</t>
  </si>
  <si>
    <t>b'\x18\xf0\xc5=\x19,\xde\x03\x82\xeaw\x11\xe6\xb1-\xa2\x88X\x95\x1bj\xa4F\x08f\xf4o\x15\xf4\tw\xa9'</t>
  </si>
  <si>
    <t>b'\xab\x91$J|\x96\xf3\xd1\xdf\x8d\xe1KdR\xf7\xc4.\xb9+0\x13\xd6\x94C\x87\xee1]\x96c\xc7Y'</t>
  </si>
  <si>
    <t>b'\tc\xc1^\x89\x91\xce\xca\xc8\x94\xa1\x0e\x90\xae\xcf!L\xc2JxA\x93\xa3\x80R&gt;\xfe_;\xfdm\xc0'</t>
  </si>
  <si>
    <t>b'\x15\t\x932\x12H\xa7\x88(\xa5\xa1v\xd5\x8c\xd4\x89\xd47\xdeJ\xad\x90\xf9m!&amp;0C\x1a%\x8b\x04'</t>
  </si>
  <si>
    <t>b'I\xef\xb4\xc4\x9e\x03T\x87y\x9c\x81K0 \x06\xf7M\x8e.O&gt;y#\xc6\xdb\x8b\x92\xb1)8\x00O'</t>
  </si>
  <si>
    <t>b'\xa5\xd2\xe5@\xdbdOk\x96\x88wX\xe8\x9fO\x9dA\t!,M\xd7y@\x0b\xc6\x04\xc8U\x8bY\x12'</t>
  </si>
  <si>
    <t>b'\xe9\x8a0\x80\xe1g&amp;\xd6\x05ucw\x8d`Z\xd9\xf41\x02rE\r6Or\xe6\xddt1ix\xbb'</t>
  </si>
  <si>
    <t>b'\xd2\xb5\xf2\xbe\xe4I\xf8\x86&gt;\xf9\xaeTd\x02\x10"\xcb\xce\xb9\xbb\xa1-\x10\xa7|\x03\x97\x830\xa7\x0f\xc6'</t>
  </si>
  <si>
    <t>b'\xc4\xae\x8e \xed\xbb\xc0\xce _%\xcb\x92Ju\xd4+c$_V\xdc\x9d\x1d\x89\x05\xf5\x9dF\x0c]F'</t>
  </si>
  <si>
    <t>b'y\xf5\xfb\xbb\x98\xe5\xa7\xa5v`@m \xbc\xc6\x99%\x84;kw\xef\xff\xcfE\xf66D#)u$'</t>
  </si>
  <si>
    <t>b'Y\xd1n\xd8\x9d\x1eh\xbbW\x05\x1d_\xde\xd498\xb8\x1djY\x8cZ\xf9\xa0\xdd\xe4\xee\xcf\xc2o\xb5\xfd'</t>
  </si>
  <si>
    <t>b'\xea\xac\x15\xca\xaeV\x1f\xe9-\xd1P\x9est54o\x00\xab\xed@\xc1\xea\x1am\x84lTm\x819\x9d'</t>
  </si>
  <si>
    <t>b'\xac\xa0$J!\xd5)\x0e\xd6\x95\t\x82*\x16$\xa8\xe8\x94\xfd\xe7H\x9e+R\xaa\x0e\xa4\x97d\xd8\x80\xed'</t>
  </si>
  <si>
    <t>b'\xd5T\x93\xae\xaa\x967\x7f\xde\xcf\xea\xac\x99\xf5P\xdd\xe1\xa1\x1d\xf2h\xe3o\x17W\x15\x8d\xc7\xbb\x80i\x91'</t>
  </si>
  <si>
    <t>b'\x0fl\xdaO\x0e-\xbe\xcd\x9e\xf9)W\x8b&amp;\xc5\xccKS\x05q\xfaq\xc9h\t\x95\x01c\xee\xab\x9d\xd1'</t>
  </si>
  <si>
    <t>b'\x8b\x85\xfa/\xa4D\xb2\x1a\x9dGk\xa8A\xa5&amp;\xac\xe2\xdd$\x07b\x99\x98\xb0\x01\xb2ZO&amp;\xdc\xf5('</t>
  </si>
  <si>
    <t>b'\xecht\xb5q+\\\xf7\xe1\xc6\xcf\x99\x06\x1a\x01=\xb5\x8f\x94\xed%,\x84t&amp;N,`\xdc\xbev\xe3'</t>
  </si>
  <si>
    <t>b'\x11\x83\xd3\x11&amp;\x9b:\xe7(4\r\xeb\xcf\xc56e\xd8!s\x8e~\x06?8A3\xc3\x94\xc9Q\x07\x1c'</t>
  </si>
  <si>
    <t>b't\x15\xcewrX:\x1e?\x9c\xa8`8\x10\xff\x9e\xc7\xe8\xce\x02\x01\xc4\xc3$M\\X\x8fT\x07?H'</t>
  </si>
  <si>
    <t>b'\xeb;\xeeNv\xa4\xe78\xac\x88s\xc3|T\x9d1\t\x99m4\x92\x92\x8a\x1b\xe4\xda\xc8\xdf\xff\x98\x05\xea'</t>
  </si>
  <si>
    <t>b';"\x06\xb2\x03\xf3pN\xc4|\xd3b\x9f\xa4\xd63\x0f\x84w\x9b\xe3\x9d\xcb\xeba\x88\xb65j\xaf\xb5('</t>
  </si>
  <si>
    <t>b'7\xe0\xd11\x10\xeeg\x94"-YI\x98\xd4A`\xeb\x0fe\xef\xdc\x16t\xd4-\xa7z\xe57\x95_^'</t>
  </si>
  <si>
    <t>b'\xee\xb2\x80\r2\x9bc\x16\xbc-4\xea3CX\xa2\xbf&gt;\x8c\xd7\xd5\xc3K\x8e\xdf\xc1oQ\x97Q\x93\xbb'</t>
  </si>
  <si>
    <t>b'\xf0\x93\xd8}\xe5\xb0$\x19\xd8L\x8c&lt;\xc5F\x0e~\xfc\xd2\xad*H\x11\x02$\x81Rkl\xa2\xa8\xe3\xeb'</t>
  </si>
  <si>
    <t>b'a \x9e\x1b\xba\xc5\x03\xfa\x10(\x1f\x92\xd4\xcb\xfe\x00J\x0e\x82\xa5o\x9a\xad\x84\x90\x1a\x9d\xf1_,;\x12'</t>
  </si>
  <si>
    <t>b'\xcc\xee[l\xd7\x8cu\x88\xdc\x8a\xaa\xf3\xb3\xfce\x0cF\xa6\x8fw\xebdF\xba\xfd\xd3h0\\\xd3\xdc\x0e'</t>
  </si>
  <si>
    <t>b'B\xe7%mj\xcb\xb6\t\xfbd\xe9.6\t\x0bq\xb8\x9a\xda\xe1d\xfc\xa1\x8d\xbe\xdcP\xd09#c\x15'</t>
  </si>
  <si>
    <t>b'\x05\xe9\\\xfe\x03\xfa\xb3\xba\x87Hd\xa7w\xd6\xb61\xd7jL\xb2\tu\x94\xd2e\x15\nP\xac&lt;\xbb!'</t>
  </si>
  <si>
    <t>b'\x82\xe8\xec\xc3fIT\xce\xe5\xb9\xee\xb6{\x04-b\xde\xa4nn\xca\x97\x9bF\x0c\x1fj\xa3\xc3\xf3\x9e\x98'</t>
  </si>
  <si>
    <t>b'\x92\xe5,s\xf0\xf2\xdb\x15d\xfc\x13A\xfe=\x83\x04"D"C\xa2N\x93\x80\x19T\x81!\xa1\xb9V\xcc'</t>
  </si>
  <si>
    <t>b'L\x85p\xba\x80\xc0}I\x12\xa0,z\x0e\x1fl\x08\x14\x8cL\x85{j\xd9\xfc\xb3\xc8\xe0)\xd9\xad`\\'</t>
  </si>
  <si>
    <t>b'\x139 \x1f\xf9a\xabF4\xee\xb2\xc7"CT\xb6\x8f\x161\xbe\xdb\x11\xf3\xb2%L\xe0i!;=\xdc'</t>
  </si>
  <si>
    <t>b'\xe8\xe0\x9e\xdd\xc38\xa0\x94j\xb8\r\x03\x9e\xf2\xf6\xae\x99\xd2\t\xc0\xec\xc3v\xb8\xef\ngS\xef\x80q\xa8'</t>
  </si>
  <si>
    <t>b'w\xbc]\xdb\xc5\xfda\xaa\xcf\xf5J\x16(\x0f\x89b"\xa0\xd9\x84\xfe\xec\x96\x8aY8\xaa\xb2\x8b\x08``'</t>
  </si>
  <si>
    <t>b'\r&lt;Y\xcc\xa5\xe2\xdd\xa0\xab\xb17\xc3Ta\xab\xa8d\x02sz\xa8\xc4]\xb0g`{\xb9\xf9\x12\x077'</t>
  </si>
  <si>
    <t>b'U\xc20\x86B\x9e\x99\xa1\xc3G\xbf\xc6;\xb4\x83\xc8v\x1d\xe1\xeapE!\xf8\xbe\xa1\x89\x96PTE\xb8'</t>
  </si>
  <si>
    <t>b'\x1f\x0f#\x1f\x95r&amp;\r\xb1\xa5\xcf\xf2\x85}\x9e\x92^\xbb\x93\xe5\xd9Z\xcd5J\t\x06H\xb8\xb3H\x7f'</t>
  </si>
  <si>
    <t>b'\xa9a\x9eM\xbb\xea\x08\x05\xa0\x84/b\xe1P\x91\xc6\x9d\xdcJ\x1a\xe6\xf3(dF}y\x12\xe0+\xff\xa2'</t>
  </si>
  <si>
    <t>b'\xd7\xe8u?k\x182\xcb\xc4\xb4\xb7F=O[\x9a9\x0e\xf0jI\xb5J)\r!\x12B\xec\xe7_\x8e'</t>
  </si>
  <si>
    <t>b'W\x87\xca\x82\xbc}=\x1c\x06\xe8\xc1\x11`&lt;*F\xf2i\xdf\xf7\xb5\xcb\x98bR\xf2\xcdj\xf1=\x98\xf1'</t>
  </si>
  <si>
    <t>b'-\xd4\xc5-r\xd4\xac\xef\xb7\xb4MRl\xc6\xc9\\\x1f\x19\xf5\xb6\xd1\x85\xbc\xb4L\x8f*$\x9d\x81\xcf\x04'</t>
  </si>
  <si>
    <t>b'\x16\xb7\xc2\xc79%\xbc\xb4\xfd\xd1r\xac\x97\x81\x8ca\xad\x89\x8a\xfcS\x98\x81\xa2\xbf\xfa\xd5U6\x83\xdb\x0f'</t>
  </si>
  <si>
    <t>b'\xf0\x8a\xc7\x9c\xd5H\x9c~\xf3\xca!-\xef\xa0\xb2\xaa\x9b\xa4\xad\xd5\xdbW\x1c\xba\xc6\xe8\xd6\x84\x8fpH\x06'</t>
  </si>
  <si>
    <t>b"c5\xb6&amp;O\xea\xe2';{&lt;\xea_\xde\x12\xd7A\xab~\xbd\xee\xd7`\x99\x94\xd9\xed\xa0_\xc6\x15\xd8"</t>
  </si>
  <si>
    <t>b'\xb5&amp;\x97\x0bjJ\xf6\xf9\x08\x14\r/\xdcr\xcf\\A\xed\x03+\r\xa3S\xd4\x18[\xf1Q#~\x04\\'</t>
  </si>
  <si>
    <t>b'\xd5\xc9y\xc7\x95\xa5\xf7\xf2%\xc4\x92\xf0\xb7?\xe5\x8d\xcc\x83\x12\x03K\x04 \x8fp\x84\xac\xeb\xa2\xa8Dv'</t>
  </si>
  <si>
    <t>b'\x9a!\xdc\xff\xcf\x03\x04E,X\xb4\x93~\xd4J\x96\xadD\x0f\xdcE\xe5\xd4F\xc8\xc2\xd8\x98\xf2\xa1\xd1\x17'</t>
  </si>
  <si>
    <t>b'T\xc8f\xcc&gt;\xff\xe9\xd8\x0bv\x88\x97\xe0_,\x17\x08\x7f7\xccL\x96\xb9\x99d$.\xc3\xd3\xbd\x13\xdf'</t>
  </si>
  <si>
    <t>b'\x06u\x80~\xe7%\x90\xc5\xd3S\xfb,&gt;t\xd1`}\x04\x7f\xc8\xdb\x8c\xd6\x00\x9dG\xa86k\x0f\x13\xfb'</t>
  </si>
  <si>
    <t>b'o\x02\xaeo\xd8\xaa\xfe4\xaf&lt;\x12\xdb\xb7\x923}\xc5\xe2k=\xa7l\x13:{\x199\xd1q\xf1\x8d\xc5'</t>
  </si>
  <si>
    <t>b'\x9c\xca\xfd,\xe2\x975`\xbe\x11\x8ekPai@\x143)\xb9\xe2t\xc0\xf1Ed\xdf9}\x16\x8d\x13'</t>
  </si>
  <si>
    <t>b'\xb5\xc1\x07w\xf6)\x03\x8e\xe6\xd5\x06\x87H\xd7\xc9*\x19\x8c\xfe=\x0e\xb9;\xb68\xb8hM\xa8\xd9\xbe\xb3'</t>
  </si>
  <si>
    <t>b'x\xf3%L\xc4\x84&gt;(?\xbf\x90J\x86}Cz\xe0\xdd\x05\xcf\xe4\x03\xd9r\x01\xf1Z\xc3\xc0\xc5\x96\xa6'</t>
  </si>
  <si>
    <t>b'07\x82\xc7\n\xd5)\x8f\x08\xf0\xee\xf5\xee\x08D\x90\x0f&amp;@\rX\xe4\xf5:\xeeE\x05\xf7\x14\xa2\x96{'</t>
  </si>
  <si>
    <t>b'%\xb2lyZ\x00\x1fw\xaf\x00\xf96\xe6[\xb3JI\x13G\x96\xa5(\xbd|\x1bW!\x93\x96;\xado'</t>
  </si>
  <si>
    <t>b'\x1f\x10\xa18\x02\x86\xe2K\x1c\xa4\xeea\xad\xbb\xcba\x92\xc6\xf8&gt;\xd2\xa9/&lt;\xae\x8f\xc9\xe2n\x9cJ\x80'</t>
  </si>
  <si>
    <t>b"0\xdc\xbb'R\x8c'R8U\x1d\x9bBH\x1aZ\xdcV\xa5hO\xc3\x0e\xae\xfc\x87[\xe1\r\xe1\xc9\xdd"</t>
  </si>
  <si>
    <t>b",\xf8B0\x04\xc4\x18\xef\x8f'&gt;7w\xf4\x8c\xdbaV\xd0\xeb\xa7E\x00y\x18JG\xd4\x8et\x08\x0f"</t>
  </si>
  <si>
    <t>b'\xecQv&gt;\xca\xc4\xd7x\x15\xb9\x8c\xa9\n#O5\xdb\x156y\xc5\xab|\xa9\xea.\xde70\x7fa\x92'</t>
  </si>
  <si>
    <t>b'&amp;\xf7\x1d+\xbe\xfb+\xb21\x8eU\xb2q\xa8\xfc\xaf\xac\x00\xda\xe8\xde\xb6M\x0b\xd0y\xbe,\xbd{^9'</t>
  </si>
  <si>
    <t>b'\xf9]}\xa3\xf0\x94\xc8\x1eM\xc7\xa3\x87\xef\x0c\x17*nIH\xcf\x10\x9a\xd0\xe2]\xbb\xc8\x13\xc0Z\xa5\xc5'</t>
  </si>
  <si>
    <t>b'l\xb6\x05YKWt\xe1\xf3s\x0c\x1d\x07\xb5\x1e\x9c\x06\xa6\x90b$9N\xb8\xeb\xa8\xc5\x80\xa5\x9eb\x14'</t>
  </si>
  <si>
    <t>b'e6\x0c1\xa1\x0b-.J\xfc\x04\xe5\x9a\xaa\xe3\xcfa\x9d(V\xffT\xbd\xa6Q\x90\xe8i\xb3\xaf\xb6\xb2'</t>
  </si>
  <si>
    <t>b'\xa5\xbe\x11\x14\xa7K\xe6\xea\xa2\x95\xd1\x11\x84`\xa8A7%B`\x91x\x1d\x9c\x94\x94\t\x9b J\xb2\xe3'</t>
  </si>
  <si>
    <t>b'\xeb\xb52\xc7\x88\x8d\x9a\xac)lb\rB\xf4\xae\xf8\x02DT\x1a\xcd\x04\xcb\xee\xf4[TF_\x7f35'</t>
  </si>
  <si>
    <t>b'\xe5\xa9\xae\xc7\xa9C\x01\x0f\xbe\x8d2\xaa}\xb0\xb9\xebQ\x9awFxXu|\x96\xd2\xfcV\x8bS\x04\x91'</t>
  </si>
  <si>
    <t>b'"9nl\x86\xb5\xe9\x02\xaf\x04\xe4\x1c3\x0cE $\xe2\x93\x10\x1b\xcaS\x801\xb2\xbd\xe0hi\xcf\xa9'</t>
  </si>
  <si>
    <t>b'\xc8\xa0\xaas\x90.\xc9\xb0L"6NQ\xcb\xea\x01\xe3S\xfeR\xf9\x93\xa1b$g\xfbf\xd0\x1d\x97\xe3'</t>
  </si>
  <si>
    <t>b'&lt;R?\xae\x8cs\x0c&gt;\xcc\x88\xfc\xd9\x9e\xfeg\xa5\x0eZo\xbb\xdf\xa6\xb7\xdc\x98W\xdch\xb1\x112,'</t>
  </si>
  <si>
    <t>b'\xbde\xae\xc0H\xd9M\x03W\t3\x85\xdb\xa1\x8a\xb6\xaa8\xe6\xebX\x93\xc5%\xa8M\x81\x0f]\xf2\x86:'</t>
  </si>
  <si>
    <t>b']\x19\xd2\x1a*\xb2^\xe6\xaeS\xebz\x97;\xc5\x95LI\xa0]\x86\xf3\x81\xbb\xe4\xcf&lt;\xb4\xb1-\xb8\xb5'</t>
  </si>
  <si>
    <t>b'O\xb0$\x86\x94\xaaPv|_\xfb\xf8\x03\xc6\xd7\x04\xcasVO\xd5\xc2;\xa4\x9e\x18"\xef\x93Q8\xa0'</t>
  </si>
  <si>
    <t>b'\x7f\x9c\xba\xb6\x9a\xcb[ldt!\xa9\x1d\xbc\x00Fm\x99\x99\x136_\xde\xa5\x00D\xf1\xf0\x8bri\xd0'</t>
  </si>
  <si>
    <t>b'\xcc\rs}kX\xdb\xeeH\xd6\x08j^\xb4\x80\xbd\xcd\x80_\xdb[\xb5\xfa Y\xa3\x82"\x0e7\xcc\xe8'</t>
  </si>
  <si>
    <t>b'n\xd6\x1a=\x85\xb9\x7fAa-\xd7\xca\xa0\x1a\xa7W\xe6\xe0\xfe\x84\xb8\x97\xf3\x9fhz\xae\xbb\xd9V\xbd\x81'</t>
  </si>
  <si>
    <t>b'\x99]\xc9\xee^\x90`\x88d\x1cu\x9cQ\xd6\xb7\xf3h/\x15\xa8UW\xf7\xb81\xdd\xde\xba\x8aJ\xd3C'</t>
  </si>
  <si>
    <t>b'u\xa9\x82\x9a\xcd(5p\xc6@\x92\x84}\xb5\x02&amp;7\\\xc0[\xe9\x88,P\x15Gl\xf4\xda7\x066'</t>
  </si>
  <si>
    <t>b'\\\xf8~#YS\xc8U\xfd\x9b\xe3\xd7\xd9+\xfa\x88_\xb6\xfb\x95\xe1\x13\xf5m,\x04\xc9W\x8b&amp;\xad\xd5'</t>
  </si>
  <si>
    <t>b'\xd2\x00\xa6R&amp;\x91\xf5\xfcT\x8d\x02\xe7\x89&lt;\xa0N3\x83\xfcGL\xd7\x99x\x0b\x08,6\xa5\x95g\xcc'</t>
  </si>
  <si>
    <t>b'\xd5n\x17&amp;\x90\xaa\xbeg\xf2\x9e\x01\xa5\xfbC\x9dl\xd8G\x1f1qk4\xfa\x8b)\xb0pU\xecm"'</t>
  </si>
  <si>
    <t>b'\x8e\x84\xd0\xf4\x02&lt;\x07\xee\x0c\xbb\xcec\xf9\x12\xcfm2\x80\xd4\xf6T\xf5\xab\xc6\xcf?0@8\xc3\x0ep'</t>
  </si>
  <si>
    <t>b'\xbeB*\xdf3BteL\xca\xf2\x9b%\xebW\xc4,\x1604.\xaf6\x9f\xc7\x02"\xb0\xa7\x9c\x1b\xf1'</t>
  </si>
  <si>
    <t>b"'&lt;\xd1\xf8]Cz\x9a\xf8\x87\xe5\xe3\xc5\x88\\\xe8\x86w\xb2\x13\x99\x93\x15[\x8fL\x9cq\xa4\x89\xb69"</t>
  </si>
  <si>
    <t>b'\xc2.\xfe\xd0W\xbfJ^XH\xbb\xf2(.1ig\xb9\xba~x\xf0\x16\xb0,\xdb\x05\xe3\x16\x8cU\x0e'</t>
  </si>
  <si>
    <t>b'S1\x85\xa7\xb1\x84\xc4\xaf\x85\xacN\x9dD\x94\x0e\x9c/\xd9-\x08&amp;\xe9L\x1b-\x0c m0\x9c\x8bb'</t>
  </si>
  <si>
    <t>b'\x8bZ\xee\xfa\xf4\xde\xb3pU&lt;(\x9c\xf9\xd4\xed\xd5\xa7A\xadN\xeez\xf9\x93\xfa\xba\x8f\xa1\xc4\x7f;\x88'</t>
  </si>
  <si>
    <t>b'\xc7\xc2!\xcf&gt;\xca\xa4\xb9LP\xb0\xac!]\x9a\t\x15\x96\xe6\x93\x0b\x10\x9b\x8d\xf7\xf77\x0b\x89\xfe\xa3!'</t>
  </si>
  <si>
    <t>b'\x1c\x90;\x92(\xf6\xfd\xd7\xb4X\xc6]\x1d!6:Q\xec\xdc\xa4)\xa4\xa4\xa8F`\xd9\x9eBG\xf4\xb6'</t>
  </si>
  <si>
    <t>b'\x1a\x94$\x9a\x96\xed\x8a\xfb+\x9cn}A\x92&amp;G\xfa\xdd8\x9f!\x0c\x80\xa6+\x16bp\x90\xfd\x86\xf2'</t>
  </si>
  <si>
    <t>b'P%\xe7"\x0f\xbb\xb4\x9dc\xa3\xa6u\x17 \xc1?J\x91(\xd2\xafQ\xe8\xecl\x08\xb9l\xc2T}\t'</t>
  </si>
  <si>
    <t>b'\x96\xa6K\xc5!\x8f\xd3Z{)&amp;\xd9\xf3\xec\xabT^\x1ev\x05\xcd\xf1\x1e=\x80\xf4C\x13\xd3{1\x0f'</t>
  </si>
  <si>
    <t>b'q\x15o\xd9\xdc\x1c\xa6\x89\xa0R^nD\xd5\x08!\xcf\xe8\x0f\xb4b\xec\x80\xd3\x12\xe7q\xf9\x8aP@\xae'</t>
  </si>
  <si>
    <t>b'\x06\xd7C\xfc\xb1[\xeb\x94N\x86\xce\xea}\xa0\xaa\xd8C\xc9eT\xb5\xa4\xd6\xbb*\x98\x06P!*u\xad'</t>
  </si>
  <si>
    <t>b'\xd9\x94\xc6\xe7\x84\x89u\x81\x0fH\x82298\xc4F\x80\xb7_vy\xa0O}k/\xaf\x91\xda#\x8d7'</t>
  </si>
  <si>
    <t>b'X\x90\x82\xb2q\xbf\x7f\x06(\xd4\xad\x11\x83\xb0b\xb8(SZ\x1aU\xb4\xe3\xcc\x12\x87\x0e\x8ee\xbb\x86&lt;'</t>
  </si>
  <si>
    <t>b'\x0b\xf0\x9b\x1b\t\x1dz)O\xbfZ\xc7\xea\xbf\x00WZ\x93*L\x04\t57\x01\x8e&amp;IB\xa9J#'</t>
  </si>
  <si>
    <t>b'\xe2B\xa9\xbbA\x13\xb1i\x14\xa7\xb2a\xc68w\xd6\x17f\x91\x1e\xfa\xc7\xfe,$\xf7\xb3e\x0b&lt;\x01\xd5'</t>
  </si>
  <si>
    <t>b'\xcf\xb1u\x01\x7f+\x1b\x14=\xf5\xb3#\xdb\x0c1\x81d\x9c\xf0\x8eV\x9eH\x9e\xf5\xdbH\xda\x8c&gt;\xf9_'</t>
  </si>
  <si>
    <t>b"\xd1@\xfe\xcf\x7f\x1b\xc6[\rf'&gt;]\x19\xf3D\xed\x16\xe6\xa3d6\xf5\x1d\xf5\x0c4\xde\xcd$\x93x"</t>
  </si>
  <si>
    <t>b'\x841C\x92\xb1W\xb4\x15\xbeY\xa8\xdc\x1c\xfd\x84q\xee\xcd\xe7\x8f\xe3u(\x86,\xe0\x9dj\x9a\x83S\xfe'</t>
  </si>
  <si>
    <t>b"\xec\x03~\x8b\x16B\x9a\x7fC\x012%'\xdeE\x1b\xe24*\xd7l\xfd\xd9n\xca\n\xf7\xcc(9\x8b\xbe"</t>
  </si>
  <si>
    <t>b'Z\x17,\x97\x01&amp;\xe2\xda\n\xe0\xf1\x97d\x1b\x12\xa6g\xeaY\xb8\x16\x92~\xfe\x95\xb4\xd0&lt;\xcd\x1b\x14@'</t>
  </si>
  <si>
    <t>b'\xe1\xde\x9c\x84s \xb7\xe9\x1d)\xc0*L\xef\xa4j?\x1c\x1b\xfbg&gt;a\xba\xef\x970\xc3*b\xbc$'</t>
  </si>
  <si>
    <t>b'\xcc\xbcwi~b\x03\\l\xf1d)\x81=+\xfd\xc9\xc0\xdb}\x9e+MsG\x7f\xfb\xb3H6\x1f}'</t>
  </si>
  <si>
    <t>b'\x9c=u\x8e\xfa\xd2uN\xab\xffUjV\x88\xa7\\\xfc\xbb\x8a\xca\x0by~\xbb\xe7\xd9\x97\xd88\xa4\xd8\x87'</t>
  </si>
  <si>
    <t>b'\xa5\xd7\xea\x82\xb3cb_u\x8f3z\x03\x0f\xde\x90\xed\x81\x11\xcb\x11\x02/}|\x97-b\xde\x07\xac\x17'</t>
  </si>
  <si>
    <t>b'X\xad?s\xc2\no\x0f\xa8\xc9M\x03W\xb6\xd7\n;\xe3UH\x8c\xfe68]\x81j\xd7\xc7/\xa3\xc6'</t>
  </si>
  <si>
    <t>b'\xba9\rF\x94\xb3\xb1U\xb5IfPnk\xbc\xa7\xb0\xba\xf7\xe6\xb3\x8f\xda\xad\xb9t\xb2\x8eg\xb5.s'</t>
  </si>
  <si>
    <t>b'\x999.\xd3C4\xd1KZ\xb3\x02\x17\x80\x15\x7f)R\x02\xb3\r7\\\xf1jFKZ\xa8\xd564\xac'</t>
  </si>
  <si>
    <t>b"%\x92ae\xfe\xcb-}Q\xe5\xa62\xc7I\xab\x9b\xdb\xf8\xd4\xe7\x91\xf0\x0c9za=\xa0\x00'\xfb\x97"</t>
  </si>
  <si>
    <t>b'\x89\x1bo{u\xfb\xfd.\xc6\xfdH\x95yx\x17\xf6:@\x00\xd1\xee\x1b@Q\xc8\xf4\xc7\xea\x9c\x80\x13s'</t>
  </si>
  <si>
    <t>b'|y\x7f3\xff\xc6\x96\x83"^\xd4\x00\xa3\x9c\xdf\xaa\x1a\x83X\x05\x8e\xa6\xae\x93\xad\xc0liUn8g'</t>
  </si>
  <si>
    <t>b'\xcc\xc4H\xa1\xd5\xd6e\xa3\xb5\x03\xfd\xae\xfd\xa6\x06\xc2\xb3V\xd98\tQa\x0fB\xd9\xbbx\x80\xb1\xd7\xe3'</t>
  </si>
  <si>
    <t>b'Hr\x15\xf2\xaf}\xf7\\\xcf\x9e\xdb\x90\x80\x12\xba\xb8e\xdb\xad\xf2\xef?\xddc\xdf\xe2\x91$\t\xef"}'</t>
  </si>
  <si>
    <t>b'\xfc\xe8\x9cnmo\x1b\xe1\xa3\x8d\xe8Ck\x15y\xdc\xab\x80\xb8\x0bCr\xd2\xe6\xa2\x8c\xb6\x08\x1c\xdcy\xbf'</t>
  </si>
  <si>
    <t>b'D\x8a\xc0\xd6\xb3\xce!U\xbbh\x1e\xa1\xcac2\xe7;h\x1f\xb4\xff\xef\xef\x97\xd0\xda\xea\x06\x96;\xf3\xcb'</t>
  </si>
  <si>
    <t>b'\x15L\xfc\xff\xf9\xa4\xfe\xfdK\xfe\x08/0\x90\xb7\t\x92\xa1\xf3\xf6Hp.\t\xb2l+E\x16\xbf\xb0\xbc'</t>
  </si>
  <si>
    <t>b'*dq\x83D\x17\xfb\xcc\x8f\x1dv\xad\xd9Y\xeb,\xf2\xd0h\x9f4\xc6G\x03p\x82\xf5%\xee\x88`\xad'</t>
  </si>
  <si>
    <t>b'\xc6\x87\x9f\x94X\x8c\xcf\xff\xf9=\x8e\x92\x7f/\x0c\x84\xf4\xa7\x05\x8c&gt;\xeb\xb3{\xf0:\xfaI\xfc\xabY\x92'</t>
  </si>
  <si>
    <t>b'\x130\xb5\xb6p\xc1\xf2\x0e\xc2\xfd:\x97\xc2\xc5\xfdv\xd4\x17\xa5\xa7\x1a\x17\xee\xfa\xfbP\xb31\x97\x96\xc8\xbc'</t>
  </si>
  <si>
    <t>b'\xe1\xaf95i\xdc&lt;W6[\x1fUr6!\xe8\t\xad\xa9q\xba\xdf\xefeX\xb0\x84\x7f:@\xc9#'</t>
  </si>
  <si>
    <t>b'\x0f5\xe0\xd6\x0b*\xee\xeb?f\t\xa6\xc96\xe9\xe8\xbe\xd8\xd7v\x95\xf3\xc9F?\xf7\xde\xb7\xe0\x92\xc3\xbd'</t>
  </si>
  <si>
    <t>b'\xe2\tn\xde\xcai\xd6\x9b\xcc-\xf2\xc5+\x14:8\x06\xb6\xdd\xd2+\xea\xf9\xed\xce\xff\xc0\xbc\xfb/\xb5;'</t>
  </si>
  <si>
    <t>b'\x17\xaa\xa0\xa1\xbdv\x8d\x96\x82\xe1\xd0tQ\xde&lt;\xa2v\xd3\xe4[]\xdb(\x9a\xa0\xf8\xdb\xef\xa6\x88\xc7s'</t>
  </si>
  <si>
    <t>b'\x98mp6\xdaQ\x86\xbf\'\xa5\xc0&amp;\x98\xfc\x8d\xd6\xc3\xed\xf7F\xa8h\x89\xb5?"60\xdd\xae\x89\xc6'</t>
  </si>
  <si>
    <t>b"\xbf]_\xd9\xf5w=1b\x85\x91N\xef\xae\x1d'\xd1A\xc3~\xd4\x01I\x9e\xea\x8fj6\xd8W\x01\x82"</t>
  </si>
  <si>
    <t>b'=\xc7\xe3H\xab\x90\xb1`\x85\x83G\x1d\xec\xd8\x1c\x0b\x07\xf9G\x11\x9e\\!\x80\xa6hO\x84\xdaD\x1a\xbb'</t>
  </si>
  <si>
    <t>b'Gb\xd2\x17\xb0\xa4v\xbem&lt;\x02\xbf({\xd5\xc2"f$\xe7#\x18h-\xc4\xe2;\x1d\xa4\xe7h}'</t>
  </si>
  <si>
    <t>b'\xf1\x04%n\xa2\xbfE7U\x15b\xa9%\xe5JP\xff\xee\x0b)\xeb!|\x01\xd6\x08b\t\x08O\x02\xaf'</t>
  </si>
  <si>
    <t>b'\xe2\x0eR\xe7\x04\xe0\xef7\x17\xe2\xe3\x1f\xc9\xacD\xd2\xd4\xbc`\xf7\xf2\xf8\x0b\x83\\\x01\x9f\xe6\xab\x86\xc6Y'</t>
  </si>
  <si>
    <t>b'\xab!\xdbo"j\xfawTd\tN\x13\xfd\x9e\x00,\xf5\x99m\x15y?\xbb\xcb%\\*\x87\x11\x18\x07'</t>
  </si>
  <si>
    <t>b"S\xab\x06UQ3\x01\xd3\xfb\xa6\xca\xe0\x04\xfe\xe1\xe1M6\xe8\x1d\x06\x1d\xceIL\x86&lt;'\x04_\xb9\xc6"</t>
  </si>
  <si>
    <t>b'\x1cv@V\xbe\n;9\xa9\xc6\xb4\x92\xfe\xc3\xd9\x0cM\xb0\xc4\xc8\xc1\x91J\xe1\xc6iF\x98\xe1Q\xb7\x16'</t>
  </si>
  <si>
    <t>b'`ux\x15M\xa8\xfc\x94y\t&amp;\xf9\x0c\xa7\xa4\xde\xb8x0iowLJ\xde\xcaw#\xdfR\x99\x97'</t>
  </si>
  <si>
    <t>b'\xe3\xa2\xd9\xd9\x9fy\xcc\xb2pr\x91X\x87\x95K\xa3\xfa\x9e\x88\x94\xb8"\x89\x10\xc9\x7f\xcedEO\xfa]'</t>
  </si>
  <si>
    <t>b'\xe2K\xc8\x0c\xedR\x8e@\x81\t\xbdo\x88$\xe8\x98h\x01`\x99\xf6\xc0\xeeGs\xcd\xdd@-\xdd\x19:'</t>
  </si>
  <si>
    <t>b'\x93\x1dU\xa5\x9a\x80\xb2\xdd\x0ex\xdd\xab\x8a\x0b\x89u\x96w\xa7\xd2\x12\xf1l1\x94\x04\x03\xbc\xb6D\x87\xf8'</t>
  </si>
  <si>
    <t>b'\x12\xa4F\x94\rZ*N\x9c\x7f,\xf3\xe3$\xdc\x08\x91\xe6\xf2[\x9f\xe3f\xd0\x0b\x08\xe5\x08\x1dC=q'</t>
  </si>
  <si>
    <t>b'\xbaf\x9d\xc4{qY9\x9f%\x01\xe2\xee[\xaa\xa3\x9008\x9b%\x84/\x1dP\xe4\x15:\xc3%\x9a@'</t>
  </si>
  <si>
    <t>b'\x92\n\xfe\xd9{p\xd5LI\x11\xbd\xd2\xdd\xdaL&gt;\x83\x93\xdb-\xa9\xa4\x10\xef\x18\xf4L\xc7\xe1\xb7\xc2r'</t>
  </si>
  <si>
    <t>b'\xf0U\xbcD\x81\x16\xc3\xb8a\xe4I9\xb8(ZB\x01y\x08_W\xed\xba\xa3\x18\xc3q}\x11\xcb\xcek'</t>
  </si>
  <si>
    <t>b"\xf1H\x7fit\x82,I\xf7\xa03\xec\xad'\x12zW\xd2\x96\xc6\x07\xcd+oe\x8d\x9b%\xb0\xc2#\xf6"</t>
  </si>
  <si>
    <t>b'e\x07.\xb6\xd1\xf0U\x03u\xe8\x8d=\x01\x1c]\x10\x95\x82A9\x18\xf3e\xb74\x08\xb9:\x7fF+\x81'</t>
  </si>
  <si>
    <t>b'\xf9R\x8dJt\x189|\xf74\rj\xe9\t\xe6\xc2&amp;f+\xc80+1Z\xef\xcc\xebz\x9d\xf9I5'</t>
  </si>
  <si>
    <t>b'\xe1\xdb\x06W\x8e\xa0\xf4A\xfd\xdb$\xa0\xc1~\xd9\xcd\x03\x9a\xb0\x03\xee\x16\x8d?\x82\xa6|\xaf]\x18$~'</t>
  </si>
  <si>
    <t>b'\xb8\xad\xae\xbbr\x1f\x9dn\xf4\x11\x85R\x8c\xa8C7Gj;\xe0\x1a\x0bX\xbb1S\xf3U\xa8\x84\x8e\xf0'</t>
  </si>
  <si>
    <t>b'v~\x9ft\x13"\xa8KJP\xbc\xbc&gt;\xd1\xf2\xbc\xe0a\xc0\xe6\x8c\x00\xcb\x90\xeayu\xc2 \x84\xbc\xb4'</t>
  </si>
  <si>
    <t>b'\xae-\xdc\x01\xad\xc7daJ\xec\x19\xc3;\xaef\x01.\xfaB\x07\xceV\xa0\xff\x07\x96\xe9\xdc\xbc\xcc\xf3\x8a'</t>
  </si>
  <si>
    <t>b'v\x87^ft9w\x0b\x81%\xba\x0cV\xf8\xe0\x80\xac\xe4:\xd4Q\x94X\xbb\xc6\xc2]F\xdf\x9a^\xee'</t>
  </si>
  <si>
    <t>b'\x9f\x9f\xa5\xc9\x0c\x97r]w\\\xebb\x120\x9ai\x88\x8f\xead\x1b\x84\xc7iDZ\xe9\x9a\xeazb\x91'</t>
  </si>
  <si>
    <t>b'2U\xc1/ [\xc74q\xc0\x06\x8e5\xd9\xbd\xa6JY\xc6\x90\xbb\\\xde\x16Y$4\xf6\x94&amp;kW'</t>
  </si>
  <si>
    <t>b'\x91\x04\xb1%g\x00j\x17\x99[\x03\xd4\xe9\x99#F\x12\x0c\x1a\xdd\xbeV\xe7\x84T\x7f{\x82c\xdb&amp;\xac'</t>
  </si>
  <si>
    <t>b'n\x02/\xf1\x1c\xd0\xb3\x81\xa0*\xb4@\xfc\xcfr\xf0\xc7\x1dz\x9b\xcfO\x1b\xa0\x93J\xf1\x18\xaf\x88\x92\xd8'</t>
  </si>
  <si>
    <t>b'\x82\xa7\xe4\xe5\xaeU\x12\xce\xb0\x81P\xd13\xc6QU\xb0*\xc0c;\xf2\x85\x14\x05]\x99\xeb\xe5i\xa2O'</t>
  </si>
  <si>
    <t>b'l\xdb\x16\x06\x96\x9bB\\\x98\xa6PZE\xbbGXY]pEQA\xff\x8e\x87\x9b0\xaf\xfa\x1d\xcd\xee'</t>
  </si>
  <si>
    <t>b'\n\x93\xf2\xdd"\xc6=\x0f\xfe\xff\xf5\x03\xcb\xdb\x81\xf2\xd7\xa3\x0eoM\xed\xa0&gt;\xc9\x02\xdf2\xeb\x11\x80D'</t>
  </si>
  <si>
    <t>b'\xac\xaf!\xdbe\xf1\x0f\x97f,Kq\x8a\x12\\\x0e\x05\xd4\xd0 \x9e\xb3\x0c\x86\xfd\x1f\\\x0c\xb3\x17\x17H'</t>
  </si>
  <si>
    <t>b'\x00\x11H\xc8\x9b@cl\x90D\xf3\x80\xf7\xf5(\xcbt\x0e\xddw\xa4\x9c\xfaKl\xac\x8e\xc4o\x89\xaf\t'</t>
  </si>
  <si>
    <t>b"\xe6k\xa0\xfe\xf3M\x10\x03q\xad\xab8\xa4\x90\xfb\xd5\xee\x90\x94\xb1\x94'6;\xfc\x98t\x07\x08\x032\xb1"</t>
  </si>
  <si>
    <t>b"\xbb\xc7\x07\xf8.\x19\x87g\xbd\xbe\x8dL\x06\xe4'\xbe3}\x08f\xec%\x8b\x8e\xefX]V\x9f\xfa\xcd\r"</t>
  </si>
  <si>
    <t>b'\x08K\xd5\xa8\xca-\x17O\xef\x88\xa5i\x81\xdc\xbc\xbe\xfc\x7f\xa3C\xfe\x9b4\x8f\xe7\x10\x07\xf8\xa7`\xd9\xff'</t>
  </si>
  <si>
    <t>b'=\x08f}\x88}H\x92\x8agt\xa9\x91\xc3\xcf\xfbV\xdd\x13\x7f\xf3\x11\x9aUR\xde~ \x87EM\x96'</t>
  </si>
  <si>
    <t>b'\xff,\xd6\x80B\x02\x9c8\xa5FW\xd5\xc79\xdc\xb2`0\x82\x11\x05\xf6\\w|\x1eL\xbb\x15=\xe8\xb7'</t>
  </si>
  <si>
    <t>b'0\x1be&amp;]\xd0\xdb\x0e\xfc\xdc0\x16\xd5\xa1\xf6\x08\x9d\x99n\x0e;M.\x90y!rjK\xc6\xa7|'</t>
  </si>
  <si>
    <t>b'#\xd9Wj\x05\xfbKSu\x17a&amp;^\xcdN\xc2\xc7\xb8&gt;\xdf\xba\x00k\xb1\x1dD\xe8w\x8f:p\xf5'</t>
  </si>
  <si>
    <t>b'\xe8\xf0\xed}a\x05~\xd4\x82z\x84\xc2\t\xe6\xec\xab\xf2\xd5\xa1\xa6\xe2\xa7u\xb9\x0b5e\x96\xa5I\x0f\xa9'</t>
  </si>
  <si>
    <t>b"\xcf?\x87l'\xec\xa4\x1d\x1d*\xc14\xf3J\x81\xc6\xf8\xebI\xda\xaf\x16\xa9\xc8A\xd5\\\xa8\xb0[\xcd\x90"</t>
  </si>
  <si>
    <t>b'H\x90\xfc\x02\xd7\xcf\x9e\xe1z\x9fI\xb3:p\x89\x98;=NF\x8br\x9b\x94\x13\xc6)\x85\x8c\x88\x15\xd3'</t>
  </si>
  <si>
    <t>b'\xfc\x8d\xb0\xa7\xe2f\x85|\xd1\x00\x8a\x16]\x01\xec+kr8*H \xb2\xfa\xc6\x99 \x87\xc6\xd8\xeb\x96'</t>
  </si>
  <si>
    <t>b'\r\xfd%\xbd\xed\xb0\x12\x9cv&gt;"\xab\xbea\x8d\xfe|\xaf\xb9\xf8\xdepI\x1dh\xb7\xb2\x9a\xb3\xc2\x9c:'</t>
  </si>
  <si>
    <t>b'1\xa2Q]\xf5@bS\xb9\xfdo\xecW\x1e\x1b\xab\xcb\x99\xa0\x8b\xfa \xca\x19\x14=\x83"n\x9db\xbf'</t>
  </si>
  <si>
    <t>b'\x11\xb3%2YX\x13\xf2\xf7\xc7\xfe\xf2 \x9b\x9c\xc3\x02\xa5V\xe4U\xea\xafKja\xa2w\x94\x90qi'</t>
  </si>
  <si>
    <t>b'w(P\x97\xb2\xa8\x9a\xaa\x8f\xd0\x1db\n\xa5\xd9Id4zw&gt;\xebz]\xbal\xd1\xe7\xc3\xe2\xd1V'</t>
  </si>
  <si>
    <t>b'\xaf\xc9\xdb\x04P\x1fX\xab\xce&gt;\x99\xb3\x001\xf5\x85\xb5\xb1k\x8b \xa6\x1aL\x8e\xa2\xda\x1b\x03\xff.R'</t>
  </si>
  <si>
    <t>b'\x04}\x86*8C&gt;\x8f@\xf1\x91\xf2\xe18\x94\xf4\xc8\x14H\x1d\x81\xa8\x96\x97E\xa1%\xd6q9\xd4\x89'</t>
  </si>
  <si>
    <t>b'\xee\xdf\x10\xf7\xb6$\xf6\xed\xb7o\xce%\xcd1\xe3\x8a\x870fP\xf4h\xdd\x0c\xbb$\x90$\x7f3j\x8b'</t>
  </si>
  <si>
    <t>b'x=\x07\x9b\x93=3\xf1\x07\x1eV}\xc8\x90\x98H\xf4}\xfbr951\xeaFd\xbfS\x1f\xc1\xed.'</t>
  </si>
  <si>
    <t>b'\xb9\x00w\xa1\xfd\x88\xda\x9epe\x85\xa9\xe8\xcb,f\x9b\x7f\xf34x9\xacj\xfd2\xedV\xa4\x05y\xfb'</t>
  </si>
  <si>
    <t>b'\xa0P\xa9\x9c=_r*\x9e\x93\xa6b\xb1\x01\xc1\x7f\x98\xed\xbc9\x08\xbe\xc2u\xbe$h\x06{{\xbbj'</t>
  </si>
  <si>
    <t>b'\x02aT;/C\xef\xd1r\xb7\x9as\xdb\xd3\x00\x81\xcb\xe82\x89%\x9b\xe4SI\xb7\xab\xcb\xf7\xd9\xad,'</t>
  </si>
  <si>
    <t>b"\xdaU\xa0\x9f\xf0\xb8\x1e|i=E\xd9JMS\xbb#\x11\xd6'\xfd\xa3\xff\xb1\x18\xb1\xe8?F\xc8V\xb0"</t>
  </si>
  <si>
    <t>b'\xd4\x9dQ\xea_\xc2\xe4#\xa0\xbaI/\xe3i:\xd0\xc8\xca\xb3\xf5cY0+\xb4\x10\x84\xdbxG\x8b\r'</t>
  </si>
  <si>
    <t>b'\xae\x8c-\xb9\x10\x80\xb9P\xc7\xe4h\x84\xbe[\x0fX\xf6\x1a\x853-\xfe:S\xec\xde\x89D\xdc\xd7N\xa0'</t>
  </si>
  <si>
    <t>b'\x06\x1b=\xa8\xb6\x9e\xd3\xfe\x99\xfa:`O]\xf5\xb6\x91\x91\xdd\xaaJ\xa4\x14\r\xbf5E\x94\r\x99\x1b\xd8'</t>
  </si>
  <si>
    <t>b'}\xbc\x14\xeb\xc0{\xaf\x0c\x9b\xcc,\xdb\xb9)\x98~\xab\x0f\xf25F\x90i\xf6W\x8fL8\xa00b\xc8'</t>
  </si>
  <si>
    <t>b'\xabAw )e\x86:\x95\xf2\xc80\xf1\x84\x99\x15\xacW\xcb9\xee\xfc\x108\xf3.$\x96[\xe7\x85\xa1'</t>
  </si>
  <si>
    <t>b'\xdfw\xb6\x8au\x97\xea\x91\x8b\x04\x0e\xc5D\x1b\xa9\xdd&amp;\xc2\xe0\xa7\x90\x9bEL\x86G\xdc\x1cc\x10\xcc\x8e'</t>
  </si>
  <si>
    <t>b"\x10&amp;'\xc0\xd5C\x86\x18\xa2\xa2V=\xf4\xb2\xb6t4\xe1\x07\x10\x0f\xe6\x86\xa0\x8a\x9b\xe7\xd5X\x07:\x8c"</t>
  </si>
  <si>
    <t>b'\xd1V\xb1@\xcf\x9b3\xbaZ\xe5?\t\xec\xe3|\x96\x82\x9e4\x96\xfe\xe3yp\\7H0\xc0`\xdaG'</t>
  </si>
  <si>
    <t>b"\xeb~\xda\xab\xf0\xa8\\/F\xad\xcb\xe2\xae\xf4\xda\xc6jA5[\x8aV '=\x02G\x82\x10\xb4\xb7$"</t>
  </si>
  <si>
    <t>b'\x19IW\xb2A\x8c\x86\xa20\xa9\xfb\xb2\x1a\xf0\xc6\xf1;u\x1a\xf1s\x13\x14|7\xd3\xe1RO&lt;j\xa1'</t>
  </si>
  <si>
    <t>b'^\xf2&lt;\x0b\x96\xfa\xb0\xbc\x18\xb3P\xeb\xa0\xd5&amp;\xab\x93j\xea\xdd\x89\xa7\x04^8Z\xc7\xf5\xfb-\xa5\xd1'</t>
  </si>
  <si>
    <t>b'\xa3\xc6H\xd4\xdc\xee\x84k\xaaH\xe8\xf0!\xe7\xd6"\x82\xb8]\x9c\xb8{\xbb\xf2\x10\x17}\x8c\xe9\xdb.k'</t>
  </si>
  <si>
    <t>b'\x19{\x13\x84\xd7\x19\xfa\xc5\xad\x19\xbe\xc5\x84mX\xffm/@5\xfb\r\xe9Oh]\xa5\xca\xab\xf1\x9d\xa3'</t>
  </si>
  <si>
    <t>b'q]J\xcek\xa4_W\x9b\x04\x12\xf7wZ\x8d\xe8\xca\xcc\xe2\x86\xf2MV4V\x13\x8d\n\x1a\x05\xb3o'</t>
  </si>
  <si>
    <t>b'0\xfc\xf4\xb4\\,\xc1\xfe\xec\x01\xdbLP\xde\xf0\xe3\xa0\xa6\x9ci\xb8\x00EEHl\xd4T\x0fOsj'</t>
  </si>
  <si>
    <t>b'L\xb9\xc6\x92n\xe31\x9e\tH\x85\xe89\xf8@x\xa2V\x12\x98\xf9~U\xb0\xd8bF\xe7\xb0w\x95X'</t>
  </si>
  <si>
    <t>b'k-&amp;G\x8b\xfe\x1b~\n\x19\xe9@z\xd0\x92\xfc\xb2G\x9a\xbd\xcc3G\xa6\t\xaf\xdc2\xc4\x9dL\x95'</t>
  </si>
  <si>
    <t>b'.\t\xb0\xf4\xe25L\x90\xf9\x08c\xc2\xe3{n\x8c\xa0N\x94\n)8\xfe&lt;\x0e\xf8bP=2&gt;\r'</t>
  </si>
  <si>
    <t>b'\x1c\xceg\xdd\n\xc9\xab,\x15\xc5=\x00\xc8N&gt;\xc9\x1f\xbe\x97I\xd6\xf0^\xc8\xa2\t\x8aI9W(\xc5'</t>
  </si>
  <si>
    <t>b'9\x0bv\xba\x1al1y*:\xf7\x0c\x12j\x9d\xb6\x88wU\xa7\xfd\x14\x05\x0cH(\x8b\x17\xcf\x0f\xcb1'</t>
  </si>
  <si>
    <t>b'3o\x84H\x81\\:\xa3I\xf0\x0b\xe5G\xc2\xba\xbe\xeaf\xd8B\xee\x96\x9b\xe3\xeb\xc6v\x14^o\xef\xb2'</t>
  </si>
  <si>
    <t>b'o\xc4\xf0B\x9b\xb0^w\xce\x1c\xec\x19\x14\x0b\xca}\xc2\xb3\xdf\xbf\x9cn\x9f\x03\x96u\x9e@\xe3\xc3\x95M'</t>
  </si>
  <si>
    <t>b'\xf1\xcb\xfd8\x81:\x1e\x0cQ\xc4d\xc8\xd3\xd9\xdb[\x03\x8d\xfc\xf7\xfd5\xbf\xdf\xf3\x96\xcaIO\xbbQ\x08'</t>
  </si>
  <si>
    <t>b'\xecG\x80\x9a)\x16@\xb6\xbdj\x84\xc8\xe4\xceJ\xbfV\xc5\xb7W\xc2\x99\xc3\xed\x93\x03Q9\xe3\xb9\xde)'</t>
  </si>
  <si>
    <t>b'\x0c]\xddK\xd9Y\xff\xc9\xcd\x8c\xbf\xef\xc7\x03\xb3\xe2^\x0cD\xcb2\xd9\xc54Be\xb3\x1b8\xb1\xda\x16'</t>
  </si>
  <si>
    <t>b'\xa6\x08\x81@\x91\xd0\xbd\xc7\xf4\x97G\xcb\xd3\x8en\x98p~d1\x9c0\x9e-\x04\xb5?\x15_\xb2\x17P'</t>
  </si>
  <si>
    <t>b"3d\xcd\xa4~R\x02;SK\x86\xd3\xb2{)/-\xa9\xcd\x0e\x1c\x82Vw\xd3\xc3\xf3='\xf3\x9a\x18"</t>
  </si>
  <si>
    <t>b'\xa1\x1e\x97\xae\xa9|\xdc\xf3Vx\xedL\xff\xd6$\x14&gt;7X\xe1\x84\x13"\xc4\x83P\'ZPT\xc2\xc1'</t>
  </si>
  <si>
    <t>b'\x87\xcd{Y\xbf{\xa7|\xf6a\xeb\xb1\x86\xf8\xeb\xc0q\x7f\xbb\tE\x8f\x1f\xbe\xf3\xe7\xbb\x13\xb9w\x81\x99'</t>
  </si>
  <si>
    <t>b'"7s4GKzVO\t?\x7f\x91\x91\x08\xdf\x8cT-9\x0f\x86\x83o\xbd\x8a\xbe\xfa\x02Rk\xe9'</t>
  </si>
  <si>
    <t>b'1\xc3\x1b\xb41\xfbHB\xed\x05\xa0\xa5\xe1\xaa\xeb_\x1f\x89\xc6+\xc0T\x83\xa9/\xb4\x1fxW\x83)\xf6'</t>
  </si>
  <si>
    <t>b'\xe2Y$\x07\x97\xa7V&lt;\xa7|\xbb\xf4Y`\xf9\xf1\xe2[\xe5\x1e^\xba6P\x10\x10:m@\xda&lt;P'</t>
  </si>
  <si>
    <t>b'\xecB\x96\xc8\no+\xc5\x15\xc4lCH7\xcd^g\xc5\xe6,\xa8\x1f\xa0\xbe\xf0Iw=\x8c\xeb\x0b\xe4'</t>
  </si>
  <si>
    <t>b'\xef5X\xb2\xa5\xeeB&gt;\xa1&lt;\xed\x8f0f\xa3\x12\x13M\x82\xd0\x80[\xbd\xf9-\xdc\x89e\x9cf|\x05'</t>
  </si>
  <si>
    <t>b'\xf3\x07\xca\xd4\t\x00(,\x0b\xfb2\x19d==\x994\x88\x96\x1d\xdd\xea\xf42\xe3\xcc\xad:\xe8\xfa\xc0\xf4'</t>
  </si>
  <si>
    <t>b'+\x84\xb0D\xa4\xd3\xfe\x028\x11\xfa\xb0\xa5\xbd\xab\x1b*A\xaa\\y\xc7T\xf7\x82j\x19\x9a\xfeu\xda1'</t>
  </si>
  <si>
    <t>b'$\x90\x10N\xddg/%S\xfbRR\xcez`5&gt;\xc4\xc0|\x91\xf3fj\xc3\xd0\xb19g\xdb\xbf\\'</t>
  </si>
  <si>
    <t>b'\xcc\xdc\x9d\x14\x10kH\xc6{r\x87\x81T\x83\xe1\xf9\xaa\x89\xec\xd12\xba\x015\xe9\x84\x18p\xca\xc2\xe8\xa3'</t>
  </si>
  <si>
    <t>b'\r\x0b\x89~Lr\xc8\xf0\xd2\x8fz~6yyj\xa7\x07\x0eM\xed\xef\x86\xdb\xbd6I\xd1\xc6\x19yn'</t>
  </si>
  <si>
    <t>b'N\x14\x95_\xca\x12r\xb64\xd0r\xb1\x1a\x08\x17\xc4}\x9e\xf9\xa7\xa9\xf4\xfa=e\xa1-n2\xcb\xf02'</t>
  </si>
  <si>
    <t>b'+`(B\x18\x895\xeepB+oQ\x8bH\x85K\xae=)\xb9zWG\x12\x97\x19\xc3`D\x88\n'</t>
  </si>
  <si>
    <t>b'\r\xbd\xc2M\xb3\x93\xca\xb3\n8\x1e\x1cZ\x90\xc0o\x84l\xa0\x9ax5F\x01\x1f]H\xdf\xfa\x16,\xd4'</t>
  </si>
  <si>
    <t>b'&lt;\x94\xec\xd0D\x07]\x90\xed\xf8\xab\xf2\xa1\x07\xcbS\xd7\x9aC\\\x19|\xe5\x12\xf75\x08\xff\x81\xa2?\xd6'</t>
  </si>
  <si>
    <t>b'\xcf\x9ePN2?K*\x01u\x7f?\x88hm\xac\x8c8u\xa2\x98\xbc22\xbf\xe0\xb8g! \x950'</t>
  </si>
  <si>
    <t>b'P\xa8{a\x1el\x96\xe1\xef\xf43\xe0\xae\xea\xdc\x04j\xa3/\xa2~\x0f\x00\xc3\x9c\x14t\xf1\x14\xe2wA'</t>
  </si>
  <si>
    <t>b'U_\xbc\xf2\x9eb\xbe\xf4\xfbi\xfb{\x9c\xed\xe5\x84t\xe2\x03\xb2B\x82\xb2y\xc1\xf3\xa8[\xbcs\xb8;'</t>
  </si>
  <si>
    <t>b'vlW[\xc3(b\xb2\xd6\xce\x0f\'\x9du\xcb\x1bX"x9\x10C\x96\xf1\x11\x10\xd4fB\xb17i'</t>
  </si>
  <si>
    <t>b'&gt;\xb4\xd0\xbe\xec\x10I\x12\xaa\xf9yF\xba\xbc\xc3\xd7a\xcd&lt;\xd1\xackc\xd8l\xbd\x15\xb0\xcd\xe0\xb6\x9e'</t>
  </si>
  <si>
    <t>b'C5,\x15]8~\x0f"\x0f\xe0\x0et\x8a\x1c\xbe\x93\x10\xce\x9fT\xb9N\x812\xff\xc0\x85S\xf7\xa9H'</t>
  </si>
  <si>
    <t>b'z\xdbX\x8e.\r~\xa6evUt\xbb\x91\xa3\xe1\xdb\xfe\xcfj\x07\xeb8G\xef\xcc~\x08+C\xee\xcb'</t>
  </si>
  <si>
    <t>b'k`\xca\xeb\xfe\xcf\xcb\xaa~\xc7}\xe0\xc4s\xb0\x05G\x87\xe3\x18\x16\xe5d\xf5=\x07\x8b\x04j\xcf\xdd\xa1'</t>
  </si>
  <si>
    <t>b'\x1fg\x01\x82!\xc0\xd5&lt;\xff\xa8&lt;5\x0e\xf4wV\xf8\xb8\xe4\xd8\xd8\xc1-\x91\x84\x13H\x12\xb9\xdaGw'</t>
  </si>
  <si>
    <t>b'x(\xe5\xa5A\x9cNo\x93\x84\x12\r\x14\xd4\xae#\x17#\xc9\x17c;\xd6\xeeb/\x84\xc5k\xfd\n\xfe'</t>
  </si>
  <si>
    <t>b'\xean\xd32puh\t\x1b5\x17Kg\xd2\xa5\xf9yB\xa3\x85\xac}\x19\xc2\xa7\xccA7{PE\x08'</t>
  </si>
  <si>
    <t>b'\xb3\x10~\xde"\xf1\xe1\x9e\xb2\xd9\xe4~\x02\xcdU\n\xb8z\xed\x9c5\x12\xd7\xf4\xd6b\x8a)\x0f\xd1\xee\xea'</t>
  </si>
  <si>
    <t>b'\x9d*\x07\x11He\\\x9c\x99,\xd7\xb2E#$,_2\xf8M\xa2\x8d@\x95\xa2P\xf6l\x1c\xd2U\xc7'</t>
  </si>
  <si>
    <t>b'\xca\xfa\xe8\x7f\x91\xb9\x14\x82\x14\xc8\xd1\xb8\xe06U5\x98g\x95)0\x82\x8d\x99\xe4\xbb\x0e\xfaU\x8f\xc7\n'</t>
  </si>
  <si>
    <t>b'4\xecH\xf5\x08yZ9V\x1c@\xc7\x82k\x8b\x93\x05\xd1C\xd6\xea\xdf}\x18\x8e\x9cbi\x80\xcb\xc4\x9b'</t>
  </si>
  <si>
    <t>b"U\xc9Q\xeb\xc67\xff\x19ShR&lt;\xec&lt;S\xdbZ\xf2B\x19\x83\xc4\xaaw\xd6\x12\xa4\x95\x91\x0f'Y"</t>
  </si>
  <si>
    <t>b'\xe6\x15\xb79\x1b2v99D\xd2\xa9\x95\xe3\xdb\x00\x1cp!\xad\xbd\xa0\x95S\xbe\xbd\xb1\x0e\xd4J{\xa8'</t>
  </si>
  <si>
    <t>b"\x00\xa3'8\xed(qR2Koq%\xaf\\\xfd\x8f\xcao*\x8b3\xf2\x89\xa1\xd8\xf0Xk%\x13\xee"</t>
  </si>
  <si>
    <t>b';gr\x9c\xf9\xd6\xd0v\xad\xa8b4\xe3\xed\x12i\x05\xc4\xf4\xae\xbe\x9eYo\xd1E\x12\xab\xa4\x80\xfc\xa7'</t>
  </si>
  <si>
    <t>b"\xbf\xcf\x1b\x895Pd\xb8\x16\x02@\xd1\xc9gs\xf9\xba\xfecc\xdd'\xf7]\xee\x17\xd0_uo\xbfI"</t>
  </si>
  <si>
    <t>b'\x12\xba\xe5XY\x03F\xc7;\xf8\td\xe9\x14\xc6\xdc\x9e\\&amp;\xc9\xaa\x00\x19\xb8\xef\xd1\xce\xea \xcc\x05R'</t>
  </si>
  <si>
    <t>b'\\\xbb\xf1\x01\xa4\xed\x19%Q\xe4NP\xc8-BL\xd4E7$\xf7U\x86\xbe\x9f\xdd\xf4\xab\x8b"\xf3\xb6'</t>
  </si>
  <si>
    <t>b'\xf5\x08\xc0xf\x7fCI|u=q\x1d\xafX\xa6\x9b4L\xb8\x86\xdd0m\x97\xb9\xb2\xd2R|,\xf8'</t>
  </si>
  <si>
    <t>b'\xe7\xcf\xd5\x00\xc1$\x80W\x1a\xa8;n2\xa6\xc9E\x96e(\xcf\xb6c]\xcc\x90^\xdc \xafwF\xfd'</t>
  </si>
  <si>
    <t>b'\x97\x04\xee=VK\xcf8\xb6\xd1\x12\xb0\xdd2u\x9f\x93\xfe^\xcf\x9f\x9f\xb8n\xacCi\\\x91\xeaN\x91'</t>
  </si>
  <si>
    <t>b'H.\xa3`,\xd1\xb9\xb4\rm\x1d\x84\xc9x\xa3\xda.\xdb\xca\xfa\xe6!P\x84\xc2\x03D\x9d\xdb\x88\x8e\xbf'</t>
  </si>
  <si>
    <t>b'\xe6\xa1\xf7\xf5@\x8c\x0b\xd5o\xba\xd5\xd4m\xfeRC\xb4\xe9\xae\xd5b\xe6\xa5\xa2\xaf\x1fj\x93\xa7\x96c\x11'</t>
  </si>
  <si>
    <t>b'\xfb\x8b\xad\xd9\x91\x06z8\x96_n\x1d\x16\x91Zf\xce\x19\x15d\xfa\xba\x1d\xe4o\xf4L$\x99=\xa4\xc7'</t>
  </si>
  <si>
    <t>b'\xa5\xafG\xb7\xfeH\xae\xcfZ\xc2\x8d\xc3\xed\xcf\\\x06\xb6j\xee\x0etb\x18K\xff\xe3\xb4\x93X\x18q\x16'</t>
  </si>
  <si>
    <t>b'\x8f\xd9Z\\\xdf[~\xc7\xf9\x14D\x99\xdb\x96\xfeo\xd0\x19\xecM\xc7\xc7KqBN2\x8d\x87\xb1t\xcc'</t>
  </si>
  <si>
    <t>b'\x11\x82\x92\xeb\x9e\x12\x91\x9e\xba+\\\x1fE S\x93\x16"L\x8cH\xfb\x975\xcc\x19\xd4\xa8S\x80\xc4`'</t>
  </si>
  <si>
    <t>b"\x8aH4\x98\xadS\x15\xc2\x13d\xf9\xc1\x8f+\x97\xcc\xe6\x9fU\xc3\xf9\xbf\xba\xb4D'f\x00*^\x8c&lt;"</t>
  </si>
  <si>
    <t>b"\x025\xbbud\x17\x83\xfa\xd2@\x88\xc9N_6\xffQB&lt;SYF\x81yHf\xed\xfe'\x16s\xb4"</t>
  </si>
  <si>
    <t>b"\xd3W\xa5\xd9=\x9d\xa8\xc2\x1cD\xf7a7\xddl\x8f\x15\xeb\x0f\xc9t\xddD\xafd\xbe3\x9b?\xcf'F"</t>
  </si>
  <si>
    <t>b'\xc5\x1b\x19\xe3H:\xc4\x88\\h\x05$\xc6T\x91\x99\xd0x\xedL\xcaU\xae\x83\xcc&gt;c\xea\xc7\xa4\x1c\xf4'</t>
  </si>
  <si>
    <t>b"\x81\xb3\xdd\x82\xdb\\\xae\xeacB\n\x049)6\xd8\x83\x88s]\x08\x83\xc1\x15\xc2\xb8X'W\x8b$Z"</t>
  </si>
  <si>
    <t>b'\xc7\xd7`\xd5X\xdc\x0f\x16\xdd\xdf8\x08\xc9 \x02\x87\xed{\x97\xeb\xd1\n\xc7`&amp;\xda7\xc7z\x7f/+'</t>
  </si>
  <si>
    <t>b'\xaf\x80\x08K^u\x13\xd2 \x81!f9vIo\xaa\xf6aBQ[\xb9\xf1\xc5-\xcf~\xbf\xa0`\xe8'</t>
  </si>
  <si>
    <t>b'\xc2I\x1eag?;\xf7\x1f]\x07^|\xd6b\xb8\xb9\x08\xe0\x17&amp;\xfe\xe8D\xa9W\xb1\x97\xb3\x7f\x84\xbf'</t>
  </si>
  <si>
    <t>b'\x81\x0c\x1d\xd9\xe9\xb2\xe8\xdc\x02\xda\x06l\x11Wp\x06\xe9\x02\x97\x93\xff\x11W\xac\xa7\xd0c\x02\xf6{\x14\xff'</t>
  </si>
  <si>
    <t>b"\x86\xc81\xb1\xfa'\r\x82\xd4\xaa\xc8\xe7k\xd3\x14\xf9\x17\xd8\xf4\xfc\x18 \xaf\x1e\x08\xb1S\x0e\xdc\xd0\xcaa"</t>
  </si>
  <si>
    <t>b'calL\xda9l\x11"\xcaW\x8a\xcb\x93\xb7\x98gI\x11Z\xf8\xa2\xf7\xe66:\x04\xa9\xb3\x1a\xc8\xe1'</t>
  </si>
  <si>
    <t>b'\xdd\x18v\x98\x98\xbfsc#\xd6\xaa\x016\xb6\x7f\x89&lt;1\xc8\xe7\xb3\xab\xd8\x8f\xa0\x83\xc2\x0f\xdb\xf9\xe0\xa7'</t>
  </si>
  <si>
    <t>b':=g\x04\xe8NS\xc4\x9f(UJd\xdc\x1c\x03\xbfy]\x87#\xbc\n\xca\xdb\x8d\xe2\xa8\xcd\xd6\x1e\xf3'</t>
  </si>
  <si>
    <t>b'#=\xdc\xc8I\x07^\xa8T\xc5\xea\xbc\xc3\xc9J\xd0\xe0\xee`\xb1D\xd1\xfe"H\x8cr\xfe-\x00\xf7\x83'</t>
  </si>
  <si>
    <t>b",Z\x82\x0c\xe5\xd5\xc8\xaa\xc2Yf\xb7\xc14\x97'\x06%\xe8\xa7x\x05\x89\xd7\x91f\xae\xba7\x05yO"</t>
  </si>
  <si>
    <t>b'[\xfe\xf86\xc5\x9c2\xe5L\xfd`\xe9 g\x91\x80zr\x11Y\xccF\x06\xa1\xf9v\xba*`9\x1ag'</t>
  </si>
  <si>
    <t>b"\x02\xe9\xdd\x10&gt;\x1a$\xf0Vqm\x0c\x899$\r\x85;J\xed\xd3\xfcL\xc2H\x8b3\xcc\xb2\x99\xef'"</t>
  </si>
  <si>
    <t>b'\x8b\xf0\x89\xc8\xc0\xa1#Nr^\xfb\x87\xd1\xcb\x7f09\x90(\x93T7r\xdf\x83n\xf6&amp;1\x8a;\xda'</t>
  </si>
  <si>
    <t>b"~\xad\xb7\xfe\x14\xb2\xee'Jg\xe7\xa8Z\xad.1M\x87&amp;\xd0\x06\xba\x95\xcd{;0#\x98\x98w\xff"</t>
  </si>
  <si>
    <t>b"!A'\xf9\x8f\xb4\xf3:\x03t\xba3\xb5\xf2\x82\xcb\x11\x89\x1c\x9f\xdc&amp;\xe6s\xbf{\x91\x9e3\xb8\xd1\x8b"</t>
  </si>
  <si>
    <t>b'\xb1\xabZ\xf5t\x0e\xef\x88\x15\x11\x00\x17iL~\xe4\x8eB\x99N\xdb`d\xb5\xa1\xf9\xd2\x08fn/\xc6'</t>
  </si>
  <si>
    <t>b"\xcf\xd8p\xb0\x04\x88h\x1af\xc7\x99\x0e\x9eLH\x17\x0cV'JB\xd2^[\xc8\xc2$\n\xd2&gt;\x8c "</t>
  </si>
  <si>
    <t>b'V\xe1t\xd7&lt;\x14\x97\xd2\xf5\x81.\xce\x177\xf8\x18G\x03 (\xff\x9f\xd4\xbb\x1dT\x0e\xf0J\xa8\xb8\xfa'</t>
  </si>
  <si>
    <t>b'G\x9c\xe1:9\xe5\xf1-\x82\xc3\xbe\x84g\x06#-\xfdq\xf6\x01\xfc\xcd\x99\x07\x11\xe0w\x02\xa0"\xc8\x08'</t>
  </si>
  <si>
    <t>b"\xa5\x9f\xe0`v\x92\xfe\x02\xde\x11O&lt;'*\xebPM\xcf0cl!\xc6tW\x805\x85\xb4\x17\xd7n"</t>
  </si>
  <si>
    <t>b'\x18E\xbbM\xa9t\xb2\xd1\x83#\x8e1\xf5\xd4\x83\xabb|\xa3r\xd1Z\xb7\x0f\xd5\xf4@G\xf5\xe7\x02e'</t>
  </si>
  <si>
    <t>b'\xfb\x18mZ\x9a\xea\x17jk\x9c,9\x9f\xe8\xd4\xecb\x90\xe8r\xf2=\xe2HF\xa0A\x84\x05\\\x07\xce'</t>
  </si>
  <si>
    <t>b'\xb1\xe88N\x0c\x96\xfd\x7f6Ea\xd3\x8e\xe5Dz\x93\x1a\x16\xcc\xdf9:\x9f)3-h[\x83\x95n'</t>
  </si>
  <si>
    <t>b'\x9aU)b/\xeb&amp;nrP\xfc\xeeC\x88-\xf2nn\x98\x94\xcb\xb3&lt;\x9b\x03\x8d&amp;[]\x16\xf5\xad'</t>
  </si>
  <si>
    <t>b'\xc5\xc8^\x8fBe\x01\xc1\xcdBO\x0e\xec\xdb\x030~\xf1\xba\x93\xa4\xb4\x82\xa3vdOW\xe59\xd8\x85'</t>
  </si>
  <si>
    <t>b'6\xa6\xe0\xed\xca\xf0\xfdE\xea\xbcR\x80g\xda \xdaQ\x93\xcfM\x99$\xb3832F\xfd\x07\x99\x9e\x86'</t>
  </si>
  <si>
    <t>b"+\xb1l\xad\xef\x96\xd9\xe8\xdc9\x9e{r\x12\x1d'\xd2\xf3(s\xf2\x92i\xf1\xad\xe6\x1b\xae'\x9f\xcak"</t>
  </si>
  <si>
    <t>b'z\x11\xb3]\x01x\xec\xfcu\x14\xee\xfa\xc8U\x81\xa8P)\x913a\x04\xfeZ\x05\xc6\x10C\xe1\xde\xb2W'</t>
  </si>
  <si>
    <t>b'\xe6\xc0\xef\x1f\xdeg\xe9)\x95&gt;\xaeL*oR\x05\\%J.o\x8b\xeaO\xcc\xa6-\xae\x16\xe9UL'</t>
  </si>
  <si>
    <t>b"\xa10\xcd\x9d\xfdi'\xf5S\x14\xa6\x7f\xe2x\x7fr|\x01\xf9\x83\xe9\xc0\x99\x1e\xde\xf90\x8b\xf2\xe4\xc6E"</t>
  </si>
  <si>
    <t>b'\xdc\xe0\xe1\x95\xb1\xe7\x95\xfc$\x89|\xa6\xe7\xaa\x91\x15\x02\xca\x0e\xeaN\xe7\xa7\x8f\xf7;&amp;UU\xd1\xfaR'</t>
  </si>
  <si>
    <t>b'\xc9\xae\x94\xf7\xd6;z/QaJ\x82\xa1\x91R\x97\x99g\xb6\xd40\xa1\x96\xe0\x81G\xba"[q\xce\xe1'</t>
  </si>
  <si>
    <t>b'""E\xb0\xc6i\x1f\xbd\xcc\xbf\x0eaps\xff\xadgDkr\xc6\xdas\xc8\xa61B\xc9\xc5\xe2\xf7\x8f'</t>
  </si>
  <si>
    <t>b'\x02\xf6\x92s\xd1\xb5K\x04\r\xcbl\xe1D\xa2\xb0\xe97\x03`M\xbc\xf8\x1c7\xff\xf2,\xb0l\x83\x8bs'</t>
  </si>
  <si>
    <t>b'\xad1\x82\xf8k\x91\x14\xbc\xb7=\xeb\x8e\xb9s?K\xee\xc2\xe0\xe2\\\xd5\x988s{0\xc8\x88|\xdc\xd6'</t>
  </si>
  <si>
    <t>b'\xdd\xfbN\x98+|f\x06\xe5q\xe3\x14\xd7F\xcdc\xf1\xa3L\x15\\,V{\x9fK\x8a\xb9\x1a9\x80\xc9'</t>
  </si>
  <si>
    <t>b'epdMg\xeb+\xc1\xbfFo\xda\xd8\xed\x8fh\x91\x11\x1bt\xfe\x0c\x90\xcb\xb2\xea\xd7\x17\x91r&amp;C'</t>
  </si>
  <si>
    <t>b"\xf1`\xddpXv,\xc5\xf2|\xa9A\xa7\xa7\xcdE\xd5t'\x95K\xd2I@\xbbh\x82\x9do\x91?`"</t>
  </si>
  <si>
    <t>b'\x95\xb1\xc2\xcce\xc7P\x94\x83\x9eE\xd8\xed\x96T:\xba/4\xf9\xfe\x1eL\x06\xb7\xbb[\xd0\x00{\xcdV'</t>
  </si>
  <si>
    <t>b'\x92\xb7\xa4\xdb\xea*\x98[\xae\xb8\xda\x01\x1c\xa0-\xa9,\x81bQ~\x1b\xd4\x83\x87\xbc\xd6@\xfb\xe3C\xcc'</t>
  </si>
  <si>
    <t>b'\x85_\xe2\xd6\xfdh1u\x11~ \x18\xeb\xd3(\xb8\x0e\x12\x07\xc1\xee\xa4\xc6G;{2d\x90\xce\x8c\x12'</t>
  </si>
  <si>
    <t>b'\x00\xfbT\xd6\xf7\x8dSVT\xe7\xbd\xbe\xb5\nX\x9c\x1a\xca\x8e\xbd\xfb\x8b\xd9\xddt&lt;\xe32a\xbe\xf2O'</t>
  </si>
  <si>
    <t>b'\xf1\xea\x84!\x91\x8a\xa5\xbf-\xfe\x85\xbb\xfcG\xaa\xa2\xef\xf0\xaffB\x00e\xf4\xe4\x8a\xcck\x92\xd0\xcf\xea'</t>
  </si>
  <si>
    <t>b'\xc0vn\xfdm1\xe2\xc1w+\x96\n\xca5S+G\x10\xbf\nED\xaa+\xee\xe9\xd3\xbdJ7O\x80'</t>
  </si>
  <si>
    <t>b'\xce\x9dX\x04P\xcf4\xbe\x05)\x86EHY}\xda\xd0\x85YN\xd2\x18@\xbat\xdc0\x9d\x91\x89!l'</t>
  </si>
  <si>
    <t>b'D\xca\xfe\xack\xdc8#{!d5\x17\xa0\xf9\xa2\x9e\xda\xf3_\xe7\x1fi\x0e-}\x8a\xab\xc1D\xc4\x8e'</t>
  </si>
  <si>
    <t>b"\x9f'\xf0YM\x1dY\x08\x13\xdf\xf0\x91\x8f\x0e\xe8\xf5\xbby\x15|\xef\x9f\x968\xb5\x13W\xdeLK\xae\xa2"</t>
  </si>
  <si>
    <t>b'&amp;c\x95QK\xd3O\xb7\x0f\xcd\xc0\xb3\xce\xc4\xdd{\x18bd\x81\xf2df\xf2\xcc\xecYb\x8c\xf2p\x9d'</t>
  </si>
  <si>
    <t>b'S\x8e\xfd\x9dg\x0c\x81\xe0\xa7\xb5^\xc1u\x7f]\xc0\x0bU\x1c\x90\xd2z\xc3F&gt;\x88\x1aP[\xa2L~'</t>
  </si>
  <si>
    <t>b'x\x19g!l\x83 p\x87\x7f\xcaUO\xb7O\xba]l\x83%\x02\x8c\xc2\xc0I\xdc\xe5T?\x89\xd5\x92'</t>
  </si>
  <si>
    <t>b'\x84l\xa2\x90\xa9&amp;_\xfau 6*\xd7\n\x07\xec\x054\xfaX\x89PQ\xe1\xf5U\\\xdd\xa7\xa4K\x8e'</t>
  </si>
  <si>
    <t>b"\xae\x8d\xe6\xed\xeb\xb8.V\xa0L@[1\x0f\x0b'B^\xe7)\xc7\xcf\xa0\xd1\xd4\x9b[\xec{$\x14'"</t>
  </si>
  <si>
    <t>b'\x00K:\xaf\xe1C\x04n\x96\x0e\xcb\xa0\xd2]\xaf\x9c\xc7\rHH\xe9\xc5\xf3\xd3\xe1XMF\xcb\xd7\x83L'</t>
  </si>
  <si>
    <t>b'\x96\x7f\x84\xcdv/\x9c\xf3\x18\xff\x9e\x04C\x8a=a-\xf6\xa4v\x9b\x8ba\xa6\xe0D\xec\xfbuge\xe1'</t>
  </si>
  <si>
    <t>b'\xdds\x90\xde\xbb\xc4p+\xc3\x89S\x0b(\xf5d\xc2\x16\xb1h\xa3\xdej&gt;\x1eht!?2\xb4\x8d\x8f'</t>
  </si>
  <si>
    <t>b'B\x06\\\xa7\x98s\xf7{\xf7\x18\x9c\xdf\x05\xb9\xec7\x14\xcd\x89\x86\xf2^~=h\xb7\xec\xaa\xbd\x17\xa5X'</t>
  </si>
  <si>
    <t>b'\x90\xfe\\Fw\xe5Yb\x08\xef\xa1\x03\xe6\xd3J\x9b\xb1M&amp;F 4\xdd\xd1\x84\x19\\{H\x93\r\xad'</t>
  </si>
  <si>
    <t>b'\x10\xff\xd6\xe6\x8bLl\xb3\x8a\xe4\xd3\x80d\xba\x14\xd4\xee\xb5e\xe3@\xbd\xeeS\xa5\xcf\x9fn\x9c\xbc\x9a\x0f'</t>
  </si>
  <si>
    <t>b"\x9a\xd08\xa4\xb3=\xb9\r\x15\x1c\xf9\x19\x92c\xf8\xaf,7\xa1\xd3\x8dB\x83'\x85\x98\x15\x95\xfa\xa7\xca\x1b"</t>
  </si>
  <si>
    <t>b'P\x0fhl\xa3Fp\xea\xbd6Fw\xd9\x14\x84\xa3\x8fXu\xa6\xea\xfe_\xa2\x96GGL\x0b\xcc+\xb5'</t>
  </si>
  <si>
    <t>b'aY\x8cQ5kr\xdb\xba\xd2t\xc5C\xe4~Z\xf9\xffY!\n!:\xcb.U\x8e9*tFo'</t>
  </si>
  <si>
    <t>b'\x9f_\xbb.nk4b!\xb1\xc3\x02\xd1s\xd3\xc1\x9b\x8a\x89[\xf0\xcbb\xce\xcf\x7f\x9a\xf5@\xd5B\xf3'</t>
  </si>
  <si>
    <t>b'\xf7|\x9f\xf0_\xca\rfz\xb8\xd1\xe6\x82\xa2\x9aK\x8d\x1d\xc1\xec\x9d\x08\x12\xdc\xf6\xf4:Q\xd4\xc1\x06V'</t>
  </si>
  <si>
    <t>b'\x95\x8f\x04+\xdf\xa8\xb7%\xe4\xa3\xbc\xb6\xd2\xee:\xbe\xb0s\xee\xa2\xd1\xaf\x9as\x04\xec\xcbLU\x92\xbf\x0f'</t>
  </si>
  <si>
    <t>b'#\xd0\x1f\xa0\xd3\x0c\xd34\xb7p\x08\x98\x19\xf6a)\xa7\xa9\xdb\x15r\x86E\x80\xa1P\x18}r\xbd\xf8P'</t>
  </si>
  <si>
    <t>b'\xaeS\xacJM\xe0\xf30\xe9\x7fig(\xec\x19Q[~F\x95\xbf\x8a\xf3\x88\xed\xfcq\xc2@\x1f\xe8m'</t>
  </si>
  <si>
    <t>b'#\xff\xb5s\x9d;\xf0\x03\xa74I\xb7\x13\x8e-*\xf9t~q\xad\x1a\xbcE9\x86\xdc|\xe7Z7\xeb'</t>
  </si>
  <si>
    <t>b'\xe5\x9f\x01\x00BW\x15u+!\xb8\xefn\xa3y\xb9\xcf\x11\x12c\xcc\xb0\xaf\xfa2}+VV\xc6=n'</t>
  </si>
  <si>
    <t>b'e\xad\xbb\xf3\xa1\xb4\xe5\x9d"\x16\xf2\xcebd\xb7GM\xfa\x88\x9f\xdb\x96K\xaf94-\x0c*\x1c\xef\xb4'</t>
  </si>
  <si>
    <t>b'd\xa4\xbe\xb2\x1e\x7f\x8d\x03Q\x12\xc6\xc6C\x91\xa9*&gt;\x1e\x14 \xd9U\x8d\xeb]~\x95\xfd[v5\xce'</t>
  </si>
  <si>
    <t>b'4\xdfp\xfe\x9cMP\xa3`\xb8Z\xeeO!\xa3\x1b\xec\xf9\xa3}\x0fec\xdf)\x05\xf8\x13\x06\xd5\xdc\xb4'</t>
  </si>
  <si>
    <t>b'\xa7o\x97\x1a\xc4^\x9c\xdd\xb0\xca\xd1\xee\xaf\xa9\x91\x05\xb9\xaf{_\xa8\x88\xa2\\d\xc7\xc5\x83\xb0\x9e\x16t'</t>
  </si>
  <si>
    <t>b'\xba\xad\xf1\x92Tk\x0e\x9e\xe6A\xf9\x01\xbc\x9c\xaee\xf1\x8d2\xac\x83mjs\xe4\xd3\x86:\xea\xc2\xd4\x8c'</t>
  </si>
  <si>
    <t>b'R\x83\xea\xea\xce\xa4\xe1\xf76\xf8\xa9M\xfb_ncd9a%\xa1\x18\xca\xef|\x127\x1d2\xa3\xdbc'</t>
  </si>
  <si>
    <t>b'\x8cB\xf7\xd1]\xe4\xa4\xb0mY\xf3\xb3\x0e;v^\xd8.IM\xc9!-5\x8e\xa0\xc6\xdf\xd8\x05,\r'</t>
  </si>
  <si>
    <t>b'U\x90\xf2\xd1\x0e\xc3{\xec\x0e\x86\xa4\x1c\x0c\xd0\x10"\xdb\x98&lt;\x94\x99&gt;\x7f*fB\xdap;\x02I\x9a'</t>
  </si>
  <si>
    <t>b'\x13\xc1^\xd6\x84\xb4&amp;},\x96!\xa8\xf9C\xf5B\xd4\x1f!\xc6om\x7fT^\x80\x8b/\x1b:\xaa\xbd'</t>
  </si>
  <si>
    <t>b'\xe4\xdc\x1eP|\xf8\x8d\xe5\xa6\x95\xf1\xe8\xb4(\xb9\xa9v.\x82\xe9\\\xbeZ|\xd6\xbd\x11z\x19*\xb34'</t>
  </si>
  <si>
    <t>b'\xb9O\x1c\xf6+\xb5\xfc\xb3\xdc\x9es\xec]\x07\x88o\xdf\xf5\xba\x08\xd0\xca^\xea\xbe\x90Vt\xd5Q\x9c\xfb'</t>
  </si>
  <si>
    <t>b'\x0cS\x19\xf6I\r&amp;\xee\x15\xd8=8R\r\xb9*P\x87r\x08\xb1-"\x10\xbas\xa3\x8f\x98~\x080'</t>
  </si>
  <si>
    <t>b'\xed\x9e\xeap\xde\xb4x\xc1X\xce\x1b \xe7O\x0c7\xd43!/\x9eB\xcc\x99\x90\x08~\xdf\xd6T&amp;\x98'</t>
  </si>
  <si>
    <t>b'`/\x03\x05\x9e\\\x91v"K~\xe2h^\xcc9\xa5#eA\xb3It\x87\x88!!c\x18:\xcd\xa1'</t>
  </si>
  <si>
    <t>b'(\xf7\xee\xecK\xc2{O\x99\xff\xef\xd1N\x1b6\x0f\xbfU\xc9a\x85c\xd5\xc6\xd2\xaf\xe0\x8b\xab\xf8z\xf8'</t>
  </si>
  <si>
    <t>b'Uz\x92\x07.D\xdeT\\\xfeDU\xf0\xecB&amp;o$Fy\xb7\x01\xb5)\xa2]\xfb\xc2\xc3\x18\x8a\x9f'</t>
  </si>
  <si>
    <t>b'S\xe8\x13xa\x95\x99\xb1\xb4\xeeX\xb5G\xc3\xdc\xee\x81,\x83\xb2\x8a\x07S\x063\x8d{q\x10\xc5\xd3\x03'</t>
  </si>
  <si>
    <t>b'\xe0\xd02o\x18d\r\x07\xc2\xb0\x07\x10\xeaU2\xf4 \x1f\xf5\x1bc\xe2~\x1biuG{\xaaD\x07,'</t>
  </si>
  <si>
    <t>b'&lt;\xf0;L\xa2\xdcT\xa0\xb6g\xbd\x08f\xed\x96\x86\xd3\xb4\xb8\xd0\x96\xf4-Q)\xbe#\xaf{\xee\x02_'</t>
  </si>
  <si>
    <t>b'\xf7\xd3\x0eM\xc7\xe7\xda\xac\xdd\\g\xcfi,\xe8\x06\x8a\x18!*.p\xef\xfb\xab}\xefi\xfaX\xd0\xf5'</t>
  </si>
  <si>
    <t>b'\xd5-\x93\xe5\t\x81F\xc3\x00\x11\x12\xadd\xe4}\xbe\xe1\x1f\xfa\xdbgd\xe0\x87Y+\xaa\xf5\x86\x07o\x07'</t>
  </si>
  <si>
    <t>b'\xec$\xad\x89\x82\xb4f\x88}:ZZ-\xb5\xae\xdc\xbc\x85u\xda\xa8O\x95\xcfFfE\xc3\xa7\xfd&gt;\x83'</t>
  </si>
  <si>
    <t>b'\xa9\x87H\xbb\xd1\x11\xfc\xd5\n\xce\xa9\xd1\xbc\xf5\xa7\xca1l\xb0\xb0\xc2\xff\xcbr=i\xd2\xef\x0b\x84\x9f\x1c'</t>
  </si>
  <si>
    <t>b'\xbe\xdcu\xce\xa9\xfd\xdc/\xdeu4\xf3\x9bB\x94\x933\xed!\x8a\x87\xf5o\xae\x95\xe1f\xc8\x8e\xab\xb4C'</t>
  </si>
  <si>
    <t>b'\xc2~K\xeb&amp;\xee\x87\x9b\xab\t\x8d\xfa%XX\xb7d\xd6\xca\x89\x85\x1a\x96\xfb\xb6i)M\xe4\xf4\x93\x9a'</t>
  </si>
  <si>
    <t>b'$\xf6\xa2\x9f-2\xe5\x0eX\xfa+\x8d\x9b\xe2\xc4\x10\xb7\t]\x1d\xf0\xf271\xc9\x1d&amp;\xdc\xcbr\xcaq'</t>
  </si>
  <si>
    <t>b'\xd5\x8dg\xf8\x93\'\xf7\xb9 C"(\xd2\xf0\x8d\x07fZjw\xedj^d\xe4AW\xa7\xc8\xbfY\xde'</t>
  </si>
  <si>
    <t>b'"\xc2\xd6\xe8\x0c\xcf\xf1w\xbd\xcc\xe2\xa1\\J&gt;&lt;\xb7\x88d\xbeM\'\xc6\x89\'\xb4\xfc\xd0\xf2T\xabS'</t>
  </si>
  <si>
    <t>b'p\xfa\x98\x14\xa9\x82\xbbhm\xc3\xf4\x9d}\\\xe7\x821\xf9\x9al\x7f\xa7?\x9a\x95\xc6\xce\x0c\xc5\xcbM&amp;'</t>
  </si>
  <si>
    <t>b'\x81\xea=\xc2\t\xed\xc0\xf53\x99\xefA\xab*\x8e\xe1&amp;x\xf2v\xd17\xb8\xcd\xadX\xe2\xe0K\x1d\x97v'</t>
  </si>
  <si>
    <t>b'R\x05\xac\xe1\xa8\xd1\x9aBa\x1a\x87\x90U)\x93\xbcv\x11/v\x89\xc9\xe8\xa7\x98\xe4\x1f\x99\x06\xc0s\x14'</t>
  </si>
  <si>
    <t>b'\x7f&lt;\xbe\xd0R\x1b\xbb\x1f\x01\x10\x80\x1bE\tG\xbfj\xda\x0f\xe0A\xe1\xe4\xbb.k\xcb\r\x81\xa7\x9f\xde'</t>
  </si>
  <si>
    <t>b'\x07\xad\x90\x1cj\xaa#7R&amp;[\xe6\x847\x19\xda#\x8e\x0e\x01*B4\x96-\x8f0\xff\xb2\xf6v\x99'</t>
  </si>
  <si>
    <t>b'\xa5\xf9#2\xe8e\xb1JI\x8e\xc05\x10\x8b\xa2\xbc\xff\x7f_\x9d\xccI\x9fB\x8d\x9c\x98I\x08|zj'</t>
  </si>
  <si>
    <t>b'\xcc\xf8\xbf\xa7\x02u\\5;&gt;:h\xb4\xe3\xf1\xf6:\xdb)\xbb5\xaa\xa4A"\xf0\xde\xfc\xc5\xe9\xdb-'</t>
  </si>
  <si>
    <t>b'\xcf)\x01\x9f\xa9\x7f$\xb3\xe23\xe1\xc0\xd1\xcf\xdc2\xda\x8c\x8a\xefM\x8c\xf3\x03r\t\x9c\x8b\xf9\xd4~\xf2'</t>
  </si>
  <si>
    <t>b'\x86\x81\xfe}+\xb6\x82\xe1\x0f\xab\x11x\xd7\x11T\xbfAM?\x1e\x92\xda\x1d)\x972\x0c[?\xeem\x90'</t>
  </si>
  <si>
    <t>b'0\xa8fb\xb4\xcc\xc5\x01\x80\x8d\xdf\x8do\xbf`9\x15\xfb\x99hCu\x84\xb5\x85\xb1&amp;4@j\xb4\xf2'</t>
  </si>
  <si>
    <t>b'Qf\xeb2X\xb0\xc3#\x00\xf2c\xdd\xfe\xfa\x8eu4\x8c\xbd\xcc\xe8\xc4/tl$\x9dxi\xfe_k'</t>
  </si>
  <si>
    <t>b"\x9c\xbck\xeb)\xca\xa5\x1e?\x84w\xfc\x8by\xc7\\\xaf\x95\xa5\x9d\x81&gt;\xc4\x93\xb0-'\xc0\xad\xd3*\xc3"</t>
  </si>
  <si>
    <t>b'\xe2\x85\x87\xed\xadY\xdbS\t\x1e\x84\xa9\x8eA\xd4P\x16qs\xe1\xf9\xf3\xe7\x19\xc9\x1d\xcf\xf9\xcb\x92\xf6\x08'</t>
  </si>
  <si>
    <t>b'O\xc30\x17\x18!\xaa^\x98KaG\xc7\x10\xd7\xa3\x92\xcfrT\xea\x0ceU\x1c\x1f,H]\xd0_\x8c'</t>
  </si>
  <si>
    <t>b'\xdb\xd7U\x9d\xc1|=\xf0$"\xb3\x13U\xdf\x197w\x06U \xde\xf6\xf3 \xcd\x8f+\xdaD&gt;t\x91'</t>
  </si>
  <si>
    <t>b'\x8a\x1bm\x18\x04~\x15\x8b.y\x969\xcc\xae\xba\x94\x97\xder=\x91\xa1\xd8\x1e\t\x9c\x9f\x08"\x81\x8eJ'</t>
  </si>
  <si>
    <t>b'\xcc\xce\x8a\xa1(\xb2\x1dfP\xc4r\xd9[\x96\xdbu\xb5\x18[\x97\x86\xd4U\xd9I_\xbb\x87\x7f\xf6\xc9\xdd'</t>
  </si>
  <si>
    <t>b'x\xfa\x18u\x0c$\xeeaWN\xa9\x81\xa1O\xc6A0\xb66 \xc3\xd7\x15\xad\xd2R#\xedL\xad\xd2\x19'</t>
  </si>
  <si>
    <t>b'CFle\xf8F\x1c\x8dCCd@A%4\x88\xeb"\x18\x9a\xfdP\xd0\xbbf,\xe0.c\xf9\tT'</t>
  </si>
  <si>
    <t>b'\xc82=\x1e\xfe-\xeb\xd6\x8b)j-\x9e5\x96\xe1\xf7^\x17\xc0\x94C\xc2\x89\xc5\xf8\x08$\xe4-\x17\x19'</t>
  </si>
  <si>
    <t>b'\xf7g\x19\xc9\xcf1\xdb\x80B!\x95\xa3+;*\xe6l\x8c\x1e[sc+=C\xc4YKA\x9b_\x8c'</t>
  </si>
  <si>
    <t>b'\xc8\xb5\xd1\xd2\xd1\xc9\xf8\xa7\xec[n\xda3}\x03\xa5`\xd4\x94\x1c\x18\xfcs\xc2\xe2\xae\xeay\x89\xa3\x9fL'</t>
  </si>
  <si>
    <t>b'\xa6\xae\xa7\xa3\xb8\xd4\x99\xcdN\xfc\xe9/n\x17\x0eOz\xf5\xd4\xe5\xda\x96\xd4:\xe6\xbc\xa4\xbeK\x1eR\xfb'</t>
  </si>
  <si>
    <t>b'.\nk\x01\x8aPi8\xebinZQ8\x1a\x86P\xeb*\x1d\xf8\x18\xd0]Ap\x87\x18i\xa9&gt;t'</t>
  </si>
  <si>
    <t>b'G\xd0\xbc5\xdf\x94\xa9B\xfe\xbf\x81&gt;\xbc"\xac!;c \x1e\x93\x06\xe2\x01\xa5\xa4\xf6\xdd\xf3\xd2\xae\xa6'</t>
  </si>
  <si>
    <t>b'\xb7\xeb\xae\t\x97\xb6x\xd6\n\x1f\xfb\xe5\xbe1V\xbc\x1f\x1ch\xd8U\xf6?\xe0\x16q\xdbKG}\x0e\xaa'</t>
  </si>
  <si>
    <t>b"\xcb8o2`\x0c|2|P\xed$\x8e\x80o\x93\xf5]z\x06\xe1\x05\xcb\xd8\xf1\\s\xe3lq/'"</t>
  </si>
  <si>
    <t>b'\xaf\x80QG\xc9\xe1}*)I\x99hJe\xade&gt;\xf4\xef\xaa\\\x85\xdfh[\xd1\xd7\x02[\x08&lt;\x9a'</t>
  </si>
  <si>
    <t>b"\x10J]\x91\x91\x9d/\xe1'\x15e\x86'\xebJ\x95U\xbe\xe4\xf4\xd2\xbb\xab\x05\x7f\xe7\x8fk\x83\xbf\xcbG"</t>
  </si>
  <si>
    <t>b'\xad\xc4pP\\bE\xf4Y\x0c\xf6_\xc1\x16v\xbb\x13L\xc3\x14`\xaa\xa8\xa7\x7f\xbf\xae3\x00\x86\x84\x8e'</t>
  </si>
  <si>
    <t>b"\xda\xeaW\x8f\xe6\xb3\xd5\x98\xf2\xa7yd\x0f\xec\xc3A\xe4'^\xe2\n\x93\xa6?\x91[\x85\xb8\xb77ZU"</t>
  </si>
  <si>
    <t>b'\xb1\xce\x82u\xd6\x13+\x0e\xcd-\xb0v\xf88\xf4c\xf9\x1bV\xb2\xf4\xa9\xf8\xa8\x04\xc6\xaf\xb7\xd1\x9b\xbe{'</t>
  </si>
  <si>
    <t>b'#\xfe\x8a\xd8\x9cI\xb5\x12&amp;\xa1\xb0\x96f\x9e\x82\x16\x9e\x8c\xac15\xe2F\xa9]P\xe8\xa73\\Me'</t>
  </si>
  <si>
    <t>b'\xed\xabN\x15\xf3\xb7\x08\xc2Jb\x85\x02\xfb\xbeQG`\x1b\xe1%kr\xb1~e\xf9{u\xbcfJ?'</t>
  </si>
  <si>
    <t>b'k\xe0a\xc9\x04\xc5?&lt;G]U\xd7\x01~$p\xa7Z\xdd\xed:\x8f\xc6Y\xed\x152\xfb\xef\x18\x9b\xa0'</t>
  </si>
  <si>
    <t>b"\xdd\x7f\x9cm-X(Izl\xa9'GY\x03\xd5\xca\xa4\x10\xc6\xb3\xd9\x18@\xf2\xebj}88H\xc3"</t>
  </si>
  <si>
    <t>b'\x8d#|x\xd8\x93\xe8)\xa6\x8b\xc8\xf8D\xe7\x01\xf8\xd3\xdf=\xbbx\x95&amp;X\xcc\xb6Q\xbe\xb5\xe3\x10\x01'</t>
  </si>
  <si>
    <t>b'4\xd6\xc4\xbe\r\xc5N\xe3\x8c\x93\xdb\x07\xac\xd0\xa3\xc7\xa0\x16\xcb\x1f\xf3\x88\xee\x8d\x9c\x97\x94L\xb9\x0cg\xde'</t>
  </si>
  <si>
    <t>b'(\x81\xe8\xab\x94Ei\x15\xd4\xa7\n]\x05;\xda\xc0\xbc3\x13Vj\x82#\xe2\xe5\x01\x00$\x7f\x8c7\x9a'</t>
  </si>
  <si>
    <t>b"K\xecr\x838`&amp;&gt;\xfd\xd7\x05Cf\xbc\x96AT~~\x96d\x01n\x9e\xb0\x1c\xe1\xf4\xa8\xb26'"</t>
  </si>
  <si>
    <t>b'\xc0\xcb\xab\xce\x9cj\xdd\xb4%\xc6\xdb-\xb7\xca\xaa\xe1\xb5\xcf\x7f\x9cJ\x85\xe0\x98\x157\x84\x93&amp;%\xd5\x15'</t>
  </si>
  <si>
    <t>b'|Z\xf0\xa4\xc5,\xab\xfcd\x96\x8c\xd5\x0e\x18\xa5\x97+\xbepuIb\xc9\x93\xae\x06\xd6\x96o\x16\xbb\xad'</t>
  </si>
  <si>
    <t>b'\xe7\x05\xdc\xd8\xd7\x82\x1c\xa5\xcc-\x00\x94\x7f\n\x0e\xfdi\x9d\x07\x0e\xe0\x1e\xa1\xab\xc9\xcb`}\x9b~a\x9f'</t>
  </si>
  <si>
    <t>b"\xda\r\xc3dF\xb9(*&amp;R\x83\xcfJ\xa8d'J\xf6\xb3c\xbfk\xf3'\xb2\xb6O\xdf\x82\x05\x83~"</t>
  </si>
  <si>
    <t>b'\xd1&lt;\x8c\xad\xd7@\xd2\xb2\x12D\xc0\xe1I\xfb\x14\x84S\x84\r#l\xa1\xd4\xb7\xdc\xfa\xce\x16\x13\xf3\x98L'</t>
  </si>
  <si>
    <t>b'\xd2\xf7\xb9\t\x9d\x0b\x1c\x9c\xd3\xd6AnbS\xd2\xb7t\x89\x87\xf4\xc5;T\xa9\xc6\x84\xc1B\xe9\x81\xf1\xc6'</t>
  </si>
  <si>
    <t>b'\x13\xbbSO\t7\r\x83\xcb\xc2\x94\x1er\x18\xa1=7\xdf\xc0\xc9\xea\x163+\xffG\xad\xb1YDrp'</t>
  </si>
  <si>
    <t>b'\x94\xf8\xd7\xaf9\xa9\xf0\x83\xba B\x13\xda\x99\xf4\xbb\x82\x86\xf0j\x1b\xb0$\xf4$\x96\x90\x9ej\xdb\x90I'</t>
  </si>
  <si>
    <t>b'u\xfc\xf1\xccbv\x1c(\xb5F\x17\xde|Nx\xaeQ\xa8\\\x8fD\xcfh\x11B\xf4\xbc\x92\x05\xd3E\xb0'</t>
  </si>
  <si>
    <t>b'\xa8&lt;\xd4a\x9f&amp;\x03\x0c2\x1dA\x8e-h\xd2\xca \x8b\xb0\xfb+\x96&amp;k!\xd0X\x10\x886\xa4\x86'</t>
  </si>
  <si>
    <t>b':?\xc2\xe7\xbe\xc3\x9aI\xad;\xdf\xc4\x07\xda0`\xd4\xf1\xff\x90d\xf2%\xb2q\xfe\x06\xcc[\xa6iW'</t>
  </si>
  <si>
    <t>b'\x93\xed\xb4P\xaa]9\x11\x0f0\x9e2\xd3\x10\x18\xa7\x1a\x90\x99G\x0cM\xa9Y\xf1\x98&lt;\xf4\xa7l\xf7\x95'</t>
  </si>
  <si>
    <t>b'\xb3/\x844B$\x81\xf75dHK\xf3\x03\x91\xd7y}e\xf4\xbf\x0f\x84\xe2I\x11L\x89\xf6\x87\xa9P'</t>
  </si>
  <si>
    <t>b',j\x04G\x82\xb0hc\xca\xbc\xafU\x88\x12h\x82\xf0\x0f\x88\xe7\x92)\xec&gt;Xw\x92\xe6waKT'</t>
  </si>
  <si>
    <t>b'N\x17\xc9Z?\x03\x13\x18\xb3V\\\\\xed+b\xf4\x96\x8b\x8c\xe8rB\x04\xbdRgy\xa0\xefo\x93&gt;'</t>
  </si>
  <si>
    <t>b'Y\x03\xdd\x0fDO\xeb\x9f1\x0e4\xa7\xd0Vk\x1d\xc4\xb7\x9c\xddw\xab!,\x1f\xaa\\\x83\xfb\x90;g'</t>
  </si>
  <si>
    <t>b'D\x0c\x8cw\x16\xe8\xd2\xe1\x89\xca\x89\xa5\x94\xc1}Gf\xb7+A\x0e[YC\xe1E\xd1\xefv\x8e\xfc\xfb'</t>
  </si>
  <si>
    <t>b'\xa6\xcd\x06\xe0\x16\xf6J\xe4c\xf2\xd6\xf8\xe1\xb9\xc04O\x14\xa4r\xc9,\xa2q\xced\xd1\xc8\x01\x86&amp;b'</t>
  </si>
  <si>
    <t>b"8\xa5P\x08@\x16\xa4\xff\xef'\xb4|\xca\x9e\x93;\xf2\x0c\xc6\xdc\x96\xd1/\xcc\xfd\xf0\xe9\x88\xb2N\xf5\xb4"</t>
  </si>
  <si>
    <t>b'\x99\x88\x8a\x84/\x85Y\x83FQL\xdc\x98\xaf\x12WX\xab\xe0\xe6\x04CF9\xcb\xcb[7f\xb5RB'</t>
  </si>
  <si>
    <t>b'%\x1bu\x12R%l(a\x12p\x81v\xdd\x8d\xd5\xbdZ\xbe\xa7\xe0\xa2#%5\xa8\xfbryR\x1f\xe0'</t>
  </si>
  <si>
    <t>b'\x80h\xf8\xc9M9\xf2\x03\xdc&gt;\xdeK\xe3{\xab\xc4\x0c$6\xc4wV\x02\x07\xdat$\x00\x05nF='</t>
  </si>
  <si>
    <t>b'\x1e\xf9\xba\x02\x92H\x81{\x9br\x9b=937\xabl\x02\xacuPw4v\x00_\x14b\x01\xae\xd6\x99'</t>
  </si>
  <si>
    <t>b'G}]\xa9\x82\xbd \x03C\xecc\x85\x7f\xcd6\xe5Q{A~H\x12\xfb0\xe7\xc1&gt;\xf41\xbe\xcd\x01'</t>
  </si>
  <si>
    <t>b'\xc5\x83 \x83\xbci\r\xb7h\xf0v\x17u\x05\xac\xb89=\x90ct\x82c\x0ej!{L\x9dR\xd1\x1d'</t>
  </si>
  <si>
    <t>b'H\x9fU\xa2l\xc3U\xbdc\xf0H\xf1[\xfb\x98\xc2\xf6\x9c\xd1&gt;\xcar\x97\x19\xbe\x98\x82\t\x81\xc9\x9e3'</t>
  </si>
  <si>
    <t>b'\xad#7\xa9\xdeQ\xd4\xcb=\xcb\x83/\x98\x9d\xf4\\2U\xdevJ(E\xa8\x8cQ\xe0\x8c\xce\xedl\xb4'</t>
  </si>
  <si>
    <t>b'~\xca`\x974\xc4\xca\xe6\xc1\x06\xda\xfeD\rgu\xd0|(\xde\x87ft\x80Z"\xdc\x82&gt;\xc2c\x83'</t>
  </si>
  <si>
    <t>b'Mppu\x89dL\x0fC\xcc\xe5h,Z\xd2\xca+\xff\xf2\x04D\xaf\x16\xab|\xe8\xd2\xeb\x9atP\t'</t>
  </si>
  <si>
    <t>b'\xea\xd8+o\x94Z\xa8\xbc\x0c\xb0\xad\r\xf6\xa4U\xee"\x96j\xafY\x89o\xdd\xe3\xa0E\x08owJ\x97'</t>
  </si>
  <si>
    <t>b'[\x82\x18W\xaa\xc1\xa66w4\x97\x05AT\xf2\xc1A\x1a\xb9\xf8m;0\xe5\x80\xaal;\x08\x02\xeb\xb8'</t>
  </si>
  <si>
    <t>b"2\x9e\xe9\xebOd\n8$\xdd}B}$\\\xe1;{\xc0:\xefQ\x9e\xc9:\xc5'\xb6v&gt;\x99\xa1"</t>
  </si>
  <si>
    <t>b'\xe1\xb1OB\x97\xe5?\xb0v\xcb\xb3.\xcc\xf2\xe1\x1c\xb3\\S!@\xc9\x90\n\xbc\x16\xcdo\xaa\x897Q'</t>
  </si>
  <si>
    <t>b')g\x945\x03\xec\xac\x92\x05\xe0\x0c\x82\xc4\x8cjb\xad\xbd\xb6q\x81\xd5\xd9V\r\xdc\x85\t\x13\xc9\xde\xa5'</t>
  </si>
  <si>
    <t>b'\xe9\xab\x92\xaf?\x082Wu\x1c=\xff\x91&gt;\xc9\x03J\xc0e\x1e\x8b\xedg\x833\x9e\xd0Q\x90\xcd\xab\x16'</t>
  </si>
  <si>
    <t>b'\x9c\x8b\xf6\x89;\xa1x\xd8\x08t\x15_v\xd9Q\xcc\x07\x87\xfd\xa9Q\xad\x8da%\x01u\x05\xa8\xecO\xe5'</t>
  </si>
  <si>
    <t>b'm\x91\x83QcuuJ\x80=j[\n\x0fa\x88\xe8\xefKt\xb3\xef#\xdc!\tB\x9c\xcf^\xc4#'</t>
  </si>
  <si>
    <t>b'\x11&lt;\x80 \xb3\xeeM\x8f\xe4\x15"\x08\x14C\x08\x0f\xd8Zv\xc3\x07=\x9f\r\x11\x1f\xf3\xbf(~\\\xc9'</t>
  </si>
  <si>
    <t>b'\xa0\xf5\x0b\xf0\xd7&gt;\x95W\xc5 )\xe6\x9fIgV-\xb8\xe7~\xdcP6\x15\xfb\xfd\xa5\x0f\xef\x8d#&amp;'</t>
  </si>
  <si>
    <t>b'\xc9\xaf\x8e\xb0/\xe5\xd4\xbd\xf7\xfe\x1a\xbb\x1d;\xafm\n]\x02\x8e\x03\x14\x8b]\xe55\xaf\xdb\x06l\xf1\xe0'</t>
  </si>
  <si>
    <t>b'\x16\xa5\xde[\x0b!4\x95\xd8\x05\xd4\xbaP7WG9\x8bh\xa3\xaeY\x9e\x1d\xc5\x1d\xcf\xc5?\xd2L+'</t>
  </si>
  <si>
    <t>b'Nm(\xd4z~\x9f\xfc\xd0\xa3\xffx\x16\x80Xt\x0b\x97\xf2\x0c\x10\x8c\x989Mzn\x8c\x03]h%'</t>
  </si>
  <si>
    <t>b"\xaa\t\x0e%'\x1b*\x82\xe5#\xb7\x00\xd4\xf1\x9f\xc4\xbb{\xf8\xe2;?l&amp;\xbe\xcf\xb0\x11\x1d\x06\xc0I"</t>
  </si>
  <si>
    <t>b"\xf6\x0e3\xf4^\x1c\xb8\x80Co\x0c\xaf\xf0r\xf9\xecb_\xfd\xa3\xb7\x7f\xe2h+2z'\xd2\xf1m\xae"</t>
  </si>
  <si>
    <t>b'\x1cef\xb7FOWHDfb\x00\xae\x03\x97\x9c\xcc[\x04\x88\xcdrX\x16\xc6\xd5\x1d\xfa#\x8c\xbb\x08'</t>
  </si>
  <si>
    <t>b'h\xbc\x8d\xac\xd3A\xc2\x15D\x9c\xa8\xea\xda\x91\x80K\x03\xe6\xdd\x8c\xaf\xef\xc4\x83\xae=\xa8\x86\x0c2\xfdr'</t>
  </si>
  <si>
    <t>b'\xca\x9f\x12\xa5\x0f\x11\x92\xb9ru\xa2jS\xb9\xfe\x83\x91\x0f\x0f\xee\xf6\xb0y\xad\x0c\xb1\\&lt;\x80Cp\xbc'</t>
  </si>
  <si>
    <t>b'\x0b\x8d\x7f\xea\xe7\x14\xbc\xb8zX2\xe6\xa4Xf\xb4\xe7GG\xda\xff\xde\x973\x9f\xcc\xaf\xe3\xca\xac\xd8\xb8'</t>
  </si>
  <si>
    <t>b'\x02=\x05\x8a\xfbB\xae\x89xx\xf2\x01X\x04\x8d\xaej\xa2\xad9\x9d\xe6Q%\x91H\x7fz\x07\xf8\xc22'</t>
  </si>
  <si>
    <t>b'\x94~T\xdaC\x9c~\x0c\xf2\xffd\x95\x93\xd5\xb0\xf8\xdd\xecL\xf8\x8f1\x19\xd6m\xff\x8b\x14e\xd2\xa9l'</t>
  </si>
  <si>
    <t>b'\x8d\xad\xf3\x0c\x9c\r-@W\xd4\x85\xec\xc3`\xb5\xe3io\xee\nE#\xffCI\xeb}1-WSC'</t>
  </si>
  <si>
    <t>b'\xd6\xb1h\xef\xce\xc6s\xef\x91\xd6\x07R\xd5\xf2g\xc6\xcdZ\x11\x04\xbf\xdb_\x10\x1bd\xe2\xc3\x03\xadD&gt;'</t>
  </si>
  <si>
    <t>b'\xee\xccA\xd3\x92 \x0c6\x0e%\x0e\xb6\x95\x9d\x19\x8a\x97\xa7\xd5-)\xd4T\xc1\xf07\xf5Gn@f\xc9'</t>
  </si>
  <si>
    <t>b'\x86\xedP\xb6\xe7\xb4\x98\x16\x0b\x8d.(\xf3#hx\xa9\xea\x8b\x92\xcf\x8b\x1a \x84\xca\x83b\xb0X\xa2x'</t>
  </si>
  <si>
    <t>b'\xde\xb1\xc8\xd4\xc5\x96\xa2?\x92\xfcwL\xbb\x9d\xdd\xf0\xf0\x8b\xc2\xfb\xc2R\xa0\xab\xd7i\xf0\xdf\x13s\xfea'</t>
  </si>
  <si>
    <t>b'tr\xea\xd8F\x15\xfe\xe9\xf1\xac\xe2\xc6\xfe\r\xec\x98\x84P4h\r\xb1\xf1y\xb8\xc1\xaa\x94\xb7-\xa8Z'</t>
  </si>
  <si>
    <t>b'fq\xab@\x847\x9c\xb3#\xc80D\xc5\xe9\xed\xffg(\x99\xc9(\x81=\xf4\xe0\xff3\xe4\x87H\x9d\x81'</t>
  </si>
  <si>
    <t>b"BEz\x9a\x13\xfb\x01{;\x8b\x03\xfb\xaab?\xb5k\xf9\xa0'\xe3n\xb6\x06\xfd\x9eLx\xc7\x81\xe7\x90"</t>
  </si>
  <si>
    <t>b'\xa0\xa2\xa8!|/\x0c\t,\x9a\x9fl\xc3\xc4w\xd4\x16r\xbf\xa4\x04\xd7`\xb8\xf1\xcf\xc5\x17\xe3)"`'</t>
  </si>
  <si>
    <t>b'D\x02\xa9\xc9]\xf3\xb4\x18\xb7!$\x85?\xcax\xd1\xa8K\xb1\x18\x8b\x1d\xe6\xa3\xde\xa4\xf3\x95M\x13s\n'</t>
  </si>
  <si>
    <t>b'h\x8f0\xe6\x8b_*\x8e\xfe\xca\xb9\x8c\x8f\xf2\x18\xf1\n\x92\xea\xe4\x0f\xbd\x04%\xb3\xa9\xc9\x84\x02u\xb3\x13'</t>
  </si>
  <si>
    <t>b'[\xa9S\xcf\xc6\xa7\x14O\x9aLv\x07\x1cx\x95\x95\xf6\x14\xff\x94\xe8\xb5\x1f!\x863`\xf9@\xc2c;'</t>
  </si>
  <si>
    <t>b"\x06\xc2h\xf0v\x1b\x85#\xf3\xfb\x14\xdfP\xc0\xf6\xac'R_\x06\x01\xceY\xa8\xa6\xb0\xf2\xab&lt;\xcf\xef\x03"</t>
  </si>
  <si>
    <t>b'\xa1\x92\xeba\xe4\x91\xf1d\xb7yi\xc0\xfb\x07\x1b.:&amp;\x7f=\xab\x9d}\x9a|+\x02YN\xe4P\xa7'</t>
  </si>
  <si>
    <t>b'\xe4$k\x82\xad\xb7\xe4\xce\xb1\xcd\x95\xa2\xf0z\x7f\xa2\xce\x8a\xb6X\x13r\xd90=\xb7\xcb\x00m9\x1a\xce'</t>
  </si>
  <si>
    <t>b'\xa0\xc7\xbb\xc5\xc8\xb6\xceE\xe9\x16A\xf9R\xf3\xc7\xcf\r\xc0o\xe3\x1f\xb0\xcbgw\xc9\xe6\xd9\xcc\xca\x8dH'</t>
  </si>
  <si>
    <t>b'\xf7?s\xf5\xc7\xd6\xe4\x92\x84\xc6\x92\xa3\xedBZOL\xd6\xfe\xc3\xbe\x87\xe9\xe5z&amp;\x82\x95z\tL\xdb'</t>
  </si>
  <si>
    <t>b'\xab\xc5"\x19\xbb/\xf5\r\xf2\xb6\xdb*w\xed\xffy+\xa2\xcf\xba\x80\xf8\x1a*\x93\xdca\xf1\x11\x11\x81\x02'</t>
  </si>
  <si>
    <t>b'\x13R`\xf0\xdd\xa6\x98\xde4\x0c\xc7\x9a\x85\x9c\xd5\xaep[\x84\xf48\x01d\xa1\x82\xedV\x80m\x98}\x7f'</t>
  </si>
  <si>
    <t>b'|OA\xea#m\x81\x80\x06Y\xc9\xb0&gt;\xc0\xa5\x86\xf9\x15\xe7\xdc\x14\xeeVp\x1f\x82\x8f\xbb}s\xda\xc6'</t>
  </si>
  <si>
    <t>b'\xd7g\xbdG[\x10\x92k%y\xf4\xd3\xdcH:\xcb\x95\xf2\xe4\r\xcb\xf2\xfbse\x13T\xd9\xa9l)A'</t>
  </si>
  <si>
    <t>b"\xe2b\x8b'\xb39/!\xe7\xa8\xa4b\x9a\x04|\x873\xd6)\x1a\x1a\x87In\x07N\xf1\x01\x05\x9a\xb7\x9e"</t>
  </si>
  <si>
    <t>b'\xe9\xe2\xcf\xe0\xe7\x0b\x11\xa6[8`p\x9c\xba\xd7_\xe9\xf1\xc5I\x97\x08,\x88\xc5\x1btM\xec\xd7]\x9e'</t>
  </si>
  <si>
    <t>b'\xdaN\x05\xfa\xbc\x9e\x1d\xc1vG\x17\x94\x10\xa0\xa2\x91\xd8r\xc5\xf9nZn9\x98\xea\xdc\x05\xe0/\xec\xfd'</t>
  </si>
  <si>
    <t>b'SJ\xc5\xe2~Za\xcb\x9d\x14\x8e\xed7\xbe\x110)V\xf7\xcc?4\x91\x91\xbd,x\xd0&lt;$\xd7,'</t>
  </si>
  <si>
    <t>b'u\x99\xe03\x17n\x14\x00\x03\xccc\xf5\x07\x8e\x812 \x97\x1a\xb9.\x9cP\xeb#a[\x13\xc5\xaf\xf3p'</t>
  </si>
  <si>
    <t>b"\xa2Iw\x8e\xa2\x9a\xfc\xb3&amp;\x7fv\x0bo\xa7J\x821\x97A\xde'\x95D\x0eB\x7fE\xb1rj\x9f\xcd"</t>
  </si>
  <si>
    <t>b'\xa5\xfe2U\xc1&amp;\xca.\x11T\x11\x95\xeb\xd4\x8e\xb9)\xf3\xb16\x18\x7f\x15v\xbf\x13\xdd.9\x1c\x957'</t>
  </si>
  <si>
    <t>b'=\x00\xa5\xc21!\x01\xcd\xb0\xbc\x9b\x0cS\xffW\n\xb3\x9eD\xec\xe7]|\x90|\xe9\xea\x06\nq\x10A'</t>
  </si>
  <si>
    <t>b'\xf3/\xc7\x03\xe3\xa8\x0f}J\xba\xd4\xc1@\x99\xe6\xa7\x19b0\x9b\xa4\xba\xd0\x99\xc9LU\x9fVk\x08\x03'</t>
  </si>
  <si>
    <t>b'\xa3\x81Di\x8c\x8f\xd4\xb0\x1c\xe5\xed&gt;\tu\x08m9\x03\xcc^\x9e\x8e\x02\x08\xeb3\xdb$5\x1d\x0fw'</t>
  </si>
  <si>
    <t>b'\xbfe\xae\xdb\xb5\x0c\xd2\xcaY\xa6\x98y1\xd3\xd9\xe0\xf8\x9b%5}*}\xf0%\xf2\x0cd\x98%y\x8c'</t>
  </si>
  <si>
    <t>b'RH\xf2&amp; \x045T\xe7\xbdm&lt;\x88\xfb\t\x89\xbc7{\x85\x18\xd3\xd8\x0eG.\xe6\x18\xb9a\xa4 '</t>
  </si>
  <si>
    <t>b'l\xac)\xfb;\x8a\xe8\xc1\x824\x06\xb4K\xc7\xb7\x95"\\\xd2\xa0\xd4\x8b\xd0\xaf\x1f+\\\x0c\xda\x8e\xe9\x13'</t>
  </si>
  <si>
    <t>b'd0\xb6#\xf8;\x84\x8eC\xec@\xf5\x91 \xea\x8f\xb4\x16)"w\x1d\xeeD\xfd\xff?v\x8cy\xc4I'</t>
  </si>
  <si>
    <t>b'\xac6\xd0\x00_\xea\xd7&lt;\xeb\xdaZ^\xf5\xb7\xf9N3\xee\xea\x88\x11\x08s\xc4\xbb(\x13j0\xaa\xbb\xd6'</t>
  </si>
  <si>
    <t>b'\xd8\x84\xc96\x8b\xcdH#,"\x8e\x80\xaa\xda\xcb6\xdd)V\x85z!A\xfa\xf19\xb8%S\x82h\xb7'</t>
  </si>
  <si>
    <t>b'\xd8ujdr\xae\xcd\xf7M\xa8o\xabDv\x9b\x87\xa9\xb3&lt;ym\x85fA\xbe\xc3\xb2\x8b\x01\x0f\xcc\x93'</t>
  </si>
  <si>
    <t>b'n\x9e\xd1\xc97W\xb5\xe0\x9dmQ\xe3\xac\xbb\xba\x8a\x9e\x92\xc1\xd7\xa6\xff(\x1c\x84\xfc~\x1as\x08r\x99'</t>
  </si>
  <si>
    <t>b'lW\xf0\xf0\x8e"\xd0\x19Q\xb8\x94\xa1\xb8\xcd!\xb0|\x8a\xd1\xceC\xe1\x98\x1aAs3_\x14\xd4\x06\xf8'</t>
  </si>
  <si>
    <t>b':!j\xb97b\xc67V\xbfp\xa7\xdf\xd9E\xce\x87\x82\xf2\xf1\xbe\xea\x02\x81Q\x0ev\xea\x86\xf4.\xf7'</t>
  </si>
  <si>
    <t>b'\xf5\x8cN4\xe9\x8f\xbb$qy\x92\xb4\x95\xd71n\x87\xd1z\xf0\xf8\x1b\xd9y4\xb2\xb7u8\x9e\xb2\xb9'</t>
  </si>
  <si>
    <t>b'\xf04v\xef\xce\xb0\xcc\x00,\n\xc9\x1d\x91\x9e\xca:R\x94\xbc\xd1\xb3\xf9.\xfbQ}\xeb\xc3q\xfa\x00\xc6'</t>
  </si>
  <si>
    <t>b'\x91\x14t\x98\x06*Vb\x9fE\x8a+\x99tOW8\x88\xfbz\x81H{\xac\xdbF\xbe\xfc_\xe66\xbe'</t>
  </si>
  <si>
    <t>b'|%\xa0\x00\x95J\x0b\xbc\xb7\xf9n\xa0\xd7=O(q/\xb4+\x1d\xf0=\xd2\xfb\x06`\x8a\x97f\xa2\xf0'</t>
  </si>
  <si>
    <t>b'\xac\x1e:\x19\x8b\xa4IW\xd0\xc86\xb5\x12y\xb7w\xa9$C\xa8\xb3Ng$#\xf6#\xec_~&amp;1'</t>
  </si>
  <si>
    <t>b'\x82\xfe\x1a\x9f\xbe\xd7\xd0&lt;\x17\xd5\x89\xe9)\xf3\xb6*\x01\x89\xccW\x91&amp;\xb8\x1f\xb2\x9d\x8d_V\xc1\x92\xea'</t>
  </si>
  <si>
    <t>b'\xeb\x87\x95\x943\xe0x\x89&gt;\x03\x9f\xc4\x01\x05\x96\xd9\x9e5Y\xc1gT=\xf9\x83\x0cE\x0b\x84=\xfbV'</t>
  </si>
  <si>
    <t>b'\x01\xa8%I\x8fFl\x16\x84b\x8412G\x01\x7f\x1f\x04)3e\x8b\x96\xc6\xdf\xc4_\xee\xa2d\r\xa9'</t>
  </si>
  <si>
    <t>b'\xacS\xdco\xe6#\xb7\xe6\xc6\xbd\xb6\xc6\x1e\x1d}\xd8\xc6E\x00,\x1aR\x8dF\x8e\x83\xa5\xc4\xb6\x92\xf2\x84'</t>
  </si>
  <si>
    <t>b'\x96\xfc\xfc\xec\x17ud\xc5\xd1\xdbV\x89\xccQY\xc3\xe1.\xe3s\x96;P\x92\xf6\xdb*\xb2g\x89\x11\xfd'</t>
  </si>
  <si>
    <t>b'\xa7Xx\xd2\xb9!\xc0\x7f`k\xa3\x80\xfe\x0f\xd3\xe7\xdb\xde\xfb]\xe60\xf9\x07\xbc\xa4w\x9b\xb1\xb2\x89d'</t>
  </si>
  <si>
    <t>b'\x03V\xb9\x18`\xc1jO;\xf5\x02i\xc1\xec\x1c\x03\xf1\xd2\xfa\x1ewu\x0b\xaa\xb84\x96PeML%'</t>
  </si>
  <si>
    <t>b'B\xd5\xdf\x19;\xe4_I\x85\x14\x80,}p\x97+\xef\xa6\x07+^@\x86\xdbl\xafv\xbc\xbb\xa9\xd8\n'</t>
  </si>
  <si>
    <t>b"g\xb3.74\xccu\r\xe9q\xb7\xfa\x84\xddW#=\xc3\xa2\x16'2\x0e\xfe4\x07ZI\x9a\x15\x0f\xe2"</t>
  </si>
  <si>
    <t>b"|\x08\x86\xfa\n'd\x06\x84w\xf5\xd6\xca\xc8\x89\xc8\xa5~\x7fwl6\xda\xd3$\xbfj?\xb4\xff[t"</t>
  </si>
  <si>
    <t>b'\xf6V\xe8a\x80\xa7\xecT\x8f\x8d#\xe8U\x9379\xbe\\.(\x1dI}_\xc3\xc8\xaam2\x89_\xcc'</t>
  </si>
  <si>
    <t>b'\x9af\xf3\xc0p\xf6\x85j\xc06\xd0a\xd0\x15\x9d\xd8\x7f3\xca\\\x98_\x0f$\x89\xd0Nq\xea\xe0#\x82'</t>
  </si>
  <si>
    <t>b'\x94m+\nM|\x11S.\xd1;\xea\x03\xc6=\x9b\xc9\x97!\xba\x0b\xfa\xba\xf0\xe1\xaa=\x14S\n5\xfa'</t>
  </si>
  <si>
    <t>b'd$\x06?\x0ep^/44\xeb\xa9\x1c\x1d\xef\x89o\xa1\xa6\xdd\x88\xfd&amp;a,\x07\x95\xc8\x8bj\xf6f'</t>
  </si>
  <si>
    <t>b"\x9e3\xb6\xaa\x9fjr\x91M'e%H\x8d\x18WU \x1c\xd8\x04w\x93\x19\xdb\xa0\xdb\xc5?\\\x14x"</t>
  </si>
  <si>
    <t>b'M\xc6\x81\x06\xd8\x00\x81\x0c*\xaaw$\xe5\x83\x91\\A\x1b\x9d=\xb4#\x12K5\x10\xbc\xd9\xe8N\xa7\x01'</t>
  </si>
  <si>
    <t>b'\x1d\xfd\x8bI\xf0gNwq\x9eE\xfc\x97y\xa4}\xf7k\xec^a\xdb\x9e\xddeT\xda@#2H\xb1'</t>
  </si>
  <si>
    <t>b'\xd07\x81\xeb\xf1\x97P\xe1V\xdaq\xdc\xf2BH3\x0f8,a\x80d\x8e&amp;\xdf\xb1\x8e/#\xd8\xbaa'</t>
  </si>
  <si>
    <t>b'lG?\xd5\xd3^[\x0f\x06\xea\x90\xde\x17\xb3\x1b\x0c\xd5ee\xfd\xb8f\x10\xa8\xe5\xbc\xd7\xe86q\xb1\xdf'</t>
  </si>
  <si>
    <t>b'\x99s\x1c_\xf2Q\xf1:\xe5\xb9\x113*\xbc^i?\xeb\xe0lW/\xb1\xccq\xbb\xcd\x02\x1d\xf8C\xd8'</t>
  </si>
  <si>
    <t>b"\xfb\x95\xfd\xb7[\xe8:\xc6\x8b\x08@\xb0\xec&amp;\x99\xb7\r\x0f{]\x03\xdb'\xfb\x9d\xac@i\x9c\n]!"</t>
  </si>
  <si>
    <t>b'\xaf)\x0f%\xc3\xdd\xc5\xb4j\xde\xa6A\xa0\xac[\x12\xd5\xbbU\xf4%;\x10\xe8n\x9d\xcb\xb4\xea\xbf\x9f\xd0'</t>
  </si>
  <si>
    <t>b'\xa4?UQ6\x9bWv\xc7\xbb\x92\x0f\xa0J\xcc\xe8\x85v\x95\x1d\x1b\x0bU\x89.I\x7f\xff\xbfLQ\x98'</t>
  </si>
  <si>
    <t>b'\x87}nu\x9d\xdd%\xbf\x17\xfd"s\x12\xb1\x18\\i\xfc\xca\xe4]va]\xe2\xf7\x11\xcf\x0e\'\n\xf6'</t>
  </si>
  <si>
    <t>b'9\xd1\xcbt8\xc7/}5\xb8F\xf3\x10#\x00Z\xbb\x9d\xf3\x9f\x8a\x8e\xba8:\xfe\xbfL\xee,k\x94'</t>
  </si>
  <si>
    <t>b'g\xfa\xc3%r\xbawZ\xd9\x7fn\xd4\xe4\t\xc1\xbfE\x00\x81\x17\xec\xf1\x87\xf4\x14\x19&lt;\xd98\xa7`\xb0'</t>
  </si>
  <si>
    <t>b'\xce\xe2}\xdc\xb3\x97u\xc00\x07c\x9c\xc9i\xd0x\x93\x18\xdf*\xa9\x84\xc2\x9f\x81\xdd\xab4\x9d\xed\xf7\x02'</t>
  </si>
  <si>
    <t>b"\xe0U\x1f\xf9\xd9 \x9c\xe4jM'B`8\x91\xee\x15*\xd8\x98\xbdu5\xdb7\xe2p\xcbb\xdb\x97;"</t>
  </si>
  <si>
    <t>b'\xc7\xb8\tl\x05\xcaQ\xb8j\x1ad\x05\x80\x82\xc9EW\xdc\xe4\xe9\x08\xd0Y\xd9\xf6\xa4\xdcR\x16\x88h\xd5'</t>
  </si>
  <si>
    <t>b'\x99n\x80\xf9i\xcfU\xd4?\xef\xc0w@pM\xa0\x9ang\xff\xac\x0b\x1f\\j7aD\xa9&amp;\x8c\x03'</t>
  </si>
  <si>
    <t>b'\xb9.F[\xddh\xeb\x11\x02\x12\x12\x1dA\xe9\xd8\xf5\xb0@\xbcM\xe7?@M\xd9\xec\xbf\xc0!\xc3F\xe3'</t>
  </si>
  <si>
    <t>b'\xd09Q\xee\xfbS+r\xd8\x92\x14\x07o\x1e\xb5\xd9\xc1\x94&lt;RM\xa0o5\xa0\xcdMs\x86\xb8\x99&gt;'</t>
  </si>
  <si>
    <t>b'RK\x00\xe2\xd5\x8c\x7f[\xcfK83\xbd\x86\x88\xce\xc0%S\xcd4g\xc5kR\xc1\xab^\xef\xa8W\r'</t>
  </si>
  <si>
    <t>b'\xf6\x13_\x06Uu\xaf\xd8iv\xfes\xb6\xfblD\x98\xa88\x9dB\x157\xbd\xb5\x11}I@\xac\xec\xf6'</t>
  </si>
  <si>
    <t>b'\x8a\x87\xaf\xf2\x81\x0fx\x1fSee{p(\xa9&lt;\xafa\xc9s5^\x07\xb3\x14\x8c\xd8R4\xc7\xad\xaa'</t>
  </si>
  <si>
    <t>b'bk\xdd\xccS\xe9\xe8\x87\x1c\xdc-\xd6j\x02\xcf\xaa\xd0\xb2\xe1\x8d\x9b\x90\xf0\x9cx\xc8l\xdb[\xb3\xd7m'</t>
  </si>
  <si>
    <t>b'\x8e\x10\xf7\x10\xc5\xef\xb8@t\xab{cEs\xc8\xe8gV}\xf2\xad,/*\x9f|[fC\x90\xf9\x10'</t>
  </si>
  <si>
    <t>b'\x9c\xdb.\xac1\x97\x07\xf1\xe5\xa7\x17\x01\x05]\x14\xe3\xb0\xdbG\x8f\x03\xd5Y\xb0G\x0b\xe2\xefw]*&lt;'</t>
  </si>
  <si>
    <t>b'O\xefz&amp;\x8d\xceY}\x8b\xf2\xe3\xcd\xa2\xea\xe4\x9b/NI]\xf2p\xf3$\x00\xc5\xb6A\xde\x89\xea\xf5'</t>
  </si>
  <si>
    <t>b'j\x8f"\x85\x99\x9b\xfdP\x03\xce$\xf3\x93\xfa"\x99Pvc\xe4\x1fR?&gt;\xde\xfaz?F0\xab\xb1'</t>
  </si>
  <si>
    <t>b'\xc5\x96\xa7\xff\x9b3\x83\x91\x8aC\x1d\n\t\x1fv(\x1f\xfe^\xb3\xae\x11\x83\xaa\xe4\x00\n\xc6l\xea\x02\xaa'</t>
  </si>
  <si>
    <t>b'\xef\x18Nii\x80\x1c\xbf\x18,\x13b\xb4\xb9_\x05W\xe7\x00\xf2_u\xb9\x9e\xa0-\xbb\xd6\xfd\xf3\xad%'</t>
  </si>
  <si>
    <t>b'%\xcf\x7f\xf2{\x9b\xa2\x1fm\x9e\xd2\xc5\xa6\xb8\x82\xaa\xa1\xcdT\r\x02\xb0R\x0f?w\x93v\xeeV\xc3\x1b'</t>
  </si>
  <si>
    <t>b'Lf\xa1R\xe5A\x16g\xdf\xb0/B\x89\xd6\xa6\xd6\xb0q\xb7\x1aY6\xd5\xdb\xd9\x96\x87\x15\xfa\x05k\xfa'</t>
  </si>
  <si>
    <t>b'\x06+8\x08~\xf3\xa4\xc2,\xf99,\x18\xcf\xd1\x83\xf7=\xf3\xf0\xaa\xc0\xcd\xc8R\xb0=\xb9\xb1\x98\xb3\xde'</t>
  </si>
  <si>
    <t>b'y\x0c|i\xd3g#\xf36\x8d\x0b\xcc\x7f\xd8\xda\xbbrwr\xce\x13\xd4B\xfd\xee\x14V\\\xff\xc3v\xc2'</t>
  </si>
  <si>
    <t>b'or\xda\xd2/\x1f\x10\xb7u\xfe\xa3\xed6N\x86[,M\xda\xa9\xd3d\x04\xdeS\xefC\x12\x01I\xd6\x07'</t>
  </si>
  <si>
    <t>b'\x7fj\x17l\xdc\xeb\xff8\x1e\xb5z`\x03\x92\xba\xbc\xf1\x03\x9d\xbc`\x83\xa4@\xca\xddpr\xe5\xf6^h'</t>
  </si>
  <si>
    <t>b'H\xd0\x86\xa9\xeb\x1fo\xe8h\xfe\x16\xa1\xba\xc0\x0f\x9aE\\\x1e\x94\x8f\xa0\x1a\x91I\xc5\x116~\xa6\x92\x89'</t>
  </si>
  <si>
    <t>b"\x04\x15\x9a!\xa1?{\x85\x9b\xb0\x8a\xa1t\x88\xf5\xfcC_\xa7v\xd9\x9f\x8f\xa5\x8f\xad\x0b\x13i'\xbf]"</t>
  </si>
  <si>
    <t>b'\n\x1a\xb8\x16\x1a\xac\x8f\xd1\xf7\x89\xd0\x1d\x84F&amp;\x12~r\x93\xfd\xb7d\x86tLc\xef`*7$6'</t>
  </si>
  <si>
    <t>b'L\x12T\x81\xff\x84\x1af\xb1\x97\xdd0\xfc\x90\xfa\x85\x91+\xd6c\xde\xd1\xe5j\xd1\xc1\xe2\x1eV6{m'</t>
  </si>
  <si>
    <t>b'\xb7\xd8,\xe04\r\x8aK\xd6\x01\xa2\xd1N\xda\x84\x0cB\x97\xaf\x17\xc0d\xab\x1d\xf2\xf5dF-\xa0j)'</t>
  </si>
  <si>
    <t>b'\xe1\xe8c.a$\x08\x854O\x8ew\xc2\x14:\xdb\xd94c\x1b6Y\x15\xaa\xfb\x05\x1f\x0eF=o\x97'</t>
  </si>
  <si>
    <t>b'\xd6/|\xfa\xabD\x1c,\xd15~\xc9\x0b*\x84\xc9hwm\xa6\x82\xe2y\x87\x17\x0cf\x84Z\x8bDG'</t>
  </si>
  <si>
    <t>b'B\xe4\xa6W\xd7-Q\r`\xaa\xea\xdb\xe5\xe6s0\xe9\x8f9\x85\x1e\xbb~\xbd)\xe8\xf36r\x9b-\xd4'</t>
  </si>
  <si>
    <t>b'\xde\xc5\xe1\xef\\5\xdbn\xf8Jy\x98%\xbd\xe6\x87\xfa\xfc2\xa7b\xe3\xa2\xaer\x94\x98\xffH\x08\xdf\xd8'</t>
  </si>
  <si>
    <t>b'_@\xa6\xaa&lt;k\x01}\xbbf,\x99G_\n\x84\x10h\x98! Q7\x83\x11Y\x95x9\xa0\xc3\x8b'</t>
  </si>
  <si>
    <t>b'\xdf$\x1e\xf8dui\xf1S\x885\x13\xa2\x84O&amp;\xde\r\xb4\xa3\xa5\xbe=\xc7\xa0\xd4\xb39\x14\x01\xcc\xb6'</t>
  </si>
  <si>
    <t>b'@H\xa7\xc0\xaf\xbcC\xb1\x8b\xf7j\xc6\xe0\xcc\xb1\xd9\'\xef\xa5^\\\xc7\x8af\xc4\xf3\xeb7\xc6/\xa6"'</t>
  </si>
  <si>
    <t>b"'\x89\xc1\xbex=\x878\xb3\x85\xe8\x8c{F\xf5y\xba\x81\x98\x1fv\x94\xdd\xb7\x043\x87\x02$\xb68\x08"</t>
  </si>
  <si>
    <t>b'F~\x92\xdc\xb7\x11\xe3\xb9\x03&lt;z;asq\xa5\xb9U5\xd8j\xa0 \xc6\xe1\x92\xc7k\x9f1\x17\xea'</t>
  </si>
  <si>
    <t>b'c\xd6\x85\xe9x\xa48{\xb3xF\x8fz\x13\x966\xef"/\xce\x8bBg%\x03\x94e\x06\xa8\x9d\xa8\xe1'</t>
  </si>
  <si>
    <t>b"-\xa2=C\x04\xca\xaaI'\x08\x1f\xd5+`o\x9fD\xd7\x8foR\x12\x03M\x91\xa2\xe6d\xb3y\xf0\x89"</t>
  </si>
  <si>
    <t>b'=X85$[\xe3\xe4\x86\x0f\xaf\xac\x0e\x10\x15\xd6MT\xff^h\xbf\x94\xd7\xb70\xd9\xe6;&lt;\x05/'</t>
  </si>
  <si>
    <t>b"\x7f\xe8`\x8ae\xf5\xfc'\x8f\xdd\x86\xb397$n%p\xee\xca\x9b\xec\x19\x00\x93G\x93\xed\x07\xba&lt;\xbd"</t>
  </si>
  <si>
    <t>b'\xea\x82\x11\x07\xd1\x11[\xd2\x98nq\x99\xf0\r\x95\x9b\xb6:8\x9fmA\xd5\x7f\xa2\xa8\xb1f}\xe7\xa8\x13'</t>
  </si>
  <si>
    <t>b'\x93\xd9c\xf1n\xfda\xd3\x876y\xd0\x99\xc6q{\x81B\xea\xce\xe9\x10~\x9f\x1c\xbf_\x94\x047\\\x91'</t>
  </si>
  <si>
    <t>b'\xe9Uq\xfd\xee\xd1\x0b\x80\x08H\xe5M\xe5\xf9\x93\xba\xccn\xa9\xe8\xaa&amp;\xbd&lt;\x96`\xd7d}\x82F^'</t>
  </si>
  <si>
    <t>b"\xd5\xd9\x0bW\xe8$-\xcd\xe2\x1d\xd9&lt;'zq~ay\x8e\xf5~\x8b\x05\xd8\xa9\xc1\x97\xb20\x13\x93*"</t>
  </si>
  <si>
    <t>b'G\xe3\xa0\xb1\xf6z\x9a\xafL\xf0\xe9z\xe7#a\xb7\xdf)\xd9\x87\x90\xec\x0b\x82 \xd4bf\xf8\xb8\xfc|'</t>
  </si>
  <si>
    <t>b'\xf3\xc2Lo*;g\xf1\x92\xd2,\xfes\xd7\xa5B\xafxT\x18\xa8\x1e9\x17e\xaevm\x1a\xe8k)'</t>
  </si>
  <si>
    <t>b'\xd9\xc0#\x89\xd3\t$\xcdg\xabC\xbf\x16l\xa1\xf8\x83.\x99\x9f\x90#Sn\r\xb3\x86\xa4\x0e\xe94\x92'</t>
  </si>
  <si>
    <t>b'\xd0\xfe\xa8.\x11\xa7\xe0_\xc5t\xfd\x80\xa9\xe70\xf9U5\xab\x06qY8!\xfen\x8c\xee\xf6`6\x8e'</t>
  </si>
  <si>
    <t>b"\x10Z!1\xfb\x8a\xdeQe'\x0e\x9f\xd9\xe0\xb6\xa6~;K\x80Zp\xe9\xab\xdb\x93\xd1\x86\xe9\xc7\xeb\xc4"</t>
  </si>
  <si>
    <t>b'\x8a:\x98\xce\xfd\x01\xcd\xd0\xa2\xe5K\xb0]\n\x13\x84\xc8%\xd4\xf8\xb1v\xf6\xbf\x82wp\xc8\x88]\x9a\xd9'</t>
  </si>
  <si>
    <t>b'\xe8J}\xd8N\xa8`\xae\xdel\x99Tx8\x12*\x1e\x8e\xd1\xdb\xb6\x93\xf2\xc4\t\x11\xd2\xf3\xb7\x8fg_'</t>
  </si>
  <si>
    <t>b' \xbe\xfe\xdae\xaaJ\x86\x150Bi\x99}2u\xa7\xae\xc0\x13[\xd0D\x1a,\xa6\x929\x0c\x19\x99b'</t>
  </si>
  <si>
    <t>b'\xd2A\xff\t\xd6`G\xa4"\x91D.j\x04\x13\x08\x14\xd4\xeb-\xf3\x0b|\xd3D\x99\xac\x99muZ\x17'</t>
  </si>
  <si>
    <t>b'\x9c\x9b\\\x0bT\xd8\x87\x07\xfe=\x1a\xe6\x00\x04$u\xbcUxq\x83\x98B\xfe\xcd$\xd6\xad\xb36s\xe9'</t>
  </si>
  <si>
    <t>b'\xe7\x83\xc4\x06fa*\xb7sv\x94\xbf\xfd^@O\x96-\xe8\xbf\xeag;2\xba\x15\xa8s\x02\x86F\x8b'</t>
  </si>
  <si>
    <t>b'\xefk\xe9\x99\x91\xbf?y\x1efQ\xa4f\n\xc7G4\xfc\xb8\xbb|\xe3\x8d]\x91\xa3\x8d\x02\x92G\xd3\xf3'</t>
  </si>
  <si>
    <t>b'\x13\xbf\x07\xc4\x08@\x11\xa6um-\xa4\xa5" d3\x1c\xb6\x8e\x1d\x85\xd7\xa4\xb0U=\x06\xcc9\x8f!'</t>
  </si>
  <si>
    <t>b'\x06$\xbdb]\x8d\x0b\xbd$,\xd1H\xa0\xe9\x94\xa3\xda2\x96\xeb\xc6\x10\xf7\xe5 \x80\x07oi\x80\xff\xd0'</t>
  </si>
  <si>
    <t>b'\xb6"&amp;!\xdd\xb8\x07\xc9\xcf\xa4W!\xe0q\xc2\x8bM\t\x9d\x13&gt;L\x1ee\xba\x0bq8]\xffo\xeb'</t>
  </si>
  <si>
    <t>b'C\x150\xac\xd7rM xE-u\x9e\x05\xa7\x0c_C\xc11c\xf6\xbf\xfd\x8e\x19}\xa1\xf2\xaa\x8b\xbe'</t>
  </si>
  <si>
    <t>b'I&lt;\x0c\x00\t&gt;\x8a\xa5\x83L|\x0c?\x01\xc0A\xcd-\xd9c\x1c5\xef))\xa7\x1a\xeb\xf1\xb7,9'</t>
  </si>
  <si>
    <t>b'\x84\x19\x03\xc3\xaa\xb6\xb5\x87&gt;\x03\x03t\xd0\xdd%\xa1\x0c\xfa^\x12;s\xc0\xe8\x07x\x94\xb8{\xd1\xee\xe1'</t>
  </si>
  <si>
    <t>b'^\xb8\x7f\x1e\xe6z\xb9@\xf1A\x0fF\x8f\x8azh\xd0^\xa9Hv\x18\x10[N\xfb\xc7b\xa5\x8eN\xd9'</t>
  </si>
  <si>
    <t>b'M\xae\x10\x80\xbf&amp;x\xf1\x98h"\xd9\xd1%&lt;\x11\xe3\x1be\xfb\xb6F\xb0\xe0{\x1bl\xd2\xf5\xbc\x83h'</t>
  </si>
  <si>
    <t>b'\xcfS\xca\xbb\xee\x84e\x0cR\x14@\x136\xcb\x0b\x94Ws\xa0m\xaf\xac8\xc0:\xab\xf6\x86J\xecA\x06'</t>
  </si>
  <si>
    <t>b'\x9d&gt;\x7f\x0f\x88\xfa\xdd\xf3\x9f\xc9Q\x9e\x0c\xe0\xd1\xc9\xe7\x8d\x81\xdf?\xc6[\xb4\xfa\xa3\t\xd6\xe99\xed\xad'</t>
  </si>
  <si>
    <t>b'\xb4f\xc4[\x96\xffi!\x02\xfc\x8a\xf9z\xd1\xd7\x12\x97\x01\x81\x86\xec5j\xecH\xcd\xd5\x92i\xd1\xf0\xb2'</t>
  </si>
  <si>
    <t>b'\xf5\xfe\xac\xb5\xa4\x10a\xd8\xa6\x88\x01\xcb\xabc2B\x9d~\x16\xe0\x80\xb5C%_\x08\xe1\xf8\x974{\xd8'</t>
  </si>
  <si>
    <t>b"E\x13\x10yk\xb4\xd4\x1b\xc8\xc6\x13\x8a\xb9\xfc\x14\xeb}S\x08'\xd4\xb0\x0e\x14$ W}\xd9\xd2C\xf9"</t>
  </si>
  <si>
    <t>b'W\xd9\xe5"\xcc\x8eB\x04\xa0\xf640d4%K&amp;7\x84\xfa2\xa6m\\\xea\r\x17l9\x9aN`'</t>
  </si>
  <si>
    <t>b'|\xd6\xfe\xddL\x1cs8P\xe3rb\xf0f\x8d\xf4H\r\x04\xbc\x00w\xb4,J\x90\xd3\xdb\x8dBaE'</t>
  </si>
  <si>
    <t>b'\xc4\xdb%\xa0R\xfd\x0f\x927+\xe7\xa5\xc6.\xdb\xc4\x02S\xe2\x01\x82\x89G\x07\x11\xe3@\x03\xf8\xcar\xab'</t>
  </si>
  <si>
    <t>b'E\x85G\x05#Y\x9f\x0b\x00\xeb\xb8\xa4\xd8x\xe9R\x0bP\xecC\xcd\x9e&gt;Ys\xdb\xfb\x03J\xd5.\xd7'</t>
  </si>
  <si>
    <t>b"'\xa9\x06\xd0\xf1\x16\xa0Jx\xeb\xe4\xf6\xaa\xed\xa6|\x07-\xdf\x7f3\xa6\x17\xac\x15\x88\x8a9&amp;OL\xeb"</t>
  </si>
  <si>
    <t>b'\xa3,\xd0\x94\xc1\xc1\xdf\xf1\x02\xd3\xa5z\x18\x0f\xdaI\xc3\xf2\xb5\x8e\x94k\x87\xed8;\xb9\xa9\xec\xfc\x13\x9d'</t>
  </si>
  <si>
    <t>b'\x98\xa7md\x86\xaaD\x8e\xe8\xf7|\xff\x11:\xe9\xb4\x14USR\x9f\xb2\xff[Q\x8c\x86\x03-\x9c\xcb\xfa'</t>
  </si>
  <si>
    <t>b'\'O\xe0\x1bW\x17\x89\xa4\xc8\x96\x8c\x0e\x17\xbf-\xa8J\x8ce\xb1\xd9\x9d\x9e\x8c"\r0(\xe3\xe6O\x1b'</t>
  </si>
  <si>
    <t>b'\xed\xecJ\x08\x1a\xff\xa0\x14\xb5\xe2d&amp;\xd7qT\xd8p\x7f1\xf4\xeaX\x0c$\xb4M5\x19[\x17\xf7\xf1'</t>
  </si>
  <si>
    <t>b'\x1f\x0535\xac+u\x05(\x07\x88\x03\x12\xf1@\xbe]\xd6\x0b\x90\xd3\xa6\x07\x98\x8aU\x1d!u\xb4\xf87'</t>
  </si>
  <si>
    <t>b'\xc6\n\x12\x94\xfey,\x833\xf5C\xe3H\xf8\x84\x07u?[,\xd2\x04\xf2\x07Ry\xda`\x1f\x0e_\x8b'</t>
  </si>
  <si>
    <t>b'v\xc3\xb3\x12:Y\xdf\xb1I\x1d\xe5\xe6:\xc2b\xc4\x17\x0f\xc8\x16\x05e]D\xd0\x16\xd4\x86[\xdd\xc6\x05'</t>
  </si>
  <si>
    <t>b"#\xfa\xe8\xd5\xb5\x1f\x91cYF\xe6\x8cy\xf6\xaf\xab8\x03\x8c|\xbb\xfd\xf7\x00\xfd\xd2cw\xac'\x1a\xa5"</t>
  </si>
  <si>
    <t>b"'P[\xda\xaf\xcc\xec\xbf\x96\x00\xf6\t]\xfc\x99k\n\x8cy\x05\xe4\xca\xb3\xef\tJ\xaf\x066\xd6\x08\xb2"</t>
  </si>
  <si>
    <t>b"\xa1\xc8\xad\xba+\x96\xe2dJ\x0e\xea\xfc\xfe$c''\xffDHw\x1f\x01\xdc_\x8d\xb3 \x87\x8dw\xf0"</t>
  </si>
  <si>
    <t>b'[\xb2\xa2~U\xc5\xe9y[\xe77R\xed\xaa\xeb\n\xea!\x08Z[\xce\x0e\x94\xb7v\xbc\xf1Y\x83\xc1j'</t>
  </si>
  <si>
    <t>b'\xaf\x05&amp;\x9c\x95e\xaa\xe5R\x84X\xedr\xa9\xf2\xf9\x88\xf2p\x88xR\x808\xf6M\xb2\xce#?\x92k'</t>
  </si>
  <si>
    <t>b'dZ\x00\x08w\x01=\xb07_\x9a\t\x93hU\xb0\xed\x1d\x16L\x9c\x9b\xb1\xf8Y\xc6\xf1t\x96\xa1uA'</t>
  </si>
  <si>
    <t>b"\xd2\x8c'\xc6\xc3\xde1\xbd\xd9\x061k\xbe]h\xdcG:\xa3Yr\x94H|dF \x80h\xa3\xc8\xd1"</t>
  </si>
  <si>
    <t>b"\xf0\xaaO[k\x0c\x96\xb3\xa3\xc3\x05\x8e\x7fD\xd2\x10\x86\xa4'XX\xbd\xee\xa6g\x0f:\x05\\\xd0u7"</t>
  </si>
  <si>
    <t>b'~\xa6\x00\x9d\x0c\xc7\xd1\x86\xc7\xe2\xc2Q\x89j4\xe9~\xab\x9a\xa4\x03\x14\x1c\xb3\x88|6/\x0b)\x16\x94'</t>
  </si>
  <si>
    <t>b'p\xe1\xb1\x13\xf0\xf3\x1ey\xc1\xbd\xe2\x18#\x0c\x96#\xd2\xbcv\xad\x94\xae\x85&lt;-\x9b\xf8\xcd\x99S"\xa4'</t>
  </si>
  <si>
    <t>b'\x0b\xaa\x83\xbcN\xc2\x82\x9d\xfaq\xc2{6\xaa\xf1LGXN\x05\x06\t\xe1\x0c\xe0Vt\xff^F,\xe1'</t>
  </si>
  <si>
    <t>b',p\xaf\x94\x19\xb0\xdel\xaf1\xc0\x9a:G\xd8\xd5y\xc2\x0f\xf9d\xa2[\x07g\xfa"33n\xe0\xaa'</t>
  </si>
  <si>
    <t>b'\x06\x0cl\xee&gt;\xd8\xe9\xa1\x13\x08\x95\x89-_FF\xfa\xef\xf7\x06\x11E\\\xd6\x17\xaa\xd3\x10j\xbd*\x83'</t>
  </si>
  <si>
    <t>b'\xc4\xcd\x976T\xb4\x17\x1e\x04 \xb3v[O@\xe9-\x86]\xee15P\xe5!\x9d\x90\x83G\x976\x00'</t>
  </si>
  <si>
    <t>b'i\xa3\xfe\xbcC\xc9T\xcef\xc5\xe6\xf1\xfa\x96\x8d:J\xef\n)/\x8f\xa2~\xa5\xbbG\xcb\xd0\xd1t\x8d'</t>
  </si>
  <si>
    <t>b'J\x07[\xc7h\xd6cs\xc9\x98\x96\x03\xef{\xe5\xf5\x08\x07*\x9d\xdbTA\x8d\x12\x88?\xd9\xce\xe1f\x1d'</t>
  </si>
  <si>
    <t>b'b|\xff\\5|\xe6\xbf\xbc\xb2i\x032\xf4\xb5\xb8g\xf5\xd6\x87\x8f@\x1e\x8b\x15*a5X\x07&gt;\x14'</t>
  </si>
  <si>
    <t>b'\xb9s\xa9\xc4\xf1\xfe5\xc3\x0e\xaa\xfb6\xb5\x17\xd0\xd9\x81I\x83\t\x13w\x87t\xc2\x1e\x99\xb5\x0b\x83 \xc9'</t>
  </si>
  <si>
    <t>b'Df\xe0\xb3A\x7f\xc2\x16\xf4\xbe\xb82\xc7\xb4wM\xb9\xf4\xbb\xd7\xd2\x07\xebK\xfd&lt;B\x85p\x0fF-'</t>
  </si>
  <si>
    <t>b"\xfc'w^\xf5\xa2=\xd7\xa5\xf3\x12:\x91F\x11\xde0\xb4\xb9\xa1\xddv/F\xdd\x1eN\x03\xcd\xe9\x9b\xcd"</t>
  </si>
  <si>
    <t>b'\xba\x82\x82\xb7\\(\xa0i\xbfRo\xac\xe5\xaf\xf8\xac\x92d\xe6\xaaeR\x87\t\x85X\xb3U\x07$\xbf\x14'</t>
  </si>
  <si>
    <t>b'\x92\x8e\xc5\n0%\xb7-\x06\x965\x8a\xe1\x98\x0e[\xb5\xcc_\x18\xde8\xea\xc95;\\\xe0M\x14\xa3|'</t>
  </si>
  <si>
    <t>b'\xa8\x88]&gt;\xb5SS\xecCaU\xad_\x97\xa6\xd9\xcc\x91\xc7*\xd6|4\xf3\xc0\xee\xdb4\xe4,"\x87'</t>
  </si>
  <si>
    <t>b'\x15UgC\xacU\x9d/\xcb\x82\xb7\xd8\x7f\xfd\x0e\x11\xdc\x80\x12?\xdbf\xf0\xb5\xb3\xc80[\xce\xdf\x1f\xce'</t>
  </si>
  <si>
    <t>b'\x14\xb2\xfc\x8fo\xcaq|\xe9\x1f\x88\xe5\xc9Z\x9c\x98qHM\xf9\xbb\xa3n\xf3\xc7~\x93\xdalYp\x89'</t>
  </si>
  <si>
    <t>b'\x17\x08Je\x08\xc01\x0f\xc9Qf\xd8\xfa\xda\xb2\x1fP&lt;\xc1/\xae\xe5\xf5\xa1\xcbQ\xbd\xa0\xa5K\x1c\x86'</t>
  </si>
  <si>
    <t>b'H\x18\x86`\x84\xfc#Nu3\xae\xaa\xbb!J\n\xfa,|k/\xe25\xb3\xc8X}\xe8\xad\x1fl\x12'</t>
  </si>
  <si>
    <t>b'\xf3\x04\x94\xc49U\x02\x99f\x0e\x13a\xfd\x9e\x0ek\xa9\x19\xfa\x16\xc1\x7fH\xc0\x8b3\x9f\xb2\xb8d\xb4\x9d'</t>
  </si>
  <si>
    <t>b'\x15\xecb!Q\xd9\x82dd\xb6\xa3\xd8\x15\xd7Z\x07\x91U\xd1\xf88\xee\xbc\xd8s\x87~5gA-u'</t>
  </si>
  <si>
    <t>b'\n]\xaa\xc6\xad\xb5T\xce\xd1\x020\x91\xbaR\xa7\xac\x8eU\x1f\xd6p\xfc\xb6\xdf\xe8\x07\xfe\x90\xae\xe1\xff\\'</t>
  </si>
  <si>
    <t>b'\xfe|\xf4\xc8n\xd5\xb9\xb5q}S\x1d\xd8_\xcdq\xe9\xc2j\x03\x01P\xaeC3\x06\xb3J\x80\xbe\xfa\x88'</t>
  </si>
  <si>
    <t>b'\xb9D\xe9*\x15\xc6\x1d\xe5\xcc\xe9_\xe7\x84\n\x90\x03\xde\x17.\xac\x81b\xc9\x13:\x16\xa4\xef#bv\xc8'</t>
  </si>
  <si>
    <t>b'\xb9\xdb\xe2O$\xad5\xba\x8cTc\xa1\x9ed\xe0_7\x8b\xbc\xcdN\xf3-x\x07\x9fn{j1"/'</t>
  </si>
  <si>
    <t>b'\xe2q\xa0\xee\x85H9\x97\x9d\xdcz\xa0\x00\xc5\x8e\xf5\xec$\xad\xeaN\x95\xc4\xe0\xb8\x80Y\xb2\xa8\xf7\xac`'</t>
  </si>
  <si>
    <t>b'\xc8\x93C\xef\x8a\nW#Y\xa8E\xed\xc3&lt;\x0b\xffPJ\xf3\xd0\xbb\xb1}h\xe3M\xdcaMjM\xa4'</t>
  </si>
  <si>
    <t>b'\x81\xb9\x9d\xcd\x9f\x0b\xfd\x8a1zW\xc8\x08\xae\x025{\xfe\xd2\x80D\xb9W:&amp;&gt;\xf1\xa40\xb6\x19\x81'</t>
  </si>
  <si>
    <t>b'\x8e\x8ar\x9fk^LC)\xddP\xd3n]t\x15\x92\xea\x96s\xbb\xdeL\x87n\x1b\xd9\xd6u\x08\xa8x'</t>
  </si>
  <si>
    <t>b'\x06\xd0\xb9\xf9mj\n\xc43\xda\x14\xe1\x857\xa9zv\xeb\x07&amp;V_&amp;\xf9\x18\x86\x9e3&amp;e\x1a\xf8'</t>
  </si>
  <si>
    <t>b'q\xf8E\x1dQ\xe7%\xf6\x04\xd4\xdd-pn\xe7Q\x95c\xed\xb4vs\x84\x11\xaa\xc79\x9a\xf0\x93,4'</t>
  </si>
  <si>
    <t>b'm\x087\xd3=\xe3\x8e\xee\xca\xa1\x829\xc7"i\xc5;\xfd\x7f\xd0\xcbiA\xfb\xf4\xd3\xba,\xe5j$['</t>
  </si>
  <si>
    <t>b'\x8b4\xe7[F\x97\xee0*\xe3\x9ez\xe4\xcf\xb0?\xa4\xe2\xe5\xe9\xeb\x8f\x1c\xdb\xdc5{/\xce\xb6\xacy'</t>
  </si>
  <si>
    <t>b'&gt;e*LE\xe9\x96\xf5\xda\x1d\x96\x0b\x9a\\\xe3\xaeO\x02.\xd0\xa6\xd5\xd0\xa6\x1c\x0b\xec\x9f\xb9&gt;\xe7\x88'</t>
  </si>
  <si>
    <t>b'\xc1\xf6^\xe8\x1c\xd4j\x98O5:{\x1a\xdc\xb2\xeaD\xfe8R`dL8\xbf\xd5\xca^/\xff[c'</t>
  </si>
  <si>
    <t>b'\xf7_\x8a\xe0\xcf\xe3\xa3\xec\xd1\x9a\xbc\x94\xb8\xa1t\xaa\xd3\xc2l+\x89\x02J\xb2\x7f\xa6\xc9T\x0e\x10\xaf\xb0'</t>
  </si>
  <si>
    <t>b'\xe8\xc4\x9cC\x8d~\xeb\xe1\xf7\xd1I3\xfcD\xe8/\x7f\xa1f\xf2\x111 \xbei\xf7\r\xb5\xa4J\x8b\x8d'</t>
  </si>
  <si>
    <t>b'RSGmM\xdeP\x8fY6\xdb\x18*F\xff{#\x83\x1f\xd3\x96\x85\x99\x9e\xd8\xe8\x89J\xf4\xdc\xc1*'</t>
  </si>
  <si>
    <t>b'\xcb\x86\xfc\xa2\t\xed\xe9i\xa9\xafV\xd2^\xaf\xecsM\xff\x87\x90\x82_J\xea\xd5PB\x93\x93\x9e\xc5\xd6'</t>
  </si>
  <si>
    <t>b'\xea\xf7[`\x03\xbf\x85C\xeb8\xde8\xb7\xec+\x18\xc6\x87\x8dS\x11\xd3\xb9\xbb~\xc5_\x99\xee\xf3tO'</t>
  </si>
  <si>
    <t>b'\xb7\xca*\xa7n\xe6\x84\x7f\x8b24\\\x08pObG\x97\x80\xc0\xaa\xa1\xbc\x01\xa53\x1b\x9b\x88%\xc1u'</t>
  </si>
  <si>
    <t>b'"\xa7*`;\xe7\xe2\x17\x8e\xb8V\xb9\xc2\x80\x88P\xca\x9d\xf6\xa4\r\xa7\xf7.\xb4y\xc2\xb2\xa2\xf8\xd0/'</t>
  </si>
  <si>
    <t>b'\xb0\xc6,\x8b\xc0\xebgX\x98c\tb#v\xbc\xfb\\tM1\x10\xc7\xcfm\x04Bd\x82\xa3\xfd\xb7\x8c'</t>
  </si>
  <si>
    <t>b'\xc9Fc\xc3;\xd8yS\xa8\xd4J\xf1j(0\xd2\x91\x12\xf92\xb9\xd5*\xcf[\xb8\x10\xfa\x91c\x01N'</t>
  </si>
  <si>
    <t>b'\xcfr\x10\x13\x91\xf2B@=?\x8e\xf5o\xfa\x8a\xd9\x88\xd8\xe7\xcf\xf8v\xb6\xdal\x88 \xe2/y\xf5='</t>
  </si>
  <si>
    <t>b'\x12r(\x11\x8b\x03\xf7\x91\xccM\x7f\x92R,\xa6\x92\xd5\xc8\x18_-\x9a\xe9/\xf0\xfc\x0b\x0f\x9c\nf\xfe'</t>
  </si>
  <si>
    <t>b'\xc5.+\xcb\x88\x00`\x19)\xa7\xc5\xf2\x1bY"j]+\x84\x18=IIwb\r\xf0G\xaf\xbd&lt;p'</t>
  </si>
  <si>
    <t>b";?\xc0@5{\x10j\xf9\x9d\xe3\xc3\x01\x00\xa4\x15$\x08\xe2uI\x17\x1a\x94'\\\xd9\x1e\xf9r2\xff"</t>
  </si>
  <si>
    <t>b'q\xa3\xa29\x87\x1e\xa7\x97\x13U\x0fpT\x10\\\x14\x93\xa0\xd2%\xb4\xb0\xa7\xec\xdd\xf2\x8e\x89-\xe8F\xae'</t>
  </si>
  <si>
    <t>b'\xb5\x98\xbfp\x0b\xca\x0bl\xa7\xa9\xcd\xeb\xa4\xf5\x9b\xb2\xf1?\x8d\x12\xed\xa4h(p\xe8$\xe1O\xd2\x9b\x08'</t>
  </si>
  <si>
    <t>b'\xc0Q\xf0l\xbf\xc7\xd6\xe6\xe2\xc1;\xd1\xb65\xde$\xb7\xf8\x07\nKh\x1as\xe5V\xe7\x88\xc2\x1c\rB'</t>
  </si>
  <si>
    <t>b'J\x81?\x0f&amp;\rm\x8b=*\x14M\x07pq\x0f\xecN\x8b]\xa9e\xcc\x98\x0b\xcc\x97\x9ediL;'</t>
  </si>
  <si>
    <t>b'\xaaE\xe0C\x96\xe95Y\x8c\xef\x16\xf5T\xcbt\x80`\x99T*\xe2n\xec!\x14\x92\xe4\x104\x1e.\xd8'</t>
  </si>
  <si>
    <t>b'\x88WBd~\xf9\xcb\xa6\x85\x8e\xbfI\x03\xb1\xe4\xd3\xfd\xbe\xdf\xb1\xf9O\x85\xf9GX\xf3\x9d\x1a&lt;\x04K'</t>
  </si>
  <si>
    <t>b'E\xd9\x17k:\x98fY\xa1/a\xb2E3\xe4K\x15\xa5\xa8\xb1\xa5~\xcc\x1e\xa6S\xa6[D\xd9eT'</t>
  </si>
  <si>
    <t>b'\x9b\xe7\n{(%\xa3\xa2\xc3dNi\x98\x91~}\xeeyr\x8f\xd6.5L\xbeV\xdb\x89\xa9\x02A\x8b'</t>
  </si>
  <si>
    <t>b':\x0f\x1f\xd0\xe3p\xf3\xdd\xf2\x1eG\x9d\x95\xde\x1e\xbd\xc2k\x88\xce."\xdb\xdf5\x1c\x06D\xa0\x99M\x13'</t>
  </si>
  <si>
    <t>b'\x12!\xc8\xebjV\xd2Ka\x9cJ\xe4\xff\xf5\x1cp\x07\xaa\xe7\x07\x1a\x86y\xfd\xcc\xadg\n\xec\xa4|\xa3'</t>
  </si>
  <si>
    <t>b'\xb3k\x1a"\xf9I\xd4\xaan\xcb\xc3=\x88\xa7\xe0i+\x16\xa1\x81\xcf\xa6L\x15\x95\xb3\x13\x81\x1e\xf4\\\xa1'</t>
  </si>
  <si>
    <t>b'\xd60,\x04BWAF\xf8\xfb\x9b0\x15C\xae8&amp;/Q\xabEK-Gp^\xa0\x9d\x8e\x0cuW'</t>
  </si>
  <si>
    <t>b"\xcd\xaaF\xe0J\xde\x95G'g2qj\x16A\xed\xd2\x14\x90\xeb&amp;.\xee/\x13J\x19\x91`\xc6H\x9f"</t>
  </si>
  <si>
    <t>b'\xe3\x07\x14\xe5\xb1\xf5\xbe%\x9f\x01\x97{\x02\x89\xb3\xbd\xa6\xdf&lt;\xa1\x1fj}\x1a&lt;\x809\xd9\xbb\x00\xf2\xab'</t>
  </si>
  <si>
    <t>b"\x12\x8e\x13\xeb\xcb1\xc1,x\x9e\xef\xc0\xa3\xf2T\r\x01\xd7\xfbH'F*\x19=l%\xf7\xf3\xf2\xb8'"</t>
  </si>
  <si>
    <t>b'\xf0\xcf&amp;^\x8e\xcc\xb3\x9a\x98d\xcd\xbe\xa1\n\\\x04\x9a\xb6\xfd\x87\xc1\xc7+J\xe1_k\t[O\xd8\x9d'</t>
  </si>
  <si>
    <t>b'\x15\xc9\x01\x0f\xf3\xc22\x06dxF\x90\x16"\x89\xc7Z\xeb \x07\x8a\x1b\xffi`\x9a/&lt;U\xc9\xc2@'</t>
  </si>
  <si>
    <t>b'%\xe2\x07\x04Q\xb9\xe0\xa3A\xf6\x95\xeb\xdc\x8c=8v\x19\xbb\xd6\x8a\xb3\x1d\x8cz\xffF\xcb\x8c\xad\xa9_'</t>
  </si>
  <si>
    <t>b'\x0f\x97Y\x0fE,\x19e\x0fR\x88\xe7=\xe2a\xe0\xb2_%_g,\xe61\xc7$\xed\xb8H\x91\xc3\xaf'</t>
  </si>
  <si>
    <t>b"\xf0\xed\xaaC\xdc\xa1x\x95\xe9*\x0ec\t\x91\xaa\xb8eJgy\x84b=/'\no~\xffk7H"</t>
  </si>
  <si>
    <t>b'"j\xab\x10G\xbc\xd7F\xcf\xa1\x06\x0c\xe2y\x8e\xc8\x07\x1c\xfd\xa9\x99\xc1\x91\x95\x85[\x07\x9cA8a\x93'</t>
  </si>
  <si>
    <t>b"\xc6\x01M'G\xc1\xe4\xaa1\x97IX'xx\xa4\xfa\x87)\xb0\xbd\xad\xfb\x17\xed\x03^\x069\xdc\xb0\xd0"</t>
  </si>
  <si>
    <t>b'\x13\x8f\xec&lt;\xb8i\x17\x0c\xecE\x13\xb2\x1d\x8c9,\x17\x1e\x98\\\x14w\x18\xb4\xf8\xed\xa3\xc3\xd2qM?'</t>
  </si>
  <si>
    <t>b'a\xbc\x7f\xb8_\x8ax8Y\xd4\xeb\xa4p\xd1\x80\x1a3\x86\xb5\x0b\xde\x1e\x8b$U\x15\xa2~t\x8a-@'</t>
  </si>
  <si>
    <t>b'\xa8H\x1dJ\x1c\xb0\x00\xd0\xff\xe4\x91i\x01\x0e\x84f\xac\x8c\xf2\x9f.\xcb\x00Z2\xc8\xd3\xc2\x89\x17z\xa3'</t>
  </si>
  <si>
    <t>b'n.\xb6u\xe0\xa5\xed\x9c\x1c\x96\xd8:y$B\x956E\xc6\xd4\xf0mO\x08\x19*\xb4Qv\\h\xdf'</t>
  </si>
  <si>
    <t>b'\xa6\xdd\xcc\xa9m`y\x97\xaasE\xe0\xe2\xfa\x9b&amp;\xd5h\xd8\xdc\xbb\xbd\x92\xa0\x8b\x00\xaa#\xb3a\xf5\xfc'</t>
  </si>
  <si>
    <t>b'\x95\xc05q\xf5\xac\xb1\x11N)z\xf6I\xf6\x8e\xcc\xf7J\x11\x1fO\x1c9)W3\x87_\xfd\xd4x\x02'</t>
  </si>
  <si>
    <t>b'\xda%\xcd\xbe]\xceFu\xd2\xd1\xb8\x92i\xc6\xcfiN\xe5\xb8\x8aWf\xaaE\xbdc\xd3N\xe1\x03\xac\x9a'</t>
  </si>
  <si>
    <t>b"\t\x1b_Z\x8d\x98\x9c'^\x08\xbb\x0c\x06\x87xdZ\xb3\xda\xddj\x95\xb6\xd1\x04\x8d!\xbda[%J"</t>
  </si>
  <si>
    <t>b'S\xb0\xbe/\xf6\x99\x9b\xc3kF\t\xc8\xae\x04\xae\x8b\x1c\xb7\xc9 mS\xfe\x9c[cj\x89\xa7\xd4\xeb\xb5'</t>
  </si>
  <si>
    <t>b'\xb6\xcd\x14\xbbYe\xcf\x95\xa1#VpqeO\xcc\x82$\xd9\r\xa8\x80b\x02\xd0\xc7g\xab\xdf\xa1\xd5\xf7'</t>
  </si>
  <si>
    <t>b'?\x13du\xdb\x13^e\x17\xcbeD\x01\x8c\xd8\x81\xcd\x89\xdc\xc2\xa6\x17\xc6b(0}\xb1\x9bc+s'</t>
  </si>
  <si>
    <t>b',\xd2~\xb0=\x95&lt;\xa6\xe1&lt;Q\xd9\xb3\x01\xe0\xe2\x12!\xc7#on\x0cEn(\x08\x9e*9\xfc\x87'</t>
  </si>
  <si>
    <t>b'\xdb/\xf9\xdb\xe9\x0fw\x9d\xfa\xa5\xba\xa2\xba\xe1,\x19\x9c4V\xbe\x90\xfa\xb9\x02\x06&gt;\x87\xef\xfd\xb3\xf2J'</t>
  </si>
  <si>
    <t>b'\xfeq\xae\x01Z=Tw\xda)J\xcb\xedp*;\x83\x85\xbe\xc5\xcf\xae\xb0dw("\x89\xc9Fl\x04'</t>
  </si>
  <si>
    <t>b'U\xad\xe5\xadI\xb9,\x04\x05-\x86Gh\xe5\x0c\xde\xa4\x0f\xf9}\xc7\x1c\x97\xfaTW\x1d\x0e\x03\xf8\xc2\xf5'</t>
  </si>
  <si>
    <t>b'\x8a\xb8r\xcd\xf7X\x05L\xd4\xf2\xffz\x05\xcf\xbe\x98axr\t\x8c\x12=\xef},\x05\xb0\x92\xcd\x17\x14'</t>
  </si>
  <si>
    <t>b'\x84\x01M\xef\xd13\x9aAr\x8a0\x02\xae\x85=\x85\x013\xbfg\x06\x95\x9f\xba\xd9\xeb\x02b\x13\x96\xa7\x19'</t>
  </si>
  <si>
    <t>b'Z\xd4\x8cb\xb9\xa0\xa2\xb3\xf9I\xf9)\x83\xe1\xce\x06\xdc\x87\xcd\xf7"\xeb\'\xd1\xb8\xed\x8a\xec\x11\xe1\x13\x13'</t>
  </si>
  <si>
    <t>b'\xdaB\xb0\xb2\xf9;\x08*\x84\x10sM\x9b-\x9b\x9e\xba\xa7z\x89X\x85xP\xed\x0e1e\xad\xecn\xee'</t>
  </si>
  <si>
    <t>b"\xd6*\x85=D \xea\xe0_'\x83'T\x91\r\x99\xd2i]!\x9b\xe1\xfb\x96\xb7\xb5&gt;\xc5\xf0\x0fR\x8b"</t>
  </si>
  <si>
    <t>b"\xc7H\xce\xd1\x90\x8d8\xb9jT\xae\xd0\x88\x1c\x00\xe3'[z`\x1e_\xeb(6\xb5\xb0\x19\xb5\xe7N3"</t>
  </si>
  <si>
    <t>b'\xdet2g\xfbA\x97\xcbHD\xe0\xf0\x0b\xdc\tu\xda\x99\xf2\x89\xbe\xa1\xf5\xab\xfdO\xf3\x87&gt;T\xca\xb8'</t>
  </si>
  <si>
    <t>b'9\xfb\x1e\x86\xf2Y\xa2j\xf0Z\xd7\xf5Wi\x15=7e\xfePr\xd7\x90m\xb6X\x97\xf7!\x03\x01W'</t>
  </si>
  <si>
    <t>b'\x8cE\x93H\x1a2\xa0-o!$$\xf3\x0f\xd3\xb0\x9e0\xa4\xe7\xf0?\x94\xa9\xfe\xde#\xa9I\xa5\x0c\xd6'</t>
  </si>
  <si>
    <t>b'\xe5\xe9\xd6\x857\xc8\xb6\xf9\xe7\xed\x0cc\xaf\xd2\xbd\x82\x87(\x18k\xe4Q\x97\xfe]\xa1\x97%\x15\xd6eR'</t>
  </si>
  <si>
    <t>b'\xcb\xf8\x0f\xf3\xac\xf1\x9b\xbb\x05\x12\xd2O&gt;\x07xCp\xa9\x8bE\x80A\x08\xc5\xdf\xe55\x1a\x95\xd5\xba\xb3'</t>
  </si>
  <si>
    <t>b'3\x02\xe0\xbf\xb0\xb8\x8e\xf6\x17\x0c\xc2\x18\xf1P\xda\xb6\x19S\xc5Q7\xce\xf7\xbc\xd4P\xd2t\xca\xc7\x99L'</t>
  </si>
  <si>
    <t>b'N\xa1\xc5\x9b\x0eH\xb5e\x05\xca\x03zT\x1d?\xa1\xcf]o\xfbZ\xa0\x04\x9d4\xc3\xeb\xb0\xce\xa0\xb4\x01'</t>
  </si>
  <si>
    <t>b'\x92\x1c\xef$\xd8\xb8%\x13uP\xd4\xe4\x17\xb3\xc9Z\xc0\xa0QNO\x12\x98\xaa\xdf3\x1f\xa2\x93J\xe5\xd8'</t>
  </si>
  <si>
    <t>b"\x7fX'K\x9e&lt;\xd3\x11\x89\xc9\x8f\xf07\x8a\r\x81r\xf6E\xf08\x88:vk\xd4\xb1\xc5|\xcd~\x12"</t>
  </si>
  <si>
    <t>b'\xc3\xb0\x13U\xa8nu\xcf\x9f\x8bm\xf1)\xc9\x90O\x84\x8d\x0b7\xb3&lt;\xe8Bt\x0e?\xbc\xe5\x8f\xcd\x98'</t>
  </si>
  <si>
    <t>b'\xf1\xfeq\xc8s\xc1\x9c\xad\x03nT\xce\xa2\xf5\xc0\'\xbeKX\xeeoY\xa9"J\xf1;9\x81\xbau\xad'</t>
  </si>
  <si>
    <t>b'\x81\xa9S\x01\xfe_\x86\xdfn\xdd\xc2\x19T\xf5\xc4j\xf1\\\x7f\\\x88B\xc4\x8b\x03=\xe2\x937\xd2m\xbd'</t>
  </si>
  <si>
    <t>b'\xc7\xd3\x05\xdf\x02kRWW\xe4\x95\xdbx\xa8A$/\x01\xd8\xeeu\xdd\x93u\x90\xdd3\xe3\xe1B\xf1\xb9'</t>
  </si>
  <si>
    <t>b'\xc0\xb3B\x1bf\xf5Ki=Z\xfb\xa3\xbc%\xbfW_\xfe\xe8\x9d\xecW]\x11\x8dS\x0e\xc4\xb3\n\x88\xcf'</t>
  </si>
  <si>
    <t>b'\xa9\xb6\x8f\xd32b\x17\x18\x88A\xabu\x13F\xb7\xc2 G\x9d\x0b|\x8f:0[^\xdd\xc0[\xe0\x06\x8d'</t>
  </si>
  <si>
    <t>b'\xeb;\x15f\xd6yi\x14\x90\xdd\xa7\x9fp\xeeX\xe1\xf6\x84r\xa0\xae\x9c\x12\x0e\x9a\xe1X\xaa\x14\xffs='</t>
  </si>
  <si>
    <t>b'\xafC]&gt;#\x11\x90\xee3\xbb,!\x9b\xd2\x02\xf1&gt;\xcb\xda\xbbh\xbd\xf4\xe3\xc5m\x1b\xa2\x81\xe0\xd8&lt;'</t>
  </si>
  <si>
    <t>b'\xba&amp;=\xeb\x8d\xaf\x08\x80\x02\x01d\xf9\x06&lt;\x7f\x83.(\xc8\xa5\xbe\x9d\xf2ZN\xa0\xce?c\xb3\xd0\x07'</t>
  </si>
  <si>
    <t>b'\xec\xad\xde\xe7X\x9c\xe0\xdc\x89\xf0_\xd5T\x89Cs?|#\xaa\xc0\x9eI`\xcd\xfca\xefu:O\xc3'</t>
  </si>
  <si>
    <t>b'2\xa2\xc2\x9bo\n@\x9bQ\xb5\x19\xe9\xe1\x7f1!\x96t\xdd$\xcf|\x045?U\x80\x97\xdf\x8d\x8en'</t>
  </si>
  <si>
    <t>b'i9\xbf\xa6P\x8f\x80\xa4\xce\x80\n\x9a6\xfd\x7f\x89\xc5\x9b\xbb\xd3-\x96\xad\x0b\x08_\x98w@-H\xca'</t>
  </si>
  <si>
    <t>b'S\x82\xed\x84)\\\t\x12w?ek\xad\x91\xdb\x8e\xe8\x05A\x980\xd5\x81z\x98\xa9\xd8(P\xdco\xaf'</t>
  </si>
  <si>
    <t>b"\xeb\xcd\x0b4c*x\xdbs6]\xf5\xaa@\xd8vX5/p\x08N*\xd6'3%\xb1\xf3\x87\xe6s"</t>
  </si>
  <si>
    <t>b'ue\x19\x9eVK^t4!u8#Ht\x95\xdb}O\xb7\x91O\xee\xb4\x81\xd3EyG\x9bv\x97'</t>
  </si>
  <si>
    <t>b'\x89\x1c\x86g\x88\x89b\xcda\xd9\xba\x10\x16\xceW\x8d\x12\xb1\x1d\xa9\xa3\xa1\xf7d\x03\xf9t\xc9\x8b\xd6&gt;['</t>
  </si>
  <si>
    <t>b'\x02\\K\xae\xd1lK\x98\xc6\x1f\x12\xact\x18\x1b\xd1\xb3\xccd\xf9U\xe2\xf3\x87\x1a\xfc\xff\xa9\xedn\x8ax'</t>
  </si>
  <si>
    <t>b'\xe4x\xfc;\xe1r\xe0\xe4\x8dP\xa5Hb\xae\xf6X\xd7t\x95n&lt;\x83\xbe]\xc7\x96\xa9q7\x15\xb0\xe2'</t>
  </si>
  <si>
    <t>b'\xff/\xa0\x9e\xb7~m\x01\x1f\xb1\x8a\xa8\xe4\x94q\r\x81e\x8e\xfb\t/\x9f"\xfbQ\xc3\xb8a!\xae&amp;'</t>
  </si>
  <si>
    <t>b"\xc3$|\xfdTV\xd5\x0b\xb5|\xa3\xb3\xa3[SC\xba\xc0\x8d\xd4/,\xe3a'@O'\xd6\xc0c\x85"</t>
  </si>
  <si>
    <t>b'\xeci\xf1hnl\xe6\xddx;\xf9\xbf\xdf\xed\xb4Z\xe3\xab\x10\x1a\x91E\xbf\x15\xd8\x89\x01\xde=\\\xc9\x9b'</t>
  </si>
  <si>
    <t>b'\x0b\xfd\xac\xfb\x95= g\x8d\xfc\xf5\xc6{\xfe\xc5\xdf\x1d\xcb\x17\xceim@\x95{U}\xc8\xaaL\xb4J'</t>
  </si>
  <si>
    <t>b'*\x11\x85*l\x12\xe3%\xc35\x9f\xf9\xa6&gt;\x91#z\x0b0\xd7\x03\xc1_V~\x8fl3;&amp;\xa1\x08'</t>
  </si>
  <si>
    <t>b'\xc3\xd2\x00o\xaeE\x92\xdb~\xd4u\xa5\xb4("\xda\xec=w\xc3\x8d\x7f\x06(\xf7\xb8\x1c]\x9d\x10&lt;J'</t>
  </si>
  <si>
    <t>b'\xcc\\\xc8W=A\xb2E\xde\x04\xaaRh*&lt;\xce",\xa9\xfb\x1c\x91\xfc\xe5\xc3LY|\x03\xfe;\x91'</t>
  </si>
  <si>
    <t>b'D\x15E&gt;\x82F\xa6\x0f\xb5\x8d.\x96\x11:@\x85\xa5\xf1FI\xfdJ\xa3\xbb\x87sQ\x04\xfe\x92\x18g'</t>
  </si>
  <si>
    <t>b'\x8a)\xb3\x95#\xceoFF\xb4\xac\xb3\xe9\x93\x99\xcd\x96\xf8S3\xc8\t8Z\x81\xe0\x81E2k&amp;\xda'</t>
  </si>
  <si>
    <t>b'\xa5E\xa9{\xcc?\xaf\x11\x9bZ\xaa\x0b\x11\x9fh\x84\x83A&amp;6c\x1a\xd7\x93\x9e\xeb\xe0\xad1-!\xa2'</t>
  </si>
  <si>
    <t>b'\x9dI\xd6T\xd3@^\xe3\xd8\xfc\xa9*\x97M\xe0\xcb3 \xc7\xfb\xb0\xe8\x802\x16\x8a2\x8b\xdc\xa2\xc2D'</t>
  </si>
  <si>
    <t>b'K\x7f6d\x8b\xfe\xab\xb9~\xa9\x9d^\x9b\x94\x90\\9\xea\xe1\xef\x163+\xf0\xb9btX\xca2\xac\xb1'</t>
  </si>
  <si>
    <t>b'\xc9\x03\x07W\xf42[\x8b\xa4\x0b\xab\xdd\x0bl\x95\x89\x00\xa3\x85*Zdl\x1dt\x03\r\xd0\xf0\x94\xee\xbf'</t>
  </si>
  <si>
    <t>b'K\xd6\x93@\xfbT@4\x7f\xef\t\xc5\n7=\xf4\x11S&amp; \xack\xc8\xa3\x07..X.\xb3\x9d\r'</t>
  </si>
  <si>
    <t>b'\xa4\xd3\xe5\x08\xedx\x18u\x98\x7f\xb3~-\xe0\xbd\xec\xc4\xa4\x04E\xdf\x1f\xe9[\xe37\xd2i1\xec\x02\xcc'</t>
  </si>
  <si>
    <t>b'\x95[\x94\x1f\x85\x8c\xae&amp;+jU=\xf09\x89\x95\xd9\xee\xbaf\x8d\x92z\xe5&lt;\xdc\xdc,\xb5\xd4\xaf\x1e'</t>
  </si>
  <si>
    <t>b'\xdd\xaf\xbd&lt;\xe9z&lt;\xd5.\xe1&lt;\x19\xad:\xb7\x03\x0e\t\xc3\x15\xf4\xc8\xb3\xdfB\xbb\xe2\x19\x91\xc5&lt;\x88'</t>
  </si>
  <si>
    <t>b'By\xb1\x15E\xbb\x90\x81@\x04 \xd3\x98@j\x7f\xd6\xc5\xb2o)BsQ\xab.\xbf6\x00\xd0\xa9M'</t>
  </si>
  <si>
    <t>b"\x08:\xb53\x13$\xbb\xb5\xb3\xe4=]q\x9bv\x81os;kx:=&amp;\xb5\xc5\xb4\xa7\xec\xd3\x95'"</t>
  </si>
  <si>
    <t>b'\x91\x95ggb\xa8 i\xc5\x93\xc7\xd1\xfb\xad\xca\xf0\xee2EA4S\xac)\x93\xb2K\n\r\xfa\xaa|'</t>
  </si>
  <si>
    <t>b'\xcc\xa6\xbf\xe0\x8c\x94\x83\x90\x13\x86\xb7\xf0\x18gU/.\xb1Z\x1e\xaa\x9b[\x16h\xfe\xa4\x02w\xeb\xbf\r'</t>
  </si>
  <si>
    <t>b'a$\xb9[\xccQ\xd8\x9f\xf7\xdf$4P\xdfs\x16\xbd\xbcJ\xaa=r\xf5b\x17\xa1T\xe8\xe5T\xd6\x1f'</t>
  </si>
  <si>
    <t>b'(\xdc4\xb3v)\x12\xdd\xf07 \xbf\xc5\xfdO\xc6\x91\x8d\xa5J\xf1\xd1\x19\x86\x19Z\xf6\xd9\xe6Y\xf0\x98'</t>
  </si>
  <si>
    <t>b'\xc1L0h\xad\xca\xe3^\xa3\xf4[U\x18\x03\xae^Sz%\xaa\xec\xfe\xf9\xfdIN\x87.\xf1\xc4\x06\xd1'</t>
  </si>
  <si>
    <t>b',\xa7\x11\xcf\xaf\xd0\xca$\x81\'\xb2\xfem\xc1\x1e\xe4\x93"\xa5\xfd/&amp;g\xb5\xf5\x95^\xd4\x17?\xfdF'</t>
  </si>
  <si>
    <t>b'\xb7n\xa5&lt;c\x03;\xf7~\x8d\x0f\xe5N\x8c\x04q\xb7\xcat\xaaaG10 \x82O\x9bv\xcb\x9c\xe0'</t>
  </si>
  <si>
    <t>b'\xa0\x83A9"{\xa1(4\xaa\xf1\xd0\xca\x0fL\x9b{\xcf\xdd\rp\xe1\xc4\x91\x12\xe9%\x82\x03\x84\x9d\x80'</t>
  </si>
  <si>
    <t>b'\xe8jQ\xe4\x95g\xd0\x9b\x17\xfb\xe8\xf7\x17j,\x1f\r\xbe\x06c\x0bh\xd2\xcf\xe7\xb0\x05\x015\xd6$\xec'</t>
  </si>
  <si>
    <t>b'\xa2\xc2Q\x99\xa4\x8cs\xf2\xe5\xc75\xc5\xb4\x06h\xf3z\xa2\xf8\x98\xd8\xdb\xfb&lt;\x12\xf3\xe1\x03A\x99\x81o'</t>
  </si>
  <si>
    <t>b'A9\xf2.#\xee&lt;\x92\xca\x82\x13\x99x0\xec\x10\x86\xbdd\xe1K2\x99\x0b\x99\xde\x95W\x94\x1d\x14\x05'</t>
  </si>
  <si>
    <t>b"\xab\xc2B'\xa9:\xbe\xd4T\xd3zl\x8f_t\xc7\xdd\x96|\x84\xc8\x81?\xba|\xd0\xdcE\x1a?}\x9e"</t>
  </si>
  <si>
    <t>b't\xb1\xd8\x08\xe8=\x81?3\x07\xdfP\xb9\x8egw\xe5$^\x08\x9a.\x071\x17\x10\xf8\x06&lt;VF`'</t>
  </si>
  <si>
    <t>b'\xfb\xf3W\xcd]\xa0NH\xdd\x16\x0fDW\x00\xad}G\xfbN\x8e8\xc5\xef&lt;\x1c/\xaa\xaa\xe5i.\xbb'</t>
  </si>
  <si>
    <t>b'"S\xbe\xa9\xac\xe7#\x05\x0e\xf5\x9d\xafTrq\x187\x85\xf1aD}n\xe4\xff\xb0\x84\x83k\x9eu\x9f'</t>
  </si>
  <si>
    <t>b'9\xc7\xeb\xd6\xcfO\xf0l\xe1\xa0r}\xb6}\x8d\x19\x0fE\x1a-[9Y\xa0\x0e\x87\xf6\x12\x9d\x93\x0b~'</t>
  </si>
  <si>
    <t>b'\xa0\xa0\xf1\xf5\x12V\x90\xfb\x82\xc5I\x12\xbd\x89\xbdKk\x16\xfa\xd6\x95\x83\x1cJ.%\xea\x16\x15{v\xbb'</t>
  </si>
  <si>
    <t>b'\xdb\x8e\xf1\x1cs\x12\x12\x8bT\x0b$c\x0c\n\xbee\xcdW\xc5\xb3u\xc4\xd7\xf3\xc4\xae\xdf\xabr |k'</t>
  </si>
  <si>
    <t>b"\x0b\x11v\xcb\xe9\xf07\xb0\x8e]\xb7\xb6&amp;\xb9\x05R'\xc4\xd9\x7f\x91\x9c\xbd\x9a\x13\xed\x86e\x8cEA&lt;"</t>
  </si>
  <si>
    <t>b'G~^i\xcf\x84B\xa5X8\xf0\xebS\xf4\xb2\x86\xff\x11\x9c\x96:\xe5!-\xe7\xe8\x83!n8H\xf5'</t>
  </si>
  <si>
    <t>b'\xe4\xff\xfcZBq\xadl9\xa2SSf\x10\x12S\xa3HV\xb0&gt;b\xdc\xdcY#\xc8\xd0\xfe\xe3\xecT'</t>
  </si>
  <si>
    <t>b'%\xa4\x06\xc3M\xd6\x9c]\xc4\xbc/\xdeC\xe7\xbc\xa37\xff\x82\xba\x99\x92\xb8z\xd3\xf34\x81?\x04&gt;#'</t>
  </si>
  <si>
    <t>b'G_\xfb\nyn\xe1\xac\x12\x11\x0b\x1d\xaa\xa4&amp;,\x9dR\xdb\\C\xd4\xff@\x1fY\xe3\x0b\x87w\xd7\x91'</t>
  </si>
  <si>
    <t>b'&lt;\xdf\xa4s\x8e\xae\xdb;A\xc3\xc9\x9d:\x85\x85\xe3a!A\x01B\xf9n\x95sV\xb0\xc1\xc40\x13:'</t>
  </si>
  <si>
    <t>b'p,\xcd\xf9\xdaT@\xf9\xf6\xe3Y\xf3\xfc+\xe0\xd3\x03\xd8\xdf\xe2\x02\xf2\xd3\xa7\xa0\x9b\xa4D\x82\x11\x92\n'</t>
  </si>
  <si>
    <t>b'\xe2\xfa3\x91Sr=\xe2\x1b-~ O\xaeRU\x9eC|\xbd\x13\x8f#\x19\xc1\xc9\xf1x\xfbr\xf0\xe1'</t>
  </si>
  <si>
    <t>b'\xb6\xa7\xc2\xcd\xf0\xf7\xf9\x90\xe9\xfee\xf7G:\xfa\xdd"\x80^\x96Ni\xf7\x8a $ \x0c\xfdBA0'</t>
  </si>
  <si>
    <t>b'\xb3c\xd4^\xb0\xfd\x18\xbf\xbe\x1e\x8c8!\x8bt\x04c@\xd8\x06.e\rH\x06\x9d\x94\xe82\xa2\xce\x99'</t>
  </si>
  <si>
    <t>b'e\xcdG \x17\xff\xbcOhj\xaf\xac\xe1J\xea\xb5gm\xc2]\xed|O\x9b\xb9|\n~\xb5S\x7f\x87'</t>
  </si>
  <si>
    <t>b'_J\xb3]a\x03G\xf6\xba\x15\x8a\x03\xc9\xa3^\x97\xe7?\xb3\xa2\n\xf4\x19H2\xb0_AKM\xe6\xdd'</t>
  </si>
  <si>
    <t>b'\xb6\xfd\\\xfb\x11\r\xf3\x8e\x96\xb9\x81\x1e,}\xed]\x0cK\xaa\xca\x06e\xa3\x86\xfc\xfb\xdf \xb32\xbf\xe9'</t>
  </si>
  <si>
    <t>b':\x04\xef!\x08\xcf&gt;u}\xe1t\xfe\xc6\x03&lt;n\xb3\xb6)\xf1\xd5\xceE\xb4\xdb\x80\x0e\xab\x86p\xa7\xe5'</t>
  </si>
  <si>
    <t>b'\xfa\x8d\n\xdd\xc8.$\xf8\xdc6\x04\xcd\x1d\x8d*^\xa2\xbfCe:\xd9\xf1]LZ.\xbe\x8f\xd5\x89\x94'</t>
  </si>
  <si>
    <t>b'W,x^\xd7|\x06P\xb8\xac\xa0\x9d{D\xa9R\xd0\xf7\xb0N\x1a\xc2\xdcK[\x7f\xc0\xcd\xb2d \xe0'</t>
  </si>
  <si>
    <t>b"\xdf\x82\xaa\xf1\xf5:(OYl\xb5x\xe8\xa6\xfd\xcd\x0f\x0e~\xd6\xe6\xa0\x17\x1e\xa7x\x16,\xd8'q\x12"</t>
  </si>
  <si>
    <t>b'\x9a\x98&amp;B\xa7\xf1\xbd\xd7\xa0\xa46\xb33Y\\\xe4\xbd\xc2v\xees\x87\xf1g\xe7VZ\xcf[\x01\x92\x18'</t>
  </si>
  <si>
    <t>b'!\xe6\xe5\x92\x0eo1\x8b`\xdd\x89l\xaa\x8f\x92\xf4\xc3\xd8\x82\x0b\x11\x0f\xc6?1\x8f\xdf\x0e\xa0,\xd6-'</t>
  </si>
  <si>
    <t>b'\x8e\x85 \xff(nRO\xdb\xeb&amp;\x99\xa9\x9c\xbd\xb7\xa4qm\x85\x95i\xd3\xd2\xbeLc\x96\xc6\x1eU\xc3'</t>
  </si>
  <si>
    <t>b'\xefBj\xe6\xbe\x99\x9e\x9b\x9fA\xae\x1cjN\xb81L\xb6\xb9y\xa6\xff\xf7\x9f,\xdf\x8b\xed\xd6\x05\xb1\x02'</t>
  </si>
  <si>
    <t>b'D\xb6OB\x16\xd15Z\x8cgU\x91\xfc\xb5/K\xb7.\xdd\xeb\x08\\\xcd\xd6\xd6\xd5\xeb\xbd\xd8X\x80P'</t>
  </si>
  <si>
    <t>b'\xeb\xbc|/)J\xe2\xa8\xa0\xd1\x9e\xcd\xac\xa87Gj\xe1T\x07-&lt;r\x04\x12/4\xad\xbdf\x9e\x84'</t>
  </si>
  <si>
    <t>b'y\xeah+\xd49*\x88\xb6$\xfb-\xa5!.\x15\xe9\xa6\xe9K\x0c}\x86\xc4d?\xc2|%\xdc\xc8\xb1'</t>
  </si>
  <si>
    <t>b'A\xa7\xff\x7f\xeeX\xf1M*O\xad:\xee\x904)i\xb9\xa4.\xbf\xbbDWE\x81\xd4O\xfe\xff\xcf\xba'</t>
  </si>
  <si>
    <t>b'\xd4N\xd0\x0e\xb1(V\x84b\xb8~O\xc2I\xb0\x87\x05^j\x8d\xc14\xe7A\xd9\xe3q&lt;\xb2\xad&gt;.'</t>
  </si>
  <si>
    <t>b'\x91\xfc\x9eU\xc9l2\x15B\xf4\x93d&lt;,\x0b\xd2&lt;\xcb\xa3\xfb\xae\x8a\x14\xeb1\xd9\xed\x81@\xda\x11\xe0'</t>
  </si>
  <si>
    <t>b'\xe8\x7f-.\x1dv\x91_[\xa3\xbfR$\x89\x81\x93\xa3d\x88\x8dWR\xbcsj`\xa8Z\xb5\xf9\t\xd0'</t>
  </si>
  <si>
    <t>b'\xfd\xc7I\xd7\x9c\xe3D\xd9\x84Q\x82\x90J\x93\r\x13,]]_\x82\xb9\xb3\xa8\xc7F\xf3\xaa\xf0\xf2\xf9A'</t>
  </si>
  <si>
    <t>b'x\x87\xe0\xa4\xc3rT2\x99\xf9\x97\xa1\x80} \x17\xbe\x81\x87\xfbuC\x08\xb8?c\r\xa9[\xbd\xf6&lt;'</t>
  </si>
  <si>
    <t>b'\x0f\xe9\xe8\xa2\x1a\xfa\xe5.\x0c\xf1$\xe4\x05\x11h\xf5P\xc0Y7\xa4\x05\x05\xe7{\x825j?\x06F\x89'</t>
  </si>
  <si>
    <t>b'/\x8aq\x1e\xd6\x856I\x15\xf4\x8d\x972\xadbO\xc9\x87\r\xaf\xfd\xf5\xad\xd0\xdcQ8\no2b\xe1'</t>
  </si>
  <si>
    <t>b';\xa1$\xe9\xd8\x97\xe3H\xd0\x82\xbcEl\x08\x8bCj\xc6i\xc4\xe5\x15/t\xafc\xd2\x82\x8fs\xcd\xb5'</t>
  </si>
  <si>
    <t>b'\xa3$\x97\xa9yf\xaa\xf4\xe7\xae\x19\xdbZ\xa0\xb1\x93\x86\x1e\xfa\xd7\x92\x91\x06V!\xd2X\xbb\x04\x99\xb1c'</t>
  </si>
  <si>
    <t>b'z\xb5\xa4zd\xa5lh\x82\xdaG\xbd\xe3Q)q\xb2\x90\xc2\x81\x82/RY\xe3\xe3\\\xa4G\x90\xd0\x1c'</t>
  </si>
  <si>
    <t>b'\xa9\x98U\x96\xb6\xd7\xb5\x89\xc1*\x94k\x9e\xb2\xf7\xf6\xa4\xf6D\x94=Fo\xf9\x0c\xa1\x0cw\xa9N\xe2A'</t>
  </si>
  <si>
    <t>b'\xafw8\x8e8\xb6P\xf3\xdd\xfd\xaa3\x19Edbw\xde\x0bI\x9d\xce\xfau\xeb\xd1\xee\xa7\x13w}\x90'</t>
  </si>
  <si>
    <t>b'\x16\x9b\x85\xac\x98\xe5X\xcee\x8c\x0f\xb6\xb8\x8aZQ\x8a.\xdf\xed\xdc\xde\xa2\x88(R\xe9F\xe3~\t\x80'</t>
  </si>
  <si>
    <t>b'\xd8\xc1y\x80\xd6\xf1:\x9d\xc3\x0cD8i\x9e* d\x04y\x92\xf6\x1e\xf6\xd8\xa7\xb1\xfb\xc9&amp;&gt;]\xda'</t>
  </si>
  <si>
    <t>b'\x02\x10R7\xd3k\xe7\xbe\xb5kh{\xe54\xa06E\xb5\xa5\xda\x83m0\x06\x99 \xb5\xf4\xaf\x87\xcd\x99'</t>
  </si>
  <si>
    <t>b';\x06\x1a\x08\xa5\x9f\xc7[\x12\xf9\xee\xe9\xc95|\xbd\xdc\xc1\xd6k\n\x85\x96U)\xf9\xbc\xef\xba\xb2\xa1x'</t>
  </si>
  <si>
    <t>b"\xe6\x14 \xcc\x87 l\x82\x8d?W\xe6Z\x05'x\xa8\xe3\xdd\xc8{68\xb0\x99\xd6\x9e\x91HB\xf7\xcb"</t>
  </si>
  <si>
    <t>b"\x07*\x87\xd4cDm\x04\x97\xd3h)\xca\xe8\x80\xaa;Ur\x02\x83\xce\x96A'N\x05\xe3q\xfd\x18\xbc"</t>
  </si>
  <si>
    <t>b'\x12\xf7\xc2\xff\xe0h\xba,\xb4\xa5\xd0\x91\xbc\xb9\xbf3hp9\xea\xa6\x88\xc1\xfa\xb9I\x8c\r\xdc\xa6\xc6`'</t>
  </si>
  <si>
    <t>b'\x8c&amp;\xd92\xc1\xbdRZ\x9a\x1d"\x0e\xde\xe0\\\xa8$ \xa3\xc0\xefL\x0b.7J\x12\x92\x86\x13\x1e\xea'</t>
  </si>
  <si>
    <t>b'R\x19&amp;\xb0h\x1e\xef\x0c\x9cW\xe9\xea\x1boCi\xaa\xe9K\xd1VW\x13X\xbc\xdf\x07\xaeF\xa8\xf8\xd8'</t>
  </si>
  <si>
    <t>b'\x08\xe5g\xde\xa0#ZX\x88\x96M+V\xbb\x9e&amp;\xf3@\x88\xa3\x86N\xc0J\xf9\xd2\xad8\xba\x1d\xd4x'</t>
  </si>
  <si>
    <t>b'V\xe4\x90&lt;\t\xfe\x98"4(\xb4\xddy\x85\x83\xefk\xa8\x93\x8f\x17\x0eg\xb8\x9a\xce\x18\x850\xc0Cs'</t>
  </si>
  <si>
    <t>b'u:_\x00W\xadGl\xf9yS\x89\x06\x85zS.\x19\xf0[\xc2\xd7f\x94K\x1f\xee\x9f\xc0\x0c\x7f\xac'</t>
  </si>
  <si>
    <t>b"\xd8Rg\xaa\xfe\xe7\xfe\x15x'\xfe\xb1\x02\xda)~*\xa2k\xd4&lt;\x020gGF 5!n$\xef"</t>
  </si>
  <si>
    <t>b'Ky\xa7\x99\xfcc\xa2\xbfi\x9bt\x80\xe7\x99\xa9\xce^7B\xba\x89:\xe7H\xc12\xc6\x88[\xbc\xd6G'</t>
  </si>
  <si>
    <t>b'\xddL\xc5\x81\xb3\n\xc8\x0b\xfac\xf8\x97\xe9r\x1a\xdd&gt;\x83\x02\x1d\xad}\x16FNC\xbd\xe1\x95}_\xa0'</t>
  </si>
  <si>
    <t>b'\x1f\xf4mR\x1c7\xbf\x94KR!C\xfe\x84_O\xaa\xd0xi\x9b\x05\x91\xe3\x89\xa1\xc4@\xaa\x81z^'</t>
  </si>
  <si>
    <t>b'(\x91\xbf\xc6\xdf\x9b~\xa68Uj\xdd\x04\xd8\xf6\xb4~X[N\x7f\x87\xcd\x01\xa9e\xbb8\xd8\xd6a\xc5'</t>
  </si>
  <si>
    <t>b'"\xe2/\xd9&lt;\x03\t\xf7\xffD\xce3\xdd\x1bf\\|\xcb\xa4\xdd\xfak\xcb\x97\xc9\xff\xecj\xf0hgU'</t>
  </si>
  <si>
    <t>b'\xf4\x04\xb2\x12\xc3&lt;\x9do\xed\xaa\xabL\xbc\x03)0\xe6\xd0\xb0&lt;\xbb\xaa\x00h?\x87\xfee\x18j\x18\xe8'</t>
  </si>
  <si>
    <t>b']\x03\xf3\x01_.1\xa7\x92\xd1h\x87\x16\xef\xb4\x1b\xf0@\n\x8b\xff\x98\xb1l\xc4v\xedb\xab;\x7fw'</t>
  </si>
  <si>
    <t>b'\xd5,1dd\x86M8\x84\xf8\xa8\xb7\xc1\\\xe1\xcd\x8d\xeb}\xb0!\xba]\t\xd9\x97gEB\xc2\xc4\xa8'</t>
  </si>
  <si>
    <t>b'+&amp;\x08^\xa5\xde\x01\x0e\xee\x04[i\x14~\xab\xf9\x03\xf1\xff\xfb\x87mmI\xce\x8aUE2\xa5BS'</t>
  </si>
  <si>
    <t>b'\xea\xf6-\x19\xbbu(a\xf6\xaa\xd8\x94\xa8\xe0\xabj\xc6y\xbf0\xe1\x16glm\x06\x89\xc6\xeb"\x18\xbf'</t>
  </si>
  <si>
    <t>b'w\xf7\xde\xe5\xe7\x18?\xbe\xdd\xaaG\x7fV\x8c|\x87z\x15V\x7f\xf4\x8a\xe3-\x0f\xe9\xdf+a\x024\xef'</t>
  </si>
  <si>
    <t>b"\x86\xab\x94\x9a1E\xd0Xo\x89\x02/_\r\x9bt\xb6e\xc0j\xa8\xdflD\x10\x8b'f\x95\xb7\xefp"</t>
  </si>
  <si>
    <t>b'Y\x9dF\xf1\xafF\xfdx\xc1\xad\xbc\x17t\xb7So\xafW\xe6\xfe\xb9\xa7\x9b\x8d\xa4\xc2)%\x82\xd1\x13\xfc'</t>
  </si>
  <si>
    <t>b'K(&amp;U6\xd5\x0e4F,0\x1b&lt;b v#rP\xb5B\xce:_\xa2\xd3%\x88UEAf'</t>
  </si>
  <si>
    <t>b'\xa9\xeb\xe5\xe6\x92.\x00_\xdc\\\xcf\xcd\xa0Hp\xd0\x15*y\x85\x19C\x02\xcb\x8cJ\xec\x93q\n\xf8\xfa'</t>
  </si>
  <si>
    <t>b'\xcb\x85.\xda\xb0\x8e\x8b\xd8\x1c\xea\t\xeaf\x0e\x95\xb1V\xe6\xd3\xe22&amp;\xd7;\xa3R\xa0mWAE\x9f'</t>
  </si>
  <si>
    <t>b'\xa3E\x99\xdc\xc39\xe5=\x8d\x045&lt;\xa7/m\x97\xa5\xb9)\x1dz\x07\xe9\xf1JC\xf1\x86=v\x02,'</t>
  </si>
  <si>
    <t>b'\xe7\x8e#\x85\xf5\xd5\x07\x11\xefun\x02u#\xd6\x1a\xd2\xf6\xc1\xfd\x8e\x88e|*\xb5\xdfQ\x9c\xc6z\xda'</t>
  </si>
  <si>
    <t>b'\xe7\xa9\xb2\x8b-\x9b\xce\xb7R\n\xbf\xf7`g\xbe\xbd1\xc1\x8b\x17y\x06\x9d\x1ciR\xce)\xa2\xf1\x9b\xe1'</t>
  </si>
  <si>
    <t>b"\xc6\xb1@-M\xbe\x8c7\x86\x95n\x12Q\xcdxd1\x00*E\xb3]\x90\x81\x00\xc2'\x83\xca\xa7\xdb="</t>
  </si>
  <si>
    <t>b'\xe5\xf9o\xf1\xdb\x01\xdeq\\U(`\x0ez\x9d\xcb\x18\x03.X5\xb9G1\xd4l\xdf\xd0o\xa5\xa0\xd2'</t>
  </si>
  <si>
    <t>b'\x0b\xe1\xf5\x0e\x02hX\x0cb\xf4\x0b8c\xce\x12\x83\x04|UV\xd003\x16\x1c\x82O[\x14 H\xad'</t>
  </si>
  <si>
    <t>b'\x1f)_!Y\xa2a\xc0\xd3\xccIzN}\xfe%\x83\xa5;\x07\x1db\x89z\xa6&gt;\xf9\x12\xfe\x17\xb7Q'</t>
  </si>
  <si>
    <t>b'3D\xaf\xf3\xea\x80\x12,\xa6\x90rR&lt;\xd9\xf3\x19\xe2,K^\x18`\xcc\x13\xd5\xf6\xee/t\x0f\xf5\xf5'</t>
  </si>
  <si>
    <t>b'Qji\xd9\xc4p\x98\x0b\xce\xd6MgS\x0e&gt;\xa1\xda\x9aI\xde\xa2\x19\xa1\x07E\xac\xc4\x7fF\x13"\xe3'</t>
  </si>
  <si>
    <t>b'\xe5\xd1\x1fY\xd2\x1f\x8c\xf4&gt;\x8f\x87\xff\x9e\x15\xaa\x04\xab\xd5\xb3e\xd2\x83\x81\xdec(\x81E\x98\xcf\x8cQ'</t>
  </si>
  <si>
    <t>b'\xfd2\xd3\xc6\xf5\n&gt;)\xa1m^3\xa0\x86\x1d\x97\xb8{\xef\xaa\x00q\xdaSN]\x08\xa2|\x8d\x8e\xac'</t>
  </si>
  <si>
    <t>b'\xc9\x91\x05\xb5\xfejJ\xab\xa8\xeb\xda\xb17\xe17u-\xb2 \x90\xd4\x1d\x91\xa8n\xf5\x18\x11\xc7\x07\x80\xbf'</t>
  </si>
  <si>
    <t>b'\x06\xa4^z\x03$\xd7\xbd\xf6\xa5\x14]@\x8a\xa4Nz\xe0\xdb\x0e\x02r\xb0\xa8\xc2\xe24\xb9]\x99,\xa0'</t>
  </si>
  <si>
    <t>b'\xd08\xd6\x17\xbb)\x7f\x89t\xed\xb0H\xac)\xd5\xed \xf9:\xd2}D\xee\n6\x00\x878\xf0cn\xa0'</t>
  </si>
  <si>
    <t>b'!\xb61\x03\xec\xd9\x1e\xdeQ/\x1f\x94\xd4K\x95\x8f\xf9\xcf\xb9a"b\t\xc7\xb1\x882B\xec|k^'</t>
  </si>
  <si>
    <t>b'G\x17\xd7\xe9k:\xde\xdf8$\xc9\x9e\xaf\xff\x9cT\t;\x93\xa7-\xd5\xe5\xd0w\x8c\xf9\xff\xe6\r\x06U'</t>
  </si>
  <si>
    <t>b'\xc8\x00\xa4$\x80\xff\xa0\x13\x97_\x9c\xe7\x12\xa9\xcc L\xbc_\x98\xe8\x9cQ\xce"(\xdbiy\'\xaa\xf3'</t>
  </si>
  <si>
    <t>b'\x1e\xbc\xf4\xb5\xfc\x85\xc3$f\xcdO\xa812Gk\x07\x8f\x14\xe2\xf8\xe4\xc5\xc4\x86R\\\xcd\x19h\x94+'</t>
  </si>
  <si>
    <t>b'H\x81\x0c\x7f\x7f\x84LA"\xd7\x85\x12G\xa1\x1a\xb2\xe1\x0e\xf5\xda\x83\x88\xc5\xf9\x0c\x19\x15V\x1d8\xe3F'</t>
  </si>
  <si>
    <t>b'\xed\x9c\x1f\x15)\xc1\x80\xe1\xa1Y\xac\xe7\xcfZ\xbe\x06B\x04\xe7\xa8"\xca%\xd9be\xdf(iv\xfa\x91'</t>
  </si>
  <si>
    <t>b'\xc1(\x9f1k\xfc\r7G\x00^+p\x9b/:n[,\xe6\xd8&amp;\xf1p\x92`@i\xb5\xc7q#'</t>
  </si>
  <si>
    <t>b'\x0e1\x1d\xcf\xb8\x9d\x15\xd6\x84\xd1\x0f\x16F&gt;1K\xff\x1d\xa4\nC\xe8\xde\x8d%\xba\xfa\xfe\x84\xd7\xff\x8d'</t>
  </si>
  <si>
    <t>b'\rk\xbf\xab\xf8\x81|\xf8\x03\xaa\x1bRt\xbf\xe6\x1eQ\x96\xcb\xf8K\x9d\x11\x98\xa6\xb2\xcf\xbe\r)\xec\x9f'</t>
  </si>
  <si>
    <t>b'H\xbf\xa4\xd4\xe7\xe0\xc3\xbbH\x17\xb6UQ\xe8\x8cM\xaf\xbf\xdf%\x0f"\xa1\x81\xd6z\xec\x8d\xc5\x97d '</t>
  </si>
  <si>
    <t>b'\xa1\x90\xc8\x06\t\xd7B\x89N0\xee\xf5u!}\xaepr\xd8\x8a\xec\x1d\xdc\xbe,\x8b\xae\xbf@S,\xb6'</t>
  </si>
  <si>
    <t>b'S3\x0e\x8c\xb6u\x83 "\xbcsG\xbe\x9bI\xe2\x8cm\xf3\xdb\x8b\xe1\xec ;\x80\xf9\xf3{\x9c\r\x92'</t>
  </si>
  <si>
    <t>b'\x83A\xbe\xc1W\xa8\x18:\xf6\xe2c:\xaf\x05\xbd\x83\xd5\xbd\xd1\xf2\xe9L\x18LW=\xdc\xdc\xfdx\xa5j'</t>
  </si>
  <si>
    <t>b'\xb9\x87\xd3\xa7\xfe\x12\xe6\xe1o-&gt;\x82\x1d`\x17\x8e\xe1\xc2\x0e\x9d\xa1w[4\xa1DD\xff\xc2\x07\x89\x00'</t>
  </si>
  <si>
    <t>b"^\tz\tA\xddGR\xe3@b\x17D\xa5D\x0f\x04\xd4\xd1\xc7e'\xc4w\x0f0\xb1\xb5\xc8\x96?J"</t>
  </si>
  <si>
    <t>b'\xaf&gt;\x92\x1fX\xd8\xd0\xcc\xa0I\x80o\xe1\xe12\xd8y\xf3\x9a*\xf2\xbfL\xf2\xb5\x88\x06\xe2*\x88\xd1a'</t>
  </si>
  <si>
    <t>b'\xbf\x9f\x81,\xb4p\x89\xe4\xd1K\xa0\xb7(N6j4h\xd0W\x87NQ\xd7\xf8\xdf\x18\x9c.\r%\xb3'</t>
  </si>
  <si>
    <t>b'a\xd3\xb1\x16\n\x8d\x92\x05\xb5U\xe5\xe4\xcaDL\xa6\x86\x1a\x18\xad\x9c&amp;\x92\xff\x8fWJA\x00L\x9f\x1f'</t>
  </si>
  <si>
    <t>b"\xe2JP\x12X\xbf\x1dj\xc8\xd3\xdb\\\xe3\xcep\xfd\x1a\xf6'\xe1\xa0uf\xe4\xe9\xdb\xa9k%\x11rH"</t>
  </si>
  <si>
    <t>b'\x87,\xaf\xb4\xb5O\rT\x18\xf3\xeb\x82W\rg$ D\xb5\xbd\xbafuT{)\xd7\x1c:\xcb\xa0y'</t>
  </si>
  <si>
    <t>b'\xd7bBr%\n_x^\xder\x17v\xe9\xe4\x17\xca\x06\xc4\xcc\x0f\xe7\xc8u$\x9aZ\x0f\xf58G\xa1'</t>
  </si>
  <si>
    <t>b"f\x12\xa6\xdfOT''\xbb\xdc\xact\x1cI\xda\xd0\x1f@\x89\xa4\xef\x18\x7f\x9a#\x8d\xe6c\xc4\n:\xf7"</t>
  </si>
  <si>
    <t>b'\xce\xb5\x8f\xfb\xcf\x9e\xb8\xb4[i\xf5y\xa8i\xb5\x84\xf4\x10\xca\xbaU\x1d\xb5\xae\t.Bi\xa75\xa6\x03'</t>
  </si>
  <si>
    <t>b'\x7ff\xb4\xa7\x14Y\x14x\xf7*\x9f*:b\x9dFU?\xe5\x91\xe4\xe7\x86&lt;\x14\xf5\xec\x8cd\x85g\x15'</t>
  </si>
  <si>
    <t>b'\x1fH6\xf8lj\x84\xc5\x8d\xc5D\x13\x02I\x8bZx\x9f#\xc6\x88E\xb9\xc4\x8cK\r)Y\xec\x81K'</t>
  </si>
  <si>
    <t>b"#\xc2\x1e\x8a\xb1\xd4'\xb7\x0c\x8b_\x83\xbbD\xdd\x9a|\x0b\xdf\xe768H\xec\x0b\xbe&amp;\x82%\x8b}\xb0"</t>
  </si>
  <si>
    <t>b"p\t\xe9\xd1\xc8\xc1$e\xb4\x93\x9d\xcc\xf7\x99\x1b\x86n&lt;\xb9$k\x7f'NS\xb5\x17\x0e\x8dbMn"</t>
  </si>
  <si>
    <t>b'\xba[\xb4X\xca\xd5\x85\xc3\xa89\xbd\xd7\x8b\xff\x84\x8cs\x9c\x90\x8e\x1a\xa2^\xd6&gt;O\x15\xbf\xd8\x90\xdd\x89'</t>
  </si>
  <si>
    <t>b'&amp;\xff[\xb7\x7f\xbe\xe6g\xf9{L\xfa\x0e\xd4\xcf\xda\xc7v\xff\xb7vw\xf9\xae\xc2L\x06\x10\x9c\x02\x83\xf2'</t>
  </si>
  <si>
    <t>b'\x1c\xec9]A(\xfdg.\x1e\x88\xe7\xec\x8b\xe5h\xcbd\xdeU\xa6\x0fa\xb9)\xfcT\xb2?\x8e@z'</t>
  </si>
  <si>
    <t>b'\x04A!\x0c\xf8\xdd\x92Y.\xe7\x81\x08\x0b\xde\xfd\xff\\M)\xe7\x9f\xf6\xca)\x1dw%\x82\xae\x1ewW'</t>
  </si>
  <si>
    <t>b'A:&gt;\xc8"E\xfbv\xb4\xefu\xb0\xdc1:-\xa9u\xbe\xed\xea&gt;t\xf0X\x97G\x81\xb9\xf7\x8f\xcb'</t>
  </si>
  <si>
    <t>b'\x99su\t\xeb\n{\x81&amp;\xa2\xd6\xd8\x00\xde\xb8\x9e\xf8g\xfa\xd8W\x87\xd8\x8e\xd1V\x01i5Z\xb9\x17'</t>
  </si>
  <si>
    <t>b'\x83\x90=\xf0\x96&amp;\t\xdf\x869\x8f\xe3Tu\xd6xQjX\xf9\xadAhB1L\xf2f\x08\xe2\x01\xfc'</t>
  </si>
  <si>
    <t>b'\xb6\x85\xea\x93Sy;:_\xe5\x9eA\xa0\xce-\xf8\xfb\x14\xc9\xc0\xd9\xd6\xb2\x9d\xc8\xfcH\xa8j\xf9\xb3='</t>
  </si>
  <si>
    <t>b'\xbcF\xcb\x97\xd0\xc1\x80\xb8\x8fB7\xf0Y\x14\xfa\xfd\x8f\xf9\xdc&lt;Ir\xb3\xe1c\x949?\xaa\xd8\n\xfe'</t>
  </si>
  <si>
    <t>b'\xc3\xcf\xe1\x99\x84$\xa4\xd0&lt;\xa6O\xf7\x08)\x18\xef}z\x84i\xc2B\x18\xc6\xf5z\xae\xcb\xa9\xa1\xe3`'</t>
  </si>
  <si>
    <t>b'\x12\x1b\x1e\xb9\xafD%\xca\x0e\x10"-\xa1\xd7\xdb+\xdb\xe5\xaeni\x93]\xe3\x0e\xf4Sg\xd0\x04nk'</t>
  </si>
  <si>
    <t>b'\x8e_\x86\xa4\xa0A\xc5\xbb\x8e&amp;w\xf2\xc6r\x84\xac\xbb\x0b]\x88\xb9\xcd \x85\x1f\x165\xcb1\xf6k\xe6'</t>
  </si>
  <si>
    <t>b'\xa0\xb6\x1c\x9d\x1d\xd7,\xef"\xa2\xf4A\xa1\x8eR\xf8\n\xa8n\xf3\xf61\r\xc2.ua\xb6qd\xf4\x80'</t>
  </si>
  <si>
    <t>b'\x99H\x12aZD\xb6\xcc\xf6\xd3&amp;\x95\x92H\xf17\x8d\x98]g\xc1:\x8a\xe7G\x9e\xf6\x98l.E\xd6'</t>
  </si>
  <si>
    <t>b'H\xa3\x97`\r|O\x18\xd5|\x05\x85\xbbx\xe1[\xa7Q\x05\x0f\x9f\x9b:\xf9\x88s\xd6\x82\xed\x01\xb7\xc3'</t>
  </si>
  <si>
    <t>b'J\xab\x03\x8e\x88W\xe4\x9e8\xaf\xd5\xa5mV\x7f\x1bS\xfe10n\xe5\xe0\x93\xc0\x14\xdaI?\xd1\xde\xaa'</t>
  </si>
  <si>
    <t>b'E\xce\x95\xa8\xe9[\x94\x92H\\2\x9d\x1c\xfc\x10u\x94\\\xce\xb7\xba\xa1k\xda\xf7S\xb1\x01\x19\xe9"\x9d'</t>
  </si>
  <si>
    <t>b'ik\x180\\\x98GS\xbd[:\xcc\x1c@\xa2\x84w|\x8e1#X\xe4\xad\xfd\x1bO7\xa1\x12\xbf\x81'</t>
  </si>
  <si>
    <t>b"\x0f\x16\x95\x9fWS\xe9\xbd\x16A\xd3\x8a\xe2\x00\xbc\xce\x17\x91r\x021\xafZ\xd3Y\t\xd4'm\x90\xde\x16"</t>
  </si>
  <si>
    <t>b'XM\x1e\xa2\n\xda\x85I\x13\x87\xc7\x0en@8\xeb\xbcq\xc5q_\x91\xf2\x93\xc7\xb4\x8bB\x99\xb7\xb16'</t>
  </si>
  <si>
    <t>b'/\xf5\xaa\xa1\xdb\xafU/[\x82Z\x94\x90\xd7\xd6f\xd7_z\x00t\xa1\x97(Y5\x98\xed@\x8a\xcb*'</t>
  </si>
  <si>
    <t>b'*\x8e\x7f\xfc\x01\xde%1\xe7\x84\xf2w\xb1\xd8\x04\xc4)]\x9b\x85\x0e\xba7\xc4\xe3\xba\xc5Un\x084@'</t>
  </si>
  <si>
    <t>b'oIH\xc93\xfbp\x08\xbd\xdf\x9d4\x9eUX\xb3\x10Yn.\xddM\x13 82\xaa\xc8\xda\x9cyN'</t>
  </si>
  <si>
    <t>b'\xf3\xfc\xd9.B\xd5\xb0\xdeQ~\xdf\xf4$\x07DF5y$\xd9\x94\x8e2\\0\xc2\x8a\xcc!\x13\x05\xfd'</t>
  </si>
  <si>
    <t>b'\x90\x12\x07`\n\x90\x8dD\x88\xb9j\xf1b\xf5\xa4\xc4\xf6f\xec\x96~F\xc4U\xe4\xd5Os\xd6\xc3oO'</t>
  </si>
  <si>
    <t>b'\r\xc2\xf7:&gt;\xbb\xed4k~\x0e\x8dHJ\x1a@ \x18_\x87\xfb}=\xfe\xa3\x0c\xa9\nE\xd7\xb3$'</t>
  </si>
  <si>
    <t>b'v\x15)&amp;|\xd56N\xcb\x86\xf9o\xb7\x8c\x02z\xf3\xad\x1e\xaf\x8b\x19\x85\xf1\xd15\xaf\xc2\x87u\x1eg'</t>
  </si>
  <si>
    <t>b'\xba\x8f\xc6yiK\x8e\x18B\x94\x04\xb4a7o~D\x96\xdd\xa4O\xc6\x9f\x8dg\xb2\xc9\xba\x9c\xc7p\xb0'</t>
  </si>
  <si>
    <t>b'r\x996\xb3\x0e\xca^\xa5\x08\xec\x17\xb3lS\xf4:\xb1l\xccs\xd76\xba\xfe\xa7\x0b\xa1h\xbb\xae\xefT'</t>
  </si>
  <si>
    <t>b'\xb4\xce\xa7,.8|\xc7\x9ch1\xc0\xa0\x8c)\xc3l\x11\x13\xccD\xf1\x18\xc8\xfd\x1b\xd8\xbb\x92\xfcR\n'</t>
  </si>
  <si>
    <t>b"\x8a\xbb\xaf\xda'\x1f\xf0i\xf8C\xa1\xb1\xc32\xb2\x86%\xd2\xbd\xc2!\xbd\xde\x05\xbcW\x0e\xb6o\xe0\x86\x06"</t>
  </si>
  <si>
    <t>b'\xf7\th\x14\t\x8d\x17\x9aj\xbc\xa5\t8&amp;V\x9d\xd1\xbeN\x98z\x96FI\xd6\tI\x08\r\xbb\xda\x86'</t>
  </si>
  <si>
    <t>b'6M\xb9k\xc62]XK#\x0c\x0f\x85\x8f\x87\xf9\x1d\x10\x03Z\x9eo\xe2(\xe5\x9b\xe9\xd1\x91\x8f(\xde'</t>
  </si>
  <si>
    <t>b'\x13\x1ds\x08o\x80W\xbf\xc6T\x97\xc0o\x86\x94\xba\x82 q\xf2\x9f\\"\x10\x92\x8e\xbc\xf0.[\xb0\x87'</t>
  </si>
  <si>
    <t>b'\xbfA\x11\x12\xa5\x9f\x89\xe8)\xc6\xad\xda\xed\xa0\xf4\xeb\xfe\x8c\xa7\x18l\xac"\xe8of\x93=/\x1c\x8c\xde'</t>
  </si>
  <si>
    <t>b'\x1cC\xc3\x1ed\xe7\xba4\x16-\x92m(pi\xfat\xb8fnd\xa6\x10\xe8\xa2?\xa5\x16G\xfe*x'</t>
  </si>
  <si>
    <t>b'Y\xd3\xdf\xda\xf3\x16&gt;\x10v\xe8\xd4\x198\xb1B\x08\x88\x90\xa7Q\x05\x9c\x19&amp;\xa9;\x16k\xe91\x1e3'</t>
  </si>
  <si>
    <t>b'\x1a\xe3\x06\x98#\x84\x18\xac~\nT\x1d\x8a\x176\xcb\xc3v\xf7\xf6\t\x84\xd2\xe3\x92?\x9c\x1d\xd3\xa2\xc0\x14'</t>
  </si>
  <si>
    <t>b"\x85\x06B\x18vGh$\r\xcc\xfe\xd7\x94!\x85\xf5w\xf1\x14&lt;x*\xde\x1f\xf8\xde\x15\xd5\x89\x87'b"</t>
  </si>
  <si>
    <t>b'\xba\r\xef\x0c\xfe\x11!&amp;^F.\x94\xb2[k7\xecX\x13X\xf3\xbd\x1a\xb0\xec\x12\x1b+\t\xdec\xfe'</t>
  </si>
  <si>
    <t>b'\x8b\x83/\x02\xd6d\x8e\x0b;\xfc\xf0\xb1\x1a\xc1Oo\xd4\xc1\x9b\xc8\x9c\x922\x91Y\xca\x90\x1c\xb8\xdaq\xef'</t>
  </si>
  <si>
    <t>b'\xd5\xaaxW\x12\xe2\x01\x08|\x84\xb1\x11u\x92\xfd\xcaAjJc\x7f\x0e&gt;\xd1\xf0\xc1\xccI\xcf\xa2%e'</t>
  </si>
  <si>
    <t>b'dH\x1e\xd0jc\x10\x0b:]\xe9}\x0e\x0c4 ^\x00x\x88\x0bI4&amp;h\xbe\xecbP\x93\x11\x90'</t>
  </si>
  <si>
    <t>b'\xad\xe9@\xb4\xdd\xd7\x19\xb2\xa6\xea.8\xd7\xb1\xc1\xf0w:\t\x14T6\x01\xa6(\x0b\x93\x05l`+\x9e'</t>
  </si>
  <si>
    <t>b'\xcd\x9f\x98\xa7\x02\xec\x03x@\xae\x19"\xfd\x7fPck\x19J\xa1\xf2\xbb\xdcF\xd5b\xbd=\xb4\x8c3\x15'</t>
  </si>
  <si>
    <t>b'F6\xd0\x90\x19\x98\xe8\x94\\y\x01\xde\xa2\xfc\xcc}P\x0b\xa0\x15\x0e\xae\xd2(&lt;i\x9a\x13\xae#\xea\x1a'</t>
  </si>
  <si>
    <t>b'8\xa8M\x903\x18\xa5wJ(\xf1\xa3;\x99\x17?\xff\xde\xb6\xec\x07\xfc\xcf\xce\xe1 cy\x06\x19\xa8\x0b'</t>
  </si>
  <si>
    <t>b'S\xf9L\xc6\xfer\xac\xc5\xcd\x9f\xe4\xdb\xa9.\xbd\x99\x0e4\xca\xae\x94I\x00\xe1\xce\x16\xa8ey\xf0\xb5\xed'</t>
  </si>
  <si>
    <t>b'!\xccyR4`\xdd\xc3\x80\x81\xe12\xc3\xe7\xa1\x01K\xdd=\xf9?`\x83\xcd\x95W\xe3gAU\x16O'</t>
  </si>
  <si>
    <t>b'K\x82gG\x1c\x9d\xaf\x9f\x94\xa2:|\xd67\xd8ez\xba\xc6job\xb1\xac\xd0\xe8\xa5\xab\xae\xa5\xd8\xd9'</t>
  </si>
  <si>
    <t>b'b\xe4\x17\x05\xee\xa4\xaf\x91\xaf\x89\x17G\xcf\xf3\xdb!\xafY\x85\xcf\xe3\x9d\x01\\\xb8\x8f\xca5&gt;z\x98\x08'</t>
  </si>
  <si>
    <t>b'\xb6\xfc\xb9\xef\x95\x0e\x81\xcbe-\xba\xe6~W(q{vm+\n\xf0LqL\xffu\xba\x86\xcd\x11j'</t>
  </si>
  <si>
    <t>b'\x02J\x01\xef\x96h\xea&amp;U\xbdj\xd8\xa2\x85\n\x93\x99\xc8\xb5\xe3 \x83f\xc8\xa6(\x83\xc5ksR\x82'</t>
  </si>
  <si>
    <t>b'\xe1\x86Z\xd28\x80\t\x1f\x9d{\xbe\x9f4+1h{o\xfa\x00\xb7\x9a\x1f\xf7\x9c\x82.\xa1\x8fI\x97\xde'</t>
  </si>
  <si>
    <t>b'\xfb\x89T\xc2#c\xbd@\x80\xb7\xec\xf1\x88\xf2\xabj\x87\xa9\xd6Q\xfa"\xdcs\x10\xcf7\x86T\xf25\x85'</t>
  </si>
  <si>
    <t>b'\xefe&lt;2-\x97f\xf7Z\xda\x97\x12\xd1\xd3\xac\x94&lt;R\x81\x99\x91&lt;Gu\xae\xa6b~\xc1\x87u\xd0'</t>
  </si>
  <si>
    <t>b'\xa75\x18\xb19\x08\x03?\r\xe8\x99\x01\x95_p\x8d\xe8R\xbb#\xc5V~\xe9RtI\x89e\x8d\x93\x95'</t>
  </si>
  <si>
    <t>b'\xbf\x7f\x16\xb2laJ\x15/\x03\xe54L\x0b\xe6a\xd9\x12Q\x96E\xe0\x03\xa1\x02A\n0_d\xbb.'</t>
  </si>
  <si>
    <t>b"^K\\,\x06\xf9\xe7\xfd\xcd\xd2w\xe5\x1ee\x17\xb2\x93\xc6\n\x12\xda\xb0\xb9\xc2\xc1E\xc4T\xfd\xc6\xfa'"</t>
  </si>
  <si>
    <t>b"3\x15\xc9Y\xe4L\x9f\xf0Q\x8a\x8e$\xec\xda\x94IVx\xa9p\x10\xa4\x0e'\xac\xb5\x96Z\xb9o\xeb\xc3"</t>
  </si>
  <si>
    <t>b'\xde\xd6\x1b\x96\x9ct\xa0\xba\x9b`\xa9\xefD\xbf\xfc\xc0s"\xc0\\b\xbc\xb0Q\xe7\xb9J\x0b3\xdb\xf1 '</t>
  </si>
  <si>
    <t>b'Bg\xb4\x82;\xa6A\xe1p$\x9ae\xe3\xf3I\xd3\xc2K/\xd8;G\xe4\xc8\x1cS\xd8\x8f\xe4\xb5@#'</t>
  </si>
  <si>
    <t>b'\x8e\x9f\xdf\xcaF\xde\xbcn\x95\xb7\x15\xc3\xba\xe2\x1aWF\x1b[\xa0@n\xee\x18\xae&gt;0\xa9\x97\x03\xba\xa2'</t>
  </si>
  <si>
    <t>b'\x93C\x83\x80\x8d\x81\x817S\x86\x15y\xd9u\x80\x0be\xa7\xb7ks\xf1\xe1)\x0cQf\xe5J.I\x9c'</t>
  </si>
  <si>
    <t>b"\xec\x9acU\xd0\xc8\x80\x80zk\x97[+\x88\x15\xd7'\x94$\xd7?\x01Q\xdc M\x08\xb6\xe0\xe2\xc8D"</t>
  </si>
  <si>
    <t>b'\x01\xaa\x11\x87J\xba\xbc{\x11\xf0\xeb\xc6g\x87s\xbf?e\xd2\xb0\x04[c\xa1\xee/\x97\x01\x02\xa6\xd2h'</t>
  </si>
  <si>
    <t>b"oT\x0e\xc1\xd6\x1b\xef\xeb\x91\x7fG,\xd4\x93A\xde\x15\x8e\x1d\x9d\xa1*\x94\x13\x17\xcc!'\x14\x16\x8bC"</t>
  </si>
  <si>
    <t>b'\x84(\xd4[\xc7\xe2k\x87\x8a\xdb$1\x1bg\x82Z\x11\xc6P\x1e\xb7\x05P\xf4\xe0\xc0T:V\x8a\n!'</t>
  </si>
  <si>
    <t>b'e\x08\xd20\xb6}\xb6\x0f|6\x062\xfd\t\xe7\x90q[\x16\xb7GsE\xddu/\x9e\x10\r\x82Y\xe2'</t>
  </si>
  <si>
    <t>b'\xc0\xc8\x83\xd4\x7fL\xfc\xd7\xeb\x8f\xec\x89\xc9Ka\xb4&gt;\xed\xe9\xaeOi\xea\xa9\xfdsB\xa2Yy\xad\xf7'</t>
  </si>
  <si>
    <t>b'V\xe8,SG\x18\xfa\xeb\x98t\xd4@\x90h2\xa4k\x8cB!\xb3m\x80V\xcdi_\xadlH\xef\x86'</t>
  </si>
  <si>
    <t>b'IC+\x92\x13ze\xdd\x8b\xb0\x94qg\xa9\x1eL\xc1\xe5+\xa8V"\x9f\xb5HS\r|\x9a\x08+\x98'</t>
  </si>
  <si>
    <t>b'3\xbe\xdf$}\xf7\xefJ0\x96\x00\x81\x1fj\\\xe7|:\xa9\x1d\xf7\x0e\xf0\xc1Mr\xe9\x81\xfe\xaeWB'</t>
  </si>
  <si>
    <t>b'5\xecg-R~\xa1v\xd4\xe2\x06P~\x019lD\x83\xbc\x8eV\xf8&lt;\x08\x0f\xfe\x11\xde\x18\xb7\xe5\xe4'</t>
  </si>
  <si>
    <t>b'\xaf\xb0\x81\x86\\\xa8\x82}E\xd0L\xbd&amp;S\xc3S\xeb\x94\x88a\xba\xdf\x8f\xeb5\xe6Z\x94\xa6^~\x15'</t>
  </si>
  <si>
    <t>b'&lt;U\xbd\xf0(\x18\xa71\xa9r\x9f\x8c\xd0\x01\xb8r\xbdx\r6&gt;\x85\xc0\x80T\x94\xe7N\xf74j1'</t>
  </si>
  <si>
    <t>b'\x10k8\x8b.\xe8b\xc7\xa9\xd4O7\x92\xd0z\x1b\xa0\xaf\xbfbzi\x05\xf0\xc4\x0e\xbavy\xbbX\xd5'</t>
  </si>
  <si>
    <t>b'\xec\x1b\x8f4\x82g\xc0\xf97\x11\x02\xf5`\x03\x9a\x1f\xc3]\t\xa7@.\x07\xea\x9a\xb8}j\xce\xa2u\xfb'</t>
  </si>
  <si>
    <t>b'\xa9\xe4\x9f*\x1c\xbb~\x1d\x8d\xda(\xb1\x97\x96~\x83Q\xca\x03I\xe0\x0eT\x84\x03\xbd\x16[bf\xc3{'</t>
  </si>
  <si>
    <t>b'FY\xa7\x00U\x0b-\x8bB\xdb\x95{\xed,d\xe7:u0d\xeb\x03\xa4\xaf\x14d\xf1p\x80\xaf\x1d1'</t>
  </si>
  <si>
    <t>b"\xd4\x94\x06\xac3(\x1f\xd70\xf2\xc2\xc8\\\xd9Z\xcb\xe6\xfdV~\x8bO\xb9\\\x9f*\x88\xd1'\xaa)\x02"</t>
  </si>
  <si>
    <t>b'\x8e\x00\xcfi\xfb?\x12r\xd9\xacK\xc7\xed\x03\xbfq\x1d\x0e\x98\xb5u\xda\x1cX\xb4VA!\xc0\x86,r'</t>
  </si>
  <si>
    <t>b'.\xf3\x1d@0\xf7\xa8\\\xd6\xa6{gY\xec}(x\x82\x10\t+\xe6C\x01\xfc\x0c\x9cz\x16\xbc,\xcf'</t>
  </si>
  <si>
    <t>b'\xb5r\xa8\x834\x86`\xd7e\xe9\xd7\x94,\xb9W\xea\xbe\xc1(\xa1\x92\x19\xfd\xfcK\x94\xcc\xaeX\xf3\t\xa2'</t>
  </si>
  <si>
    <t>b'\xdaEsa8F\x921\x9b\x97\x92w_\xaf\xe4{1\xf4\xb9\xf4O\xd7\x13\xca\x9do\xdcW$-\xe6\xed'</t>
  </si>
  <si>
    <t>b'\xe7\xd6 \x9eaP\x08]\xca3L\xf1\x99\xa4~dS\xa2J\xde\x14\xdf5^\x92`@\x1c\xdc\x0b\x14-'</t>
  </si>
  <si>
    <t>b'{\xe6\x87\xb3k\xeaN\xc5\xb1\xae\xe3]\xf0\xaf\xf8;\x84\xc13\x1c[\xd6\xf7\x89\xc6\x1e\xf8\xf0\xd1d\xd3\xf3'</t>
  </si>
  <si>
    <t>b'-$\xa4\xef\xc6\xc2\x1c\xbc\xe2[L\x11\xe8u\xd1\xd9\xaa\xaf\xbd\x97\xb5\x93{P\xba7\xb1=\xb6\xc1\x9c]'</t>
  </si>
  <si>
    <t>b'.\xd8r*o\x84\xac\x95O\x13\xff\xc6\x11\xf2\xa7H0\x8eB\xfb\xc8.\xd2\xbd\xcf\xeb\x8f\x9e\xa2\x97b\x90'</t>
  </si>
  <si>
    <t>b'\x97\xe9Z0\x84\x9e\xd2Mq\x06\xed]\xe0\xcd\xa6\x04/\xed\xdfS_N\xcd\x03=\x0c\x1aWn5\xf4\xcc'</t>
  </si>
  <si>
    <t>b'\xf4\xfc\xf4\xf1&amp;\xa4\xce\x01\xe2.\xe1\xe3%\xa5xd3/A\xc6Z\xac\xa9~q\x97v\x87\xd2\x95\xde)'</t>
  </si>
  <si>
    <t>b'5\xdf8\xa7\xb2Xf\xa2\x1b:\xc7\x19&gt;\xb8\xda\\_\xce\x05\x9c\x0c\x06\x10$\xd9T}\x88\xf71n\x1c'</t>
  </si>
  <si>
    <t>b"\x0bS\xe8R\n\xaf\x97'\x15A\n{;\xf6\xe9e\xa3\x9a\n\xe8\\x\xd9\x03\x10)\x8f\x19\x92MiH"</t>
  </si>
  <si>
    <t>b'AfH\xfab\xc3\xc8\\+\xcc\xdcPr~\xca3\xc3\xf6\xf4_\xee0%\x7f`\x1b[\xe0\x8dW\x817'</t>
  </si>
  <si>
    <t>b'\x90c\x9b\xb3W-&lt;*M\xc5P\x8c\x1e\t\xc3\xc3\x84\x10(\xa6\xb3\x07\xc4\xa0\x8b\xcd\x19\rwXtb'</t>
  </si>
  <si>
    <t>b']\x8b!qt\x7f\xbe\xda4\xfch+ 6\xb3\xe0\xb8\xf0My\xf8\x8c\x97,&amp;U\xbe\xd6\xa9\x1a`&lt;'</t>
  </si>
  <si>
    <t>b'\xae\xe6g\xefa\xed\x83t4\x99fp\x05[\x18z\xa0\xc74CU\xab\xb7\x81\xec\x1b\xc2\x86y\x9eq\x92'</t>
  </si>
  <si>
    <t>b'\xc8\x10\xa7\x9c\xec\xb5`^\xcb\x93\xbca\xad\x04\xa6\xca\x0b\r\x12\x9e;\x01\x0e\xbbk\x0c_\x86\x12\xcb\x125'</t>
  </si>
  <si>
    <t>b'\xae\xd6/\x17xU\xd9P_D\xa6\xf6\xd5\xd5U\xed\xb4\xaa\x81\x00L/\x14\xd8\x9e\xe5\xd1Z;\x1e\xc6\xcf'</t>
  </si>
  <si>
    <t>b'\xb1\x14]S\xa2J\xdbp\x0cW$\xf9gJ\xf3\xbc\xcamR\x05=\xa6\x03\xd2\x07]r\xd6sX\xb9H'</t>
  </si>
  <si>
    <t>b'\x19:vXr\xc1\xed\xa1\x92\xd9\xd4\xd2:\xdbG\xa6\x1d\xa6\xbdn"\x93\xa3\xac\n\xdfq\xed\xfd\xb1h\''</t>
  </si>
  <si>
    <t>b'[V%\xd9\xa3)\xc6\xb8\xbc\xf3k\xc4\x1f\xd7J\x9e\xe0J\xd3\xff\xeb\x19\x8c\x18\xben\x82l\x14B\x83\x1a'</t>
  </si>
  <si>
    <t>b'i{\x89\x9d\xaeR)\xde\x11\xc5\x98\xe8V\xa9]x\xf6\xb4N#=\xc7\xc1N\x1a\x95\xe9\x12\xbf\xc7\x17^'</t>
  </si>
  <si>
    <t>b'&amp;\x98\xe1\x89\xad\xdd\x05\xc5v\xb1W2F\xc7\xbe\x16\xbdV?{ \xebQZ\xa8"`&amp;\x9d\xfb1X'</t>
  </si>
  <si>
    <t>b'\xcesv\xd6&lt;\x05]\xc1\xf6\x05\xe0\x00\x9c%\x9f*\x02a\x16\xdc\x9a\xd8\xfauJ\x9a\x9b\x11\x94\x19\n\xc8'</t>
  </si>
  <si>
    <t>b'\x18\xd9\x06\xa7\x94O\xe0\xfdm\xe0a\x99v\xb3f\xc14\xdb}\x9f\x8c\no\xfc\xfe\x81V^\xb0\xe1\xfa\x9f'</t>
  </si>
  <si>
    <t>b'\x0f\xf1\xac?\xec1\xc3 &amp;\xbc\xb1\x0b!0\xa8\x07(j\x03C\xf7\x10\xcb\x9f\xba{\x9aH`\xbe\x1a\x9f'</t>
  </si>
  <si>
    <t>b')H\xc8\xa1r\xf7\x0e\xd8z\x96\x83\xc6\t\x04\x82\x91\xc3\xab\xee|[\\h\x0c\xd2F\x06\x8fY\xe9j\x03'</t>
  </si>
  <si>
    <t>b'\xf1\xf6\xb2\xffy\xcc\x1dn$\xa2i\x02\xaa\xfab\x98\\Dk%[5n\x15P\x8e\xf1\xd9\xc3\x1e\xef\x1f'</t>
  </si>
  <si>
    <t>b'G\xfb\xcb\x9csM\xabf\xff#.\xc6\xc9\x91 \x93\x806\xceU\xb5\x1c\xc4x{t\xcf\x04P\xc3\x87\xb8'</t>
  </si>
  <si>
    <t>b':\x8f\xd0\xb6\xa6\xf1\xbc\xc4\xef\x98\xa5\x10\x03\xdd\xce\xbd\xdci\xc3\xcb \xb6\x10\xa3\xcf\xff[\x83p\x03\xcbd'</t>
  </si>
  <si>
    <t>b'v\xee\xee9g\x9d\xa2\xeb,\xa4\xc5\xcf\xecz\xf7\xfc\xe87\xfai\xd43\xc9\xe8 \xd5\xfdL\xfb\x92a\xde'</t>
  </si>
  <si>
    <t>b'\xcaab\x19;\xb2\x8f\x94\xadnzV\x9c\x015"\xab8$\xf5\xe1\x8f\x0c\x8e;\xd4\xc3\xb2\xa4\xf8(w'</t>
  </si>
  <si>
    <t>b'\xc0h\x0c`S\xed\xac\xc0\x1c7\x10%\x0e\t+U\xd5\xf09-\\\xa3J\\\xbe\xbe\xee\xd9\xf1,K.'</t>
  </si>
  <si>
    <t>b'\xec\x9e&gt;r\x84\xee\x95 ^\x97\xbd\x9f!\xca\xf3\x1e\x86\x0c\xeb\xect!\xbc\x8b^\xc6E\xd2\x04gV='</t>
  </si>
  <si>
    <t>b'\x80\xfe\x1eE\x0c\xc2I\x85\xb0_\x97v\xa6\xee\\!\xa5T\xda\xab\xfa\xcd\xda\xc3\x171\xf3g\xab\x1bR`'</t>
  </si>
  <si>
    <t>b'4o\xbd\xcb\x92\xd33|\xe7\xe2\xe5\xe5\x00\xe6!K\x0b\x1f\x8c\xda\xec\x97\x88\xc5x\x8c\x1b\xe8\x87\x0b{\xa2'</t>
  </si>
  <si>
    <t>b"-H\xd7\xce,\xd1{\xa9\\8\xca\xd4\x8b\xec\xce,0\xbb\xdc\x12\x93\x01'%^\xd7J\x00p\xa7\xe5V"</t>
  </si>
  <si>
    <t>b':\xf7\xf4\xe8\x86\xe8\xd0\xcc\xcd\xb2\xc87y\xed%e\xdaK\x1d\xe3\x83MoG\x89\x0f!hzS\xb2\xfd'</t>
  </si>
  <si>
    <t>b'\xbf\xd2[.\t\x8b\x04:\xca1\xde\x94\x97\xb1;\n&gt;\xaa"\xdbA\xeea-\xab:\x0f\xf7$ `p'</t>
  </si>
  <si>
    <t>b'-5\xa0c\x91 b\xfdLW\xa0\x9fT\xac\xc5\xb0\xbe\x93z\xda\xbd4\xd7\x0f/9vOC\xa6&amp;x'</t>
  </si>
  <si>
    <t>b'm\xf7&lt;\xd6\xe8y0e\xaf\x16Q\x9b\xbc`\x18\x02\xb1w^\xa1T\xc51\xfa\x08\t\xac\xbfW\x82?\x05'</t>
  </si>
  <si>
    <t>b'5\x8amz\x19\xa7\x95\xf2\xdb\xa0&gt;`\xbbuU\xa9i\xd1"\xa4\xc8v/f\x94\x94\xff\x19+d\xba\xa2'</t>
  </si>
  <si>
    <t>b'%\xea`\x1a\x17\x02\xfd%(\x1a)\xcc\xb9&amp;\xef7F\xba\xd7l4;\x05[\xbeD\x1b\x13\xc6\xb6;L'</t>
  </si>
  <si>
    <t>b'|\xa7N\xdb\xba=i\x8fl\x88\xc5\xac\xb5\xd6\xf6\x0be\xd66\xd9\x18\xb8g\xd8P\xbeUftQ\xd0b'</t>
  </si>
  <si>
    <t>b'\x82\xe8y\x14\x98\x98\x88;\x1d\xff\xf1A \x8dYl&amp;\x97\xe6\xe4n\xbe9kh\xc4\x9b\xf2\xc9cZ\xa4'</t>
  </si>
  <si>
    <t>b'\xba?3\x92l\x18\x8f\xf6\x9dN\x0bc\xe1\xben\xc82\xef\xaa(\\}\xbaI\xa90L\xf5\xdb\xd5\x957'</t>
  </si>
  <si>
    <t>b'\xb0xE[\xf5\xc5\xc0\xf2\ra\xa5nY\xf5|\xfeX\xc78\x11\xdf{\x04\xf1\xa3T}\xdc\xeb\x8a\xac\x1e'</t>
  </si>
  <si>
    <t>b'6\x8eJ\xdd\xebJ C5z\xb2\xdf\xfc\xf6\xc9\x9a\xd5K \x14j\x84\xfe\x10\x0c\xbb^w\xf9t\x92\xac'</t>
  </si>
  <si>
    <t>b'\x86\x1f\xa6\xb1\x83fS\xdd!F)\xb8\xa6\\\xe9\x1cw\xceE\x1f&gt;Mp\x03\x1c\xf9PP\xb2\x82u\x9c'</t>
  </si>
  <si>
    <t>b'T\xb0\xa0\xa4]\xd2\xe8\xaf,G\xa6\xdd_2r\x01\xd9\x07\x90\xec\x99\xa9\x91\x02w\x9eI\xcbD0\x80\xf9'</t>
  </si>
  <si>
    <t>b'\\\xee\x8a\n~\xa7\x1b\xf8"m\xb0\x82L\x92\xd7G\x0e\x0cR\x8a*]c"\xcd\xd9b\xf9\xb4\x82\xad\x9c'</t>
  </si>
  <si>
    <t>b'\x98\x8f\xa5\x9c\xc4\x845\xc0\x0f\xcb%\xb4\xab&gt;\xdfq\x91j\r|\x8d\xb5;\xc7a\x9e\xcb\xdd\x16\xd2C\xc5'</t>
  </si>
  <si>
    <t>b'\xe17\x19\x84I+qI`W{VQ\xd6\x1e\xc4\x84k\x8a\x13\x13Z\x1c)K\xa6\x01A\x92\xc0\x02S'</t>
  </si>
  <si>
    <t>b'sk\xfb\xc6\xeb}=;\x9c;\x87#\x08\xc5=;\x04\xfa\x84\xf9\xf9\x88\xb1du\xcaPIDX\x83|'</t>
  </si>
  <si>
    <t>b'\xf7\xce\x97K\xdc\x91\xdc\x1aD\xd1\x82Z$3j\xea8\xcb\xeb;\xa1\\A+)z\x07\n\x1e\xb1H\x02'</t>
  </si>
  <si>
    <t>b'\xb1\x0c\xbcj\x87\xc3\xa0B\x9e\x1e\xaf\xb6[\xad\nH\xf7\xb0\xff\x82_lz\r\xfd\xc5\x12\xaa{\xeb|V'</t>
  </si>
  <si>
    <t>b'|w$F\x8cu\x84\xaa\x06\xc8\x9d\xc1\xe4\x89\x98s\xa3\xb9\x80\x12\x19N\x1bg\x88\xbesy\xba\xb2\xb73'</t>
  </si>
  <si>
    <t>b'\x13\xd7\xef\xb0\x86X\xd7\x84h.f\x19S5\xdd;b\xb4\x15\x892\xa1pMU\x13l\xc6\xb670X'</t>
  </si>
  <si>
    <t>b'@\xd4\x86\x97\xfeI&gt;\xa5\x08\xbdA;c.\xca\xfa\xcf\xee]}\xc0T!\xa3\x83{P-\xb9\x92\xc8\xf5'</t>
  </si>
  <si>
    <t>b'\xb5d?\xba\xa4U\xc0\x8c\xa0\x83\xcc\x97\xa7\xe4\xb1\x9e,:\xa2?\x18\xee\xd6\x00\xf2E\x02cD8\xbad'</t>
  </si>
  <si>
    <t>b';b\xcf\x02\x1c;\x1bK\xf4\\\n\xf8\x99\xea\x0c\xb2\x9b\xb0\xc5\xac\xd9\xe6\x1d\xd3%\x86\x12{~\x98\x84F'</t>
  </si>
  <si>
    <t>b'c\xb6\x81\x11\xaa\xfce^\x91\\\xd7\x9a\xc7X(Z*H\xb2\xd4\x95\xa9Q\xd5\x86\x8e\x85\xc5@\xba;\xe3'</t>
  </si>
  <si>
    <t>b'\xba\x93\x0c\xec\xdaJ\x06\xcd\xb2\x0e6;\xc7\xdd\x1ffN\x90\x1bt\x7f\x7f\xd5\xf3\xf3\x9c\xf4\xa0TS6\x0f'</t>
  </si>
  <si>
    <t>b'\xdc\x8c"\xdb\x85\xe7\x1b\xb8\x93\x1b\xe5\xc1\xf2AG@\xbc]\x18\x02\xdf\xf9\xd6\x07\xbapn\x10\'\xfe\x1dZ'</t>
  </si>
  <si>
    <t>b'"\xc8\x9c\x91^w\x13t\xae\x0f\x9d*\xb2\x9b\x0b\xc3J\x06N,\x89,\xd7[U\x07\x11\xfd\xf9#\x7f\x84'</t>
  </si>
  <si>
    <t>b'\xcd\xa2\xc5\x9e\xdb\x931a\xecZ?\x97\xfc3\xa1rg;\x137\xea0\x89\xab\xe9,\xb6\x9d\x88\x96yp'</t>
  </si>
  <si>
    <t>b'sX\x8e\xb8\xb3;5\xa4\x07&lt;Y0\x8d\xf9G\x17I\xf5)!\x9b\x03\x16Mng\xc4\xda}1\xdc\x9b'</t>
  </si>
  <si>
    <t>b'\xba\x95\x8f\x9c}y\x8d\r\xfd\x1a\xee\xbb\xe3\x97KR\xe3J.\xdf\xeb\xc8\x80\x0e\x99\xc07\xbc\xab\x81U\xdb'</t>
  </si>
  <si>
    <t>b'\x1b\xa7\x90\xbb@\xfa\x00\x9bM\x11\xbcF\x7f\n\xcer\xe9\xf9\x84\x91r\xee\xd1\x91\x89\xb6\x8dc\x96\xdc\x83q'</t>
  </si>
  <si>
    <t>b'\x01e\x97\xe0\xd7\xd6\xcf\x86\x81t\xbb\xba\xf6CY\x1fp\xdeT\xff\xe5\x91\xe0\xd6+\x0bl\xc8\x8b\x90*\xc6'</t>
  </si>
  <si>
    <t>b"w\xbb\xf7'ziUX\xf9*\xb9\x9e\xa5*\x92&gt;\x13\x15\xfb\x9c\x83t\xa7S\xd0F\xa6\xbe7cs3"</t>
  </si>
  <si>
    <t>b'\x04\x1d|\x07\xfd\x9c\xc8W\xcc\xc0\xee\x99r]e\x1b\xfd\xbc\x01\xe1SU\xc8\t\xa4\x7f\xf2^\xecs\x0e\xfb'</t>
  </si>
  <si>
    <t>b'\xb0)\x8c\xae*\xf2\xf8y%\xbfIx)\xc6)\x1e\xdcA\x1f\xf9i\x92\x80S\xfc\xa5(|knG\t'</t>
  </si>
  <si>
    <t>b"\xdb'39\xe5\xfb\xe0\xd4\xe6\xc7\xfa\x9ck\xce\xfe\xaa\xbc\xea\xb8\xf6\x87\x96l\x84\xc8\x975\x99I\xa2\tq"</t>
  </si>
  <si>
    <t>b'\xff\xb0\xb6\xf0\xe2\xca\x88+WD\xc5\xf7\x11)\x9e\xd0\xe0\xd4\xf7\xce\xf8\xde\x8a\xa7&amp;\xf0\n\xc1\x1bB\xfeI'</t>
  </si>
  <si>
    <t>b'\xcfF\x14G\xb8U\xfa\x1d\xd9\x89v\x95:Mb\xe7}\xa8y\x06\xacKg=^\x19\x8c\xba\xeb\xa5\xbc\x12'</t>
  </si>
  <si>
    <t>b'\x11,)\xe0\x1a1\rWM\x08\x1b\xed\t\t\xc3\t\xe9\x96\x87\x1e\xa5\x95\xa3\xa2b\x8f\xaa0\\\x9a\xf2M'</t>
  </si>
  <si>
    <t>b'\x01\xfc\xf0\x8fN\xe7\xf3\xa0\xa9XG\xd0\x91k\x92!\xb7\xf4D\x89\xca\x9cS\xacH\xd0`,5\t#`'</t>
  </si>
  <si>
    <t>b'\x02\x1c\x9e\xb6h\xec4\xdde\xeaV\x8bI\xed\xf9Wa\xf0A\x1e\xd7L#\xef\xb4D\x16R\x87NQe'</t>
  </si>
  <si>
    <t>b'\x93\xe1N\xf0(\x8d&lt;[G\xe6\x90\xcaR\xbc\xf9\r-\xda\xc8;\x1f!l\xa8\xf5|\xe6\xa0.n\xca\xdd'</t>
  </si>
  <si>
    <t>b'\x0f\xc2&amp;\xf7\xe2\xcb\xa7\xdc\xfaf\xeb\xc1\x84j\xf4N:s\xcd\xb3\x8bd$[b\x94\x82\x03e\xb1\x14l'</t>
  </si>
  <si>
    <t>b'\xc0~z\xb3\xfd\x82\x8f\xfai\xe92\xfba\xbb\xe2\xa99\x1aTN]\xfe\xda\x88\xf2\xc6UEI\xc69\xda'</t>
  </si>
  <si>
    <t>b')\\j\xba\xe9\xe8\xb2)\x17F,]\xbc\xd8M\x97\xfb^\xd6\xac&lt;T$\xd6\xf9\xdc3\n\xee\x14~\xac'</t>
  </si>
  <si>
    <t>b'\xef\x02\xcc\xc6\xb2\x97\xbeH\xe9F\xa4\xd3g\xe31&gt;)Y\x1c\xd1\x0e\x0b\x9b\xd5\xf0}\xbd\x96\x17J\xa5\xed'</t>
  </si>
  <si>
    <t>b' \xd9 \x0b\xfbc\xf1B\x9c\xea\x83:\x14]{\xea\xfd\xa9S|kv\x94\xfd\xb1\xe5Wb-\xc28~'</t>
  </si>
  <si>
    <t>b'3Be\x13\xbd\xc0\x17\xb4\x81\xfb\x06\xef&amp;\xe1#\xbf\xa2\x8b\xb3"\\3\xc3?&gt;\xb7\xdb\xfd\xbb\xd8\xed\xaa'</t>
  </si>
  <si>
    <t>b"\xc73+\xcf\xe5'#eV\xaf\xd7\xab\xb0\xf5Y\xae+\xd6\x96H\xd9\xa5\xf6\xe6-\x94\x8cgD\xe5N\x92"</t>
  </si>
  <si>
    <t>b'\xa2\x92\x1b\x17\x02\x95\xcb\xae\n\xa63\x0f5\xcf\xceJIH8\x94x\xfb[ic\xc5G\xdb\xfbz\x91\x1a'</t>
  </si>
  <si>
    <t>b'\xc8\xc9\xbaj\x06\xaf\x82/\xb1_\xc7\xaf\xf32\x92\x81\xc8\xf9FW\xf9,\x7fu=\xe1\x08*\xbb{\xee%'</t>
  </si>
  <si>
    <t>b'\xe8\x82za\x88z\xa7p;\xea\xaf\xb8k\x97\xad\xdf"2\xe0*X\xbam\xba\x94;\x14\xbc\xa7\x88\x11\xfb'</t>
  </si>
  <si>
    <t>b'\x05\xaa\xa2\x8e\x1f\xa9\xf3\xdb\xf6T\xc7\x96\xa3\xdc\xd7\xb9\x91\x8e@\xded\r\x04\xf0r\xd4\x8b&lt;\xe2\x04\xe8\x12'</t>
  </si>
  <si>
    <t>b'lHg|p&amp;i\x14\xd5\xd6\xc4^/eH\x1fw!\xca2\xdbl9\xdc\x01d\x84\xea\xed_M\xb8'</t>
  </si>
  <si>
    <t>b'|\xa0\xc6p\xdfSNoG\xb0\xeb\xd7O\xde\xd9\x0e\xe1\x148\xb9\xb3\x0e\x14\xfa\xd7\xd5K\xf6J\xe5\x0f)'</t>
  </si>
  <si>
    <t>b'\xfbij\x11f\x0f\xd3\xb6\xb8\xfb\xa7n\x86\xfe\xb1\xec\r\xaa\x87\xda\x9b?\x9b\x99\xf2\x8f\xd5\xb9\xe6\xd2U\xb0'</t>
  </si>
  <si>
    <t>b'F\xb8\x15s\xb26\xb0\xa83eg\x9a\x98:.\xda\xe4J\xb3\x14\xf9\x07\xc4\x99!\x92\t\x08\xf6E!j'</t>
  </si>
  <si>
    <t>b']\xa3b\xda\x82B\x97\x1b\xa92\xc0X\xe0\xdc*\x95\xb59\xb9\xbe\xfc*\x04\xce\x18\xfdP\x1c\xa6\xc7,\xfb'</t>
  </si>
  <si>
    <t>b'1\x12|\xf6k;\x93\xc9Z\xf2\t"\x99\nG\xc4K`T\xcb^\xa8\n\x08\xeaP4`\x1b\x91\xf5\x8f'</t>
  </si>
  <si>
    <t>b"\xf9V\xa4\xa6\x0f@8L4\xaf\xc8\xae\xcd\x1bx\x1c\xe3X\xadB+\x85\xb2^\x13\xa9\xa8\xfc\xde4\xd4'"</t>
  </si>
  <si>
    <t>b'\xf1y\x95Ni\x19f\x11\xa9\xc8\xf57[\x9du\xb5\xf4W\x8e\x1d\xcb\xd5\x15\xa5[\x9f\xed%\xef\xef%B'</t>
  </si>
  <si>
    <t>b't\xd4\xcc\xbc\x1e\xbf)\xfd\xe4\t\x85\xe7v.\x1c\xe5\xfd0\xdd\x81\xdd#\xe2a*X\x8d\x8c\x7fv\x87i'</t>
  </si>
  <si>
    <t>b':\x0f\xcd\xe7\x0e\xc1W\r \xbfbh\x04!{\x1d\xe2\xa5\xb6\x9e\xc9v\xb0\xb5\x00j\xc1\xf7\x02al3'</t>
  </si>
  <si>
    <t>b'@\xb1R\x0b\xab&gt;\xfd2\xd0\x8eK_\xbe\n\xbb\x1f\xa3j\xd3\xb1\x8bd\r\xee\xef\x94\x8b\xd1Q\xd9\xf7v'</t>
  </si>
  <si>
    <t>b'\xa0\x91#X\xf4\x11z\xf0\xf5\xc9\xba_\x83\x12n\xd2\xc4\xc9W\xc3{\xed\xa3\xaa\x03\x00\xec\xf9Fv\x8a\xee'</t>
  </si>
  <si>
    <t>b'\xcb\x07U,t\x9c\x88Re!=\xd6\xd8\x0c*\xfb\xd9\xde\xd1M\x87\x9e\xd0x\xbd\xfaO\xef\x98\x11\xcdN'</t>
  </si>
  <si>
    <t>b'\t\xea\x16m\x969O\xf56\xcfj\x05\xbf\xcd\xff1\xdbC/\x7f\x13%+\x85\xd4\xcb\xb0\xbb\xfb\x89Q\xb2'</t>
  </si>
  <si>
    <t>b']\xf2\xf9\xd3\x1f\x8fjy\xd7\xbb\xfa\x1c\xb1&amp;\x93\xff\xb2\x15\xde\x1f\x0e&lt;"\xea\xa78\xe6\xe3\xb7\xcc\xfe\x1b'</t>
  </si>
  <si>
    <t>b'\xcaLI\xb5\x92\xc9\xf7\xe6\xa2\xffN\x9c0\xe9\x02)p\x0f\xb7\xfd`]\x9f\x9f\r8[&gt;\x0b\xd9\x03O'</t>
  </si>
  <si>
    <t>b'\x9f)\xf7\x16RDk\x83Xc\xef\xdc\x96\xf0\x82\xeb&amp;\x81\xb3\xf7\x89R*\x8b-\x81\xc3\xab\xf8Y\xbd\xdb'</t>
  </si>
  <si>
    <t>b'\x0e\xf6\x1f\x9d=\xc0*x\x11o\x16\xceNd\r\x1b\xdc\xd3\xe9\x94jg"\xf7\xe35+D"\xddxv'</t>
  </si>
  <si>
    <t>b'f\x06\x01\x1d3\xa9\xfa!4\xdf\xb5\x11*n\x9c\xa0\xda\x0b\xf1X&amp;z\xc4\xb0]x\xe5g#\xe7#]'</t>
  </si>
  <si>
    <t>b'u\xe6\xe6\xe9\xe9@$.\xd9\x1d{\x82I\x0e\x16\x1c\xd0\xf4\xf8\xf78_\x9a\x7f\x99\x0eQ\x97\xd8V\x8b\x1d'</t>
  </si>
  <si>
    <t>b'*\xd4\x0f]\xf7\x12\x86\x0bc\xe3%\x1e\xbe5\xb3\xad\xd4\x0b\x8ey\xcc\xa8v4\xb2\x9c\x1f\x95\xcd\xccLk'</t>
  </si>
  <si>
    <t>b"\xbb\xaa\xec\xc2\xe9.w1\x10\x07~}K\x03\xd60,\xdc1\x9f'\xe0\xa8,D\xe2\x92\x81\xcd\x13\xf5\x0b"</t>
  </si>
  <si>
    <t>b'\xa3\x8d\xb0*\x90\xdfXt(\xffx\xd1\xda\xf98\\\xd2\xfb\xd8\xbf\xc4\x10\xf6\xfc\xd2\xcdpI\x99L=/'</t>
  </si>
  <si>
    <t>b'V\xd9\x9bb\x16\x82Mn\xbe\xa0_;\x81\xc5\x17\x1eya\xe9J\xa16\xeb\x019\x0e7\xb8\xc8\xbcht'</t>
  </si>
  <si>
    <t>b'.\xbe*\xe5$\x82\xdc\x8c\x97\xb1\xe5\x84\xc4\x1d\xe5f\xb6J\x90\x94(\xaa\xb8\xbf\xf5\xef\xa4(\x83\x08\xe7\x10'</t>
  </si>
  <si>
    <t>b'!\xa2OPJ\xf9\xe9B\xa7r\xf8\x15)\x82|\xdf\xab\xf3\xe6z;"\xb28\x1du\x05^\xc2d\x9b\xa8'</t>
  </si>
  <si>
    <t>b'\x1f\x99\xa9\xef\x8a\xed\x0e`1\xd0j(\xb9\xec\xf0\xafpg\xef\xa0\x14\xbc\xae\x15@\xfe\x86\x0f;_\xb3N'</t>
  </si>
  <si>
    <t>b'\xc8\xe5\x19g4\x1d\x97\xd0\x92\x1eo\xe5\x84\x92K-\xe1\x19\xb6\xc3\x89]\x9bN\xd8\x84P\xe1\xa1\x18t\xa9'</t>
  </si>
  <si>
    <t>b'p\xd8\x8b\xbe{S\xb4\xb1\xacD]\xedrK&amp;\xca\x99`\xb3\x0fC@\xea\x9c\xbe`\xb4\xbd\xaa\xdf\xce\xab'</t>
  </si>
  <si>
    <t>b'\x98sGO\xf4\x07\xc5O\x8c\xb8\x1b9\xc4\x1f-\x96s\xbe\xfe\x9b|\x90\x97\xcfku@\x81-\x0c\xe2\xe4'</t>
  </si>
  <si>
    <t>b'\xca\xe2\x7f\xac\xc8\xd9:j\xb8B:\xb8\xe3y\r\xf3h\x17\x96\xd2~\x18J\xa9b\xcbv\xc9\x02.\xe6\xf1'</t>
  </si>
  <si>
    <t>b'\xb1\x9e\x8d!\x8b\xa3C\xbb\xa6\xe3\xa2\xcc\xa3\xef\x9c$\xe1t\xc5M\xb0\xe9~\xc4\n\x8c.\xcc\xe4\x1a\xc1w'</t>
  </si>
  <si>
    <t>b'\x9e\xe5B \xfd\x1e\x00\x04\x8e\x8dA\xa7\xeb\xa1y\xae\x98^\xd1HK\x9a\xbc\xaa\xdb\xc1\xaeE\xc42c\t'</t>
  </si>
  <si>
    <t>b'\xcf+\x84\x99\x13\x12\xd85{]\xa7\x9dF\x0ff8\x95z\xc1\xdd\xa1\x8e\x02V)\xb5\xfe\x0f\xa5\xa3\xd0\xc6'</t>
  </si>
  <si>
    <t>b'I\xd5F\xe5TK\xbf{~\xf8?|\xbd\xdd\xd4\x8f&amp;\xeb\xe7\xde\xe52\x80v]oo\xad$*\xbe\xf0'</t>
  </si>
  <si>
    <t>b'\x08\xe2\xb2\x1cQ\xa4\xea\xa1\xbe\x82\xb7Uc\x87\xdb\xc6eI\x0cT\x93\xc5\xb1\xfdU\x98\x98\xd4\xe9\xfc\x99l'</t>
  </si>
  <si>
    <t>b'm\xc1\x84\x0c\x0c\x163\xf1\x13\xe6\xc3\xb6\xf4\x88f\xc4\x17l\x88k\xb2\x1f|\x8c\x07i\xefUv\xf0\x84\n'</t>
  </si>
  <si>
    <t>b'9B7\xc9\xd4\x0f\xcdb\x90\x91\xc3\xc6-\x96\xf5?\xa9\x05\x07\xa3\x15\xbbB\x8a\xd4\x17a\x1a\xf0\xf7\xe6\xd3'</t>
  </si>
  <si>
    <t>b'\xd4\x80\xc7D\t\x07\x92cz\x1bYK8t\x08\xcbg45\x89)?\xd0\xdc\xff\x8b\xe2\xb0\x9aR2\xc8'</t>
  </si>
  <si>
    <t>b':\xb3p(Lp;\xc8c3.\xa7#\xefDV\x9f\xda\xf9\xc9&amp;B\xe3F\xd6}\xad$\xef\xde\xac\xb4'</t>
  </si>
  <si>
    <t>b'\x8e\x05\x08\x9e\x02\x8dc\x9d\x11\xfa(\xf7j\xd3:\xd8\x91\xcdTm\x1cg]\xa9\xad\xa8\xc1`svi\x14'</t>
  </si>
  <si>
    <t>b'\xfeF\x8b8i\x9d\xb4|=@H\x87Z\xa1}?\x91\xedC\xd1\x96\xb4L\xe8\x1d\x92\x16\xba\xb6\x14\x94\xcd'</t>
  </si>
  <si>
    <t>b'\xc1\x85\xd3\xda\xda$vE\x86\xf7R\xbe\x89\xcd\xb6\xcd&amp;W\xc0\x11f`\x96\x94M\x15\xb4\xf6\xf09Wp'</t>
  </si>
  <si>
    <t>b'\xa5\xdd\xdf\nb^"W\x0c\x7f\xcf\xce\xb0{\xd3\xefk\xc4Md\xd1\xb1\xcam\xeb\xc8f\xa4"\x05\x93K'</t>
  </si>
  <si>
    <t>b'hr\x97\xd8A\xbc\x11\x93\x94\x02\xf8\x8a\x91\xc49\xfbx\x05\x80\x80d\xa7\xd5\x9d\x19\xc4\t\xc5\x8d\x1d\x00\x95'</t>
  </si>
  <si>
    <t>b'A\xea\xf9:\xe9%\xbcu\xe6"Cc\x9b\xd6\xab\x1fjIT\xf7HT\x80\xbbiG\xc2\xcc\x9d\xcc\x148'</t>
  </si>
  <si>
    <t>b'\xa3\x84\xc6\x9c\xc3\xed\xe2\xa0\x8e\xc7\xf1.\xc1*\nR\xb5:e\xd7\xe1\xa1x\xf8\x07%\xad3\x15\xcc\t\xa5'</t>
  </si>
  <si>
    <t>b"`\x94\x0c\xcd'`j\xbe2+\xa3\\\xc7\xd6^\xc8S\xb7\x00\xdfq\xf7&amp;\\\x1c\x15[\xd2A\xa9\xdfM"</t>
  </si>
  <si>
    <t>b"\x9e(;p\xac\x08\xb9\x0ep\xb9\x8a\xd8-\xee7|7\xce\xbfm\xf7\x1c'\xfc!\xa0B\xa0\x9eL\n}"</t>
  </si>
  <si>
    <t>b'\xbd4\xc1\x12y\xca\x0e\xff\xb91\r\xcb7o\xfc\xd1h%A\xa5\xe0k\xbc\x12Q\xf8\xc7m\xf9\x06\x8f\xb8'</t>
  </si>
  <si>
    <t>b',)D?\x08\xd3\xa2\xa8K\x14L|\xaf\x91\xd3\xe0G\x95:\xdc\xf1)L\x90U\xa3\x07\x83$x\xc88'</t>
  </si>
  <si>
    <t>b'\xc9j\xcb\xb60\xb2\xb9\x9a\xe9\x0f8A\xac\xe4\x9fw/\xa6\x1e\xd5\xd0S\xbbn\xed^\xca=e\xb3\x1e|'</t>
  </si>
  <si>
    <t>b'\xb7\x7f\xa8b\xa2\x8et\xbd1\xf6\xce\xd1\n\x93\x8a\x04\xc3b\x9c\x14!e@\xb0Ec\x9f\xa0Z\xda+N'</t>
  </si>
  <si>
    <t>b'\x19\xc0\xfe\x0f\xac\xce\x92\xb2\x80\xd8\xee\xd1\xb04\x88\xe4\x89_t&amp;%a\x1b|\xc7\xec_\x99:LZ\xb2'</t>
  </si>
  <si>
    <t>b'S\xf1\xd5\xe4\x9f\x80.\xba\r\x10v\xfc\xe3\xb2\xf3\n\x95f\xb0r,\xfa\x99\x13\xa4\xd9\xa2FP\x0b\x8b\xc3'</t>
  </si>
  <si>
    <t>b'+\x99\x97\xbc\x03\x81_Y\xc8\x81\xc9\xc9\x18\x92\xd4F\xc7\x8e\x11X\xbb\xbb\xef&amp;\x83X\x98\xf6\xb5\xc4u\xd5'</t>
  </si>
  <si>
    <t>b'W\xb0\xe3\xbf\xa8\xd3\xc3\xa2\xd7\xd0\\\xd7\x11\xa1\x85\x8d\x01\x0e;\xb8\x0e\x0b\x8d\xbb\xb4\xcbz\x18\x02\x01\x18\xbc'</t>
  </si>
  <si>
    <t>b'j\x84\x89\xeb\xe6!\xa2}A\x19=p\x05\xd5\x1f\xbdw\xc5\x7fv\xe9=\xe7s\xa3e\xd4n\x91\x81g\xa2'</t>
  </si>
  <si>
    <t>b'\xc1\xa0\xb2* $\x85\xbc\xfb\x11\xc0\x06\rX\xfc=\xf0\xd8F\x83\xf2\x0cG\xe4\xe8\xed\x13\xb0]wv\xd6'</t>
  </si>
  <si>
    <t>b'\x07`\x99c\xb6\x96\x1c\xa5\x88\x03\xc3\xfc\x9d\xb4&gt;\xbb\x08\xc6\xb1\xc5h\x91\xc5\x93r\xfb\xcf\x99\xc3\x84\x99\xd7'</t>
  </si>
  <si>
    <t>b'X\x8c]\xc3\x95-T\xe9/\xb1g\x966;\x08\xa4\x1f8\x1d\x88"#q\x96\xa0\xf5,NcY\xe5\xc0'</t>
  </si>
  <si>
    <t>b'\xfe\x9d\xc3\xb1V\xe5\xdd|\x99\xc0\xd4m\x95\xea\x86\xb9\x01L1\x10y\n8\xe7q\x9et0\xff\xabAj'</t>
  </si>
  <si>
    <t>b'\xe8\x1c\\\x91\xfe\xe4%\xcd\x06\x85\x91\xa4\xdc\xea&gt;\xf9\x99H\xc0\xf7\x0f\x84;QBS\x95LC\xde\xd4\xf9'</t>
  </si>
  <si>
    <t>b'\t\x99\xa2\xce\x86\x87\xd4\xb9\x12q+?\xc4`\x9e-y1\xa9\x1e\xfe\xabE\xd6\xb8\xe7\x00\xf8\xab\xe7\x14\xa2'</t>
  </si>
  <si>
    <t>b'\x9a\xfb\xec\x02\xb3R\xb0$\x04:&amp;\xc4\xd4O\xb8\xa5B\n[\x82\xe9@\xd0&gt;q\x95\xf0\xeb\xf0\xfe\xd7U'</t>
  </si>
  <si>
    <t>b"~\x8c\xeb\xe7\x90nB\xde\xe8\x16'\x9f\xb3\xa1\nNk\xba\x11u\xcd\x1b\xe2X#\xcc:)\xa9\xe3\xaa\x96"</t>
  </si>
  <si>
    <t>b'W\xd2\xf0XX\x92\xd0\x14\xf3\x84\xabW!\x1cn\x14\xe8\r#p\x83v=\xca%y~\xce\x83&gt;\xc86'</t>
  </si>
  <si>
    <t>b'\xd1N[KK\x81U\xb9O\xf7\x19\xc62(\x0c5m\xc7\x8c\x97\xb0\x1a&lt;\x0f\xaf^1\xbaKO+\xac'</t>
  </si>
  <si>
    <t>b'G-\x11^uw\x13\xfe\x82K\xc1\x1b\xe3\xde\x98l\xa1]i\xf3?\x7fp\x1a\xf6\x83/\xd9\x1c\x00\x9d2'</t>
  </si>
  <si>
    <t>b'\x86\x18Z\x95(\xd1\x06ny[\x97u\xd1J\xec\xbc4\xa7\r\x07\x0c\xad\x07\x9c$F\x80\xbf\xc9\xee\xd3\xc1'</t>
  </si>
  <si>
    <t>b'*#\xf2\x94;\x01\x06\n\xef2d\xdeT\x15\xbc\xb2\xa1\xf5\xdb(\x1dD\x85\xf4\xd4\xd4\xef\xdcqK^P'</t>
  </si>
  <si>
    <t>b'neh\xa2g\xdf(\xb4)Vq\x93\xe0u\x05PM\xd2\x0c\xca\xb9\x9at\xfe\xad^\x83]\xd9K\xc6\xea'</t>
  </si>
  <si>
    <t>b'4\xe0\xaf=\x8b\xc4\x01|-\x03\xe5\xbb\xc1\xe7-\xde//q\xe9L\xc5H\x9es\x1b\xa1@\x03a\x9d\xbd'</t>
  </si>
  <si>
    <t>b"a\xba|\xdee'\x1fr\x84\xb4\x8dpX\x95\x9d\x1b\xa2Z\x92w\xb4\\\xe15 {$\xfaQ\xe9\xf9\xbd"</t>
  </si>
  <si>
    <t>b'\xefi\x1cDb=\xf71\xf5\x82@\t\xbc\xd8!!\xc7K\xca0\xa6\xd6\xba\x1f\xd1\xfa{\xfc]\xeb\xb5\x07'</t>
  </si>
  <si>
    <t>b"\xe2\xcf\r\xe2\xb0\xa1n\xa5d`\xf3 V\xaf\x7f\x051Q\xf0&gt;\x7f\xcex-\x86\xee\x97z'\xf8EI"</t>
  </si>
  <si>
    <t>b'nJ\xcc\x04\xe9t\xde\xbd#\xbf\x01hb\x0e\xd9\\MK\x87\xed\x18\xc2\x92\x11\x1e\xc8\xb7\x96gb\xc5\xea'</t>
  </si>
  <si>
    <t>b'J\x7f\x96}\xbe\xf2\xd5\xb3\xeb8i\xfcJY-\xdb&amp;\xc3\x87om&amp;\x80\x1d\x9f!85Uz\xe9|'</t>
  </si>
  <si>
    <t>b'~\xed\xea;\x80.\xe4\xb8y(\x93\xbf\xe5\xdd\xab\xcb\x83\xf5s\x06d\xb8\xc2\xd7_\xc8\xc3whB\x99F'</t>
  </si>
  <si>
    <t>b'\\\xe2\xf8b\x05oWI\x83P&lt;\xf8\x89\xcax\x91\xcf\xe9aQ\xaedFH=t\xa5\xc9\x15\xa8%\xac'</t>
  </si>
  <si>
    <t>b'\x1e\x83\xdd\\cR\xee\x8a\x15Y@\xeb\xf0a\x8c\xe0\x82w/dr\xa4\xaf\xc2\xefU6\xc96\x86\x9b\xf3'</t>
  </si>
  <si>
    <t>b"\x9f\x1d\xeay\\\x1e{'\xe6\xe5\t\x01\x7f?\x9c\xee\xca\xfd\x8c\x0e\xa6\xd8%\xac\xa2\x10VK\xe6\xa8\xeb\xd7"</t>
  </si>
  <si>
    <t>b'\x11\xc6\xbf\xf8\xcd\xc5\xb8\x13\xdc\x19e\xa3M\xb9\x83\xb2\xa9\xc0\x14m\x98\x80\x98\xf3\xd0\xcd\xb0\xb7\xbb\xa7\x92i'</t>
  </si>
  <si>
    <t>b'\x05\xc4c\xe66+\xe6\x0c\x85\xf2\xd9q\xb3\x7f\x13n\xfb\x1bt\xe8z\x98\x1e\xd4\x92D7~\xc1\xa9\xbaV'</t>
  </si>
  <si>
    <t>b'\xf0h\xa1\x7f\\lJ\x14\xf9f\xb1\\\xdev&lt;&gt;\x16\x83\xe9\xd8\x1aWzS\xdb\xaf\xb2\xc6]3g"'</t>
  </si>
  <si>
    <t>b'.\x0efPx\x08\xcf&gt;\x90G\xb4\xc5\x0b\xba\xb2\x95\x84\xe36q\x0bb\xe6\nA\x1c\xe8_\xeb\xfbUJ'</t>
  </si>
  <si>
    <t>b'\tH\x87\x00\xd4\x8e\xe8\xb6\xc1]YD4cuK\xcaN\x96\xa9\xd1\xb0\xd6|\xe6\xc1\x1e%\xaacC\xa7'</t>
  </si>
  <si>
    <t>b'\xc8\xf0\xaf*\x1b~\xe8\x80\x16L\xdc\xee\xdd\xbc\xf7M:\xde\xd2\x8f/pN\xac:\x9b[\x99\x11\xee\xfe\x89'</t>
  </si>
  <si>
    <t>b'nV!\xb3\xd1\xd5\rY\x16t\xc3\xa9c\xc6{\xaf\xd4\x7fa~\xc5Fx\xf0A\xa0b7\xd25\xf28'</t>
  </si>
  <si>
    <t>b'\xf5\xe4\x11J\x8d\x9d0s4\xd0\x89\xbe\xab\xb4|\xe5\x8f\xecvI5\xcb\xcb\xc9\x1a`\n\x87T\x89\xe9\\'</t>
  </si>
  <si>
    <t>b's\xd9\x81\x8e;\x042\x02\xc4,\x91\xe0\xae\x16\xfew\x92\x03\xb8#\x8a\x05\xafc(V4\xae\xd6\x94JN'</t>
  </si>
  <si>
    <t>b'J\xaf\x92\x9e\xcd\x91\xd5\xf3,8\xd4J\xd3\x11\xca\x8a\xb9\xa6\xaa\x85\x90&lt;vj\x008V)1\xbeT&lt;'</t>
  </si>
  <si>
    <t>b'&lt;\x88\x91y\xc0\xc8\x98\xda\xa6\xa1\xbe\xc1\xf2\\B\xc0+\xb0\xc7c\xae\xf8e\xd9N\x98\xfdsTX-\xa6'</t>
  </si>
  <si>
    <t>b'\x91\x0f\xd7\xa8\xde\x17HH\xaa\x93\xef\x9e \x8bw*\xfb\x05\x18\xc5\xecI !\xee\xc8\x80~\x8d\x8b\x18*'</t>
  </si>
  <si>
    <t>b'J\xd3\x9e\xa9\x97g\xa6\xb2\xe0\x14\xcar\xfa\x00\x0b\xb3\x07\xa1\xeb&lt;\xd2\xfb\x84\x0f\xba\xe0\\\xc2\x14s\x9aX'</t>
  </si>
  <si>
    <t>b"\xcaH\x0b\x04\xcf\x81\r\xa0\xc9\xabFF\x94 \x89CT=\xdda\xfb\xc0Po\xbb? \xf6'\xd6\xdd\xff"</t>
  </si>
  <si>
    <t>b'{;,\\r\\y\xbbm/\xf3RW\x11\xfa^\x94s\xc8d\xe0\xc1\xc8@\xe8\x08\x0c\xb8\x13\xe3\xb8\x82'</t>
  </si>
  <si>
    <t>b'\nx\x8fr\xcas%hmR\xb3+\xdf\x19\x00\x8c\x01\x97\x0e\x0f3\x1f.\r\xd49\xa8\xd4\x1cL2*'</t>
  </si>
  <si>
    <t>b'U)\x1c\x1cT\x96\x0c\xb6\n\x91avMf\xb1I\x97\x88v\xf2j\xb3\xfe;\xbf\x95\x10\xf9\xf22\\\x95'</t>
  </si>
  <si>
    <t>b'\x83\xb6\x192r\x82\xb8\x85\xecu\x86\xcb\x1cQ.\x0c\xe0:`\xa1\x80hf#D\xe8*\xec\xf3~Q\x1b'</t>
  </si>
  <si>
    <t>b'&lt;(\xc4\xebS\x7f\xbc\x07\xcd&amp;\x9c\xe2^\xe1\xda^\xf8\x04\xae-\xf4r\x16k\xcfE\x98\xb7Y]*n'</t>
  </si>
  <si>
    <t>b'\x81bK\x9dh\x06J\x0cX\xec@/]R~&gt;\xd4\xb2Faq\xcc\xfb\xdc]6\x1a\xf19\x9eO\xbe'</t>
  </si>
  <si>
    <t>b'VSU\xff\xa4$c\xd4iO\xa9J\xf0w\x08Y(\x9bAQea\x95\xc1\x98\xdd\x80c\xcd\xce\xe8\x1f'</t>
  </si>
  <si>
    <t>b'\x84\xff1\xbd\xb1#\xf1aSG\x94l\xbbs\xff\xf3\xdd\xbe\xe8\x04r\xe2\xdfu\xb3H\xad\rnW\xfa\x8e'</t>
  </si>
  <si>
    <t>b'\x96\x92\x8c\xd4\x13\x85M\x02\x88p\xb7\x8f\xcdR\x04\x83\xf9P\xfe\x89\xf8.\x9c`\x9aTP)i\xd1\x91\xb1'</t>
  </si>
  <si>
    <t>b'\xe7\x92\xc0\xf7myg\xdcB5\xdb\x86\x16\x89\x07O4hA\xf1\x93\x04\x05\r[\x1d\xbf\x8e\xdc`2\xb5'</t>
  </si>
  <si>
    <t>b'\xf4\x91^\x8e\xa2\x93\x1dk\x15\xf2B\xba2}Lq\xdct\xbc\x99\xdep\xb2K:b\x98\x0c\xb8\xe0\x98\xf4'</t>
  </si>
  <si>
    <t>b'a\xfd\x8a\x06\xeea\xd9\xd3X\t\xd5\x0e\x90\xf7\xb1%\xab\xc9\xc4\xcd\xc3T\x94\xc4\xec\x14\xbag\xa4e\x90\xd6'</t>
  </si>
  <si>
    <t>b'\x02)\x9d[IN\xbd\x14\xc1\x93\xbd\x16D\xe8\xb1\x04Sn\x16\x92\xe3k&amp;O5?}63&gt;g\x0f'</t>
  </si>
  <si>
    <t>b'&lt;x\xc5\x0c\x0b\xe8!TMF;\xc3\xa5b\xcc\xe0B\xf7#\x02\x97\xbd\xce\x1d\x92N\xd6\xcdn\xfa\x9b\x95'</t>
  </si>
  <si>
    <t>b'v\xd4\xe1Z\xfd{ax\x9f\xe2Q\t\xce\xa0\xa3\xc9oco~\xb6\x85\x11\xe4\xd1X\x1d\xe9p\x9c\x8bn'</t>
  </si>
  <si>
    <t>b'is\xe6D}\xbd\x86\xc08\xfe\xa5\xa68\x9d\xc6\xbe\x06aR\xb7\x86\x13\xac\xa39\x96\xc4\xca\xb3\x11tz'</t>
  </si>
  <si>
    <t>b"^\xb0\xda\x8b\xefC{\x08\x87'\x83\xb4G&lt;\xd1\xaa\x16\x07\xb4\xc3\r\xd7\xcf\xe2\xf0\x9a&amp;\xb6\r87\xe9"</t>
  </si>
  <si>
    <t>b'X\xf1\x10\xb2\xf3\x04\x16\t\x88\x0c\x04hr\xb0\xe1T\x13\xc9\xc0\xcb\xee %\xfe\xf1k \x17\x86\x89\x9e\x8c'</t>
  </si>
  <si>
    <t>b'\xc6)\x96\x82S\xd9\xfe\xb7\x06\xe3\xbb\xc0G&gt;\x03\x81\xe0\xd6\xba\x0e\xb4\x84\xfa\x94hw\xec_\xde\x87\xf7\xa5'</t>
  </si>
  <si>
    <t>b"'\xfd\x16\xce\x83\x01N\x8cG\xe1\x85\xff33\xfb/%\xf6\xc1Nw\x96\xbc\xbb\xe2l?\xef\x0e&gt;\x04\xb4"</t>
  </si>
  <si>
    <t>b'\x96\x18\xe8\xd2\xf0\xabS\xf5\xc4\x1e\xf2Q\xa3\xed\x1fX\x8a\xf7\xf0\xc2\xca\x97\xbaj\xef#\x8d\xb7^\xfb\xcf\xe1'</t>
  </si>
  <si>
    <t>b'\xa5v\x17}$\x91&amp;\xd8\xc6\xbe=v\xfc.5\xfa\x8a!C\xf5V\x9d\xf0\xd5\x92\xa4\xce\xdf\tOCc'</t>
  </si>
  <si>
    <t>b'\x92\xfeCX\x1f:\x0c\x91\xec\x82\xda\x15\xacL\xef\xd3!\x04\xbbM\x9fy\xf6u\x0b\x9f;G\xdb\xe7|\xe3'</t>
  </si>
  <si>
    <t>b"\xe0H%\x10.\x11]\x06\x9e\x1eA\xc9\x15\xe9\x1e\x8b\xef3\x8e}\xc00\xf5L\xeaJyJ\x1dN'\xb0"</t>
  </si>
  <si>
    <t>b'\xdd\x94&amp;\xe9\xd2\x91YD.\xae\xd6\xb4(\x18\xb4\xd5)\x13\xda/\x19\x94@&amp;\xc0\xcb\xef}\xb4\xddm\\'</t>
  </si>
  <si>
    <t>b":\xc4\xbc\x97\xd6\xa9\xeck\xd3\xefs\x89\x94\xe3\xa3\xb9\x1c\x17Y\x82\x90\xd9`'\xd0\xd4\xd0\xf6\xe1n\x8e\xb8"</t>
  </si>
  <si>
    <t>b'\x90\xe6\xb9|\x93\x9d\x15&lt;\xdb*\x1a\xde\x03\x15-\xa9\x08!Q\xb3]\xde8I9\xe9\xe8\x15W`\xb5\xc2'</t>
  </si>
  <si>
    <t>b'\x82\xdcc\xc5\x95\xf8\x1c\x86\xe0\xcf\xca\xc0Y\ri\n\xd2\'\xec\'X0\x9d\xcb"Oj\xa2"\x84\xd3\x80'</t>
  </si>
  <si>
    <t>b"\xd0\x14\xc1b\x11\x95+,k\xa6\x10C' \x9f\x8b:X,ph\xb8m\x80\xcb\x86YL\xa7\xf6\xfc-"</t>
  </si>
  <si>
    <t>b':\xebq\xfd\xb2\xb1\xf0\xc2\xc2\x07\xab\xee\x81\xb4\xed\xc7\x85\xc58uC_\xd6\xc3\xb4\xa7\xc6\xe8\xcc\xdb\xd1\xe6'</t>
  </si>
  <si>
    <t>b'\x04#W\xa3\xae\x9a\xbc=oR\xb7\x92N\x8e\xe2\x175"w\x02\xf4\xa1\xb8\xe7\xea\x82\xe9o\xe7\x0c\xd8\xae'</t>
  </si>
  <si>
    <t>b'\x88\xac\xfc\xacV\x0c\xfe\x97D%\xbf\xcdr\xe3h&gt;\x03\x0f\xdcZ\xcf!\xc2\xbaCM\x8cgX\x02h\x8a'</t>
  </si>
  <si>
    <t>b"\x7fKE%d\x83&amp;\xfa\xe2\xbd\xe2\x04\xf5\xb2\x96\x93=\xcf'\x90^\x19N\x08#+\xd1\xc8J\xdd\x18\x9e"</t>
  </si>
  <si>
    <t>b'KU\xaciT\x03\x8e\xd0`/t\xa9c\xd4D\x0b\xb3\x84\xda\xe9e2\xe6\xa6$\xdf[AS\x98\xb2\xaa'</t>
  </si>
  <si>
    <t>b'\x1d\x81(\x1fJ\x14\xc57{#N\x8d\xb5\xd0\xa7b\x19^\xbfhC\xbd\xc9\xd8\xcf\n\xaa\xd0\x918\xea\x9a'</t>
  </si>
  <si>
    <t>b'\xf1w\xa4\xba\x0b\xfag\xe5I\xba\xe8\xf1\x00\xd1\x0b\x13\xdf3\x07\xe0\xbb\xa3\xff\xbf\xc5\xcdK\xae\x96U\xcf\x17'</t>
  </si>
  <si>
    <t>b'\xbc0\x8c_\x14\x80h@\xf6\x90\x06\xec\xea\x97A\t\x84\xf7\x1b\xe9\xa7\xb7Hf\xedZ\x81\x91Y\xf7\x12`'</t>
  </si>
  <si>
    <t>b'\xd5O0La\xf9e\xa2u\xcd\x83\xc8\x1aK\x98\x95\xc2\x05I\x90\x13$a\xa1#\x95\xa0\xf8f\x081\x03'</t>
  </si>
  <si>
    <t>b'[1c\x87\x153RWr#\xbb\x19\xd5\x8a\x1c\xea{\xbf\xb0\\\x15\\\xe0\x8eol\x80\x0c\xd2)\ra'</t>
  </si>
  <si>
    <t>b'!\xcd\x03Ch&amp;\r\x85\xb0\xad\t\xa5\x01\xdb\xc5\x0c\xc1\xe6\x83\x17\x18\xeb1Q\x00o\xb8\xd9\xdb5\xd4\xff'</t>
  </si>
  <si>
    <t>b'\x1f\x9cX\x0f\xb3`IC\x8ebm\xa4\x19\x13w\x8cO\xf4=wkMJ\xcf\xb6e\x92rNaA\xbc'</t>
  </si>
  <si>
    <t>b'5\xf1\x18\xe2\xa2\x82\x88\x03\xd76\xc3\x87\xcf\xa4rA\x8a\xe9\xee:\x05\xc6\n\xe9\xb6\xfa\xc0\xcf\xdb\xd1\x9b\xbe'</t>
  </si>
  <si>
    <t>b'\x98{-\x17h9\xf2\\\xe6\x1eq\xb5\xd4\x98\x9b\x88\xbbp\x1b\xf5c\x11\x85m\x0c\xaa\xb4\r\xcb\xa8C8'</t>
  </si>
  <si>
    <t>b'sd}|M}\x0e\xbcJr@\x19\x0b\x0eMxn%(_W7\xce`u\xcf\xce\x12\xa2l\x05\xdc'</t>
  </si>
  <si>
    <t>b's\xbcqj|\xeett\xb3\xa0\x81\xe3\xc2\xcc\xdf\xb5\xb4\x14\x97\xd51\x91\xb1d\xcb^\xe4\xb3z\x83\xe6V'</t>
  </si>
  <si>
    <t>b'TvIo\x08\xef\xd6\xe1\x83\xc4\xd3%\x81\xd6\xfa*\xafD/\xae\xfc"\x11 \x19\xe3\xfa\r\xc4\xc4\x00k'</t>
  </si>
  <si>
    <t>b'\x90\xe7Yt\xf9 \xf5\x12\xe5Z_\x8a\x1a\x0b\xdc\x16@\x7fz5\xbd\xcc\x0b\x8ai\x12\xe9\xf3\xe5N\x9c\x97'</t>
  </si>
  <si>
    <t>b'\xe9\xda\x8b\xaa\x0f\xd4\xa5\xcc\x88\xbb\x13\xef`\n\xf02_\x1a\xc1\xb6\xe9\xcc\xf3\xa6\x04@\xc1\x8e57\\\x9f'</t>
  </si>
  <si>
    <t>b"\xb4#S'\x1d\xeaC\xa1\xd7$x2\xa6\x99\x15I\x88\xaf-\xcf=\xb1\xb1\x81\xba\x99!R\x00+\xd6\xe2"</t>
  </si>
  <si>
    <t>b'\xec\x95%w\xffAT\x8c,&lt;r\xd5,\xbf\x9d;\xab\x9b\xe7&amp;\xb6\xa2Mx\t\xa7\xef\x17\xcc8\xbc\x9c'</t>
  </si>
  <si>
    <t>b'}\xba^\xab&lt;Z\xdb\xd3g\xa4\xba\xf7I)v\x95\x8a\x1e@&amp;\xa1&lt;jD\xf6U\xe5\xfex\xfb\x11)'</t>
  </si>
  <si>
    <t>b'&gt;\xae?\x80\x95\x00\x8d\x87\x87\xfd\xc7@}\xda+\x98\x18{\x97\xben\x8f\xaa*\x9bq\xbc\xe6+\xf3/\xff'</t>
  </si>
  <si>
    <t>b'\xe2ZY\xa9}\x19b\x12\xbdI3\xd2\xbd\xf8\x89?\xd1\x95\xfde\xdb\x0f\x07\x1eX&gt;\xe5\n@\x82\xee\xf4'</t>
  </si>
  <si>
    <t>b',&lt;x\x86\x16\xfbX\xb6\xdc\xccz\xbc\xa5^\xea\x9fP\xce\xe5\xf2K{\x18@\x1eSt\xaf\xe76\xa0p'</t>
  </si>
  <si>
    <t>b'o\xbb\x97\xdc\xa5\x8a\xd2\xf4\xbe\x10)\x08/\\\xb4M\xb6(\xb5\xf3C\xc9Yu\xde~o/\xd5\xf7\x00\x1b'</t>
  </si>
  <si>
    <t>b'\x892\xbe\xeb.\xe0\x14\xc2:\xf6\xf2d\x16T\x17w-\xe5\x0b\xd2\xc9\xe67\xaa\xb5\xe1\xe15\xfa\xcc\xabo'</t>
  </si>
  <si>
    <t>b'\xf2\xb3ZEP\xc0Ct\xdf\xd4\\\x8b$\xb7\xb6\x07\x1bwJ\xe5\xcf03\xd5HC\x8e+\n\x91\x06\x1c'</t>
  </si>
  <si>
    <t>b"/\xd0\x86=\xa5\xa8:\xfb\x86$\xb6\xf0\xae'\x1e\x0fi`\xe4/Y\x00\xe1\xe7\xeat\xa0rWE\xd4Y"</t>
  </si>
  <si>
    <t>b'\x03\xaf3C\x02!\x01\xc4T\x10\xae\x17\xc0 \xbb.S\xb8!M\xc1O\xda\xf8I\x84|.\xae\xc5\t\xe6'</t>
  </si>
  <si>
    <t>b'DGV\xf7\x8a\xdb&lt;\x91\xf8\xab\xc9\xaa\x14\xdf\x8d7_\x1c\xc9\xcb\xc30\xe6P]v?U\xb4\xb3\xf6\x90'</t>
  </si>
  <si>
    <t>b's\xe4LMw\xbe\x9d\xa9\x15\xf3K\xebM_6\xcc\xf5\x87O@&lt;\xf22\xda\xad\xe5\x1a\xcafp\xe8\x12'</t>
  </si>
  <si>
    <t>b'\x04I\xabE$Was\xdd\x8a\xaf\xabf\xd0\t\xc9\xf0Ua%h\xcd\x9d\xee\\W\xc8)f?\xfd\x1c'</t>
  </si>
  <si>
    <t>b'\ne\xc98\x9d*\x95\x16Ds\x8d\xab\xe0\xfd\x98a\xf8\xe9\x0f\xcc[7\xc4\xfc\xbe\xf8?\x06 \xc0\x0c$'</t>
  </si>
  <si>
    <t>b'e\x80/I\xea\xc9\x8e\x05\xc3\x95\xd1i:\x8c\x85\x16\xee\x9eFH\xabv\x93"\x93\x8f1[\x9e\xa7\xc7\xdc'</t>
  </si>
  <si>
    <t>b'I\x83z\x07(1\xd4\xb9U\x06\xf4\xfav\xc1n\xf5\xa9pmv\x8e\xe2\x1c\x9a\xca\x13\xd1\x0c\xf3l\n\t'</t>
  </si>
  <si>
    <t>b'$\xdc\x10\x10\x90\xd3@lI\xc0\xcf\xaa\xfa\x98\xda\xe1\x97\xfft\xba\xe3\x13\x83\xd7\x950(\xa0\x9e\x0e\xe3H'</t>
  </si>
  <si>
    <t>b'V@\xe1N\x07\x88\xf7\x82\xe1\x81\x9f\xff\xe9\x9es\xd5G\xc2!\x7f:\xc3\x0b*K \xc1\x91^\xb35\xbc'</t>
  </si>
  <si>
    <t>b"\x95\x97\xf8'\x1eW4R\x85\x18q\x95N\xf2h\xea\xcf\xed\x17p\xfa\x08\x99vwD\xb2\xc9S\x89\xa9J"</t>
  </si>
  <si>
    <t>b'\xf0\xbf\xfc0\xdd\xd0\xb8\xf0\xe8\xce\xd43DO:\x8c\xc6\x87\xc6h\xe5\xd4\xb66;\xb1\\\xb0\x08\x1d\x9c\xfa'</t>
  </si>
  <si>
    <t>b"\xe0Y4\xf5y2\xbd\x1f\xd4\x9a\x19\x17#\xb7z{\xeaV\xefgz\x01'Q\xb3\x80-]2\x92\x19\x99"</t>
  </si>
  <si>
    <t>b'[\xb3\xb0k\tZ\x9e\x06\x91xX\xa0\x89\xaa\x8bBH\xa7\x8c\xcb5R\xf9\x06\x93Qm\x89\xb7\xce\xfa\xbc'</t>
  </si>
  <si>
    <t>b'\xe05.\t\x86\x80\x07\xb8\x16\xd9\x8a`\x13\xbe\xd1\xfa\xc4\xf4 \x99A\xca\x1e\x83t\x9c\xff\xdf)\x97[\xa5'</t>
  </si>
  <si>
    <t>b'S\x11m\x16"]G\x11\xdaIKy\r\xbb\x8e\x1c\xe1\xe5\xf3`\xfc\xc9\xe0\x98\xc0\xdd\xf3\xb2X\xae\xf6\xe3'</t>
  </si>
  <si>
    <t>b'\xb4\x16\t7\xab\xefi\x1d\xf0q$\x924\xf6\xcd\xb4\x1c1\x01\x89\xf4\x19;\xe4\xd1z\x18\xf3vWZ\xd3'</t>
  </si>
  <si>
    <t>b'\x1f\x81\xf6\x06\x0c\xa29\xe5@\xc3!\x90\x8c\xb7\xd6\x85\x1e\xff\xcd\xdb\np\xed\x0ew\x0cOl9\x11\x05d'</t>
  </si>
  <si>
    <t>b'\x8c\x10\xca\x1a\x0f\x17\x9f\x81C\x8eb\x9bN\x0f^b\x98\xc8D\x1c&gt;\xea\xc3\x9a\xf8$\x86\xdc\xad\xba\x7f\xc9'</t>
  </si>
  <si>
    <t>b'\xa9\xbaI,K\xb3\xa6fr\x05k[\x9b\x10^\x01\x1a\xd0\xa6\xe1\xd1\xfd\x83\x11cx?\x91\xe4\xeb\xa39'</t>
  </si>
  <si>
    <t>b'\xe0A\x11\xc4e\x1d\x8f\x04\xb6\x9c\x9ak\xf6\xe5I\x1fV\xecEj\xe1L\x83\xa2\xd22\x05I\xfds\xb7\xed'</t>
  </si>
  <si>
    <t>b'\x1fk&gt;\xd9\xad\t\xaef\x03&lt;&lt;\x84\xcd\xb9\x18\x85\x96"2\x82\xf2A \xf2\x1d\xff\x90p\xff\x97\xd7\xec'</t>
  </si>
  <si>
    <t>b'\x084\xa8\xe73\xd9\xe8u\xa4\xea\xcar\x0c\xd72\x007\xd4j\x9aO\x8a\x0b\xc1`\xb0\xc1I\xa2\x92\xf3\xb5'</t>
  </si>
  <si>
    <t>b'\xd7wr\xe2m\xfe\xbf%\x97\x8b\xea\xe6\xa6\xe4\x8b\x823&lt;\xd8\xc0\x03*\x89\x99\x8a\x8c\xaa?\x99\x97"\xfa'</t>
  </si>
  <si>
    <t>b'\xa3\x1f\xf4\xd5\xcd\x1b[\xd6G\xd5\xb51\xeb\x82\x15\x89\x0b\x8f\x9fS\xca\x0b\xa2\x9f\xae|\x8c\x9c\xaf\x1d\x88='</t>
  </si>
  <si>
    <t>b'\xc0\xdc\xe6]\xbd\xeb?EM\xa6^/\xff\xb3\xd1\xfc\x88^\xfa\xb4\xea\xf7\x7f\xe3YO\xdex&lt;yo\xc3'</t>
  </si>
  <si>
    <t>b']\xa0#\x95\x03\x9bNk\xe9C\xb0\xdb\x03\x98\xd4\xd4\x0b]|+\xbe\xf9S\xbc\xa6\x03\x17A\xfc25\xf9'</t>
  </si>
  <si>
    <t>b'l\xc1P\xb6w\xb2n\x1f\xbaQ\x06\x83u\x1aDU\xaa\x10_.\x8a\xe4\x8f\xc6\x9b\t\x10$\x89\x19r\xd1'</t>
  </si>
  <si>
    <t>b'\xa0tzAg,\xc0%\x0c\x19`\xfd`\xdb\xd5\xad|\xaf\x97I\xfd\x0e\x17\x7f\xb3p8\xd4L\x8aK\xa9'</t>
  </si>
  <si>
    <t>b'\x97\xc0B\x9fH\xb5\x89~$\x12\xbf7F\xef\x8aY\xa5\xdc%\xf0\x87\xb3\x80\xadS\xb3;\xb9)\xef\x06\xc0'</t>
  </si>
  <si>
    <t>b'\xa0_\xca\xa4\x8d\x1f\x1dm\xa2\xb9?\xc0\xc38\xd4\x00%\xd5\x03\x0b\xf4\x0c\xa2$\xdaj\xe2x\xeai-\xd7'</t>
  </si>
  <si>
    <t>b'\xbaPS\x9bW\x08_\x14]5H`\xbaff)\xdc*#L&amp;\x1d\x1cb}\x8f\xc4L~\xa1Y&amp;'</t>
  </si>
  <si>
    <t>b'0\xcb\x83\x86;P\xed\x8c\x89Wq\xa3/\x9e\x94\x92n\xa7\x83\xc8\xda|)\xf5\x06Q~g\xdd\xc3_\xa6'</t>
  </si>
  <si>
    <t>b'\xdb\xe6}P%8\xfd\x9d,\x95\xf0EZ\xdb\x19}\x13\x86\xf3\x19]\x9ex`-J\xda\xed\xa9\xa5\xbd\x8e'</t>
  </si>
  <si>
    <t>b'lo\xf3\xd2R%A\x94\xd2\x80\xabG\xf0R{\xa3Cg\xa2\xd2\xfcC\x9b\x05 \x93\xf0\xacHp1\xce'</t>
  </si>
  <si>
    <t>b'=E=\xf2\xe8\xf5;K\xf5\xfd\x0cC\xb6\xc8\r|\x01\xbdI\t\xffl\xdc\x7f\x94\xe8f\x95\x0ce\xd9 '</t>
  </si>
  <si>
    <t>b"'\xf0!\n\x99\xfeP\xacG\xaf\x9c\x96\x13\xd3\xa9\x88\x9e\x8enK\x92Vc-=z\x8e\x85Z\xd3\xf8\xeb"</t>
  </si>
  <si>
    <t>b"\xdb\xf1\xa7\xf5\x7fY\x96q\xb1\x17;\x84@'YE\xc0\xb0\x9e'*\x92\xd9:\xf9~(G\xa2\xb3&amp;\xf5"</t>
  </si>
  <si>
    <t>b'\xd0\xcd]\xd2\x10\x9b\xee\xe0\x05\xdey\xb3r\xbb\x8b\xa4\x15E\xf5$9\xfc\x12\xe9\xf3\xef\x85~\xb1\x06g\x95'</t>
  </si>
  <si>
    <t>b'\xa7\xa3p@\x8e\xbd\x02\x98g&lt;`\x9c1\\\xfc\xccDm\xb4\xc9\xeb\x00S\x0e\xf8\xc6\x8b\x16|\x8a\xcb\x98'</t>
  </si>
  <si>
    <t>b'\xfd\xe4\x87\x82\xe1\xb5\x08\x85\xe8\x9a\xc0\xf0\xab\xfc7&lt;\xab\xe7\x11\xcf\xb1=\x90i\x15\xe7p\xe4\xb7]Wo'</t>
  </si>
  <si>
    <t>b'  \xf2J\xb70E\xc2]1\xf1\xa6\xa6i\xd2\xdeC\xfe\x9a[\xab\xf0\n\x95Xc\x9c\x18]\xbe\xacD'</t>
  </si>
  <si>
    <t>b'\xf2r\xddaos\xc2z\r5\xd9\xbeU\xde\xf7)\xfd\x96\x1a\xb1!u%\xd8\x9d\xebi\x9a\xa0\xd7\xb3\x16'</t>
  </si>
  <si>
    <t>b'C\xa4\xa0\x95]\xa3\xed\xe2\xc1\x1cK\xe4\xb6\x9as\xa0\xf8\x92\x96\xfdykEa\xe6s\x7f\x8c\x8aycO'</t>
  </si>
  <si>
    <t>b'3\xa96q\x97\xbbF{\x97\xdb\xf9[)\xd9\xe4\x8fV\x94\xad\xbe\xd4\xc2]\x81/iX\xea:\x19H\xbd'</t>
  </si>
  <si>
    <t>b'\xe6}\xbcz8\xb3Q{\xfc\xd9\xb5\xaft\xaf\xb2\xcdIv@/\xf2\x04\xd6\xa3v\x14?D\xf7\\`Q'</t>
  </si>
  <si>
    <t>b'\xe2\x1aE\xe5\xfak\xb6\x8f.\xc0\x9e\xb1\xf4\x83u\x97\xfe\xff\x13$\x96e/\xd2T\xe3\xeeaWd\xb9#'</t>
  </si>
  <si>
    <t>b"\xcbM\x96B\xaeK\xb6\x02\x91\xb8\xf8&gt;:\x9b\xf3\xad\xa2\x1d\x7f\xe3\xbblk'\x9a1\x13l\xe9\x08\xbf\xc6"</t>
  </si>
  <si>
    <t>b'T)\x1b\x19\xcaM\xa5\xec\xaf92\x18\xd1\x81\x96j\x81\x96\x94\xb6\xd9\xf9\x01\x136\xa5m\x8c\x0ea6/'</t>
  </si>
  <si>
    <t>b'o-\x17$A\x83&amp;\xea):\x1e5l\xba\xa7&amp;\xbc\x80\xfdn\xe1\x9f\xd3jAvd\rG\xcb\xbe\\'</t>
  </si>
  <si>
    <t>b'vs`\xe4\xde\xd6\xf3*L53E\x15\xef\x02\xd0\x08L\x93O\xd7\xae\x06&amp;@\xb1#\x12\n\x82\xff\xe7'</t>
  </si>
  <si>
    <t>b'3\xf9\x9e\xf6\x0c\x1d\xfd[\xbb0\x98\xd2\x92\xe9\x15\x84 \x05[ \x16\x0f\xc6,\x88p\xa4:\x93s\xa2\x9d'</t>
  </si>
  <si>
    <t>b'\xc9\xbd\x1eI\xc6\xeah\x9b\xcdD-\xcf\xde\xe7\xb9}\xf5\x8a\x10-j\x18!Q\xfe,K\xcbX0/\x18'</t>
  </si>
  <si>
    <t>b'\x0f\x9c\x0c+\x15\xa2]\x9f\x9c\t \xa0\x90B\x1d\x07OtC\xb97\xb6q\xa5\xa4a\xa6\xe1c\x0e\xb7\xb8'</t>
  </si>
  <si>
    <t>b'$5\xb8\xf2\x13!\x1f\xe0\x98\x1d\x8c\x9fJZB\xa9\x8f3 \x81Un?\x8b\xe0S\\\xae\xe4\xa3\xacj'</t>
  </si>
  <si>
    <t>b'\xa3\xbf/\x86\xf3k\xb6\x12\xb4O%V\xabX\xdbd\xa6@3E\xcaL$n\xa74\xb8\x19\x0eS\x87\xa4'</t>
  </si>
  <si>
    <t>b'SB\x08#\xbd\xae\xcft\xcb\x82Y\xbf\xea;\xecm&gt;c\x08yg\xaf\xfd\xd6\x1c\x13\xcd\xa0I\xd9\x1f\xcc'</t>
  </si>
  <si>
    <t>b'\xc2\x8bq\x84\x07\x1c\xc6\xc0\x83N\x90N(A\xfeM\x10\x7f\xca\xb9\xf4\xaa\xa3&amp;\x05{\xd4\xfe\xbd\xe6\n '</t>
  </si>
  <si>
    <t>b'z3\x0c\x83\xe4\xeaO\xf3\xdfN\x919:X\xfb\xf0h\xe8Bd\xfc\xf5\xc5\xde\x08\t\xc7\xa8@\xd90\r'</t>
  </si>
  <si>
    <t>b'\x18u\xab\xdd\x8a\xb0\xfc\xc9\xb917\xb7\xf9f\x810*A\xd93\xea\ry\xffEe\xe4]\xa0\x06\x9c\n'</t>
  </si>
  <si>
    <t>b'\x03\x80\xdd\xebk\x1f\xffv\xd7\xaa\xf9\x00+\x17l\xfb\xdc\xf8\xa5&amp;\xa9\x9a\xb2\x07L\xeb7\x12~\xd9%\x1c'</t>
  </si>
  <si>
    <t>b'\x8d|\x89\xc6\xe9\x84]\xf0\xbf\x98aE\xa1F\x0b\xcf\x89\x9e,\x92\xbf\xecJ\xe2\x17\x90Q\xa0\xad\xb0F\x9a'</t>
  </si>
  <si>
    <t>b'\x10\x9a@\xa9\xa6\xd3\x80j\n@\xb9\xadd\x01\xb3\xc4\x14;\x939\xf4\xb6\xd8\xf1)\xd1\xf4\xeb\xd1\x07A\xd7'</t>
  </si>
  <si>
    <t>b'\x9a\xebf\x98\xd5\xbce2\xa9\x80\x81\xa4\x1fl\xcaY\xfc\x97\x86\x13g\xa18\xaf\xe2\xffaK\xfd\xc4\x07|'</t>
  </si>
  <si>
    <t>b'\xc7\xf9\xc8\x95[\xd4u-:\x0b1\x9f\xc9\xa4\xad\xa9\x0f\xbf|\x17\x86\x01c\xde\xd3\xf8z\x91\x8az\x8b\xb3'</t>
  </si>
  <si>
    <t>b'i\n\x05\xd2\xf4%Cv\x1c\xfb\x1c\xb5\xfd\x82\xcd\xa8\x95\xc9\xd2T\xc5]\x8d\xe2\x1fo\x08M\xdf\x1a\x17\x1c'</t>
  </si>
  <si>
    <t>b'`\xc9%\xb8]\xdd\xbdf\xb4\xe29s\x00\xd2L\x87\x19l\x87\x9eY&gt;\xd0\n;_t\x10\xba\xd6\xd4\xb1'</t>
  </si>
  <si>
    <t>b'\x8e\x8apvA(\xf7\xeb\xe0\xccOz\x004\x94\x80\xa9\xd6\xb5\x06\x06\xe3\xfe\x9b\xbb\tY\xdf\xa9\x8c\xeaP'</t>
  </si>
  <si>
    <t>b")\xef\xe7x\xc0\xb0\x81\xe0\x12'U\x91\xf7\x9eY3\x96\xf5\xaf?D\xa6\x06&gt;\x14r&gt;\xdb!\x97|\\"</t>
  </si>
  <si>
    <t>b'?\x8a?M\xc8\xcfb\xb4\x1f\x0c\x86y\x94\x02\xf3\x0b\r+6\x96Z\x9b\xe2\n\x17T\xff\x14\x15\x10\xe8\x11'</t>
  </si>
  <si>
    <t>b'\xb2:\x0e\x86\xe1V\x97\xab\xabvbF\xa4_i%Xpq\xf5@\xa20\xe2\x19*"\x92\xfb\nE\x99'</t>
  </si>
  <si>
    <t>b'?\xf7\x06Q\x82\xc8\x1f\xb2VW6[\xb9\xab{j\xf1\xdc\xb3\x1a\x1fe6\x9d\\\xfa\x97\xbb\xc3g\xb8Y'</t>
  </si>
  <si>
    <t>b'\x94\x04e`F\xb8OO\x02\x97\x81B\x84i\xc5\x8c}\xbd\xd60\x98\xb3\x95\x806\xce\t\xe6r\xa9_#'</t>
  </si>
  <si>
    <t>b'\x8a=\xbc%\x92\x93N\xb8\xa9\xd7\xe0c\x8d\xcf\x95\xd5\xee\x1e\xae\x9e\x93f\x9eS\xdb\xf4z\x93n\xa3C\xcd'</t>
  </si>
  <si>
    <t>b'v\xf88\x10l\xa6Vr\xd3p\x884\x05\xe5\x16R\xc4\x87c\x1c\x01,\xe3y\x1a\x07\x9dd\xf4&amp;\xcd\x8b'</t>
  </si>
  <si>
    <t>b'd\xc6:\xb8UCtG\xd9\x89\xd1v\x1br\xa2\xc7\\\x15\xcez\xba\xd4rz\x08}\xa3\xc0vb\xc2n'</t>
  </si>
  <si>
    <t>b"\xcfn\xbd[K\xcar\xaf\xa6d\xe7\xb9o\x0cO\x00\x83\nq\x8d\x02\xb3\x1a\x13'\xd6\x81\xf1\x8a\x9ak&lt;"</t>
  </si>
  <si>
    <t>b'\xb7w"\xab\x1f\xe2\xb9\xff\xc3e\xa6K\x9aV\xf5\xec$5\x87\x06\x07.M\x98\x96+U\xe2\xe4H\xf0\xbc'</t>
  </si>
  <si>
    <t>b'\xcd\xb2\xe9\xd5\x1b\x89\xbb\xce\x7f:\xce\x93&gt;^\xa7\xefe\x0e\xd9\xba&amp;\xe9\x9b\xb3\n\xd7\xa7Pq6\x84&gt;'</t>
  </si>
  <si>
    <t>b'\xbe\xa5,\xb3\xe7\xd6l\xea\x88\xbb\x81\x8f\xa7o\xbd=\x14\xb3\xdc\xb4\xb7\xf0\x8d\xe0\x95)\xab\x96\xd6L9\xbd'</t>
  </si>
  <si>
    <t>b'\xe8\xa6\x8dF+\xad&gt;X\xbbm:6&amp;\xeag\xf3\xf92\xa6)#"\x96\x87\xfd\xed\x01o.\x1bW\x97'</t>
  </si>
  <si>
    <t>b'\xfb\x98\xb2U\xfe\\aL\x03\xf0\x17:o\xb1{T\x93\x1bv\xae;J\xf0\x11\xe5+\x10\xf2A\x12\x8a\xad'</t>
  </si>
  <si>
    <t>b'\xa3(9ojB\xb3\x15\xc6P\x04ZN7j\xf1\x8c;\xce\x90u\\\x9bw\x8dd\xf2\xb5=:r\xce'</t>
  </si>
  <si>
    <t>b'\xdb\xc2\xee\xa9\xa5\xea\xb0\xc0\xfc\x9b-\x0f\x1aP+\x9b\x8d\x8b\xb0*\xa0R\t\xbe3\x01\x02kY\x1fAs'</t>
  </si>
  <si>
    <t>b'\xd9\x1a\xd5\x88o&amp;\xf7\xc4\xcb\xc4\xf4\xf1\x91\xfc\xc2\rS\xfb\xcc\xd5\x07x7\xfa\x8c\x0f5\r{\xe21h'</t>
  </si>
  <si>
    <t>b'zu\xeerc\xab\xf6\xc5c\x93F\x82z\xb8\xb5\xdc\x8aB"eG\xb22\xc2\xc5\x7f\x02\x1aF\xd0\xf8\xb9'</t>
  </si>
  <si>
    <t>b'\x04\x988\xdeXX\xfdDR0c\xfc\x08D\xad0\xab\x11\x90\xbf\xebS\xa2\x9d\xd5\xdd\x96\xa9v\x82\x93\xd5'</t>
  </si>
  <si>
    <t>b'm\xf7\x89\xd4\xce\xe9\xb8\xc3\x1f}Rf\x95\x14\x1ce\x02\xb4m0\xaa\x85a\xab\xaa\\r\x84\x8e\x03\xe1\xeb'</t>
  </si>
  <si>
    <t>b'U\xc2T\xc21o~"\x90\xbd\xa8\x11\x8al~\xbf\t\xca\x841\x12\xc2\xe8\x9bmHo}\xbd\xbd\x99\x01'</t>
  </si>
  <si>
    <t>b'Jj`\xc4\xb7\xc5Al\xa6VQ\xd9+i\x81\xa9\x00\xe57r\xbc\\\x020&lt;\xe4\x9eN\xbb\xe94\x98'</t>
  </si>
  <si>
    <t>b'\xa5\xa9NZ=J\xc8.\xa7\x87\xd8*\x01\n\xb5\xf8\n\xecdU\x82\xb2\x1a\x1e\x84\xefiT!o\xf99'</t>
  </si>
  <si>
    <t>b'\xb2E\xbaoe\xe9\x0c\xe5\xdd\xad\x80cn\x1c|-\xfa\xb3\xe63\xea\x14\xbf\x1eT7\xb6\x93hZ\xd6c'</t>
  </si>
  <si>
    <t>b"s\x15|\x0c\x07\xae\xd5\xde\x1a\xf2\x12\xd1\x80\x00H\xd3\xeb8\xaap5}\x7f\x16\xbb\x05'a9\x07\x8f\x16"</t>
  </si>
  <si>
    <t>b'\x95\r\xcb4^/b\xe4\x8a\xf2b(x\x1f\xbb\x89{.\x12\xdc\x13\x8f\x99\x13_\xc7\tT+\x16\xa3Q'</t>
  </si>
  <si>
    <t>b'\xc1&amp;Sn\x1d\xf6;\xf0\x8cZ\ri\xb6\x95\xbbmvJ\xeao\x9e]-\x96\xbd\x1d{\xc1A\x06\xe8N'</t>
  </si>
  <si>
    <t>b'x\xcf*/\x9f\x01/RP\xcf\xde\x83\xe8\x93*\xde\xb2\xe6\x1a\xbb\x949\xe5\xf8\xfb\x91\xdc\x0e}/a\xd8'</t>
  </si>
  <si>
    <t>b'\xad\x06\xa9\xbd\xcf\xd3}\x00\xaa\x87\x8dt\xe9\xeb][\xd3\xba\xa1d\x0f\xbe4\x83\xac\xd7\xf3\x12*l1~'</t>
  </si>
  <si>
    <t>b'\xf1\x89\x82E\x11\x85\xd4\xa5\xe6u\xaa\x19\x0b\xb6\x1a\x80\xa0PqM\xa6\xba\xd7\n?\xabS"\x1b\xaf\xc9\xeb'</t>
  </si>
  <si>
    <t>b"Q\x8d\x14\xdb -\x875'\xdd\x8eK?:z\\\xae\xfa\xbe^,\x91\x7f?\xfb\x82\x19D\xe5?\xcf\xf4"</t>
  </si>
  <si>
    <t>b'}+\x0c\xbd\xf0OC\\Z\xab\x00\xd7\xae\xa9_\xd6\x07\x8aEl\xd3|g\x9f\xfc\x9bI\xe0\x82\x1b\xe6\xc4'</t>
  </si>
  <si>
    <t>b"\xf1Zl''\xdc@\xbe\x0b\x19X\x88\xf0&lt;\xdeQFI\x0e\xb4Y\x01\xd1 \x83\xa3X\xb4[4\xfe\x85"</t>
  </si>
  <si>
    <t>b'\x90\x0b\xd0\xd6\xd9\xb5\x98a\xb9@\x015,\xb2\xf5\xc5\xf96\xc0\x1eG\x8dg\x9d;\xf8P\x06\x07\xa4\x9c0'</t>
  </si>
  <si>
    <t>b'RU^\xbb\xd3\xc0\xc0\t\xad\x7f\x06\xa0\xf0\xdf\x8dw\x99\xff\xca\x96\xdf\x01\x9bi*qa\xb7(\x19\xdf6'</t>
  </si>
  <si>
    <t>b'\xd7w\x82o\x08=\x03\x0e\x0ca\xcb\x12\xe1\xac\x17m\x12\x85\x03\x1c\xabX2I\xc6\xd5\xfd\x82\xe5\xad\x1a\xf9'</t>
  </si>
  <si>
    <t>b'\x9d\xc2%P1*\x94#\xf2\xb9\x97,V\xe5:Mv\x94R\xaaFP\xae\x7f\x88o ]\xc7\xb78\xed'</t>
  </si>
  <si>
    <t>b'\xc7\xbd\x02\xf1\x8b;\xfaF\x8cq\xb4L\x15\xb8\xcbY3N\xd6jha\xd7K\xe4f\xf7 5\xdd\xba\xa3'</t>
  </si>
  <si>
    <t>b'B\xc1\x9f\xb0\x8d*\xcc\xab2\x9d\xa9\x87\xcd\xb9\x82\xd1\x08\x8b(\xd6\xde\xdb\xb3n&lt;\xf9\xf1[l\xf8#\xfa'</t>
  </si>
  <si>
    <t>b'2\xc2ol/n"\x1bf\xb8I\xcdy\t\xc9?\xecdY\x08ejC\xbc\xd7\xe1{\x13q\xbc\xbb\x16'</t>
  </si>
  <si>
    <t>b'\x1e&amp;y\n\x16\xc6\xe3~\x08\x8a\xcd\xea\x98\r\x94\x8bz\xc0\xe3\xb6\xe6\x0eq\xe0Z\xc7\x95\xed\x7f\xd2\xd3q'</t>
  </si>
  <si>
    <t>b'\xf9m\xc4\xc3\xbe\r\xd6\xa3U\x16.\x9f&amp;\xa1\xc7\x90 8\xe8\x11}\x94s/\x87H\xb4\r\x16H\xe5M'</t>
  </si>
  <si>
    <t>b'\x9e\xec\xf2\xb2H\xae\xfd\xc94u-&lt;\xa8\x15\xadP\x0c_@^\xb1F:\xc0\xb8\xba\xb6@i\x8a8P'</t>
  </si>
  <si>
    <t>b'\x84\xbb\xdd\xbe\x0c\xb2\xa3\xf9j\xee[\t\xe3!\x15M}\xfc\xf5\xfe\xecI&gt;sE\xd9\x80J5_\xb5s'</t>
  </si>
  <si>
    <t>b'\x00\x87\xad\x93\xb5\x02u%\xc4q;I\xf1\xde@!j\x98\xbc\xbe0v\xf8dh\xd8\xd0~\xec\xd4\xdf\x04'</t>
  </si>
  <si>
    <t>b'\xbe\xceB\xc3K4E\xea\xfb\x80*\xfd^[\x06\xb4pp\xb9\xe7\n\x1d\xc6\xa4\xa2\xb4]\x801p\xc6\xad'</t>
  </si>
  <si>
    <t>b'\xaa\x18\x96!T\xe1\x98\xa7;\x81\x9d\xf96\x9df\xf8\x9d\xbd\x0525\r\xcf\xae \xe1\xef\xf2\x19M\xff\xb6'</t>
  </si>
  <si>
    <t>b'\xc2\x1a\x0bf\xca\xde\x0c\x11_\xa59\xff\xc7\x17\xbe\xb5\x8e-=?\xcf\x16, \x182\xcdt\x85\xee\xc2\xdf'</t>
  </si>
  <si>
    <t>b'\x88\xa5\xdc\xb5\x89\xb8sH\x16q\x02e\xf7aaxh\x0c\rli2I\xd5\xbc\xce\x9a\xda+\x17\xc1\x94'</t>
  </si>
  <si>
    <t>b'^}\x97\xa7\xbb\xc8\\\x9a4\x16\x83}\x18N\xfc\xdf\xe3,\xce\xe0\xb8\x11\xcb@\xf4\x8dG\x97.\xb4W\x83'</t>
  </si>
  <si>
    <t>b'+\r\xfb\x16\xe8\x96\xbb\x87M\xb1T\xa8\xeeh\x9c\xb0\xeb\xa4\xff\rh\x13q\x99\xde\xaa\xc6P8pXm'</t>
  </si>
  <si>
    <t>b'\xbbV\x90\xb9\xf0,\x93\xe3v.\x97\xe2\n\x066\x12\xd5\xe1\x9d!\xa5\xe8\xb9f\xc4\x17S\xc7\xf4Z\x15\xfe'</t>
  </si>
  <si>
    <t>b'D\xeb\xad!]Y\x03\x03\x92\xa0 \x8dq\x15\xf9\xb0\x1b\x93\x86Zn2\xf3S\xe7\x0b\xaaK"\xf82P'</t>
  </si>
  <si>
    <t>b'\x81\x83\n\xeeu\xd0@\x0fL\xf2\xbcm\xc3\xaf\xcbf\x9a[\x80\x19B&lt;l\xdf\x92N\xf3\xcd\xed5.#'</t>
  </si>
  <si>
    <t>b'\x97),\x95\xe6\x0bM\x04\xe5/\x05_\xefN\x0e\xb6\\\xe4\xe22\xce)\x91l\x88e\xb1go\x82A\xe5'</t>
  </si>
  <si>
    <t>b'\x9a\x19~p7S[\xde\x149\x13\xc7\xabIT\xae){\xaa\\\xef\xe0\xc5\xfa}\x9a\x1c\xec\x19\xf9*/'</t>
  </si>
  <si>
    <t>b'A\x9c\xb3\xe4\x9e[m\x82\xb8?|\xa9\x05\xa6a%B\x84\x01\x07\xe8\xca\xb9\x9a\x1e9\x1e\xbfn\xcf\t\xd0'</t>
  </si>
  <si>
    <t>b'\x8eY\x15(d\xb1\x8db \xbfV\xdf\xa4\xea\x1a\xaf\xc5\xc1\xff\x99rM\xae\xc0\x8d\xeb\xeag\xe80W%'</t>
  </si>
  <si>
    <t>b'`Y\x84\xfeL\xf9\x10\xc9\xe8\x7f\xcd\xe0k\xb0\xea\x11\rU9\xe8\xa0\x9b+h\xc5\x1d_}\x1c\x92\x1d\x9a'</t>
  </si>
  <si>
    <t>b'\xe06\xfdx\xf5\xa8\x98Q\xc6\x16\xea\x94\xd5\x8a`s\x89\xd7\x16\xae\xf7E3r\xeaI?\xfb\xbdv\xc3\x8b'</t>
  </si>
  <si>
    <t>b'\xd1\x16\t\xa8\x11c\x84[\x10\x93{\x08\xe4"\xee\x80H\xad\x08\x94&amp;QY;a\xe6\x1c\x84\x81!fz'</t>
  </si>
  <si>
    <t>b'\x14\x15\xa3b\x14\xd5\xb5\xe2bn\x95c\xdcl&lt;\xf1\xb5\x94\x9dHc$p\xa8\xfc-\xf0rS\xb9,e'</t>
  </si>
  <si>
    <t>b']29N5sqJ\xaau\x86\x1d\x87|\x96=\xe2\xa7\x12\x16\xa1\x0e\xa1D\x1c\xdd\xaa\xd7#\xca\xa7\x03'</t>
  </si>
  <si>
    <t>b'\xf1C\xc3\xf2rm\xf2W\xf8\x07B\xb4\xcd\xff\x0b\xb2\xec\xed\xe3\xbf\xa3&amp;\t\xe1r\xf5\x13\xe7\x85\xe3F\xc3'</t>
  </si>
  <si>
    <t>b'\x19\xd8&lt;\xa2\xf0\xc7\x8e\x87\x06`\xa4\xc5\xd4\rTI`@*\x83\x8f\x97\xc77IA\xeey\x14?\x06]'</t>
  </si>
  <si>
    <t>b'\x86\xed&gt;\xc9gB\xfb\x0c\x9a\x97\xe7N\xff\x80\x9bJ\xb9\xaa\x8f\x04\xa1jB\xb9\xafi9\xa4\xfe\x11,{'</t>
  </si>
  <si>
    <t>b'\xb3\x85\x10X\x9d\xd60k\x00\x03\xaf\x9d\xc0B\xdc\x02\x83a\xa9v\xa2\xdf\xbdL*\x96\xa7\xbd\x96\x94S\xd3'</t>
  </si>
  <si>
    <t>b'\xaa\xff\xa2\x95//\xac\xbd\xf6q\xa8\x8c\xcb\xd9o&gt;\xe5\x81\xa0\xf4\xc1/\xe1r\xe6\xbe\x12\x8a\xb0\xc0\x90\x1e'</t>
  </si>
  <si>
    <t>b'cRQ}\xc3\x1f\xdd\x9aY\x02\xc3+g\xc9Y&gt;_\xc2t\xd4i\x98\xc2\x8asI%\x03To\x92\xae'</t>
  </si>
  <si>
    <t>b'\xee\x97\x00\xdck\xeb\xe3\xe9+\r\xd7\xfb\x7f\xe3u\x89M\x84\xc01#|\x1d\x16\x98\xf7\xe5\x18ng\x94\x16'</t>
  </si>
  <si>
    <t>b'(\xbel?\x14T\x82\xba\xd7M\x1b\xb7$\xb5\xad\xe2\xbd\x80\x90&gt;\xbbck\xe6$\xccV\xd4\x9a\xa9\xe5\x12'</t>
  </si>
  <si>
    <t>b'\x00\x8f$?\xf0%Vr\x1a\xa4\x1f]K\xa6\r\x99~\xd3\x17\x1e\xc7\x1a\x08\xb7`@\x05\xb3\xf0+\x9b\xb7'</t>
  </si>
  <si>
    <t>b'\xe4\x07_C@\x9a\xe1\x1a\xcf\x98\xf9=\xc5\xf1\xd7\xba)\xdb\xda\xd5\xf3\xb1\xed\xf7*\xe3\xc2\x1d#9}\xd1'</t>
  </si>
  <si>
    <t>b']\x12a\x99\xdez7\x07^T\x98\x98\x9a.\xbb \x01E%\xa5\x86\x01\x13\x01\xba\x1aM\x86w^c\xaa'</t>
  </si>
  <si>
    <t>b'\xce(N\xbc\xeb\xa3h\xa3\xa0\xc7\xfa\x9cB#\x12I7\xe1\xdc\xff\xef\xcda\xddi\xac9\xe9\xd5\x8a\x02\xa4'</t>
  </si>
  <si>
    <t>b'\xc4\x8d\x99L\xc8N\xb9\x19q\x7f\xd4\xf4\xd0\xe5g\x13\xe69H\xf4\x0b\xc0\x9dmOh%\xc6\r\xccC\xaf'</t>
  </si>
  <si>
    <t>b"\xa1\xe4'\x10\x01\xf2tr\xf6\x97}\xae\x8b\xe8\xd5\xb2\xff\xc0\xe8\xaaI,wK.Ui\xd6\x06\x8f\xd5\xf6"</t>
  </si>
  <si>
    <t>b'\xcc\xe9\x909\xa3\xad%\x18\xc5\x88\'\x10E6q\x97\x9a\xcff\x93\x1b\xbf0\x93\xca"\x8bM\xa0\xaf\xc1\x02'</t>
  </si>
  <si>
    <t>b'#\xe2\xa8\x8a\xec{Z\xacH\xd0 &lt;ll\x0e\xf3\xf2\x88@"\xefg0s\n6\x9e\xf7\xc2C\xa1\xb3'</t>
  </si>
  <si>
    <t>b'\x0f\xb6\x1d\xc2\xf6\x9b7\xe6\xa9CNn9uV\xa0$b\xb1\x06"\xce\x16^\xd0\x87]\xeb\xce\xeb\xfc2'</t>
  </si>
  <si>
    <t>b'\x926\x98\xb0#rSg)\xe4I\xa3\xc6\xd2W\xfa\x83\x96\xfd\x9b\xa3\x08\xe2\x9c\xd54\x18@\xb6\xb5\x92:'</t>
  </si>
  <si>
    <t>b"\x91\x97\x1e\xb4\xafz\x82UY\x98zx\x83\xf5P}c\xb3K\xec=G `\xacgB'\xa1\xbb\xc4J"</t>
  </si>
  <si>
    <t>b'h\xc2F\xbb\x07Qt&lt;F{\x99/+\x03\x97\x80\xaf\x18\xb2\xb3\xdf4p\x18\xa4\x10\xa3\xc8\xd95\xfd\x97'</t>
  </si>
  <si>
    <t>b'f]\xcd\xfb%\x98\x16&amp;\xf7\x96\x81\x7f\xebg\xe352\xb1-r"\x15N\xd3\x8f\x96\x96\x15\x94UH\xe2'</t>
  </si>
  <si>
    <t>b'\xac\xc9\x14\xe5R\xf6\xf74\r\xff\xde\xa8\x81\x15\xa8\xea\x1b\x89\xd7\xefm\x8c5\x9c;\x81-\x83b\x1a\x16\xbc'</t>
  </si>
  <si>
    <t>b'\xa9Ea:\xf6\x07+\xe3\xcb\x13\xab\xbet=\xf2?(vg\xaf\xce\x97qRh\xb5\xbeC\x00\xa4\x87\x07'</t>
  </si>
  <si>
    <t>b'RT\x1b\xbaA^_\x8b\xc1\xfc(\xbf\xa7mC\xf2r\xae\x92\x84R\xab\xee\xc3\x17+3Z;A\x7f\x85'</t>
  </si>
  <si>
    <t>b'\xa3\xe6\xa8\xc6$6\x88\xb23\xa6\x0c\xc5\t3N;\x05E\xb9E\xd9\x83Ub\xb6L6\xd4\xf0=X\xab'</t>
  </si>
  <si>
    <t>b'\x81k\xed\x0e\xdf\xe8\xaf\xf9\xb3\xea5\xa7\x02\x17\xa9~\x04\x84\xdf\xd7j\xe0\x9b8\xde\xe3s\xbeNk\xda\xbb'</t>
  </si>
  <si>
    <t>b"\xcd'!\xbfzh!\xac\xce[\x07\xe0\xd4\x9a\xbe@c\xbd8_\xaa:\x81t\xe5\x9aOm\xf0{\xf6\x08"</t>
  </si>
  <si>
    <t>b"\xde\x8b\\Y]\x97\xf43\xa9\xbe\xb9'\x0f\xf5\x8e[\x95\x01\x85\xb2\xf0\xc7\x0f\x8a\xe1t,\xe2\xa6\xbc\n\xc8"</t>
  </si>
  <si>
    <t>b'a\x91\xaeZ\xf1VE\x9a:\xf2\xc3\xe6\xcd\x839\xcc\x84\xccstL\xc2l\xd9\x07O"\x84\x88Jm\xa5'</t>
  </si>
  <si>
    <t>b'\xd5 \x0b\xfaQV\xe4\xc6\xa9\xd8\xc0\xb5\xcb\xf4`\xdb\xc9\xc2I5e"v\xd1q\xda\xf6\xe0*\x07L\x88'</t>
  </si>
  <si>
    <t>b'\xbcV\x13\xbe\xde\xc3\x98?\x8b\xf3\xbe\x94\x12e\x85\xadep\xe9\x8aax\x0b$Y,"\x16PN\xd0\xcb'</t>
  </si>
  <si>
    <t>b'&lt;-ir\xd3\x1eT`\xd1\xf8\xc6\xeaEC4\x91\xf9\xf0 \xc0)\xde\x02H\x03\x9fD\xd2\xba)\xd9\x91'</t>
  </si>
  <si>
    <t>b"\x06\xb1\xaaZ\xe8\xda\x85\xfe}\xa2\x84\x1c7-'\xe2\xfe\xa8\x02\xf9\x1dd1\xf5F\xa5~\xae~\xd4`\xfc"</t>
  </si>
  <si>
    <t>b'\xdf\x86\x19A&lt; \xe0\x03\\\nw=)\xdas\xa5\x0e\xe0\xfaJ\xfdCK\xbf/\xce,i\xeb\xab\xf4\xae'</t>
  </si>
  <si>
    <t>b'\x1a\xc9b#\xdb\x0c\xcc\xf2P\x9f\x85\xf8\xf31C\xd4c\x84\xd9\xc90v\x0f"Vx\xc2\xbc|\x11\x88@'</t>
  </si>
  <si>
    <t>b'\xf3s\x10\x8c\x9c6\x8d&amp;\xa1\xca\x92\x87\xa8z\r]t\xd1\xc1\x17\xe7\xb0\xa4\x07\xd06\x01_\xac?s\xf1'</t>
  </si>
  <si>
    <t>b'\xa5456\xc3\x0e\x8av;\x10\xde\xdf9q\xf8\xff\x0fl\xdb\x7f\xb79\xe8./\xf8{\xa7\n\xab5\x01'</t>
  </si>
  <si>
    <t>b'_\xed?qJ\xdcda\xc9C8&gt;"H]a\x81\x81*\xbb%\x80:V\xd37\xe4\xce#\xc2\xa4\x1e'</t>
  </si>
  <si>
    <t>b'\xe6\xd7\x9dh.\x01D\xb543\x81\x90\xc6t2\xf0-:\xe9\xde\n\x01\xec\xe6\x88\x87p\xd3\x93\x7fz\xf1'</t>
  </si>
  <si>
    <t>b'~N\xae\xa8\xd0\x11\x08\x17\xc7\xad\x07}\xa6sF&lt;\xda\xfb\xdf3\xe3\x8a\xf9\xf3\xfe#p\xce}\xa1r\xf3'</t>
  </si>
  <si>
    <t>b'8g\x8b\xed\xea\xba\x88\xb0%\xfb&amp;;\x8b\xf61\xe3\xbaa\xab\x90\x021\xc00F\x0b.\xe3\xd5\x9c\x11f'</t>
  </si>
  <si>
    <t>b'\x15k}W\x8d\x06\xba\rm\x9a\t\xfb\xaf\xf8\x08\x07kDj\xddo\xeb\xd0!S)\xf6\xdb\x13h\x9d\xe5'</t>
  </si>
  <si>
    <t>b"&lt;\xb0XS&gt;\xff\xb5.?\xb2#\xced\x0f\xcalB\xc4\n\x9f\xc7\xe5h\x9c'X\x15\x98\x8fY\xa1("</t>
  </si>
  <si>
    <t>b'_\xf7\x00j\x947\x13\x01S\x02\xf5\xae\x94:;\xea\xd7I\x14\t\xb5\xa0\xcc:\xf8\x1a\xf3\x9fW\x14|\xd6'</t>
  </si>
  <si>
    <t>b"$\xbc\x17\x12\xa3(1\x10\xf5\xac\x12=b\x87\xe2\xe8\xa0\xb8\x9e\x93\xde\x97\xc5#I\xadX'\rm\x94\xbe"</t>
  </si>
  <si>
    <t>b'\xbc\xf6\xb1\xac\x98\xa8\xc5\xb5%\xda\xe2\xf3j\xba\x87\x8e\xd4\x91h\xf3\xf1px\x1f\xb3\x92\x0fM\x92\xd3\x889'</t>
  </si>
  <si>
    <t>b'\x0e\xd98+\x12\xce\x00\x0cz\xfa\xff\xde\xab\xe2U)\xa7\xbc\xa5\xf8\xdc\xe9\xf4\x9e\xa4\t\x06z+\x1c|#'</t>
  </si>
  <si>
    <t>b'\xff+G\xc8~t\xc6\xea\xa0A\xbe@\xab\x92\x00\xb8\xc3\xa7q\xda\x82G\r\xb8\xa6\xdeI\x1f\xbe\xf2\xb4\xda'</t>
  </si>
  <si>
    <t>b'\xea\x99\xa0\xb5Lg\xc4\xcbWi\xf4M\xbaF\x07u\x9fb\xc4\x1f\x9c\xef~]\xf8\xa8\xdc\xc3\x85Q\xa7\xf6'</t>
  </si>
  <si>
    <t>b"\xa0\x86S\x97\x81$TQzg\xb8\xeb\xcdg\xda\xcc\xb7\xa8^Mh'\x83\x07!a\x15\xc79N\xa2r"</t>
  </si>
  <si>
    <t>b'\x0eM\xd5L\x8e2li\xaf+\xd0\xb9\xfc\x04\xf4\xd75\xb5\x813\xa8O\xc7(\x1cc\xb1\xe6\x0cj\x83\xfb'</t>
  </si>
  <si>
    <t>b'_-\x84m\xf61\x91\xd5\xc2\xd2xI\nr\x1f\x1e\x13\xc6X3\xcd\x80\x8a\x9b\x018\x98F0\x00\x0b\x83'</t>
  </si>
  <si>
    <t>b';\x8b7\x17\x10\xe63\xe1\x90\x1b\xb17\x92&lt;!\x99\x13\xbc\xbd\x9b}\x92\xc5.\xa2\xc4C\xa9\x9d\xa8\x10\xa0'</t>
  </si>
  <si>
    <t>b'\xfd\xf3\x0b\xb3\x12\xcc\xc4eJ\xbd\xcd\xf8\xa3\xec]\xad\xb0\x84=\xf9),F\xdd1\x1e\xdd\x02\xd4Ie3'</t>
  </si>
  <si>
    <t>b'4\xb9\xf7\xb4\xda\xa6\x1bI%~\xc4\x0c\xab\xa9\xcc V\xdd6he\x89\xf0\xc8\xa6q\xe0p\xe5d\x8a\x02'</t>
  </si>
  <si>
    <t>b'S3\xd8f9u\xef\xf9&gt;\x15n\xb3i\x8e\x9b\x9f\xf1\x10\x88]~+\xb9\r\xf8:[\x828 )p'</t>
  </si>
  <si>
    <t>b'\xcb=^\xa3-\xaa\x88w3C42\xbe\xdf\xbb\x0b\xfe\xa55y\x19G\xd8\x92\xe97\xd9I5o\xc1\t'</t>
  </si>
  <si>
    <t>b"\xbc`\xe5\xee\xd7\xc0\xe3\xdc\xdb'f\x1e\xe6\x86:!\xc1c*2\x02\xe1\xbe\x86\xce$\xc0O\x06\x87\x9b@"</t>
  </si>
  <si>
    <t>b'F\x85\xab\x02)Y`\xe7\xd5\xd3\xe0\xa6\xf1\xf5g\xc0\x9f\xec a\x7f\x96\x8a&lt;\xdeAU\\\xce\xcd|\xc8'</t>
  </si>
  <si>
    <t>b'\xd3Y\x7f\x12\xb1\xa5\xd9\xab\xbbO\x80\xca\xcb]\xc2\xd5m\xc7\xe2\xcc\x1a\x7f/ueKgF&gt;\x00\xc4\xc8'</t>
  </si>
  <si>
    <t>b'\xbf^\xa7(\xbb\x8b\xe0P\xac\x89\xa0H[\x01v\xe0u\x17\x14\xd8\xe7\x83=\xac\xbc\xd2u\x1f"\xde\xde\xeb'</t>
  </si>
  <si>
    <t>b'R6\x89\xfb\x0e\x89\xb0\xf2\xa7\xe9n#9\xcdQa (\x0c\xa9\xa5\x93\x94\xe6\xe5\x8b\xad\x95fpE\xaf'</t>
  </si>
  <si>
    <t>b'd@R\x06HnE&gt;\x91\xf1\xb9\xf0\x03\x1a/\xfcc\x07A\xbb"lM\xefg\x920\x0bo\x1cFO'</t>
  </si>
  <si>
    <t>b'\xc8\xa0\xb4D\x88\xdf\xa2\xefY\x8aG&lt;\xf2\xb2\xe3\x97\xac\xad\x9a&amp;A\x9dE\x13xv\x86\xe7j\xb2\xcb\xb2'</t>
  </si>
  <si>
    <t>b'\xc2\xe7\xa0\xd50\x920\xdfR\xc8\xe8\x04\xdd\xed\xbc\x9ew\xa7A\x8c\xc9\n\xcf\xaf\x1a\xd4\x85\x13\xab\xfd\xb9C'</t>
  </si>
  <si>
    <t>b'\xde\xd6\xee\xec\x10I\xd3\x0f\x81\xac\xe9\xa5\x1fq\x83\x00*FH\x10\x06\x93\xff\x14\x9e\xf2`\xb0\xddY%\x9c'</t>
  </si>
  <si>
    <t>b'pFzYS\xc1\x9d\x9c\tuJ$\xe3\x01\x1ej\xf1\xe7L\x95\xd0b\x95B\x83X\xd05\xc4\xd6+4'</t>
  </si>
  <si>
    <t>b'\xcbdw.\n \xcdy\xfcj-\xf5\xf5+\x87\xa7\x9d/P\xaf\x1eI\xfb\xd1n\x1c\xb5\xd5*\xf6\xcf\xe9'</t>
  </si>
  <si>
    <t>b'!\x9f\xe1;\x92\x1c\xd2\xcb\x81\xd8\x1c\xe5gf`\x12\r\x0b\xe2_\xfcM\xbfQvw\x8c\x8d\xd8NQ\xdf'</t>
  </si>
  <si>
    <t>b'7\x0b\xee\xc8h\xcb\x84\xe7\xbe\xb6\x05\x0e\xb4\xf2YTu\xe70T\xe4\xcd\xa8\x06s2n\xeb\xe0T\xcf\xbf'</t>
  </si>
  <si>
    <t>b"\x91n\xb1(y\x1d\x08\x8e\xc0\x03\x91\xafTz0\x9aM\x18\xf1\x1cl4X\xb2\xa7\xd1\xef\x950'\xb3H"</t>
  </si>
  <si>
    <t>b'\x85\x19\x86\n$\xec\x8ae/6\xd8|\xe9\xb9\xca\x9f\x81\x9a[\x84\x01\xadgiC\xe9\x1ao#\xd7\x00@'</t>
  </si>
  <si>
    <t>b"'4\x87\x0b\xbc\xd2\xb5\x98\xd7W\xc8\xaa\x9b\xf9\x9b\xbb\xdaG\x01\xde\x03\x98\xf1i/E#\xfaU\xef\xd7S"</t>
  </si>
  <si>
    <t>b'mD\x85\xebr\xc9\xdc\x00\xd9\x93\x08\xbc\xa8\xbd\xb3\x08&lt;\xcaOt\xcb0\xe2\xe3\x85\xa6\xd1\x98\xac{\xd1F'</t>
  </si>
  <si>
    <t>b'\xa3c\x8f\xf5\xa3\x1d\xc3\xd8\xa8\x0c\xf1(-%\xb0\xcc\xf1\xf4:[\x97\xa5\xa0\x96\xd9\xbf\x97\xe6\x17}iO'</t>
  </si>
  <si>
    <t>b'\xd9\xe6\\\x06&lt;\xe9\xca\xc9H\xd3\xbfl#\xbc\x8c\xe0\xfc(\x14\xaf\xa9Z\xac\x9c\xaf\xa2\xcdp\x82e\xe7\x84'</t>
  </si>
  <si>
    <t>b'X|P\xd1\xfb\x8e\xce\xc8\xd1\xb8\xc2\x11"|\xcd"\x95\xcc\xa0W\xad\x15\x9d)\xac\x80\x97.\xff\xcaF\xa7'</t>
  </si>
  <si>
    <t>b'\xab\xd1\xf98Q`:7\xd8\xc18\x03\x89J\xc4?\xc3\x14\x7f1;\xb0\x06X\xb7\x87#3\xd6\x8f~='</t>
  </si>
  <si>
    <t>b'\xca\x03\xdd\xbd\xe6\xd5\xd4O3~\x02H\x11\xe2\x86\xc9!\xde\xaf\xcf\xee\x7f\xf5f\x9ch\xb2\x95\x08A\xa2B'</t>
  </si>
  <si>
    <t>b'\xfaz5(\\\x8a\xb0BN\xad\xd9\xde\xfa9\x0e\xfb\xf2\xa3\xaa^\xc6\xc0\xe2\xe1&lt;\xfb\xfa\xc0h\xaf:\x90'</t>
  </si>
  <si>
    <t>b'3\x9b\x11"\n\x9b,h\xfbN\x8d\x14\xb9\x87\xa7\x89f&amp;2\x9c3yBv\xd9\r\xae\xd3=\xdd\xe4W'</t>
  </si>
  <si>
    <t>b'&lt;\xb9\x1e\xd6\xedfZT\xeb\xfa\xfc\x19t\xed\x87\xc3\x1cXt|"Z\xdc\xaeA\xc8\xa0@\xe1~\x92\x0b'</t>
  </si>
  <si>
    <t>b"N;'\xe9\xf9\xaebQ\xc2\xd2\xc4x\x910~t\xae\x8db\x9b\xa9u\x15\xf2\xa1\x99\x0f(\xe8\xb3\xe8\x05"</t>
  </si>
  <si>
    <t>b'U.\x85\x8e\x03\xe3C\x8d\x1d\xb3\xf2\xb4\xea@i\xc8\xbd\xe2\xcb\x88\x08\xdeV\xbfs\xa1f\xb9\xdbR\xba\xd7'</t>
  </si>
  <si>
    <t>b'Q\xcb\xa5C\xdd\xa4\xd2\xac\x0e\xf5\xae\x1a\xba\xce\xda\xfe\x167h\xefT\xb9\xdfU\x80\xb6\x12\xc2\xe3\xe1\xfc\xb4'</t>
  </si>
  <si>
    <t>b'1I\x96\xf1;\xf2\x8b\x86\xa7\xb6m\xe6\x98=RC&amp;#k3\xca\xf1\te\xbd\xb0L\x90\xbd\x7f\xe5\xc8'</t>
  </si>
  <si>
    <t>b'\xf8\xdd\xf8\xb4X4%\xb1\x192\xeb\x19\x96*\xa3\xe4\x9cw\x92\x85?\xee\x10\xaf5\xe2E\x8a7]\x8d\xd5'</t>
  </si>
  <si>
    <t>b"5\x8aM\x80\xf0\xc3\xce\x98\x8dr'\x9e\xe7\x1e\x13\x87\x00\x11\n\xfe\x8d\x90\xf0B\x8fm2H\x8cJa\xf8"</t>
  </si>
  <si>
    <t>b"\xa4M\xab\n\xff'\xe0\xa6\xd1\xe5\xef\x07\r#\xce\x89\x8eN8\x11\xeel\x96(\x8d\xfa\x89\xed5\x13eL"</t>
  </si>
  <si>
    <t>b'\x9bec\x85\xd4\xfd-\xe4\x1c\xb0[\xa2\xc2:n\xc6|\xa0\x96\x0f*u\xad\x1e\xef9\x0b.&amp;\x96\x83\x0c'</t>
  </si>
  <si>
    <t>b'\xd7\xed\x13\xe7\xc9\xeco\xd4 \xdc\xc5\xca\x1f\x13\x15\x05h\xf1\xdaw\xa6\x0e\x96\xaa\x8d\x06\xa0\x8d#\xd2&gt;\xa2'</t>
  </si>
  <si>
    <t>b'\x15\xef\x99\x82\xccc\xd5\xf8\xc8&lt;\xcf\xe5\xc3\xc1\x18G\xe8\x8c[|\xf8\xfb\x9f\xb7\xf1\x98\xc4\x08\xe9\xde\xc5\xe5'</t>
  </si>
  <si>
    <t>b"\x9d7\xd88Ta\xe3\x9d\x19\xa4\x03!\xda\x16\xc8\xc7\xb2\xd1\x9d\xc4'\n\xebc~`\xd6n\xfbA\xa4\x8b"</t>
  </si>
  <si>
    <t>b' l\xce\x93\xc5\xce\xac\xcd*\xc2\x88\xb4\xe3\x89\xd6\xa5&amp;\xbe"\x1f\xfcW\x89\x80\x8e\xbeC^5\x04{\xef'</t>
  </si>
  <si>
    <t>b'\xbb\xd9\xde\xfb$\x0e\xae\xf4PR\x8etL\xe1\x9a\xf6;\x8b\xc6\x11\xdc$%\xd6\xe0\xfb\x08^\xfe_\x16+'</t>
  </si>
  <si>
    <t>b'\x1f\x7f\x93!\xe1\x9c\x1fe\xf7 n\x82\xc36\xecVQ\xc5\x03X\\*H\xfd\xab\xc5\xb9\xfd#\x02\x19\x13'</t>
  </si>
  <si>
    <t>b'Q\xe7C\x84\x8d\xb2\xbdW\x08Ki\x80\x05\x100\xda\x9fK\xbbZ!\x84\x06;\x0c\xe8\xf2\xdb\xb5\x0e)\xed'</t>
  </si>
  <si>
    <t>b'\xd58\xaesA`\x8e\xa5\x89\x99\x0f\xed\xb0\x97\xa8V\xe1,?\xc1\xb4v\xa2\xe4\x00\x15Ar\x84\xfe\xe1\x95'</t>
  </si>
  <si>
    <t>b'\xe1|\xf7^\x84\xb0\x14s\xbe\xe8\x06\xb4m\x92_;\x92\xac\xc1\x8c\xdd\xf7\xe1\x0f%\x13\xd0P\xe5\xf0\xa3\x96'</t>
  </si>
  <si>
    <t>b'\x024\xad\xf1\x8f\x01\x9f=\xdbs\xf5\xf2\xcd\x9b\xd8\xba\x0b\x94{\xa0P\xf0s\x92\x89\x85\xa8n\xf0\x0bq\xe9'</t>
  </si>
  <si>
    <t>b'\xc2\xf6\x9d\xb11\xf0\xb0\xd9G\xb5\x02\xa0E\x8b\x86r-.m\xea\xdfb\x1b\\k\xa9\x1a*\xb4\x01\xcc.'</t>
  </si>
  <si>
    <t>b'\xcd?\x08\x14\xefJ{{\x10\xd9\xfd\xb5/TAB\xe7\xfc\xe94\x89b,-\x01\xe7\x9d\x1b\xf9\x1b\xaaU'</t>
  </si>
  <si>
    <t>b'\xb7\xe3\xb1\x9c1\x11k\xf0]-7k\xf5\xe3\x97$\xa7\xf9\x16\x82&amp;S\xe0\xa8\x97\xdf&gt;\xb2\xe3\xcb(\xc7'</t>
  </si>
  <si>
    <t>b'\xe8\x06\xceR\xd5\xed\x8c\xa4\xdb\xba3\x97\xbd$\xb3L\x1eC\x8e\x7f\xf5\xd3@\xb1\xb0[\xa4\xdc\x1eW\x06\x80'</t>
  </si>
  <si>
    <t>b'8\xaal\x94\n\x94\x99\xcc\xfdQ\x16X.\x1b\x99\xa2\x92A\x1f\xee\xcd\xca\xcb\xe1\xba\xdaQ^\xfa\xb9E\r'</t>
  </si>
  <si>
    <t>b'e\x17\xa6\x04\xee*-\xe0w\x0c&lt;\xaa4.\x96)\xde\xa2\xc1\xe8|.\xdf\xa1\x88 \xe5\xfb8&amp;\xeb\xf4'</t>
  </si>
  <si>
    <t>b'k\xba3\xe3\xf1\x16\xcaS1\\\x97-\xc4\xf1r\xc9R\xf7\xfd\x9e\xbe#\xd6\x00\xf1\xd2x\x8ay\x15\xb8\x84'</t>
  </si>
  <si>
    <t>b'~\xe9\x8e;\x7f[,\xce"\x9a\xd6\xbbv\xa9\x06y\xe4\xe6hq\xef\xa1\x1ah0\x93)\xa6{]\xed\xc9'</t>
  </si>
  <si>
    <t>b'F \xa68e\xb8\x99\xc6C\x94\x00\xcfn\xc7\xaf\xc1\xfa\x16\xdc)\xaa( %\x88\x19\xbd\xf9\xc53yT'</t>
  </si>
  <si>
    <t>b'\x11\xda\x9b\x95\xff)\n/\xa7i\xd1%\xd4\xbdoA\x1a"\xb0xq\x8e#\x81\xea%\x88\xe0\xfe\xab\xa0d'</t>
  </si>
  <si>
    <t>b"y`\x0fCq\xe7u`8\x81\x7f\xfdQ\xd8\xb02udu0\xaf\x1c\xa6\xb7%\xe7\x8c'\xeeN\x1b."</t>
  </si>
  <si>
    <t>b'\xec\xaaB%VL\x05s\xa1\xd0Ym\xfd\xc8`f\xdc\xd3\xac\xc7\\[r\x85\x8a\x19\xe1U*\xfel\xda'</t>
  </si>
  <si>
    <t>b'\x93\x8c\x9cM\xb5r\xfa\x99\xd9\xddD\x11K\x0bz\xc6PIo\xdfoo\x03\x19\xa5\x8c\xeag\x1f\xf5{x'</t>
  </si>
  <si>
    <t>b'\xfa\xd1\x0c)!`\x95\x05\xba}\xf0\xdaC\x03\xf5\xea\x08\xe1\xff\xd3\xdf\x8d\x12\xef\xf9o\x8aJ\x1a\x95\xe3;'</t>
  </si>
  <si>
    <t>b'[\xff\xe32\xff\xaa\xda\xe2\xb1\xe9\xf3\xbe\xa8]^\xab\xa5\xdb\rAV\xe2\xd4%\xb3\xedp\xfa3x\x19a'</t>
  </si>
  <si>
    <t>b"\x17|\xa0\x9a\xfc\xb3\x95e\x05\x0f\xe4c\xc8'\xa6\xec'\x85\x1fL\xcd\x94\xbcI\x90:\xb9\x17.\x9d\x07\x84"</t>
  </si>
  <si>
    <t>b'?r\xb3\x9c\xb0v\xcc\x14\xb1\x9181\x82\x8f\xff\xacsMV\xfe\xadh\xbc\xa0\xfd&gt;#TI\x14\xdc\xea'</t>
  </si>
  <si>
    <t>b's\xacP\x95b\xf3\xad5;\x9eWm^\x16\xb7\xf3\x9d\xa1\x84\x15\x1cq\\]\xe9\xc3\xe4\x0e\x01\x9f\xddJ'</t>
  </si>
  <si>
    <t>b'j\xae\xf4o\xc9\x00\xe6\x94\r\xa0\x94\xb8\x08\xfc\xd6\xeb]/]\xec\xe8\xc5jn\x9d\xb1\x12+\x91\xd3\xaf\x1f'</t>
  </si>
  <si>
    <t>b'\xa1\x91\x87\xe4\xf2\xca\xd0\x14\xb4L\x16?\xd3\xfb\x8ao\x19\xcf\xe6\xba+\xa0\x80\xcb\xcd\x86\xce\xee\x83\xab\xbb\x01'</t>
  </si>
  <si>
    <t>b'\x9e\x89\x88\x13\xba\xb3o\xc7j\xddES?\x93&amp;TUS\xe0(\xf9\xa2\xad!\x9b\xdd\xe6\xf4\xcd!\xd3}'</t>
  </si>
  <si>
    <t>b'\xa9\x11\x0e\xe1;\x1d\xe4t\xf0\x8dH\xd5\xf6x\x10\x00\x8c\xd3\xec\x13j\x05\xc0\x9a\x98\x95\xfe\xe2\x1e\xf1\x8c\x88'</t>
  </si>
  <si>
    <t>b'\xf2\xedY\xf7\xbc]\xef\xaa\x0bAW\x8b[~%\x85\x1b\xb0\x86\x91=\xbd\xa8g\x97pC\x8e^X\xc4?'</t>
  </si>
  <si>
    <t>b'\x92u\xb9\xb5\xd5\x8aI*B&amp;j\x0crT3\xe6\x89fW;h\x03)/r\xc2\x8dL\x9a\x19\xf8\x8b'</t>
  </si>
  <si>
    <t>b'\xf0lj\xaf\xc9\xea\x9e\x8a\x84\xf1l\x03\xdd\xc0\xeb\xc3\x9e\xd29*\xdeP\x17y\xefb\x80u \xb3u\xc3'</t>
  </si>
  <si>
    <t>b'8)\xe9\x8d\x02\xb9\x1bM\xd1\xc6\x0e\xb82\x04\xab\xb6\xec\xd8\x01\xb4t\x93?\xed\xfe\x18\xf9\xab|\xb0\xc8P'</t>
  </si>
  <si>
    <t>b'\xb6Tq\xa9\x02\xfc&lt;\xc7\te\xf3:\xf3)\xd8]\xf7\x92\xa6\xd7\xf4K\x86\xd6D\xf0\xc0\xcb\x1b\xea \x14'</t>
  </si>
  <si>
    <t>b'?\x82]c_\xbd\xed0`\xd6\xbb\xabyS\xe3\xbd\x84t\xb5\xb1\xae4l\x1a\x8c\xbd\x01\xe0"\x0e\x17\xb8'</t>
  </si>
  <si>
    <t>b'\x8a\xe9%\xf0O\xe3~~\xa6Q\x96\xf7\x0b\xdd9\xcb\x80\x80\xc1z;g\xc8\x08\xf2V\x8e\x94ca#5'</t>
  </si>
  <si>
    <t>b"\x9d'\xa8\xf8\xb8n\x0c\xca\x9eG\xc9\x1c:\x9a\xe8\x0b\xb6\x1f\xa8\xfcK\x1c\xf4\x0bz\xa0+[\x8c\\\xa9k"</t>
  </si>
  <si>
    <t>b',\xb2i\x8b\xf8m\xed\x93&lt;\xb7F\xcc\xd4#\xc1\xa4\xc4\xa6\xd1\xf0\x97F\xc8\xea\x1c\xbb\x8b\xc6\xdf\x00\x16\xba'</t>
  </si>
  <si>
    <t>b'b\xf5\xf8-\xf2:j\x02\xaf\t\xca\xd3/\x0c\x1b\x9c\x95\x83W2\x0e\xde\xb9\x0b\x97bi\xb9\x1f\xbb\xef\x10'</t>
  </si>
  <si>
    <t>b'\xb0n,\xd8D\xac\xba\x97g\\\xfb\xd4|\x93e\x1e\x97/\xfb\xf0\x0exI\xe1!\x19\xb7:\x02\xf6\xafX'</t>
  </si>
  <si>
    <t>b' \xd1\x9d\x86\x96I}a\x95G]&gt;\xd9\x04\x12\xc9\xed$x\x10\xd4[\xb0\xbf\xa4\x9cB-S\x18j\x99'</t>
  </si>
  <si>
    <t>b'2K \xd4\xb9^\xc7\xb5\x10\xd3\xa2\xf2\xcc\x862f\xd9\\,\xa7\xbb6#\xcbC\x81\xd9t\xea\x87\xe4\xd3'</t>
  </si>
  <si>
    <t>b'\x1c\xb4\xe5~&amp;\xe8\xd1\xe5\xa8\x85b\x87\x85\xdf\xb2\xa6\xe4\x9c\x18\xe5\xd4\x0e-\x05\xcf\xcc0\xf8\xbd\xf0?\xba'</t>
  </si>
  <si>
    <t>b'\xc6I\x98\xe5V\xd0j\x17A\x88\xb9[\xe6Z&gt;H\xc8b\xf9\x8b+\xe16\x18\xed\xcf\x1e8\xb3\xf5\xc7\xd6'</t>
  </si>
  <si>
    <t>b'\xa5\xb7~\xd2\x08m2\xcfJ\xd0\xb0\xe0\xbdo\x1f\xf8\xa2I\x7f\x86\x8c\xb2\xac\x94J\xbaL\x17!\xc9\xc7+'</t>
  </si>
  <si>
    <t>b'\xdf\xd9\xb8\x9b\xfa\x7f\x80h\xbdn\xc7\xf7U!x\xddF4\xd2\x1dE\xc0&gt;\xfft\x06A\xc1g\x8d\x85M'</t>
  </si>
  <si>
    <t>b'\xf9Hk&lt;\xf7\x90\x04\x8b\xfa\x19\xbbq\xf7\xf5\x07\xcb4\xc2\xb2\t\x93\x18!\xbb\xdd\xec7\xe6\xa50\xb3\xa4'</t>
  </si>
  <si>
    <t>b'?\x7f\xeb+\xa7\xc4#\xa6\xac\r!\xd4\xa2Y\xbdBkt\x90\xde\xa6Z\x00b\x87\xa4Z\xd7\x82l\xfbJ'</t>
  </si>
  <si>
    <t>b'e\xa7D\xe3)&gt;A\xa8\xe1\x8b\xac\xa5h\n\xae\x96\xc2\xc5\xa9\xc8\xdfh\xb0S:\xe5\x1d\x19Vw\x14\xb3'</t>
  </si>
  <si>
    <t>b'\x13a\x94\x1f\x18\xcf\xef\xf0r\x8dG]\x94\x04z\xb9\x16.\x8e\x9f\x82\xdaH5\xaeky,\xf8\xfa\x0c\xd3'</t>
  </si>
  <si>
    <t>b'\xaf\x92\xebPwu\x85\xe8/m..Ip\xa0\x04b\xa7y\xca\xf1C\xbc!\xee\xef\xa3.\xb3\x97m\xc3'</t>
  </si>
  <si>
    <t>b'\xadM\xbc\t\x87nV1\xfa\xa7\xc4\xa9\xf0J\x16\x02\xe1ey\xd7\x8b7N\x01\xc1s\x8a\x9aA\x99\x04\xac'</t>
  </si>
  <si>
    <t>b'\xa9V\x82\xd5\x1e\xd4f &lt;\x89\x86\xde\x05\xcd\xd3\xd8\x12\xd5\xdf?\xe0\xc8Q\x83\xdf\x9a\x9e\x88Z\xc7\xb2j'</t>
  </si>
  <si>
    <t>b'\xdeKl\x0f\xaa]n\x17w\xfb\x93\xad\x8e\xa9\x11\x1d\x02\xfc\x15\xa8\xf0_\nn\r\x08\xb8\x93cb\xe2\xaf'</t>
  </si>
  <si>
    <t>b'\x82\xb5\xda\xae\xf3\xb6G^\xc5\xbd\r\x04\x9a\x94\xb1\xc0.&gt;\xf1UW\xa9xe\x9a\xbda/o-&gt;\xac'</t>
  </si>
  <si>
    <t>b'\xa9\x83\xff\x8fgEm\x08\x94Sn0\xc0\xa7\xe6\xff\xf1oB\x08\xd5\x82\x00\x9a9;\xa3\xd2\xbb\xbd*k'</t>
  </si>
  <si>
    <t>b'\ni\x0e\x91.\x0e\xba#MQIM\xb8u0|+c2\xc9\xd3 "=\xda!\xd3\x92z\xa6.m'</t>
  </si>
  <si>
    <t>b'\xab(\x07\x19\x88\xb2\xd6\xb0\xbdWW*\x95\xa4\xe8\xe50o\xd3\x14j\xd7\xc7F{\xec\xc8\xcd\xec\r\x9cI'</t>
  </si>
  <si>
    <t>b'\xb8H]\xf90\xdb\x17\xa2.}\xe4J\t\x19M\x14\xcap_\xdd\xa8w-.\x16O\xb5\x18\xac\x13\xc3\x17'</t>
  </si>
  <si>
    <t>b'\x10\x8d\xc9X\xe3\xe9O\xf9\xad\xb4\x90\xdf\x07?Kp\x88i\xc2\x82\xe0\xd1\x82\x8fT\xb1\x07\xf4t5\x1f\xe6'</t>
  </si>
  <si>
    <t>b'\x1b\xd3\xd4zg\xeaN\x1cU\x7f\x90\xcd{\xf8\x00\xafN&gt;\x8fSE\xcc\xe3\xa6h\xb8+\xf3Y\xe2L\xd6'</t>
  </si>
  <si>
    <t>b'\xa2\xcb\x1c\xc46\x0e\xbb\xd2\x98\xc1\xc4\x91\xa1\xf1\xaeA\xcb#&lt;K\x15\x14\xd4\xc5W\xe2&amp;\t\r\x00M\xf7'</t>
  </si>
  <si>
    <t>b'\xf0\xd5\xbd\xb2\x0e\xc8\xa6\xb7\x8aE\xdf\xb3sZ\xa4\xe1y3\xdc\x99\xfd\xe2\x00\x9e\xa4\x00\xe0\x19h"k]'</t>
  </si>
  <si>
    <t>b'F4\xcc\xff\xad\xe1\xe5\xc4\x99\x1e\r\x85\xbf\xd9\x05\xb5\rC\x1f\xdf\xab\x1a\x10;\x9b\xc3h{\x89\xbaAC'</t>
  </si>
  <si>
    <t>b'\xb1\xaa\x05\xbb&lt;"\x98o\xd9\xb0?\x0c\xe9\xf0\xe0Kaq\xf6\xcf\xb9\xd0\x1e@G\x90\xf0\x1e\xcc\xf5\xefo'</t>
  </si>
  <si>
    <t>b'\xb0\xe1\x90\xa7\x99I\xf0Xz\xdb\xb2{\xec/\xb2\xdd)$\xc6\xce\xf4\x883\xf3\xadv\xc6$M\x17\xc3\xaf'</t>
  </si>
  <si>
    <t>b'\xefFT\xeec\x93hJ\xf9^\xc6X!\x18\xf7\xf1i\xf7t.\x84\x01\x18\xde=\xc5\x8d\x13\x91d|\xfb'</t>
  </si>
  <si>
    <t>b"\xe8'\x9d\xca]k\ns\x11\xaf\xdf!!\xb7s\xf6\xf5\xb6=R;f\x807/\x05|,\xdcyd\xf4"</t>
  </si>
  <si>
    <t>b'\xf5\xe7\xa4\tO\xd8Tw|Z\rs"\x8c\xf2f\xf5u,:Sjy\xc4&lt;\x11U\xdf\xb1\x1do\xc1'</t>
  </si>
  <si>
    <t>b'\x91\x1au\xc0.o\xdc\xb9\xedX\xd3\x8c\xffD\xe1\xb9n\xc5\x82\x86\xbe#\x14\xcd\xa5\xb947\xb5\x0cW\x1c'</t>
  </si>
  <si>
    <t>b'\xa4O1\xe0\xc0\xf3\xaa\xe5u\x07G\x15\xa4\xd8\xee\xa9\xbb\xa3JTq\x88\x02\xc3\xe9\xbd\xd6c~\xf5?\xef'</t>
  </si>
  <si>
    <t>b'\xe1\x00?\x14\x0c\xb7\xbd\xeaI\x7f\xf4\xb9^\xd1\x03\x91!\xbf-\x03\x8e\xe5OX\xfd2K\xdc\xe4\xb4\xd1\x05'</t>
  </si>
  <si>
    <t>b'`Tn\xd3\xb4\xe8V\xf6P\xf1WL\xf1a\x0f\xeet\x9b\xc4tj\x19\x1a\nb\xb1~h\x96\xf9u6'</t>
  </si>
  <si>
    <t>b'eH\xc1k\xa8\x9d%xEh\xed\xafmT\x1b7&amp;\x16\x88\xdc\xcb\x12-BLr)\xe3\xcc\x805 '</t>
  </si>
  <si>
    <t>b"\x9bc\xca.\xf0\xac\x07\xb9\x864\xb1\xe7[\xeeZ\xcex\xbf\xbd\xad\x89\x87\xc9I\x05\xba'\x01\xbc\xec$\xca"</t>
  </si>
  <si>
    <t>b'E\x0f\xf3\xdb\xdf\x1d3\xa3\xe9\xc2\xdaj\xbaE{\xb1\xc1\x8e\xbe\xe5\x17\xa5\xb2\xe0\xac\x1b\xb5\xf2\x0b\xff\xc9\xa9'</t>
  </si>
  <si>
    <t>b'\x8cS\x01K\x99\xe0\x8f\x90\xc2(\xfa\xa1\x87s\xc9&gt;b\xec\r\xc9\xec_We\x8f\x957[f\x12.\xfe'</t>
  </si>
  <si>
    <t>b'g"D\xcc\xdb\x045=\x95Zz\xce\x9e\x84\n\x99\t\xf3\\\x9dn\xdb\xcd\xd8N\x8b\xff\xf8\xa7\xa7\xa3\x9f'</t>
  </si>
  <si>
    <t>b'pP\x984\xb1m\x18\x0b\xa7?8\xf3\xa5{\\\xca\x9b@A\xa9\xf7\x11"XN\xe2\x08\xc4\xe0\x81\xd2\xc8'</t>
  </si>
  <si>
    <t>b'\x12\xfc \xa4{\xd5,\x1c\xeb\x81=6m\xe7\x98p\xb4\xdc\xde\x9c\x92:\x83\x06j\x1a\xad)\xae-\x92\x87'</t>
  </si>
  <si>
    <t>b'}\xf5\rQ\xfag\xa3\xd4\x8aM\x94\xec+x\xe8\xeeR,\xff\x88\x93\xfb\x1e\x18\x91\x9eo\xd8\xf5\xec\x1e\xec'</t>
  </si>
  <si>
    <t>b"\xc1\xc0\xbd\x82\x81\x14s&amp;\x13\x8d\x9aB\xce\xcc\xa1\x10'\xc7l\x96\x84z\xe1\xb2\x86\xa4\xce\x9b\xd1n\xd3\xd3"</t>
  </si>
  <si>
    <t>b'\xbf:,\xbe\xb4Q\x9b\xf3O\xa4\xe7\xa8\xddv\x9b\x9d\x172\xe7(u\xa6l\x17?\x9b\xee\xc1\x80\xebv['</t>
  </si>
  <si>
    <t>b'\x85\xc97W\xb2I\x7f\xd9\x15\xbf\x8dS\xe5\xe3\x91PL\xacJ\xc63&amp;X\xb2&gt;\xaby\xd7\\\x00cW'</t>
  </si>
  <si>
    <t>b'\x891*\xb9\x85.\xa3\x8b6[\x08_o\xd2F\x82ZPE\x1b\x08G\x94\xb9\xbc\x90\x97I\xc5A\xfa\x1e'</t>
  </si>
  <si>
    <t>b't%\x9f\x8agO1AX\x88\xe0\xb1\x14b\xcd\x8d[\xe3\xb3Ua_\xc1\xeaKLu\xbb\x85\x1f\xb7A'</t>
  </si>
  <si>
    <t>b'D/\xe6\x05\xc2\xa1\xe4\xb5\x8fw\xd71\x1d\x87V\xb2q\x0e-jC0}oD\xa9\xf7\x1by\xaa\xad\x00'</t>
  </si>
  <si>
    <t>b'Q\x8f\x86\x02\xf8\x80\x01\xe9\xd3\xa4{\xf6\xe8\x9d\xb7\xeeF\x16\x91\xc7\x91\xee:\x02y\xe9/\xbdY\xbc\x83\x82'</t>
  </si>
  <si>
    <t>b'P\xfce\x106[\nH:Q\x96;\xe9\xd1\xfd,\xdc\xb7\x18wW3ue\x7fi\xb4\x80\x13\xdb\x04\xf9'</t>
  </si>
  <si>
    <t>b'\x9b\xcd]\x10c\x13\xc9g#\xa8\xd4]\xbf\xf4qy\xd4\xd4\x86\xefG\xa9S\xe5T\xb8\xca\xc0#x\xe5\x0f'</t>
  </si>
  <si>
    <t>b'\x8f\x91g\xb9\xa5h\xca\x88\xdf@\xdfte\x13\xc6\x94z\xd3\xc5\xe4Y\xde\xe3\x9f5O\x02T\xaf\x84p&gt;'</t>
  </si>
  <si>
    <t>b'\x97;\x7f\x08\xcc/\xb2P!\x91\x14\x18\x80\x08n?\x99:zS\xa6\x89\x0cB\x0f\x19\x9d4\xa1\xe0\x9f\xaa'</t>
  </si>
  <si>
    <t>b'\xf5\xf1Q\xd3\xfd\xb9M(\xfb,\x99suY\xb9\x0e\x11\x06\xef\xe5c\xd5|\xf1\xfa\xbf/\xa0pk\xab$'</t>
  </si>
  <si>
    <t>b'\xf8H\x88\xa3B\xd4\xb6\xd7,U?\xb8\xa5&amp;@=W1\x98\xed\x17\xd1\x1b\xf2\xf3}5\x0f\x16g\xa7\xd7'</t>
  </si>
  <si>
    <t>b'\xe4\x12J\xe8\xd8\x00\xe8\xa2\xa8\x9a0/\x02[\xf2\xcegd\xf0\xc0\x88g\x1c\x16\xca\xa6~\xf9\xbbA\x88\x06'</t>
  </si>
  <si>
    <t>b'\xbe\xe1a\xe3\x81\xb7!e@\x9e\xc4j\xb6\xb0yL\x92\xe5&amp;\xb4#\xb3~\x89\x90\x80&gt;|\x9acM\x0e'</t>
  </si>
  <si>
    <t>b'\xbd&lt;\xc5\x15\x04\xb5Q\xf1\x88\xa0\x00\xe2\x07\xa8\x9b\xd1\x8c\xd4h/\x7fI\x12\x84\x8d\xa4V\xc8\xe0\xfa"b'</t>
  </si>
  <si>
    <t>b'\xdf\x8d\xdb\x90\t\xb2\xde\xa8\xf6]\xf7h\x04\x17\x0e\x029\x87\x93[Y\xbe]\xc9\xc9\xf7\x7f\xbb\xb9\x7f\x0e"'</t>
  </si>
  <si>
    <t>b'\xe9\x80\x89\xaapm\x18\xfd\x02\xac\x13\xc8\xa5^\xc3k\xd5\xf5\xdc\x8bp\xf4kH"X\xcb&lt;\x90\xd8\x91\x1e'</t>
  </si>
  <si>
    <t>b'\xf6/b\x9b\xd0S\xe6\x89\xf9\t=O\x15\x7f\xc3\xd1\xff\x04\x05#I\n\xa5\xf7\xec\xbf-\xbf&lt;-)\xf3'</t>
  </si>
  <si>
    <t>b'\xb15g\xbf\x8b\xf8LV\xeeB\xb1Ir\x10\xcd\x19\xe8\xaaD\xd8\xa5\xe1\xf6\x9f"I$7u\xd3\x1c\xb4'</t>
  </si>
  <si>
    <t>b'\x0c$\x17\xd9\x19(\x16_H\xb3j\xc2\x89\xd8#\xb6\x12\x9eD\x89!z\x9c&gt;\xa2-\xf6"\x05\x89\\\xb8'</t>
  </si>
  <si>
    <t>b':\x92\x98\xbds\x89\x12\x95\x9a\xd7\xd5\x15Q|\xa7\x05\xedft\xc1\x11\xa0\x97*\xa5i\xc3NB6\xc4\x1b'</t>
  </si>
  <si>
    <t>b"y\xb0y\n5\xb3\xbc\x94\x9c\xfa\x14\xf2\x10xk\x8e\xb8\xec\xcc\x9bK\xa9\x18\x84\xb9\xe3\xa8Z\xed\xe0Q'"</t>
  </si>
  <si>
    <t>b"J\xbf\xb6\t\xb38Q'&lt;E\x9d\xecF_\xa1I\xd8\x17\x8f$\x02\xa2f\x81\x00\x9b\xd4F,\xde\x97\x9f"</t>
  </si>
  <si>
    <t>b'\x86\xf4"\x08\x9d#\x9e\xec\xba\xc1\x05y\xa5\xa0\xd7+\xc4D!\xca,B\x18.\x91\xa4\xf1\x1c\x0f\x9aL\''</t>
  </si>
  <si>
    <t>b'&amp;\x80y\xf5t\x91s5~A\xbbNx\xb2\x99\x1bf\x9e\xd9\xa5\xc8\x7f&amp;*\x17@\xb1\xa2\x8b\x1bb\x04'</t>
  </si>
  <si>
    <t>b'\xad\xbc\x82i\xc0\xcfcI&amp;\xd8\xa2\x0e5\xae\xfd\t\xf6\xcc6j=\xf3t\xc1L\xc4L\xf3\xa7,\x87\xd4'</t>
  </si>
  <si>
    <t>b"'k\x8f\xc9\x1e O\xa9\xb7z&gt;\xa7\x9c\xd4r\xd4\x91Vv\x92\xd3M\xac8\x1dV\xa1\x0c\xfc@\xf0#"</t>
  </si>
  <si>
    <t>b'\x80aKE\r\xad\xab\xe0\x19#\xe2I\x1e\xa4\x18p\xbd\x8aQ[\x8b\xe8\xcab\x1d2\xe0\x14TT\x1e\xd0'</t>
  </si>
  <si>
    <t>b'G\xb1:\xaf\xe3\xacE\r\xb0)koDv\x19\x08\x16\xb6\x15\xa5Db# \x10/8\x90f\xc5\xa1D'</t>
  </si>
  <si>
    <t>b'Pl\xe3\x0f\xeb?\x80\xf7$\xf1O(\x98*\x8a\xf9]\x8bhy\x13\xd1\x9d\x7f\xcfA27T\xe4\xd7\x82'</t>
  </si>
  <si>
    <t>b'\xaa\xa8\xc4\xe9~Ud\x92\x17\xe1\x8e\x81h\xdd\x02O\xbe\xedg\xbcJ\xe7\xb7\xde\x02\x90\xb7\xcc\x00\xab\xb5\xee'</t>
  </si>
  <si>
    <t>b'E\xc5\x94-\xf5%\x17\xcd\x8b#\xc9S\x14\x12\xb6\x81\xfa\xacf\x9e\n\x03\t&amp;:\x96&amp;\x88c\x07\xd6X'</t>
  </si>
  <si>
    <t>b'\xe0\xfc\xb1*\xe1\xdf\xc84\xffe$\x0c\xe3\x16\xc9\xdb\x83\xa6\xe3I\xbe\xd6\x060\xd3\xa2\x89B\xe1\x93I\xa1'</t>
  </si>
  <si>
    <t>b'_\xd4E\xda\xb1X\x03-&amp;P\xf3\x81%I\xeb\n\xb3\x90\x08\x9f\x99\xd8[\xf4\xae\x9d\xf5\x14,\xd7\x9c\x04'</t>
  </si>
  <si>
    <t>b'k\x01\xe0\xdd\xb3\x1dr\xcf\xe5Qd\xfer\xfaS\x0c\xb0\x1c^\x98&gt;4\x98\xccu\xc7\x07\x8b\x9e-m\x1b'</t>
  </si>
  <si>
    <t>b'\xf3\xd1\x94\xce1,\xb5\xeen\x08\xb9\xf8\xce\xd6\x0b\xa6\x9e\xe9\x99\x9bQ\xfe\x84C\x8a]\xc9\xe8\xcf\xb0\x04\x02'</t>
  </si>
  <si>
    <t>b'\x04\xec[7\x85)\x1a\nm]\xe6\xf8\xf9-\x9e\xbf\x12\xe3\xc7\x97H\x8fb\xa0\x8b\x96\xf3i\xcf[\x99\xc3'</t>
  </si>
  <si>
    <t>b'\xadu\xb4\xa1!\xd8\xc1\xd9\xce\x001\xf0.\x83\x10\x14\x13\xaf\xe5m,\xf4\x88\xc8\x91n\x8b84\rr\x13'</t>
  </si>
  <si>
    <t>b'\xd6 l\xda?\xdf\x16\x93\xfa\x19\x04\xd0f\xe2\xd3\x8c\xdcI\xab\xde\x07\xb8\xbb\xb6\xc21O)y\xc9w\x84'</t>
  </si>
  <si>
    <t>b'\xff\xb32\xa4\xbf\x15&amp;\x81\x88\x9c\xcfnmk\xda\xe7!w\x19\x94tI\x08u\x12t\xf3\xf0\xa1\x85m\x9d'</t>
  </si>
  <si>
    <t>b']\x05XH/\x89\xa2\xf37\x80\x93p\xfc\xcc\xf5/n\xb5-\xcd{\xe3^^\x03c\x9ef&lt;\xb5"\xb7'</t>
  </si>
  <si>
    <t>b'\x9am\x1f\x0c\xd6\xcf\x81y\xa1Wk8 \xd5\x872\xd2~h\x93[\xaf|\xb0\xcd\x03sYA\xedwZ'</t>
  </si>
  <si>
    <t>b'&gt;\x1d\xab\xa5H\x7fI\x81\x05\x7f\xd9\xe2:\xb4\xa1\x14\xe8}Y\xe5_\xd8\xad\xe6\xfcA+1h\x03\x81Y'</t>
  </si>
  <si>
    <t>b'\xcd}=\x04\xc7\xad\xae\xbe\xbe\xf0C\xdf\xc0\xef\x12D\x11\xed\xc8\x14)\xc5\x91?8\xf6\x9c\x8f\xa4\xd4{\xc8'</t>
  </si>
  <si>
    <t>b"\xca\x96~\xcd\xa1\x1f\xb9\x84&amp;\x99\xa5\x1b\x05\x0c_bh\xbe\x1b\\\x0b\x95&amp;\xc5\xe3Q\xb9\xd5.L\x8c'"</t>
  </si>
  <si>
    <t>b'A\x03\x08\xe6\x91\xab\x84\xda\x86\xae]\x90!j\xcd\xfc\xc7$\xddE\x87\xce\xf3\x1a.\xcc\x1f\x94~\xa32h'</t>
  </si>
  <si>
    <t>b'\x83\x84\x1e\x94\xa3\xcd\x90\xd1&amp;\xd0\xfb\xc2?\xd1\x04\x164\xd0\x99V38\x8d\x8e\xd4\x7f\xfc\x92p\xdd\xb8\xcd'</t>
  </si>
  <si>
    <t>b'A\xed\x9b\xc9Mx\xf7\xc1T\xd3\x11\xa1\xa6I\xd96\xc3\xfe9\xcf\r\x11%g\xa6\ra\t\xacU\x91e'</t>
  </si>
  <si>
    <t>b'\x03`\x88\x03Y&gt;\xf5\xad/\x16@\xb1\xe4\x93F\xce\xf1\xcd\xc8(\xaa"\xe1\x9b\xa7Ht\xaet\xf2f)'</t>
  </si>
  <si>
    <t>b'\xae_\xa2\x80 \xa5\xa6\x03\x7f\x947\x11\x98\xf7\xf6\x90\xc6\xb0Q\xd6a\x05C!t\x03i\x98\xcb\xc5\xfc,'</t>
  </si>
  <si>
    <t>b'y\xf4\x9e\x0e\x99/?7\xac\xe9\x1b\x89\xc8\x05\x8cW1\xddd\x9aNO\xdc\xd5\xf67\x8a\xb4T\x1c\xa5*'</t>
  </si>
  <si>
    <t>b'\xb4\xdf\xaeyt\xdc\xc7\xd2Ml\xb8\xe6\xbaR\x11m\xf5\x9c\xefM+\x9c\x1e\x87\xbb\xa9\xdb\xcf&amp;\xe6\xa0\xf8'</t>
  </si>
  <si>
    <t>b"\x12\x93i\xa0\xf6\x07Bt\\J\x86\xcc\xdbn\xde\xd8%\xdb\x90T\xc5\x90\x15'\x9e;\x1b\xde\\8cc"</t>
  </si>
  <si>
    <t>b'\xac\xdd\xb0\x00\xa0\xbf\xaa\x88\xf6\x1cH7\xc9\xe9\xd2\xc9\\\xdc7\xacw\xa5\xaa?h\xaf\xe6\x15\x14\xc6\x07c'</t>
  </si>
  <si>
    <t>b'\xfc\x12\xe7O^\xc6\x15D\xfd\xe0\x1e\xb5\xf2=\x9e6o\xc0\xe9SG\t{\xbe(RB"{\xd0\x9c\x92'</t>
  </si>
  <si>
    <t>b'\x90\xf8:\xd8\t)[\x0f\xddx\xe3\x0e+\xb9\xf4\xbf\xfbt\x9f9\xfd\x95\x05\xdf\xf0\xda\x07\xaf\xaa\x99K\xd2'</t>
  </si>
  <si>
    <t>b'\x99o\x83+\xcb\xe0`\x91\xaeX\xcd\xb6\x019\xec\x81\xcd=\xb4\x00\xa6\\7\xc6\x194W|ny\xe2\xc1'</t>
  </si>
  <si>
    <t>b'\xd7\xc0\x8c%\x04\x91K\x80t0\xd8#jh\x84-\x1b\x02\xa8\xfd\x17xPT\x11\xc2\xb8&amp;N\x958\xf0'</t>
  </si>
  <si>
    <t>b'&amp;\xfd\rO\xf4;\xcd\xedH\x01\xe1q\x87\xfe\\\xa1\xd8=\xf8O\xbf\x0c\x7f\xc5\x981#q\t\xc1\xa2\xc9'</t>
  </si>
  <si>
    <t>b'aK\x84z\x90\xd9\xf3\xceHu\x01`\xd7\xe5\x86\xfc9\xd1\xe5\xb5C\xb4$\x0f-3\x1b\x1ezc\xf4\xcd'</t>
  </si>
  <si>
    <t>b'\x875\xf6D\xc1\xa0P\xe1\x0ea\xd2\x8a\x00\xf1\x84\x17QU\x93K\x8c2\xed\xcf\xa1j\x96\xd8U\xb4]&gt;'</t>
  </si>
  <si>
    <t>b'\x92\xc2\x1a\xf7._\x18\xa0\xf1Ea[@\x1a\x1a\xb9\xb6`\x95\xcd\xaa\xae\xb4\xee`\xf8QI\x9b\xbb\x9c\xc5'</t>
  </si>
  <si>
    <t>b'\x1aJ\xae\x0e\xfc\xc1GUY&gt;|Jww&gt;\x15\x94\x05\xbe\xad\xd4\x8a.L}\x01A\xc7\x1b$\xe4h'</t>
  </si>
  <si>
    <t>b'\xce\xaa\xca\x00\xe1\x93\xa3f\xec\xf8\x94\xdf\xc0M\x18\xaf\xfc\xeacge\xb4\x1c\xe6\x149s\x1c\x8b\xc3)\xd2'</t>
  </si>
  <si>
    <t>b'K~\x1e\x1f";\xa9\xccn\xaeu\xfdj\xe7\x9a3s\xe6Ya\xe7\xdbU\xc6\x90H\xddm!n\xcb\xc2'</t>
  </si>
  <si>
    <t>b'\x80Hw\x19\xa7\xd8\xa7\x0c\xda\xd6\xaew\xc7\xd4l\xe1\x19}Y\xd9k\xb7\xc0\x925\xf8\x9f+\x89\xb5~\x83'</t>
  </si>
  <si>
    <t>b'\x9d\xb7o\xd2\xc3\x00$\xc3\x80L\xb9\x88e\x00\x96&amp;\xbcY\x8b\x18\x1e9\x10?~\xc7\xab\xf6I\x8cg\x19'</t>
  </si>
  <si>
    <t>b'}w\xafT\xc0\xceE\x15&amp;\xfd\xf1\xb9\x89\x9b\x11\x895\x8d\x04\xdd\xf0_\xbd\x87\x8ap\xf6\xb7\xd7\xdf\xe9\x03'</t>
  </si>
  <si>
    <t>b'\x069\x99\x06\xce5j4\x97\x0fy\x0fLSz\xf2&amp;!\x85\x92\xc2\x9c\x03\x81\xfe\xfc\xee\xdc\xbd\x16\x97\xe6'</t>
  </si>
  <si>
    <t>b'Pl\x88\xb3|\x02n\x9epN\x18g&gt;\x92\x81di\xd5\x9f\x9e&gt;\xa3\xe6\x81\xc9\x83J?\xfc\xf0\x1ci'</t>
  </si>
  <si>
    <t>b'b\xbdh\xb2\x91_\xe0\xcf\x94\r\xeb/\xff\xa2Q\xfa\xd2A\xaf\x8c\x88L\xe5\x84\xf0X;\x1e\x15\r8k'</t>
  </si>
  <si>
    <t>b'+8\xaa\x12\xb7\xf39\xb9\xf9\xb27\xbdi\xd8\x85\x9f=\xc3p\xd5ks\xa5\xd0\xf4lA(\xfd\x99K-'</t>
  </si>
  <si>
    <t>b'\x9f\x17\x19\xf5\x08\xf4k\xad\x88}\x8c\xf4x:\xe10a\xd9\x19@\x10\xf4\xce\xb3\xce]\x16\xdeM\xec\x1c\xa7'</t>
  </si>
  <si>
    <t>b'!)\r\xa1\xe3\x98\x91\xde\xa7|(\xf4\x11\xe7\xa2\xc7 n\x83|o\x9d\x87\x15&gt;\x10\x0br\xe9\xf0(\xd6'</t>
  </si>
  <si>
    <t>b'\xe9\xefa\rePyz\x15\x86G\xa9\x97\xf8\x88\x93\xd9\xd5\xf6#\xd0\x84\xca\x88@\xbc\xb5sh\x01\x13\xec'</t>
  </si>
  <si>
    <t>b'hw\xc7\xd2\x0e\xef"\x89}\xbe\x06\x01\xceM\x8f\x10@\xc0\xf0\xd2\x18S\xce\xb0\x88\x19\x90F&gt;o\xff\x18'</t>
  </si>
  <si>
    <t>b'Z\x02%}\x16\xf90D\xa5\x96\xa7\xa9\x99&lt;\xa3\xfd\xd1\x9f\x88\x89\xabl\xd3\xf0\x94:\xdd\x8e\x93\xe0\x86\xd8'</t>
  </si>
  <si>
    <t>b'\x81\x8f\x14O\xaa\xf5\xd3\x92\x10f\xba\x15\xa0l3\xb3O\xc9\xf3Cn%\xe5\xdfI\xcd\xef\xad\x85\xbf\x9cY'</t>
  </si>
  <si>
    <t>b'S\xcdW\xd8\x1c\x9a\t\xa4\xe5=Xl\x91i\xa7\xec{6\xf4E\x1b&gt;a\x9c\x07ht.\xb2b\xebs'</t>
  </si>
  <si>
    <t>b'\x8a\xd6\xdb\xd2}\x91\xf2-j1\xd5\x98rC\xf7\x98\xf4\xf4\xf2\x05)\x8ed_\xfb\x0ev\xe0y"W\xb3'</t>
  </si>
  <si>
    <t>b'a&gt;\xf1vZxG&gt;\xf4#\xf5\xd8\x8aC\x84\xbd\x9c\xffq\x95\x95\xf3\x14\xc0\xea\x0e\xdc\x86\x99\xe9e-'</t>
  </si>
  <si>
    <t>b'W\x90\xff+%2=U\x87hq\xf2\xdd\xc4\xb4\xffr\xc9\xfaw/*\x98N\x8e\x04\xcfr!\xe2.i'</t>
  </si>
  <si>
    <t>b'\xb0s\xee\xd23\xdc\xc1\x19\xfe$@\x84\xeb6\xd8w\xba\xbf&gt;\x15\xfe\xd3\xf3\xbdJ\x98\x1f\xe8\xfd\\\xd3\x95'</t>
  </si>
  <si>
    <t>b',\x1b\x07\xed-I\r\xb25R\xdd\xc7\xdf\xae\xb3\x92\x91\x8f\x95\x07X\xa9\x07\x94\x07M\xafU\x85w\xafp'</t>
  </si>
  <si>
    <t>b'\xb4\xd7\xfcT\xf0\xf9#\xffLK\xf9\x88\xbc\xd8\x14.S\xd6H\xb6\xb8b\x94D\x932~\xb0\xb17\xb9\x16'</t>
  </si>
  <si>
    <t>b'&lt;\ta\xbb\xd62\x0b\x86\xfef\xcf\x8c+\x8a\xf3O\x8f_\x1d\xceh\x1a2N\x89\x99\r-c\xcc\x7f|'</t>
  </si>
  <si>
    <t>b'\xd4w\xf2"\xdc\xffl\x93j\xbc*X\x04H\xf0"\xe9FD\x81M]\xd3*\xee\xa5K\xc5\xe3\xd0\xd1g'</t>
  </si>
  <si>
    <t>b'\x9a\xcd\xc4\x85\xc5\xa1\xc3\x00\xb2y\xd5\x0f|\x7f\xb9\xfeYC\xa2\x9c\xff\xd3\x9dR\x11\x8d\x8b\x96\xf2\x90\xf1\xf5'</t>
  </si>
  <si>
    <t>b'/\x04\x13H!U\x0c4\x84\xa5 \xcd\xf9\xa09\x85\x83\xf8\xbeP\xe74\xdf\xe0\x9a\x86-\x00\t\xe8\xd90'</t>
  </si>
  <si>
    <t>b"-MB\xd5:x\x99C(\\\xfd\x00\x02\x80\x81'\x1d\xa7\x81D$&gt;\xb2&amp;\xdc\x1c\xbd\x9aq\xcf\xf6\xd7"</t>
  </si>
  <si>
    <t>b'\x93bJ\xdctir5\x9f\x81k\xe7\x89|\x1e\xe4\xfcPO\xd5\\\x1dW\xbd\x0f\x11F\xa1\xf6)\x9f\x8d'</t>
  </si>
  <si>
    <t>b'g@\xdf\xb8\xb1\xfb\xd8m\xff\xb3\xf5\xd4\xc6\xde\x07\xb2\xf0P\x07\x98/Or\x8b\xa9&lt;\x00\x9a*\x05\x1f\xa2'</t>
  </si>
  <si>
    <t>b'J\x8bY\x9d\xf4F\x1fB\xf3\xd57\x04vP\xb4\xe0\xe4\x17q\x89\xc68\xb6\xbfTe\xde\x84\xfbl;\x93'</t>
  </si>
  <si>
    <t>b'X\x88/\xfb\x9f\xde\xd1\xc8-\x97\x9c\xe0\x1e\xc61_&lt;lw\x19\xe2\xa8\xf8)\xcd\xef\x12\xe8P4\xf4\x86'</t>
  </si>
  <si>
    <t>b'5\x7fz\xef$H]\xb0\xd2\xd7YuD\xd4\x10~\xe7\x92\xb6c\xc9\\~\xd2\x1d\xe3C\x83g!G\x1a'</t>
  </si>
  <si>
    <t>b'\x82,DWLQQ\xe7:\xc49V#\xc60B\xce\x96\xb9\x84|\xee4\x7f#\x1e%&amp;\xab+O='</t>
  </si>
  <si>
    <t>b'\xf4b\xe0\x8au\x1b\xee\xea*\x90P\xc9V\xa8\xe6\xb2\xc5A\xeckQ\x82d@\xa2\x11\x98V\xe8\xe1\xec\x19'</t>
  </si>
  <si>
    <t>b'\xe6\xb8:JM\x9f\x84\xac\x17\xbd\xaf\xbe\x87)\xa6\x84\xe2h#\xd9\xc0b\x05\x80&lt;H\xf1\x9f\x7f\xc6x\x06'</t>
  </si>
  <si>
    <t>b'M\xca\x7f\xe1^\xbf\xe8\x12n\x14\xf38\xdb\x0c.g=e\xadm\x8c\xdfl\xd7\xab\xbf\x82\x11\xf9L\x08\x8e'</t>
  </si>
  <si>
    <t>b'\x06\xdf\xf4q\xb9\xe4\x1e\xcf\x97\xb2\x8c\xedK\x1c\x10:0\xd5\x8ba\x81c*\xbe\xf0\xf8\xed&gt;d\x12K&amp;'</t>
  </si>
  <si>
    <t>b'x\x91\x11\x9b\x14$\xcb+\x94\xa33Z\xc8\xf13.\xcf"k\xd5\xcf=\t~\'\x86\xf5\xe6\x9d\x8a\x81E'</t>
  </si>
  <si>
    <t>b"\xbcH\xa2 \xe2\x0c\t`\xd3\xc5\xa4=\xcbXf\xd7\xe5h\x7f*\x91\x95AW'\xef\xb0\x89\x0c\xaf}\x98"</t>
  </si>
  <si>
    <t>b'\xec\x81\xdd]\xbb\xca\xd7\xaa\xdc\xeaE\xd1\xa2=\x16\xa7\xaf1H\xb1_\xf4\x90\xdc\xa06\xf3\x1bR\xed\xa5\x91'</t>
  </si>
  <si>
    <t>b'\xa3\xf0\xce*3\xe7\x8e[\x19=\xba\xe1\x8a|i\x9a\x9a\x1fI\xe3d\xac\x00\x07\xb9b\xd2F\x8f\xe1\x86U'</t>
  </si>
  <si>
    <t>b'\xccs\xc1*\x84\x0b\xa2\x17\xe2\x14\xb6V\x8c)\xa3\x12\xba\xa6\x1fdO\xc5i\xf4?\x90&gt;~YU%\xdb'</t>
  </si>
  <si>
    <t>b'\x95l|5\x15\xb3\x1b7\x18)\x8e\xd0\xe6\xe3i\x19\xebx\x92\x0b\x03&gt;\xd3\xf0\xb2a\xc9\x8d:\x905\xa3'</t>
  </si>
  <si>
    <t>b'\x96PhHono\xd9\x88A\xb8\x93Y\xff5+\x9e\xbc\xea?\x8f\xeb\xc2\xef&amp;\xba\xeeoq\xa9]^'</t>
  </si>
  <si>
    <t>b"\xad\xd0t\xc8\xfe\xb1\xd9\xb1\xfd\xea,\x0c\n\xae\x17\xf8O+\xef6\xc7\xf0A\xef'\xc9\xc2\x8f\xa0QHu"</t>
  </si>
  <si>
    <t>b'@}P\x8a95\xe9\xd7[\x81\x87\xa6\xa8\xae\xf3\xa4\x96E|\xc8Y*\xd7h^ki$\xac\xee\xb7\xc9'</t>
  </si>
  <si>
    <t>b"\xb7\x18Q\xa4\xee2\x7fqL\xdcx\xab\x9d\xa2\x1el8\xb6\xba\ri&gt;\xe7\xe1\x14\xc1'\x08\xa0X\xbdi"</t>
  </si>
  <si>
    <t>b'\xe3?dL\x9a|\xdcC\xca3f\x81\xde= \x8f \x8eM\xe4\x99\n\xba\xdf\x87\x8a\xb3\x04\xdbI\xf2\xc7'</t>
  </si>
  <si>
    <t>b"\xea\x97{\xa7x\xfd\xce\xaaW\x08J\x03\xad\x04B\xb7\xcd\xfa\xab6e\x1cs-\\\xa8\xf5\x1d\x0b'\xbd\xca"</t>
  </si>
  <si>
    <t>b'\x9c\xad\xef\xc3\xe2C \xfaxA\xf1\x0e\xfdE3_$\x1c\xc5\xe7M\xf8\xa5:\xc9-\x88a&amp;p\xc5\xa8'</t>
  </si>
  <si>
    <t>b'~\x9b\xde\xb3"}Q\xce\x7f0$\xe7\xc0\xbd!ak\xec\xd4\xec\xc8\xd5j)\xaf\xa0OF\x96\xf4\xd5^'</t>
  </si>
  <si>
    <t>b'\x86\xa83\x99\xbdyF\xfb\xa3\x00\x9c\x8fS\x19\xaaB \xfa\xe7\xf8\x9b\x7f,\x1b-VlcY\n\x8d\x01'</t>
  </si>
  <si>
    <t>b'Wc\xa2\xc7\x05\xe2\xf4\x7f\x0f\x83\xf2\xca\xa9\x0e\x9bd\x11%\xc0\xc0\xbdVZ~jI\x8e\x8e\xa5\xeeQ\x0b'</t>
  </si>
  <si>
    <t>b'W&lt;\xb5\x90\xcf\xafD\xab/7\x17\xc5\xd8\xeb\x8f\xcf\xb3\xe47Y\xda\xcc\xc2\xbe\xe8\x93\xa1\xbf\xd1bZ\x01'</t>
  </si>
  <si>
    <t>b"b\x8a\xca'~\x8f\xbf\xf7fP\x80C\xfc\x91\xe2\x92T9t\x03\x82\x91R\xaa\xa9\xee\x81\xbc\x16\x0e\xad+"</t>
  </si>
  <si>
    <t>b'\xeb\xe35\r\xb1Nx\x8aBD\xaapa\xcb\xf0hE\x0f\xe5\xa2m_:\x84\xd0+k\x12Vt_v'</t>
  </si>
  <si>
    <t>b'\x9el\xc1\xc2\x16\x07\xed\x05\x9c\xe9-\x9f.\x85\xb4\xd5\x0f\xea\xafx\xe1\xe4\xd1e\x07N\x1f\xd8$(\xe80'</t>
  </si>
  <si>
    <t>b'\xa8\x93\xa0\xd3\xbdx\xcf\xb8{\xd5\xf1q].\\\x86Qc\xf0\x85\t{\xc8\xd1\xbdKsN\x1e\xe0\xff*'</t>
  </si>
  <si>
    <t>b'\xb9\xbd\x98S\xf4E\xdf?\xb3\xb0\x80\x04\xabx\xaa\x18\xf2\xc4X\x06\x8bR\x0c\x9d_\xe8x\xeeptw\xa1'</t>
  </si>
  <si>
    <t>b'/\x1e\x17\xd0\xe00\xe5\x94n++\xba\xf67s\x80\xa7\x18\xef\xd3O\xc2\xfc:\xbe\xa7\xbe\x00NX\x9f\x1f'</t>
  </si>
  <si>
    <t>b'\x81\xf9\x15x\x13(\x0e\x1e\xbf,{\xb5g\xbe\x1cS\x9c\xf5\xe4h\x8d\xedS\xa4\xc4\xef\x7f\x8c\xa10FE'</t>
  </si>
  <si>
    <t>b'\x13\xab\x0c\x02\xff\x98\x82\x1c\x1c\xa1{a\rT\xe8I\x94\xf2\x80`q\xac]\xa2\xc3\x00j#\xa9\xc7\xe2\x12'</t>
  </si>
  <si>
    <t>b'\xe7\xc4\xce\xe3\xb7\x7f^\x84\x0e\xe4u\xf12\xe9\xed \x87\x98oC\x99\x98\xbb\xd3l\xd3\xff4r\xc2C`'</t>
  </si>
  <si>
    <t>b'f\x06\xb6\xa1\x0f\xa6\xa7w\xd5\xaf\x1f"OaD\x16\xea\x03\xffS\xd2B\xc0\x95\x83\xeb\xfe\xad\x11W\xb9e'</t>
  </si>
  <si>
    <t>b'\xd6)\xcf&gt;T \xdd\xdf\xa3n\xaeyi\x9fz\xe3\xf4\xa6(P0(\x00\xd4\x01\x9f\xa2\xc5\x12\x9dW\xeb'</t>
  </si>
  <si>
    <t>b'\xa2\xe3\xd3\xf6\xe8w\xeeL\xc3\xb2Q\xf5&amp;\xcc\x08\xde\xc93\xfd\xcd\xd5,\xe1\xf1\x83\x1b.s\x9b\x1c&lt;F'</t>
  </si>
  <si>
    <t>b'\x8dyS\xd17\x9er\xee\xf3\xfcz\xabK\xb5\x04\xdf\x96r\x9cZ\xe8|Q*)\x7f!yvcZ\xe8'</t>
  </si>
  <si>
    <t>b'\x0b\xe3\x1ap|D\xea\x04sBjd\xe6\xe6_\xfe\xda\xbdv\xa4\x90\xb1/\x1e\x93\xa0c\x17&gt;\x08=\x03'</t>
  </si>
  <si>
    <t>b']\x86\xe1b\xc8%\x97\x84\x8bR\xac\xb4\xacX\x1fR\x1d_4\xa5\x8d\xdclM\xe8\xe9=\xf4\x85@\x82\xf8'</t>
  </si>
  <si>
    <t>b'\xf9\xc7\xebW\xfb\xf11\xda\xcag\x1f2\xfe\xfa\x9f\xd5\xae\xb2\x8e`\x83\xf3\xa4\xb1"\x9a\x1d]K\x9c&gt;\x8e'</t>
  </si>
  <si>
    <t>b'Q\xc8f\xd5Yk\x8d\xd2\xf6B\xad\x16\xf7\xd4\x8d\xc3\x1c\xcb\xa5&gt;\x01?\xbcJ\x8f\xf0\xd6\xb2\xbd_kh'</t>
  </si>
  <si>
    <t>b'\xed\xad\xa5\x02n:\xe4\x1b\xf92?\x81\xa0[\x84\x16&lt;\xb4\xd7\xc4\xf5?w+M\x81\xdb\x15\xdc]NC'</t>
  </si>
  <si>
    <t>b'\xc3\xb7Vs\xab\x02ER}\x9b\x8f\x9b\xef\xc5;\x98Y\x1b\x9cCD\x04\xfaV\r.\xb6\x9co\xdf\xf9\xe6'</t>
  </si>
  <si>
    <t>b'n\xe5t\x1a\x0b=\x86\xd9\xbd\xd1v\xc4\xe0\n\x9c\x84\x9b\t\xeeZ&amp;\xc0$U\x16\x98S\xf1u\x1d/\xe7'</t>
  </si>
  <si>
    <t>b'\xa2_H&gt;-\xb0\x14\x18\x1bN\x8a\xdf\x07\x81\xd1\xa4\xbe\x0068\x06A\xb5\xcc\xa1\xffp\xea\x88\xa2\x9c\xe2'</t>
  </si>
  <si>
    <t>b'c%A\xbeh\x8f$\xf5!|\x97\x13\x0e\x1c\xa8bi\x0e\x14\x7f\xb7Q\xfe\x98=\xd8\x1a\xe6=\xe0\xdf\x94'</t>
  </si>
  <si>
    <t>b'\x1d\xc8\xfc\nM\xd5k\xfdi\x86\xa9\xa7\x9bp\xe0\xf9\xb0l\xe2!k\xe1\xdc\xef\x7f&gt;\x86\x1c4\xa6E\x91'</t>
  </si>
  <si>
    <t>b'p\xf7\xab\x9dr\xfc\x85H\x01\xbd\xbd\x98\xdf\xa8cD\xbb\xd2&amp;\x1a\x16cG\xbc\xc9\xe2\xfb\xab~\x14d\x1f'</t>
  </si>
  <si>
    <t>b'\x8b\xb0\x03}\x9e~\xd51\xbd\xac%\x94\xe7fq0\xe9\xf2\x80"\xdc\x92\xc4\\Fps\x1d\x9a\x1eec'</t>
  </si>
  <si>
    <t>b';{s\x9bn\x96m\xa6\x98\x8937z\x90H%"A\x9f\x88\xfcv\xd7QK^&gt;\x95v\x81\xbe\x7f'</t>
  </si>
  <si>
    <t>b'\x91pk\xbf\xfb\x9e\xc0\xbd\xb1\xc8\x96\x93\x84\xad\xba\x08\xa60\xdeI\xd2$\xacw\xe8\xd3\x1b\x90\x00E;T'</t>
  </si>
  <si>
    <t>b'w\x85K6\xb9S\xa0Y\x11}\xab\xd0\x9c\xfd\n\x04\xa1\x04\xa7\xd6\x87\x84oJ\xd2\xeb;\xcep\xfe\x97B'</t>
  </si>
  <si>
    <t>b'r\x7f_\xb6\x19\xe2\xc6)G\xd7\xce"4\x15,\x8aU\xe2=\t0\xdb0\x1e\xa2z\xfb"\xf1xZ\xd6'</t>
  </si>
  <si>
    <t>b"EvQ'\xad\xe2\x8b\x93\xcc\xd4\xe2\xb7@\xef8_\xeb~\x07d\x9e\\\xe5\x96\x00\x99d\xff\x8e\n:\xec"</t>
  </si>
  <si>
    <t>b'\xa6\x17\xdc{\x1c\x9f\x8d\x1f\x0e/\xa6\x86f,\x16/#uW\xd1\x0b\xbbXc7H\xe4\x94\xa9\xe5\xa6\x1c'</t>
  </si>
  <si>
    <t>b'\xb5\xd5J\xb1\x9c2e\xf5\xf2\xd6\x8a\x9d\xef\xab\x03\xba\xb3)6\x07\xaf\xcdy\xf1\xb4\xa4\xf8\x92!\xb1\x12\xeb'</t>
  </si>
  <si>
    <t>b'\x02\xa4\x9b\xf2:D\xb4\xc0\xde_H`\xa7\xf1\xfb\x0b\x15\x0e\xde\x0f\xc3\xce\xf0\x8c|\xe7\xde\xb1\xc6\xf5\xd4?'</t>
  </si>
  <si>
    <t>b'\x08\xa4F\x16\xe6\xbeX\x93\t\xff\x7f\xbd/\xffg\xf2B\x8a6\xf5\x15\xbd\x8d\xcf\xd9\x8eo5\xb2\x8d\xc9`'</t>
  </si>
  <si>
    <t>b"&amp;\xf4R\x96D\xdf\xed\x7f\x9ftr\x93\xa19\x99\x1a\x1f\x01\x00\xfc'%1\xb4\x97=\xd7\x8dL\t8D"</t>
  </si>
  <si>
    <t>b'\tY\xba\xd9\x04\x86\xfc@r\xf0\x8a\xccB\x06\xf2\x9b\xc4F8\xb1\xe8\x82U,\xd612\xf9\xe9Y\x01\xdc'</t>
  </si>
  <si>
    <t>b"'c\xd8.\x14\x15F\xfb\xaf\xf4\xe6\xe6|S\xa8oI\x07.\xfd\xc6\x1cRz\xd8\x9c\xdaQfkC\x85"</t>
  </si>
  <si>
    <t>b'\r/\xce\x18/l\xb6sF\x06\xe0\xadl\xd8\xf1.W0\x10\xba\xcc\x85R\xb4\xc8\x00g3\x89,\x18\xca'</t>
  </si>
  <si>
    <t>b'\x84D\x1ed\xcdrr\xd6\x11\x98\xcd\xa9\x08\x15\x8c\xb1a[\xf0"SV"\x8da.\xf1L}\x0b\x7f_'</t>
  </si>
  <si>
    <t>b'\x0c\xc2\xc3\x1e\xf4\x97.Jko(\xf6n\xc8;em\x89g\x08\xde\xd09\x7f\x0e\xf9\xf6\n\xb7i\xed['</t>
  </si>
  <si>
    <t>b"\xaaP\xdb\x87\xc01\xc7a\xe7\\\x14\xab\x11{'\\\x1c\xf6\x19\r\xa3\xd8Z6c\x9d\x00\xf6\\\xa3\xc3|"</t>
  </si>
  <si>
    <t>b'Z\xdb\xa0T\xce?\x9cW\xf2\xa2\xdf\xb5r\xcf4\xbf\x9a\x00\xa6\xa4\xfb.|\xfb\xe2z\x94\xe8\t\xd0\xe9\xd9'</t>
  </si>
  <si>
    <t>b'8\x8a\xd8C\xc3!\x84\xebk:\xd7"^d2\x18\xf3\xe3\xd8Y\xbe\xedY\xa7_H\xe9\x960\xb3\x91X'</t>
  </si>
  <si>
    <t>b'\xb1??\xc4"\x96IG\x86\xbb\xd5\xc2Dqa\xd1\xde\x89\xfc\x1f\xd0\xd5Kd\xad\x18\xf6\xa3\xc9\xcf\xdf\xe0'</t>
  </si>
  <si>
    <t>b'\xf0\x06\x1ct\x18\x84\x972\x1b\x80B\xad5\xb7[\xa1\xbe@\x86t\xa5\x98\xe0\xa60V\x7f\x81&lt;I\x11\xd6'</t>
  </si>
  <si>
    <t>b'J\xc0\xa9\x13\xc5\xef,6\x19\xe6\x0f\xb2\x0f\xfe\xb6\xdf\x02\xd1\x85j*&amp;\xb1\xda\x82^\xdak\x04uK\x7f'</t>
  </si>
  <si>
    <t>b'\xe9(:\x9bD\xe3\x02\x99h\xa2,\xfc\x97\xff\xf8\xcb\xe6jO\xc7\x91\xd4f\xfe\xe2\x1cZ\xac\x02\xac\xaa^'</t>
  </si>
  <si>
    <t>b'\xd7\xfa\x96\x01\x10/*\xd8\x96\xd3\xbf&lt;G\xf2\xba\x9a\x803\xde\x91\xe1O\x8a/\xa9\xef\xe8\x07C\xf2\xd6M'</t>
  </si>
  <si>
    <t>b'\xfd\x1f\x865\x94\x8b\x95\x97q\x9c\xf9\x8c\xc3^L7E}\x91\xb3\xbe/&lt;\x18\xc1\xc6\r\x86 Wr\xb7'</t>
  </si>
  <si>
    <t>b'\x01\xb3\xb9\xab\x0e\xb2\x0b\xca\x91\xd5\x9c\x1fO\xc1\xb2\xb0x\x9ez%\x9f\xefYk\x81\xc3\xe8\x87{0"\x8c'</t>
  </si>
  <si>
    <t>b'\xe2\xb89x\x8ct\xf0\xc0\x82\xf2\x9c\xf8\xfaE]\x1c\xe6Y\x9e\xc0\n\x8a\x88\xef,40}w\xea|\xfb'</t>
  </si>
  <si>
    <t>b'{\xfd\xb9$\x92D\x91wq\x13\xf2\x03\xba\xcf\x8c\x85\xdepH +s\xff\xcdR\xc4\x15\xfe\x99\xf1\x98v'</t>
  </si>
  <si>
    <t>b']Y\xa6,( \xbd\x89\x15\xd0\xec\xf0J\xe5\x17\xda\xc5\xcb\xe6K\x97\xaf\xd3\xce2\xb8\xb9\xaeHXFu'</t>
  </si>
  <si>
    <t>b'e\xa6\xe3\xee5\xc6*T\xb7\xb2\x8aNO\x88\x95\x04}"\x13\x81O\xc13}\na*\xbf\xef\x82\xbaH'</t>
  </si>
  <si>
    <t>b'\xa8\x9c&gt;\xd2h:\n\xd6\xe6\xb9\xe7\x0f\x17\xb1JPI^\xdb\xcbL\xd8jqa\xcb\x82\xcb\\\xf8\x17\xd3'</t>
  </si>
  <si>
    <t>b'\xde\xf6\x98\xb2\x82\xb9\x0f\xfa\xca\xaa\x1bDpO\x0e\xd7\xf0m\x91I\xcd\xebH\xd9\xe8\x99\x884\xe80\xa9\xf9'</t>
  </si>
  <si>
    <t>b'\xb8\x9dNu\xbb8?\x0c\x129\xb1\xf9\xd5(\xc5k\xe7\xcdn\xb3\xec\x0eR\xa3\xa4\n\x12\x0b\xbf\xc2+\xea'</t>
  </si>
  <si>
    <t>b'\xb2\xf3\xd9#\\\x1e\xc2z\x8dXp%\xf0p\xb0\n\xe5\x8az\x15\x1d&gt;y\xa9t\xa0\x10\xa6\xfa\x82Q\x1c'</t>
  </si>
  <si>
    <t>b'B\xbfSb\xf2\xda\x9e\x80CS\x8e\xc3\xc3\x1c$gPe\x15\xf7\xfe\xaf\xbd\xdd,h^\xc8\xdc\xec\xe7R'</t>
  </si>
  <si>
    <t>b'\xbb\\\xde\xd8\x05}\x81\xf2\x17\xae\x90\x19h.\xa7B\xb1=@\x14\xc1\x99e\x13n\x80\xa3\x8b\x8ay\xc6\xdf'</t>
  </si>
  <si>
    <t>b'v|\xd1Q\x9c;\xc9(5b\xe6\xc4\xbfxn\xa1\x1f\xe7vaS\xdb(\xf2\xaa\xb8\xb3\xbdT\xd9\xbd\xec'</t>
  </si>
  <si>
    <t>b"\x97b\xd2'z\xdayL\xa8[a\x9b\xc2\xcb\x03u\xc9Q\x80)\xa7\xcf|\x8c\xc0\x1d8b=\x13\x0b\x01"</t>
  </si>
  <si>
    <t>b'\xf5)\xa8}\x14\x1bahX#\x07\xe4om\xa0HV\x11\n\xd4\xb3\x9e\xd9\xa8:\xc8Q\xbfO?#\x88'</t>
  </si>
  <si>
    <t>b'4\x88\xde[#\xbc\xd5&gt;\xbe\x07\xa3\x81|\x0c#\xc4\x7fkEH\x1f\x0f\xb3\x04\x1asQ 3c\x9d\xaf'</t>
  </si>
  <si>
    <t>b'\xfe\x8b\xed\x8f\xd7\x1b\xf2\xcb&amp;\x9eXv\xd7C\x92\xb2\x80w\xc8\x98_g\x90MT~D\xb3\xeb\xe0\xa1r'</t>
  </si>
  <si>
    <t>b'\xf9\xc1\xa3\x986\x04S\x97}\xcf\xf9\x83\xa5ug\xab\xccUyV\x11\x03\xe2\xf9\xd0\x94\xdbG\xf9W}E'</t>
  </si>
  <si>
    <t>b"\x0f\x10^\xb9\x94k\xaedT=\xd8\x8d\xa4\xef\xc3=,\x7fb\xf7\xd0\xbfM\x82'F\xd7P\x88\x8c'("</t>
  </si>
  <si>
    <t>b'=e\xf3\xaf\x1d%\xfd\xa2bd\x96\x85\xdfR\xc9\x8bF%Z\xb0\xf3\xa6\xa3\x07\xf3l\xd3_ \xcc\xab\xe6'</t>
  </si>
  <si>
    <t>b'\x84\xbf\xe5\x8bAj\x94\x96yL\xffV&amp;tl\xf9\xfa\x13\x18;1_g\xf1\xfbb\n0\x94\xa2\x1d@'</t>
  </si>
  <si>
    <t>b'5\xc1\x94&amp;%.=T\x8f\xaf\x83\x88O\xdfT\xf5F"\x14\xb5f\xc0\x82\xcf\x14^\x03|S\x13j\x90'</t>
  </si>
  <si>
    <t>b'\xbf\x1c\x7f3\x02\xa9:\x95\x03\x18\xaf=C\x15\xdc\nJ\xeaN\xb0|\x00\x14\xa9:`r\x16\x85\xac\xe3\xa9'</t>
  </si>
  <si>
    <t>b'\x91_\xcf\x80\xc7bF4$\xd5\xcb\x01\x87/\x88}&lt;\x0b\x97\xee\xa5\xbd\xee\xa8?\xa7\x9e\xf2t\xd8\xc2`'</t>
  </si>
  <si>
    <t>b'\x94\xdc\x9aG7\x80 \xd1\xc1\x1fQ|\xf09\xe6ir\xf8i\x1cp\xc5\x17s\xbe\x90\xaa+\xa1\x9b\xc8w'</t>
  </si>
  <si>
    <t>b'\xcd\xb3,\xae)\xc8\x14\xae/\x10\x81\xd4\x1fL\xa7\xd3\x97ei\xc8\\\x9a\xc4\xa2\xa7\xb8I\x01\xc6\xd8X\xa6'</t>
  </si>
  <si>
    <t>b"\x01aX*\xb8\x08`\xe29\xdbB\xd7\x8c}_\x1f?\x1c'\xd2J\x14#\xea\xe3\xe6BS\xfcT^_"</t>
  </si>
  <si>
    <t>b'\x17(\xca\x82E\xd2\xec\xfdLVy\xd7@\xa7X=\xc0\xb3\xc3\t\xa1\xa8\xa4\xc9\xde\xbck\xbc(\xf8\xcap'</t>
  </si>
  <si>
    <t>b"\xf3\xaf\xef5\xea#I\xaa37Xx,3\xbb\xaaw\x8e.\xbf\x021\nPk\xeb\xc0\xe9\x8b\x03'e"</t>
  </si>
  <si>
    <t>b"\x9f\xe2nV\xa5s'\x01r5\x01\xfe\xca&gt;p^\x90\xd7\xa76\xeci'\xe2}\nrh+;\xb1d"</t>
  </si>
  <si>
    <t>b'\x85\x84\xe3\xff\x08\xe9\x892j\x92\x9d\xe4\xfb\x81\x13\x04E\xe1&amp;\x17\xe57\x9e\x96\xdc\x99\x97~\xc2\xee\x0eE'</t>
  </si>
  <si>
    <t>b'\xe7\xe6#(\xf3:;\xa7\xe1g\xb5\xf8\xb3\xad\xcf\xe3G\xb5\xee\xd5\x12VK\x17\xa8\xd4\xb3\x81\xd0\xe9\xdfO'</t>
  </si>
  <si>
    <t>b'\xc0Q\x9d\xe2\xf4D$\x83\xc93\xee\xa1G\xf0\xa1\t]{6k%l}\xceQ\x1e\x02\x98\xea&lt;\xfb\n'</t>
  </si>
  <si>
    <t>b'\x97/\xc3\xaa\xdc\x07\xc1\xaf0\xbf\xaa4\xbf\xa07\x05?C\x95\xda\xd1\xc9nm\x87 ;_\xa5\xda&amp;\xa7'</t>
  </si>
  <si>
    <t>b'\xf6so\x1d\x85H\xc4\xae\xf8m;i\xdc\xbe9\xcc\x9d\xddN#Y\x0f\xc2\x87r\x16\xafJ\xbd+\xd23'</t>
  </si>
  <si>
    <t>b'\xb09!\xccy\xd4\x8b\xed\xda\xafZ\xef#T\x8f\xe8\x85u\xfdh\x7f&lt;\x91\xf8\x12b\xf7\xef\xfeb\x84\xf7'</t>
  </si>
  <si>
    <t>b'\xf0\xd9\xf0m\xa8\x195i\x82~\xbd\xed\x04\xe2;\xdf_+\xdc\xbd:\xa1\xce\xdc\xf4X\xc4\xc1LlLz'</t>
  </si>
  <si>
    <t>b"\xd6-\xcc'(+g\xfeH{H\x08\x8b\x84\xdb\xbd\xde\x03\xb5\xa8&amp;(\xfcDx\xbc\xa2:\xf6\xaf\x0e("</t>
  </si>
  <si>
    <t>b'\x02o7*\x03\xea\x8a\xf8p\xd0kS}\x91!~\xf1\xad\xcf\xef\xbb\x96\xde\xe4V\x005\xcc\xa1\xe6\xd8\xd5'</t>
  </si>
  <si>
    <t>b'\x94\xd7\xc9\xcd3M\xd0CeM\x00\x84\xb2\x93,1\x9c\xff\x1fa\xb3\xb8\t:Y\x88\x88\x042D\x94\xe8'</t>
  </si>
  <si>
    <t>b'\x95\xcb\xa8\x01J5g\t&amp;\xfd\xbf\x90\x91X\x11w,\xaeit\xfd\xbb:\x94"\xdf}\xa8\x8b\xe9\xc7?'</t>
  </si>
  <si>
    <t>b'\x1cV\x80U\xd8\xec\xa2h\xebl\xc9\xb6\x87f|\xfaX\x0boR}l\x9a\x06\xba\xd0\x7f\xe57\x93(\xc6'</t>
  </si>
  <si>
    <t>b'\x9c_\xef\r\x1b\x0fefq\xf2\xf8\xf8\xf8|59\xd3n!\x0f\x95\xa2\xa0T~?\xac\xab\x04\x97\xc8\xe6'</t>
  </si>
  <si>
    <t>b'\xa0\xe4\x85=\xc7\xc4{\x1c\x04d\xb43\x15k?\x15\xa9&amp;De\xec\x1c3\x94t\xf7\x82i\xac\xdd&lt;M'</t>
  </si>
  <si>
    <t>b'\xc1\x90\x01\xe7\x0eW\xcf\xd8\xfb\xf9\x92|x\xd7\xd2v\xf0\x07\xa1\xa9\xbe\x84\xc0;h3\x96\x08\xbd\xa9\x1c\xda'</t>
  </si>
  <si>
    <t>b'\xc15\xa8\xf4\x81+-9\xd6\xe9\xe5\x0c\xfa\x87\x89\\\\\xd1Sij\xc4\xd0\x16;~\xee\xfdJ\xd7P\xda'</t>
  </si>
  <si>
    <t>b'H\xbd\x0f]\xeb2\x92\xca\xbd\xeeFBo\xc8\xe0Z#\xaa\xfa\xf6\x80\xc5\xd7/{\xae\xbf\xa2\xab4\xd5\x84'</t>
  </si>
  <si>
    <t>b'\x9fr\x87\xd7\xe3\xce\xf6\xa8\xf0mv\xaef\xccX\x12\xd5\x12\x05\x08\xf7OiL\xde\x87q\x97346\xca'</t>
  </si>
  <si>
    <t>b'V\x0e\xf4\x05+3\x92\xcc\xbb\x95\x15\xb4\x1b5\x86\xc6,\xe2"\xfa=\xe8\xa2d\xe8\xc4\xc8\xcb\xbc)\xe3:'</t>
  </si>
  <si>
    <t>b'U\xd9\x10\xe5\xfaJ\x10&lt;\x93\x95\xd4\xb6q\xa0\x97\xbc\xee\xe9\xa0\x18~\xea\xb3\xb6\xe6\xa2\x80I\xd6\x16\xb0\xa9'</t>
  </si>
  <si>
    <t>b'\xd0\x1aJ(\xce\xfe\xfa\x99?:\xb8\xef\xda;R\x03\xf1N\x86\x05#s\x1de\xc5(l\x9b:\xb9\xbcQ'</t>
  </si>
  <si>
    <t>b'\xe7\r\x01 B\xc2\x143\x86\x81\x81\xe0B[I-9\xc7!A\x03\x022m\x0c7B@\xce\xf7\xc0='</t>
  </si>
  <si>
    <t>b'\xd3\x02\xb8\xb2\x07\x8c\x8a\x95V\xa5\xc2\xec\xfb\x1c&lt;7"\xed\xc5\xa8\xef\x81\x89V\x82\x1d\xad\xade\x19\xbb\x11'</t>
  </si>
  <si>
    <t>b'`\xdc\\Z\xfa\x07\xece\x05N!\x19\xe6t\x90)o\x84N\x10\x9c*l\x8e\x11\x17\xa4-\xa9s\x9d\x86'</t>
  </si>
  <si>
    <t>b"\xf9i\x81\x91}\xd9\xc9~K$\x96\x8983'\x14\xeah\xf6\x0e\x81\xad\x03~\x81\x94!\x82NW\xb6\x05"</t>
  </si>
  <si>
    <t>b'\\:\xcc`d\x9b8\x87\x06\x7f\xf5\xdb\xb1\x16\xab(Hm\xba&lt;5\x88\x82\xde\xd6e\x8e\xde\x0fFC\xa2'</t>
  </si>
  <si>
    <t>b'\x1d\x11\xae\x1et\xf2\xb1\xd6\n\x02\xa9s\xfd\xb9\xde\xaeNx\x00m\x87#\r\xb9\x0c@\xa4XYV\xfd\x05'</t>
  </si>
  <si>
    <t>b'\xca&gt;\xd2\x1e\xce&lt;F\xe4C\xb9S,\xf1\x96\xd7\xe08\xfe\xc2A\x04l\x93\xff+\xdf?\xdfr\x12q\x86'</t>
  </si>
  <si>
    <t>b'&amp;isW\xabg\xcfx\x8f\xda\x83\xd5\xd2\xacr\x97l\xda\xc1\xd7\xb3Wz\x9du\xf6\xc7\x1aa\x12w,'</t>
  </si>
  <si>
    <t>b'\xcd\x00f\x9am\xd1\xa6\t!\x87\x06Dtt\xfb\xd0\x00\xb9ar\xd5\xbc\x7f\xa7-_\xa7\xefN\x07RU'</t>
  </si>
  <si>
    <t>b'K\xfc.&lt;\xa2.\x97\xe9\xe3\xcb8\xf2\xd7\xa8h*^\xb6\xaa\xfc\xe6\x04\xdf\xc8"\xe0%v\x90+\x13+'</t>
  </si>
  <si>
    <t>b'\xfcq\xc2d\x15qC\x1b\xc0\xcc\x05}\xf3q\xa8\xf9-F\xc1\n\x06\x16o*$H4\xff4\x86{\x9a'</t>
  </si>
  <si>
    <t>b'\xe6\xd4w\xe3}\x92\xa6\xfe\xbb\\Q\x84=\xb5\r\xf5\xbb\xe7\x19^n\xe8\x918b\xa3k\x946\xaa+\xe2'</t>
  </si>
  <si>
    <t>b'\xa3\xa0]`\xabT\xc5P\x9c\xc1\x06@,g\xa3\x9b\x1e|\xe9D\xb2\xd1,\xfa\xe24f\x11#\t0\xec'</t>
  </si>
  <si>
    <t>b'x&gt;^\xddeq\xd1\x87$\xb0\xe2\xee\xb4+K\x82\xfc\x82\xf7\xcd\x01\xca\x92_\x16C5\xef\x1f\x883T'</t>
  </si>
  <si>
    <t>b't\nflMd\xe5P\x84y;v0\x03\xc3|\xbf\x1fU\xa0\xb6\x7f@@aD\xff\x19\x1aa\xba\xff'</t>
  </si>
  <si>
    <t>b'\xb1\xc8D2D\xe0\x8f)\x92t\xc5+\xbc\xba?\xb0-\x11\xf8\xd2\xa3\xcb\x97 z\xc8\xc0\xf4\xa8?\t\xd5'</t>
  </si>
  <si>
    <t>b'\xd4\xd7\xfeW\x0f c\xf2u\xdd-\xadAcx\x9bh\xc1\xb3\xa8\x8b~\xaf\xea`\x04\x12\xb8\xc3\x08\x92\x18'</t>
  </si>
  <si>
    <t>b'&amp;\xe8&lt;d\xca\x0c\x9e\xfc\xf3\xe5B\x10\xd0LG\xb3\xc7\xca\xcds\xbfy\x93\x1d\x87\xe2;P\x1b\\\xcc\x96'</t>
  </si>
  <si>
    <t>b'\xf0\xc0I-\xf8l\xa1\xee.cd\xd5\xc0nN\x91\xaan\n\xf5\x1b\xf2-\xa3"\xaa\xba\xa7\'4\x16\x8a'</t>
  </si>
  <si>
    <t>b'\x8f\xd3(\xe7 \x10\xe9#\x0b\xf4\x07l\x93w\x1eE\x86\x88\x92\x97\x88}\x1c\xf5\xea\xb5\x1d\\\xf5~D\xb8'</t>
  </si>
  <si>
    <t>b'J{\x1dB\x1d\x82\xa2,R&amp;,c\x08\xeb\xcc\x06\xed\xbc\x15\xb3\xe42\x97U\xfa\xaa\xc1\xaat\x02\x81\xeb'</t>
  </si>
  <si>
    <t>b'/-\x1f\xe8B\x1f\xa6\x8dNe\x04\x84{\xbd[/\xf2&amp;\xde\xc6"\xd6\x83}=\x10\xafU\x96\xb6=a'</t>
  </si>
  <si>
    <t>b"\xc6\xd7\xda\xc1\x8e\xc2*\x99U\xf0\x02\x14\xd4'\x00WA\xfa\xd3\xcdH!\xa67-XR\xcd\x88\xbd\x1b#"</t>
  </si>
  <si>
    <t>b'\xcem\x06\n\xb8\x0f8\x95h\xb0\xccH]\xccF\x86\xb2n\xfe\\\xa1\x90\x9ey\x94y29\xb3\xf0\x9b+'</t>
  </si>
  <si>
    <t>b'ex\xbc\xa4,a\xd1+x\xc1o~\xdb_6BX\xd9T6\xdd\xb0&amp;\x95\xb2}\x16\x954\xdd\x19\x03'</t>
  </si>
  <si>
    <t>b'\xcd\xef K\xa9L\xf0L\xa6\xd1\xc4$\xfc,\x18lb\xa3\x8cu\xbe\x9b\xdfP0gs\x90\x7fmsh'</t>
  </si>
  <si>
    <t>b'\x1e\x8c\xf5\xd7\xc4\xc8X\x85\xd6R\xc1\x07P\xd4%\xaa\xaf\xb7|\xb1\xd2\xd6\xeb8\x8f$\xdb\xfc[\xd5\xc2\x7f'</t>
  </si>
  <si>
    <t>b'\xf8\xb7o\xf8y\x9eW\\\xa0B\xcc\xb4\xeb\xac!\xb7\xc0\x9f\x1do\xc6\x95\xe6\xfe&lt;_LI\xce\xd7\x82/'</t>
  </si>
  <si>
    <t>b'5\xcbd\x9f\x96\xc5T"\x1br\xd2\xa7v\x8e+\xb6\xe9\'\xafP\x0c\xc4\x9d\x01~\x80\x99-x\xbb4\xea'</t>
  </si>
  <si>
    <t>b'39\xfd4c\xd7\x89\x0c\x85O\xf5\xfb\xc71-\x88T\x00J,9y\x0e\xecZ\xa2\xe9\x0b?\x1c\xda\xff'</t>
  </si>
  <si>
    <t>b'\xf5N\xbe\xc2F(\x10y\xe0G\xcaC\xd4\xf3\x8f~\xc8\xa6\xdaJm\x08M\xac\x91\xe8\xcb\xa7%\x7f\xa5\xcf'</t>
  </si>
  <si>
    <t>b'u\x8a\xe5\xad\x14\xbe\x83\x14\x10\xef\xddg\x06\xa3\xd5\xeaN};\xd2@v\xea\xa51\xa5U\x7f(\xdfQH'</t>
  </si>
  <si>
    <t>b'\xbb\x1d\xc7\x1a"\x99|\xda\xc3\x06!\xfc\xf2\xf4\xed";F\xa3\xedj\x06\xf4\xc2$\xef2\xf4*o\xccu'</t>
  </si>
  <si>
    <t>b"\x9d\x86H)A_\x121\xa4\xd7\xaeo\xe9\xe7\xcf\x08(\xcf\x18\xd2)\x1f\x81\x80P\x1e\xf3q\x00\x87\xa2'"</t>
  </si>
  <si>
    <t>b's\xe5y\x8a\xcc\xde\x12\x9f\xa5\xe7n\xc6O\xd1\xd0\x0f\xba\xb9\n\xf1\xcaX7J&lt;@\xa3Q2\xed\xe3\x84'</t>
  </si>
  <si>
    <t>b'\xaad\xd7\xcaa.\n\xcep\x8e\xe6\xf9\xeczO:\x8a\x9d\xe7\x11\xb6|A\xd0\xf7\xd7\xb1\xf3\xb6\xb7q%'</t>
  </si>
  <si>
    <t>b'\xeaE\xf6a\xf7\xb8\xb3\xcc\xbd\xacU!\xf3J\xa6[T;\x179\x93\xa7\t\xa1[\x7f\xe0$\x06*\x96`'</t>
  </si>
  <si>
    <t>b'D\xd0\xe9\xf2\x13\xa3\\L\x11\xf3\x9a\xb9 9ON\xad\xb6\xe5:\xde\xf1\xe6\x8d\x7flhV\xd1\xaf\x90='</t>
  </si>
  <si>
    <t>b'\xa0rf\x12\xcce:z\xf8\xdd\xe6Ng\x88|\xb5h\xbf\x8b(U\x17\x8a\x19\xea\x15o\xf9\xfd\xa0fI'</t>
  </si>
  <si>
    <t>b'\x86\x97\x80Gyt\x85\x8cH|A\\\xf5\x8a\x1a\x81-\xe5Z\xf3G\xf2\x06\x0c\\o\xef\xcdH\xc1\xdd\xe8'</t>
  </si>
  <si>
    <t>b'L\x8aZ\x11\x8c\x9a\x98-\xa7\xf3@\x18\xa0\xado\x83\xf58\xc3\xc34\xb6\xe6Z\xa6R\x0c.T\xea\xef&gt;'</t>
  </si>
  <si>
    <t>b"\xdcO\x0c\xe7_\xad\x9d\x9a\xf6\x00\xcal\xaf\xdc\xe5\xe6\xc8\xdb\x91\x83\x04u\x00-\xb2\x0c.L\x06\x87'\x1b"</t>
  </si>
  <si>
    <t>b'\xa8\xd3uH\xaa\xa7tI*\xe4\xc3g\xa6|\xb7\xf9\x1f\xfd7\x05\xa5\r\x04\x82&lt;\xcb\x1b!&gt;\x0c\x1c\xe3'</t>
  </si>
  <si>
    <t>b'N1\xf9\x91D\xda\xb8W{\xee%\xbe\x9ba\x9e\x1c\xd1\xb6\xcfi\r\xfagW=\xbd\xe0\xe9R!;\x19'</t>
  </si>
  <si>
    <t>b"\xddyT\xb0p\x85?nV\xd9-\xca\xe8\x1a\xdb\xa7\x07\x86'\xef\x95\x06\xeb\x9dT\xf1\xc3\x0f\x1a\xc0\xcf\xb3"</t>
  </si>
  <si>
    <t>b'\x17uB\x80\xd4w\xc4\xc4V\xebP\xcc\xec.}\xa6)\x18\x91\xaf)s\x06\xe3\xe8\x97Bl\xb3\x194\xf9'</t>
  </si>
  <si>
    <t>b'x\x8d\xbb0\x99\xb4\xc6k\x96n\x9c\xa5Kj\xcb\xa83\xfdk\xdd",O\xb8\xc7\xc6\x103\x12\x83\'Q'</t>
  </si>
  <si>
    <t>b'\xcfp.\x11\x04\xd6\x8ai\xbcux\xae\x8a\xacO\xe2\xff\xe7\xe72\xcc\x91J\x1a\xa7\xeb2R\xf5\xdb\x1bk'</t>
  </si>
  <si>
    <t>b"i\xa14tV\xa7\x05\\\xbcu\x11_\x7f\x05\xfa'iw\x99\xcf/\xee4\xda\xb0\x9ahpvhNI"</t>
  </si>
  <si>
    <t>b'\xf4\x8bJ\x07\xe4\x9fPm\xf0~O\x84\x8e\xcf\xc5=\xa2Q=\xb9\xb5\xb9\xbe\x10V\xa0F\x07\x97v\x02('</t>
  </si>
  <si>
    <t>b'\xf5\xe2g\x9d\xa1"\x05{\xafH@\x8f\x13\r\xc1\x02\x9c\xb1\x030\x97Y\xfa\xb6S\xac\xb6|\xd5\x82\xad\x8b'</t>
  </si>
  <si>
    <t>b'\xcf\x0e@\xef\xda(\x99{\\XI\x96\xc6Ay\x85\x8b\x8d\x07\xe2\xfc,\xf7 \x922\x18&lt;\xa4\x10\xbf\x1a'</t>
  </si>
  <si>
    <t>b'0\x95\x06\xc1=\x1b\xe1%\x8bj\xba=\x9d\x19-\xf0\x97\xf2\xe61G\x13\xacDn\x85\x10\xb6\x9d\xa9)\x8b'</t>
  </si>
  <si>
    <t>b'\xdb\x15b\x07iep\xb4A\x1a\x86\x11\x84\xb4\xff`s\x82\xef#\x84\x12\n\x05\x1e\xcb5\xd9\x01\xda\xf0\x97'</t>
  </si>
  <si>
    <t>b"O\xb9#\xc1)-\xf0F\ni\x80F\x14\x9er\x1f\xb7\xb7'\nx\xac\x97\xec\xcd\x14\x10\x157\x11p\xf9"</t>
  </si>
  <si>
    <t>b'Q"R\xdb\xa1=F&gt;\xfc\x15\xd0-[\x031x\x1a\xe2y\x12\xc4\xea}\x00\xaa2\xd3(4\xb0\xf4\x97'</t>
  </si>
  <si>
    <t>b'\x1f\xb5/j\xc7~\xff)lXh\xef\x1c\x0fi\xaf63\x9b\x15,\xb0\xb0\x99R\x94\xe3u\xc8\x8b\xc6\xa4'</t>
  </si>
  <si>
    <t>b'\xa0\xd3\xac#\xd8\xa1\xe1]\xa0\xbb\xdb\xf0Q\xd8e\x94\xf3\xe0\xf1@\x89&lt;\x0c\xe1&lt;\x02\xa1\xba\xf3\x8b\x13\xac'</t>
  </si>
  <si>
    <t>b'\xe2\xc9\xa0\xbc\x8d\xe4\x13\x93\xd6\x0f\x88\xabGi\xc1\x14\xea\xd8r\xa6!\x19\x1a\x83\x81\xda\xb3\xdc\xa3\x81\x85d'</t>
  </si>
  <si>
    <t>b'\xf3\n\x03\xadK\x0c9\xd0\n\xc49q_\x99\xb4e3\x01\x1b\xb0&lt;x\x9e~\xdb\xd1\x1a\x8a\x80\x82&amp;w'</t>
  </si>
  <si>
    <t>b'\xc7\xaa\ne\x83\x9d\x87\xf6\x10tn\xcf&lt;\xfe\xab\xaf\xa8\x1aF\x943&gt;Pr\xdf\xc79F\xc8\xadH|'</t>
  </si>
  <si>
    <t>b'\xdd\x8f\xce\x8c\xa3E\xfc\x7f\xb2M7\x86_"Hk\x1b\x9as\xcaf\xcd\xa0\xb9\xbat\xf3\x14\xfb\x9c\xf0\xbe'</t>
  </si>
  <si>
    <t>b"'@6\xab\xaa\xce9r4\xd3\x18\xc8'K\xec\xc9\x9f\xf1U\xb9\xf3\x0c\x15~A'/1\xd5,\x02-"</t>
  </si>
  <si>
    <t>b'y\xf6\xf5\x02\x7f?\x98\x91\xd8@yu\x9axu\xadLP\xf2\xf4w\xc6X\xba\xea\x08\xadh\xfc\xf74\xaa'</t>
  </si>
  <si>
    <t>b'\xf9\x05&amp;\xef\xf4\r\xbb,x\x10\xaa\x1e(f\xe8\x95\x0e\x87YV\xde\xf27\xe6"\xc8\xe7\xd3\x10\xf8\xeb\xda'</t>
  </si>
  <si>
    <t>b'\xce\xf5\xc4\x99#!\x1f8\xb6\xcd\xe3\xfcJ\xc6\x02\xda.F+\xf5\x10\xcdeV\xd6\xe1\xbf-\xc8\xf0\xe1\x0c'</t>
  </si>
  <si>
    <t>b'\x18\xa6*\xc3\x15\xc9#(\x8bS\xf7\n[\xd6JI\xf4x\xf7\xa2\xa1\xb4\xf1\x15\xf8C\x0b\x80\x00\x1a\xf3/'</t>
  </si>
  <si>
    <t>b'\xd6mA++\xaf\t/E\xd7\x1aD\xadwy\x85X\xd9w~a\xfe:\x03eUm\xecc\xea\r]'</t>
  </si>
  <si>
    <t>b'\x04[\x80\xad@S%\xdfN\x99\x9a\xc0\x1e\xf7\xe6Y\x9f\x89\xedw$\xad\xbd\xe0\x90\xd4\xf6\xd8\xb1\x7f\xd3&gt;'</t>
  </si>
  <si>
    <t>b'\x0eor\xeal\x9b\xd7\xd8\t\xa4y:\xb0o4\xbd,\xb9\n`\x99\xb9\xd4\x0c6\xee\x81y&gt;T\t '</t>
  </si>
  <si>
    <t>b'\x0c\r\x90\x1c\xd0"\xc85\x9c\x94\xadx\x86\xc4\xe2&lt;\x9d\x16\xacq\xb3R\x95\xa1-\xfe\x1c\xfc\xdd\x17-\x95'</t>
  </si>
  <si>
    <t>b'\xadS\xc52\x11\xb3\x88\x11\xe6UY\x9dI\x04\xdd\x95$x0&gt;l\xe4[\x1c\xfd\x15\xa2\xa0\xfc\x88W\xf5'</t>
  </si>
  <si>
    <t>b'\x90\x89\xea?\xf6&amp;1\x95&lt;^\x9e\xbb\xca\xc8\xf0\xe3$\xaa\nYYI\xa8\xb8\x9dK\x1e\x92\x9f\xa2\x06\x8f'</t>
  </si>
  <si>
    <t>b'\'\xdfT\xfd`\xf5"\x9em#\x1f&amp;Q\xd2\xb2\xa9\xb7.\x00\x1bo\xbb\xb0a#9mzG\x96\xc9k'</t>
  </si>
  <si>
    <t>b'f\xcb2&gt;\x99\x08\x00\xec\xe6\x8e\xb4\x06\x97\xf5t\x0b\x12 =\xe3m\x19\x87\x0c\xa0\xef@GK_\x92;'</t>
  </si>
  <si>
    <t>b'\xf5\xfe&gt;l}{:I\x1b\xd8i\xc0\xf9\x85\x7f_[\xecz\x9c\x1eEX\xdd\x84\x87v\xd84\xc8\x0f\xd7'</t>
  </si>
  <si>
    <t>b'\xfa\xc9\xd70\x16\x83\x10kK\xaa\xae\xd2\\\xaf\xe3c\xc6\x87_\x1e\x8c|j\xe8\x8c\x0b\r\x1c\xd3F\xbd*'</t>
  </si>
  <si>
    <t>b'&amp;\xdfSc\xc0:\xfd\xed\x0cc-\x95^\xe2\x86\xf1\xe2\xdb#[l\xcd\xbdb\xde0\xd4\xb5\x96b\x0c\xab'</t>
  </si>
  <si>
    <t>b'S$\xddu\xd4\xd0Rki\x03\x8a\xa7!9z\x80+[r~ t\xa1n\xe2\xdf\xaf\xb7[\xaa&lt;\x1a'</t>
  </si>
  <si>
    <t>b'\x97\xab\xb2\x8cR\xd3\xf5\x9b\x8c\xb8P\xd9\xfe\x0e\x9f\xb61\x10t\xec\xdd\xa2\x919\xa2\xde\xc2%\xe0\x88\x0c['</t>
  </si>
  <si>
    <t>b'\x83n\x04\xb4\x90dM\xc3\x0b\xa2A\xa1/}\xff\xa6\x0f\x97\xc3\xd1\xb2\xeao\xde\x89w\xc0\xab\xbb\xad4\x94'</t>
  </si>
  <si>
    <t>b'u%?9|\r`\xefw\x18\x0f\xc5\xbd\x82\xd5\xe3\xa2\xb1n\x83\xe5, J\xed\xa7\xf7\xc0\xbe2\xfbr'</t>
  </si>
  <si>
    <t>b'\xdc\x98\x1c\xaf\x02\xee\x8b3\xccm\xf9v\xe1(\\\xdek\xc7\x0c\x92\x19\xe9\xaa\xf2Q7\xe5\x8e\xb0!2\xa6'</t>
  </si>
  <si>
    <t>b'\xdb\x1d\xad\xbcD\x8c\xd0\xa3\xf4\xac;%\xb8TH\x88\xb3n&amp;P8\xc1Jb}\xfe\xa9\x9a\xe3\x97\xe7*'</t>
  </si>
  <si>
    <t>b'\xaa\xa7\xaf^=\x9c\xe3\x8cP\xea\x16\xd9f\xa6O\xc2\xd7c\xc7\xe7Ewb\x1f\x10\x88\xacs\xa4,@/'</t>
  </si>
  <si>
    <t>b'\xd2\x15f\x0f\xa4\xa5\x8cU\xe1$\x93kz]/!f\xd2\x95\x15\xae\x8b\xdb\xe0\xd8\x83\xc86\xef\x7f|\x99'</t>
  </si>
  <si>
    <t>b'\xd9I\xb7Z#\xabS\x93o\xe8\x9c\xf4F\x94\x13l\xc2\xfd\xf9\xe3\xf7|\x1f\x19\x89l/\xec\xfb\x9a.Q'</t>
  </si>
  <si>
    <t>b'y\xacf\xa9\x81P;\xe6\x9c\xc3D\x950}e\tgO\xc41^\xc6Up\xf7j\xc2B\xbcNi\x91'</t>
  </si>
  <si>
    <t>b'\xf3\xa4l\x8cX\xf7?]\xe3\xb9\x9e\xae3n\x8eM\xc7\xa9\x02\xe7\xb2\xb4S\xf4\xb9\xd4?\x9e\x19\x81e '</t>
  </si>
  <si>
    <t>b'\xc096\x8a\x92\xc8\x9a\xac\xf6i\xcb|\xc8V\xeaL}\xbe\xbf\xc8\xb2\xaa\xbd#\xac\t\x12}\xb7ExE'</t>
  </si>
  <si>
    <t>b'\xdc\xd9AJjo4v\xaa\x18?\xf0\x0b\xe5\xb5E_\xea\x98b\xaa\xc4\xed\xf17\xd3\xb9\xe9\x86\xd5\x01\xe8'</t>
  </si>
  <si>
    <t>b'~\xa0\xe1Q\xf6\xaa\xfd\xf4D\x02H\xaaX\xe1fd\xeb\xcdA\xaa1\xa6\xad\xd7\x9b(\xae\xa6\x13?j\xbd'</t>
  </si>
  <si>
    <t>b'2\x10\xec\x8e\xfc\xde\xe4&gt;A\xc7\x9aE\x91\x96H\x8c\xc6h\xa9&amp;\x89y\xa4 \x8f\xfaESx\xec\x97\xe0'</t>
  </si>
  <si>
    <t>b'\x8a\xf1\xa8\xe2\xb3\xbd\xba\xe9f\xb2_8\xa4G\x1e\t\x18\xc1\x9a\xe3\xe9!\x8e\xef\x11\x02\xc1\xed\x9e\xecp2'</t>
  </si>
  <si>
    <t>b"\xe9et!oERE\r\x82\x10\x01a\x1c'Y\x15\xeb\x0c$\x07\xc9i\xde2\x1b\xe3L\x16'.\xd4"</t>
  </si>
  <si>
    <t>b'7\xe8C\xaf\xf8\xa4\x10\xb5\xdf|\x99\x17CKp\x95\xa1\xd8\xf1\x08\xbf\xde\xb2uU\xdeu\x7f\x01BYa'</t>
  </si>
  <si>
    <t>b"\x8b;}')\xdf\xb3\xc7@m\xce'\xaads\xf0\xb8\x1c\xe6\x9d\xd9\xec\xaf+\xa0\xa8\x9c\x89s\x8d\xc8\xb7"</t>
  </si>
  <si>
    <t>b',m\x81\x8ep\xdf\x16\xb3h\xf1\x9am:\xd2\xc5Hd\xdai\x0e&gt;\xff\x1du`Ap\x16/U\r\xb5'</t>
  </si>
  <si>
    <t>b'\x0c\x8c\xbb\x12\xcax\x06E\x8eb\x95\x04\xe9\x93\n6Q\x95\xbc\xf7=/U\x1eJ\xba\x13\xa4l\x1b\x88\xeb'</t>
  </si>
  <si>
    <t>b'\xfc\x89~\xb3?\x12\xd6\xf9\xda}\t/C\x98G\xb1\xf9\x89\xb4\x84d\x10I6\x16\\mn#\xf5\x00\x82'</t>
  </si>
  <si>
    <t>b'\xc1R3\xea\x81)\x86:.\xb4A\xef\x16R\xcf\xbc\rw\x1a\x08\x16o\x9b\xcc\x9c\xde\xd3\xd06\xa8\x0f\xf3'</t>
  </si>
  <si>
    <t>b'\xdb\xdaW\xc0\x9b\xab\x96\xeb\xf0\xde\xb2\x92F\xf8\xd7Ri\r\x81:\x89\xfdB\xda\xc8\xdd9\xab\x01\x92\xad\x1e'</t>
  </si>
  <si>
    <t>b'\xad\x04\xc1\xc5t\x8e\x7f\xc2mc\xa5\xe9\xe3\x0e\x009\x15\xcbZep\xc3\xca\xc4\xe4;0\xa1\xd6\x86\xab\x98'</t>
  </si>
  <si>
    <t>b'\xa2\xfe\xabV\xf4\x10\xb6\xa6\xaa\x85O\xe5\x1c\x99\xb1#\nD\xf9I\xe7\xb5o\xfa\x1c\xb3#Q]\xa2\xd0`'</t>
  </si>
  <si>
    <t>b'(\xe24;\xd4\xc4\x13JF\xe3qw\xb5\xf8\x03\xaf[\x02\xe6\xed:\xe5X\x92\x06\x90\x1f,\x9b6P\xc7'</t>
  </si>
  <si>
    <t>b'\xcb&amp;\x04J\x8c\xaa\x83aP\xc4\xd2\x84\xb7\x0b\xe3\xeb\xc9\xc1\xe4\x92\xdfhi\xd4\x9fW\x08\xb8\xad:\x982'</t>
  </si>
  <si>
    <t>b'\x1b\xb9\xb9C\x8b\x06yU\xcb\x0f\xcazvR|\xf0th\xcfU\xe3V;i\xc5\xc4n-^!\x16\xd8'</t>
  </si>
  <si>
    <t>b'\x84\xf7\x90%%7\x0fG]\x0c\x05\xbf\xac\x96v\xe1TC\x84\x1b(0O\x11{\xe4\n\xba\xd8\xb2\xb9\x8b'</t>
  </si>
  <si>
    <t>b'-\xe4`\xab\xb5\x8c\xf8\xa9j\xd2\xf3\x84\x8d_\x8dIa\x8b\xc0g\xde\xfa\xdb\xb6\x00\x84\xe7\xff\x81\xa3\x00\xd3'</t>
  </si>
  <si>
    <t>b']\x0e)\xfdM\xd0m\xc6\x81\xb6\x05\xd2N\xeeR\xc9@\x94\x0c\xae\xd5}m.\x02\x00\xe4M,\x06\xb1\x10'</t>
  </si>
  <si>
    <t>b'\xc7\xd12\x8f\xf3\xfb*f"\'\x94\xf5\xe7\xc7\xb9\xab\xff\xd0\x86\xc4\xca\xd2\xc3\x95\n\x83\xf4\x1bh\x03\t]'</t>
  </si>
  <si>
    <t>b"G\x01K\x93\xca\xfdK\x12D\x19\\\xa6\xb2\x19g'\x12h;#|\xb4\xd2\xbb\x92\x7fd\x7fS\x04{X"</t>
  </si>
  <si>
    <t>b'\xd7\r\xd5\xd4\xa2f\xdby\x8aV/\x18\t1\x1fw\xdf5\xf4&amp;\xbf\r\xdc\xe7Z\xf6"\xf8:\xea\xc1\x00'</t>
  </si>
  <si>
    <t>b'\x02\x832y\x90\x8a\x9e\xd3\x90\xda\xb6w\xb2g\x16\xcby\xf8\x8f\xad\t?\xb6\x99F(l\n\xe8(\xb3\x02'</t>
  </si>
  <si>
    <t>b'\x07Ap\x91L!\t\r\xa2`\x90\x193\x90\x9cE9U$\xe4\x17\xff\xad3\xa1Z\x169]\xf9\xf1\x91'</t>
  </si>
  <si>
    <t>b'[\xb4\x94}:\x12\x03\xed\xf1\xeewz\x0b\x89%\x8f\xcc\x7f\xb8\x05\xb4\xdcf\xfbV{z\xd2h\x0e\xb8\xe7'</t>
  </si>
  <si>
    <t>b'B\x1dJ6a\x85(\xe1\x90\xd8\xdfti\x01\x18&gt;\x13\xe4$yvTCU\xfe\xef#\xe4\xeb\xfe\x03K'</t>
  </si>
  <si>
    <t>b'zs\\\xb4\xed\x8eL^\xe6\xd4\x0c\xa9\x97\xfdN\x8f\x1e\x8a\xa6\xc9\x1b\xfd~\xc4\xfff\x12\x90K\x982\xb5'</t>
  </si>
  <si>
    <t>b'\xfaZ\xe7\xa7M\x14\xf1\xae\xeb\x90\xca*D\xbb\xe0\xd3\x9c\x9f%5L\x16\xd6\x07&lt;\x0b\x17\x9d\x84\xb3\t\xf6'</t>
  </si>
  <si>
    <t>b'I\xcfqz-\x0b\xd5jd\xa7\x05W\x16\xdc\x85\x0e6\xecIa\xcbT\xc7\x12\xfc\x89N\xea\xc8\xe9d\xd9'</t>
  </si>
  <si>
    <t>b'\xf0\xd0\xb6\xc2"\xd8\xdc\x13+\x94\x19\x15\xc99\xb2\xfa\xec\t\x9f\xe0\x863\n\xa8A449\x8d\xb3\xb3\xbc'</t>
  </si>
  <si>
    <t>b'0\x9c\xf9\x06\xd5\xb4\xdc\t7*zf\xd3\xb8\xafqhT\xb6\xc1b*\x8f\x9c\xe0\xd3\xd6 \x17\x02\xb6\\'</t>
  </si>
  <si>
    <t>b'\x11\xa2\xe8\x85\x01Sv\xf1\xf9+3r\x8c\x1bT\x8d\xd1\xbaq\x1bxOF\xfdi1I\xffU\xf2J\x1b'</t>
  </si>
  <si>
    <t>b'\x17\xce\x97\x05\xf4\xdf\x8b\x02\x0f$\t,\xb5\xbc\xbaf\xa0l\x80\x0f\x94\xd9\xf9\x8d\x8f(\xe4\xd0:\xe8\x1e,'</t>
  </si>
  <si>
    <t>b'^\xf2\x1b\x9e\xcf\x00\xba\n\xdd\xfe\xb7\x9di\xa4)$\x9c\x1c\x07;\xedo\x92\x92,\r\x97\xa0\xd3\xee\x82S'</t>
  </si>
  <si>
    <t>b'Qe\xa0\xa6\xd1.\xc9\x88\xc8\xcb\xd5\xc3\xc2\xd6E\xf7\xe4\xa7\xae\xcah\x81\xa3!\xea\xac(\xe8\x98\xc3\xa8&amp;'</t>
  </si>
  <si>
    <t>b'\x03\xdcXa/\xf4O\xbf%u\xa0LG}*U\xf2\xc0a\x82\xb2Db\x0b\xf3L\x1e\xc2$\x18\x81\x93'</t>
  </si>
  <si>
    <t>b'\xe0\xe3\xae\x10T;&gt;\x8d\x82\xc8\xb2\x1b\xb4?\x1e4!\x01S\xee\xa0\x0e\xc5t"=\xf4l\xab\x16^\xa3'</t>
  </si>
  <si>
    <t>b'\xe6=\x05\x01\xec\x8b\xe0\xae\xeb7\xddvS\xf5\xb8_\x9b\xad\xd5\xd2\xda#\xe6,\x1bow\xc7\xe9\x0c\x19&lt;'</t>
  </si>
  <si>
    <t>b"'\xe1@\x91k\x9aGF\xfc\xb5^\xb7\xf6\xdb6\x07\x00=\xd9\xf1&amp;\x00R\xf4\xc9\x89'\n1\x9a\x08\xc6"</t>
  </si>
  <si>
    <t>b'\x11\xe1\x02$\x84\xae\xda\xae\r\x11x\x1a\xdb\xb1\xe1\xc2Y\xc5J\xae\x88\x19|\x9b5\x92"\x02\xe6\xf6#\xa7'</t>
  </si>
  <si>
    <t>b'\x13\xc8\xf9"na\xff\'!\xe0\x00\x84\xddz\xd6\xca\'_\xbc\xdf\xbd@\x11,Ua\xde@_\x8fL\xc7'</t>
  </si>
  <si>
    <t>b'\x85pE\x1f\xff\xf9\x97=uN\xda\xc5\xc6\x7fu\xa1\xb2\x01\x9f\xb0N\x94\x01\xcd\xc5G\x83\xf3\x8f\x9eN\xd9'</t>
  </si>
  <si>
    <t>b'\x07\x9d\xcd\x05LQ\n9]\xc8\x01\x05\xdc\xf0A\xf4 \x87\x03\xa4\xdb\xe0\n3A\x8a\xd0\x0c\xd9S\x89I'</t>
  </si>
  <si>
    <t>b'\xa4,&gt;nE)Y6\xd0;J\xdb\xa1\xde\x15\xeeV\x8b\xa0`\x8a\xf2-\x08\xd1\xf2\xa3\x9e!\x89f*'</t>
  </si>
  <si>
    <t>b'\xfdk{U\x05\x11\xc8\x8d]f\xbe\xa2\xd8\x1b\xa7\x8c\xb3\x1d1\x8f\xe7K\x05\x06\xdf6\x1b\x90\xfb\xc5\x7f\x0e'</t>
  </si>
  <si>
    <t>b'\xe2\xc3\xa9J9\x97\x87\xd9\xacI\x82\xb3\xb0\n\xdc\x9av\xd7\xb6g\xefX\xf4t\xbbI\xb5|\x98\x16\xbej'</t>
  </si>
  <si>
    <t>b'\xc3\x1c\xfa\x08\n\x16\xa0\xfc\x9e\x9eB\xcc\xbd\xfb\x8f\x80\x12$G\xdb\x9c\x81\x1a\xe2\x84\xf5\xb3\x93\xf8*`_'</t>
  </si>
  <si>
    <t>b'\xc9\x86:\xaf/\xa0-\x15gc(7\xfc\xc5vE\xdc$\xc5\xc0\xd8l\xbc\x00S\xa1\xbe&gt;\xb0o~\x0f'</t>
  </si>
  <si>
    <t>b'\x85lY\xa8w\x1f\x02\x03\xd8\x10\x82?\xcb\xae\xf7\xc3\x90:\xccQz\xa9p\\\xea1\x1ab\nN\xdd\x9e'</t>
  </si>
  <si>
    <t>b'\xdf\x96\xa1\x8a\xb6Z\xe0t\nT\xa2?\xa6(`v\x96\xd2\xa8Zy\x00\x0fT\x1a\xec\x81\x16\xeaE\x10\xc3'</t>
  </si>
  <si>
    <t>b'\xdd\xfaO\xa3\x96\x0f\xd4m\xad\xef\x9a\x819\x87\x06\xee\xfe\xc7j\xa5\x81\x83^l\x89\x91F\xf0\xce\xfd\x7fU'</t>
  </si>
  <si>
    <t>b"\xe8\xe0\xf0[\xd96\x84\x99\xf3\x89'\xc1p\x1a\x11@\xbeF\xda\xcf\x84\xc4W\xf6\xf9H\xdb\x16D\xf3\x12\xd0"</t>
  </si>
  <si>
    <t>b"o\x8c\x8d\xd4\x8e_\xad\x87\xbb\x8e\x18\xf3'~\xc0\x84\xef\xbfT6\xbd\x8atj\x8d\xb8\x7f\x0b\x01\x83\x81\xb9"</t>
  </si>
  <si>
    <t>b'XO\x8d\xb4Z\xdc\xf5}*\xb8\x1b\xe39\x8a\x19\xb4\xf6\xfb\xcej\xc8\xa52\xb3,\xbel\xd0V\x1b\xf0\x8c'</t>
  </si>
  <si>
    <t>b'\xc2/\xba\x91\xaa\xc1l\xf3I\x1f\xf0\x93\xde!\xc5\xa0\x97\xfe\xdf\x94\xdc\xda\x1e\xc8\xa2\x94|\xe4\x94\x1daK'</t>
  </si>
  <si>
    <t>b'\x0b\xef\xd9b\xf4\xa79\xfe  \x95\xfb\x0e\x7f\xad6\x043\r\xaa5[\xf2\xd7\xd97\xa2:\x8cdS"'</t>
  </si>
  <si>
    <t>b':\xe9\xfbJ-\xcb|gx&amp;\xe5\x07\x98\x8c?\xbf&gt;\x00{\xf3\xc0\x0b\xe4)R}\t\xde\x07\xb8S\xbf'</t>
  </si>
  <si>
    <t>b'F\x9fTp\xb4$`\xc4D\xb6k6\xb8\xf4\x8a:\x12e3L\x91`n\xe6\xe0\x05O\xb7/\xb2{\x9f'</t>
  </si>
  <si>
    <t>b'\xb19\xb6h\xe1\x80\x17P(\xd7f\xb9\xef\xd9\xb6j\xcbw\x07\x10\xcfpP\n\x89\x076\xeb\x158\x1em'</t>
  </si>
  <si>
    <t>b'\xe3TK\xd4\xd2\xdc\x05!\xd9\x14\xdc8gN\x00L1\x19\xcb\x1d=~\xab\xa2\x9e\x0b@\xbd\xdc-\x1d\xb3'</t>
  </si>
  <si>
    <t>b'\x11\xe0\xde\xd4\xb3Pu\x96\x08p\xf6=pY\x89\x16\xec\xe4\xe6\xe6\tE\xe8VJ\xc4\x1e$\x88\xbd\xf1\x01'</t>
  </si>
  <si>
    <t>b"\xbc\xab\x15\xd6\x07\x19\xa9\xb7\x04\xc5\xfc\xa6k\xd9&lt;qU\xc1\xda~'\t\xbf2B\x03g\x9e\xaf\xf7\x0b\xbf"</t>
  </si>
  <si>
    <t>b'\xc1\x08v\xab\xc5\xc5\xb6\xdaF\x14wbW\x07\\\xc8\xfa\x03\xb5Sx9\x1c\xe2f\x94x\xa2`\xd7\xe3\xfe'</t>
  </si>
  <si>
    <t>b'\xde\x82\xaa\x86X\xad\x88\xee\xf8\xa6\xaeN\x81\xca\x9c&lt;\xed\xda\x135\x16\n\xeb6r\x8b\xb0\xbe\xbc\x1a\xbd\x18'</t>
  </si>
  <si>
    <t>b'O"@\xd2\xcd\xf7\x0b|D\xa5$k\x9b\xcb\xa2\xe2b\xc6\xdc\xf8\xb4\xe4\xab\xc1\xf7\x00\xb0\xfax\xb3:\xd7'</t>
  </si>
  <si>
    <t>b"\x0c}\x94\x15\xad2d%Q`#\x1d&lt;\xd4~\xdf\xf5h\xa1\xaa'\xf2\x9a{\xac\xc2\xf1@\x0c\xf0\x03\xd7"</t>
  </si>
  <si>
    <t>b'^\xbdj\x98\xe0\xc1\x9b\xf8gC\xa1\xd4-\xb7\xdery6&amp;\xf5\xaa\xa0\xfd\xb62\x05\xae\xea\x87\xe4\x98\xc8'</t>
  </si>
  <si>
    <t>b'\xe2G\x8d\xc8Y\x88\x11\xee5\xc0XEJ\x9a\xae\x84\xff\xc2\xdd\xf5\rj,\xc6#\x0c\x99hw\xb4\x94\x80'</t>
  </si>
  <si>
    <t>b'w\x19U\xa2\xea\xa3\xe9\x1b\xbd\xff\x05\xc4AI\xc5q\xb1\x18\x99/\x7f\x95,\\\x9e\x00\x90\xf1\xb4\x9f\xae\xba'</t>
  </si>
  <si>
    <t>b'\xf8\xd9\xe7\xa4\x07l{6\xd70\xd3\x84\xbe\x8a\x0fi\x8dn3\x06\x99\xb6\xdb\x95\x9c\xb5\xf7\x8d\x04\x1c-R'</t>
  </si>
  <si>
    <t>b'-P\xffC\xf4\xf6\x1b\x1eU\xf5Q\xb2\x03\xe9\x18\xec\xf1E\xf6\x1a\x12\x8e[\x0f\xb2J\x8f.\xc2Ek\xee'</t>
  </si>
  <si>
    <t>b'*`i-\xf4l^+\x99Z\xd1\x16:]\x07lPn\xb2.\x16{\xbf\xeaj\x8e\x7fRC\x8dN\xe7'</t>
  </si>
  <si>
    <t>b'\xb8}\xdf\\\xd5\xc5z\xd0i\xfcV\xa4L\x92\xfb\x9b\xc2\x14\xe6i.\x1d\xaef\xa3{\xee\x89t\n\xfd\xea'</t>
  </si>
  <si>
    <t>b'\xc7\xb6G!\x8f\xf0\xaa\xff\xf8q\x87\xc4Qv\xdbT\xf9]\x03\xfa\x11\xad\xdd\xfa&lt;t\x92E\xb9\x03\x86\xdd'</t>
  </si>
  <si>
    <t>b'(\xaf\xc8\xabh\xdd\xa5\xe0\x04\xce\x0b8\xeb(\xa6_)\x8c\xbd&lt;\x1e\x80q\xe98\x80\xf9\xfc\xc4\xef\xe1v'</t>
  </si>
  <si>
    <t>b'\xca\x83\xfb\xd8\xbb\xf4J\x94r\xbb\xea\x9bF\xea\xca\x12g\x8e\x89\xefr\xcf\xec\xd1\x82\x0b\xc7\xb5\x06\xce\xb3&lt;'</t>
  </si>
  <si>
    <t>b'\xd8p\x9f\xb1\x1f\xf5\xfe\xa9\x91.KRVtU\xc0\xd6\xa4g\xc7\t\x85\xfdm\xf6\xa5\xeb_B\xfbP\xfd'</t>
  </si>
  <si>
    <t>b"\xbf\x8a\x1e'a\xa2q\xaf\xed\x07\xe4z\xb6n\x19\xba\x02\xb3\x83Z\xdf\x93\x7f%?\x84:\xd4\xc9\x15\x82&amp;"</t>
  </si>
  <si>
    <t>b'b1\xf1\xfa&amp;vmT\xeb8\xa5c\ttK\x1e\x98\x95+?\xd7\x1a\x9cq\xfd\x96\xb7\xb4\xbf7\xe6$'</t>
  </si>
  <si>
    <t>b'\xe0\xaa&gt;\xc3\x90\x89\xb6Xt\xb8,\xa0\xd3\t\xd5/\xd1t\x80\x03`;\xbc\xbcIZ\xd1\xfbc\x93e\xd3'</t>
  </si>
  <si>
    <t>b'\xd8\xa2\x00\xd4\xde\xb7=t\x18m\x97+\xee\xf9\x92\xf26\xf1\xd3\xea\xae[v\x8fo\x10\xa1\x90\xf5\xf2\xad,'</t>
  </si>
  <si>
    <t>b'iL\xdc\xa6\xbf\xb7\xd93\x10\xe1\x0f\xe6sZZ\x9cf\n\x01 \x84\x97\xab\xc0\x9c\xaf\x8e\x91g8\xc3\xe0'</t>
  </si>
  <si>
    <t>b'\x1b&gt;\x90K;\x9467\xe5\xf0\xf2\x05}c\xcb\xaa\xeb\xce\xb9\x86\xec\xf9?UW\xa0\xeeL\x8f\xd7\x90\xfc'</t>
  </si>
  <si>
    <t>b'5\xb4\xed\xe4\x8f\x11TE\x0fR\xa9g\xc0\xb3\xabm\xe9\x12\xaf\xde\xd7t\n\xa7\x87\xde\xc67?\n\xb8$'</t>
  </si>
  <si>
    <t>b'X\x95\x18x\xe5\x01\xb8\x96V\x90\xf0\xc5\xa9-Q3\x17Te\xb6\xc6\xac\xcf\xd0\x1c\xaf\x17m\xb4\xfd\x1b\\'</t>
  </si>
  <si>
    <t>b'\xfe\x83\xf3\x13kJ]2\x96@\x95\xe3\xf7}_|\x0b\x8f(\x12x\x00\xa3\xfb\t\xd2`\xc1L\xbd\xd5\xa5'</t>
  </si>
  <si>
    <t>b'O\x11\xbe\xa6\xb5w\xc5 \xcb\xda\xdc\x9cF\x8a\x81\x11\x13pH\xd8\xf88\xd3\xf9Z?\x99\x19\xb6\xb9\x83\xb8'</t>
  </si>
  <si>
    <t>b'\xf4\xe4\t\x0b\x98V\xb6\xb8fO\x99x\xb7\x838\xc8\\\x8d_@%\xde\x9f\x0f\x9f#\xc5\xad\xd5\xc4[\x99'</t>
  </si>
  <si>
    <t>b"\xb1m\xc6\x8d\xe1\x88JPR\xd3\xa9\xc7\xcd\xb7\xb7\xe0\xaa\x9b\xec\xeft\xc7x\x19'\xcft\x1dS\x951."</t>
  </si>
  <si>
    <t>b'Y\xcb[\xdd\xde\xcd\xd4\xfe[\x13\x03\xde\xd6\x97\xcaS\x8b{\xa7\xa9\x821C\xd1\xf3\x95\xe7\xc4N\x11\x01Z'</t>
  </si>
  <si>
    <t>b'o\x19\x06(\xbdK\xe2\x18b\x17Ch\xc7v\x86\xa0\x97\xb7@\x0b\xfbN\x8c\xdd\x94%\x9f\x01.\xc7\xf7o'</t>
  </si>
  <si>
    <t>b'\xe6\xd2\x82\xa5\xeboa\x14\xce\xb1\x1f\x1f\xf2c\xa6\x05\xd6u\x05s\x96\xa1\xaf\x0c\xfcQ\x85J\x020p\x8e'</t>
  </si>
  <si>
    <t>b'\x8c\xa3\x85ui\x98\xb6\xd0+X\x18\x89\x81S\x95l\xbf\x9dZ\xc7aZ\xfa\xa3\x02\x05 %\x85\xd2\xa0\xa8'</t>
  </si>
  <si>
    <t>b'\x1a=A{\xdb\xbf\xa7@\xdeZ\xf4\xff\x92\x07\xd8\ni\xb9\xa35/\r\xcaBP\xbcuR\xef&gt;!\xd3'</t>
  </si>
  <si>
    <t>b'C\xb8\xb7j\xb7\xa4\xaf\xa3\x04\xd0/\x078\xfd!F\x9a\x81\x9c\xa7\x00\xf7\x91\xb9Pw\xae\xc1\xe6\xfb=\xee'</t>
  </si>
  <si>
    <t>b"\t\x98[\xa7(\xca\xe5'A\xefp&gt;\xddB\x1d\xc1'\x8c\xc0&gt;\x1c\xb3R\x04\xf4f\xf3\xfc\x86\xde\xa4\xdd"</t>
  </si>
  <si>
    <t>b'J\x19Z\xa1\xbb\xa3\x03n\xd1A\x84\xc6\x9b\xa7\xa2x\x9c.\x12\x90d=\x8e\x89\xf5\xceo\x85\xf2;\xb58'</t>
  </si>
  <si>
    <t>b'\x99n\x0e\x03|Ss\x8b\xfbV\x88\xac\xe7\xa9\x9d\t/,\xf3\xfd\xe9\xdf\x99\xe9t \xe4\x9a(\xc2\xa4:'</t>
  </si>
  <si>
    <t>b'z\xebk8\xe8d\xb7* HD\x1a\x89Uo\xca1\x03N\xf1\x1b?B\xd5\xcc\xc4\x11\x1b\xa5\xc1\xf4?'</t>
  </si>
  <si>
    <t>b'U\xbb\xe6+l\xae\xbf\xd3\xae\xeby\xf7\x822\xf2\x01\x90\x1d\xdb)\xfa\xbe\xaa\x1e\x9c\xae\x90\x96\xd2&lt;\xeft'</t>
  </si>
  <si>
    <t>b'b.\xdd\xee\xa3\xc3\xcbY\x9a\xf60\x8e\xedc\x08\xf7\xa4\xab-\x17\x8a\x0f:\xe0\x95\xc5I\xd1\xb2\xacd\xef'</t>
  </si>
  <si>
    <t>b'\x02\xe7\xc9${z\xb39wc\xd5\r\x84\x01\xdfk\xbbp\r-s\xf8\xb7\xe0$\xa7\xa0\xbf8\xc2\x0e\x1a'</t>
  </si>
  <si>
    <t>b'\xa6\xb3Q\xf6S\xaf\x98\x0e\x18\x8b\xac\x89\x96\xee\xb2\x02\x97CC3\x94\x11\x15m\x01\x9eAGAy\xfbv'</t>
  </si>
  <si>
    <t>b'\x14J\xfd\xd5\x14\x82\xcd\xba\x82\xe6\xea\x14\xdc\xde\xf9\xa5\xb1\xc4\xe2\xb0\xa8\xd2\xf2\xbb\xf36\xcb\n\xfc\xaa\xd4O'</t>
  </si>
  <si>
    <t>b'\xe83$\xf7\x17\x0ch\x9b\xba!\xe6\xfb\x00\x04\x83\x18M\xc9\xbcY\x10\xdf|X#\x00\xd8\xa9\x94\x9e\xb0\xb5'</t>
  </si>
  <si>
    <t>b'\xd37D\x80\x8e\x94\xf7\x0bX\xf6\x8aSDf\x9a\xc7\x19W\xa7X\x8d\xe0[\xf2\x83V\xe9m\xd9\x00\xcfj'</t>
  </si>
  <si>
    <t>b'\xe2\xb2\x8fO\xaaP\xa1\xdc\xd5y\x17]\xbc\xf4}s\xed\xe5\xcf\xa0\x12\xdb\xa7\xfe\xbf\x0fB\x02)\x94\xb8['</t>
  </si>
  <si>
    <t>b'\xca\xf4\xaa\x0bA\x89\x8dC\xe7\x03l\r\xe4\x82\xdfUy\x9dCs\x98\xc2m\x08\x9d\x0fW\xf1\x06Ov\r'</t>
  </si>
  <si>
    <t>b'R\x85Q\x9e\xc4/S\xd0\xba{&lt;\xa65\x8a"9\xdbh\x12\x1d\x90\x11\rM\xf6\xf1\x0c\x9e\xf6\x83\x94 '</t>
  </si>
  <si>
    <t>b'\xb2\x08\x84k0\xa3\x044~\xf9\xe4\xb4\xd3d\xdb\x013\xf3\x88\xd5\xc6\x14\x87\x12\xaf\x98)\xc1\x890\x952'</t>
  </si>
  <si>
    <t>b'\x04a\xdb\xd9\x13\xaf\x84\x87(\xfe/\xdf95\xa3\x0fb0\x07m\x86g\x9f&amp;\xd1\xc5\n\x89,[\xf6*'</t>
  </si>
  <si>
    <t>b'\xa2[\x17;@\x03\x89\xa5\x14D\x98O`\x89\x98{\x038\xdcH\xe1Y\nwW\xc9H3"A\xac\x96'</t>
  </si>
  <si>
    <t>b'b\x13+z\xa6k\xcf\x98\xd6\x8bUC=\x90\xdfj\x7fL\xa0\xa0\xa6\xcf~\xc3qF\x8a\x91\xb8\xf5\xce\x19'</t>
  </si>
  <si>
    <t>b'\x98Fz\x9aK\x9eW\tr\x87\xa8\xcd\xe8\xa3\xad0\xf2\x95\xb6T\xb0\x10RD\xef\x17UH\x80\x17\xf0\xeb'</t>
  </si>
  <si>
    <t>b'9\x0e\x92\xae\xa2\xf6\xce\xdd\x14\x9bQ\x06\x19\x96\xcc4s\x7f\x07\x8fz\x1a\xb8Z\x06|"\xe9\x8e\xbc\xbc\x19'</t>
  </si>
  <si>
    <t>b"tb\xfe\x0e'\xea\xa9\xa5\x8a\xe6n\x9dg\t\xdajY\x7f\xb3\nS\xd9\xe1+\x93\xbe\rO\xafH\x95\xf5"</t>
  </si>
  <si>
    <t>b'\xc8{\xef\x96T@\xc1$s\x06*b@\t\xa1.\x07\x0b\xa9\x8c\xea\xf7\xd0\x19l\x17\xfd\x1e\xee\x97!\x81'</t>
  </si>
  <si>
    <t>b'9\x18xJD\xe9\x1c\xbe8#e\x8b\xc0h\xdd\xb6\xc0\xdb\xe7\xbc\xdeRk\xd4\x1e\xa9w\x12\xf7n\x89\xac'</t>
  </si>
  <si>
    <t>b'\xdd\xcc\xa1\xebdx|7\xd1\x06\xf8k$U\t \x16\xb1\x1ex\t\xf0\x15\x8b\\L\x12\xe5\x85\xc9\x1d0'</t>
  </si>
  <si>
    <t>b'&lt;#\x9b\xde\x81h\x1dV\xae\x86\x9d\x88~L\x0cg\xd6+"\xaa\xef~{\x11!`6\xee\x9f\x93\xd8m'</t>
  </si>
  <si>
    <t>b'\xd9c8\x14\x91\xc2,\xd4m0\xc3\x9b\x90\x82\x9a\x8e\xb1\x10\xa5\x0f\x91om\x1d\x12\x97\xd3\x14\x81\xde\x13Q'</t>
  </si>
  <si>
    <t>b'\xad\xcdyx\xc6\x97\xd2;\x87Ml\xb6\xc2\x1aE1.#\x1f\xba\xa8H`\x04\xfdrBYg\xf8"T'</t>
  </si>
  <si>
    <t>b'\x1c\x85\xee\x95\x11\xde\x8e@\x9a\x0fh\xf7\xd2\xcfS\x0e\x86w3Y\x80\xad(``\x9d\xc5\xf1\x10?&amp;\xe1'</t>
  </si>
  <si>
    <t>b'\xcey\xe5"\x9f\x82\x98\xe9t\xd4Nv^k\x97x\x07\xf5\xcf9\x16\xf0\x8d\x88\x87A\x88\xc3P(D\x19'</t>
  </si>
  <si>
    <t>b'ZC\x10]`\x8b\x9bFX\xd8\x05m~\xc6:v\xd6b\xfd\xde8\xd6\xeb\xbbyX6\xd5\x8d5G\xd5'</t>
  </si>
  <si>
    <t>b'b\x91\xb1%f\xfa\xe2\xb4\xd9L\x98\xb1\x92\x18!\xf3\xa0\xf9\x1a\t\tY\x02\xd5\x9b,A-/\xc8\x98U'</t>
  </si>
  <si>
    <t>b'\r+\xfd[v\xd9\xcdCpN\xaaAP\x0c\xac6\xa8\xa65\xee\xa0%\xae\xb8\xb0M\xde"~\xe4\xf9\x02'</t>
  </si>
  <si>
    <t>b'\xa4\xd2Z\xe31\xc8\x1f\x89\xf4*\x0f\xa0&lt;\x8e\xfaQ9\xf8\x86\x1c\xa2\x90\x00\xd0d\x98\x7f\x11\x96\xf7\xc81'</t>
  </si>
  <si>
    <t>b'\xe6\x93-%\x93\x87\xfd\xd8\xef0\xdd`\xc4\xd4[\xcb\x98\x965\xb6\xe7\xfa.\xc7\xf4LJJ\x99\x9b\x94\x16'</t>
  </si>
  <si>
    <t>b"\xca\xdc\xf4\x13|0@\x10z:x\x83\xab\xd0zV\xb3'\xb5l\x00qR\xae\xbd\\\xc7\xbc9\xca\xc9\x14"</t>
  </si>
  <si>
    <t>b'\x0b\x1e\x96\xfdP\x8b\x14[\xde\xda6O9\xc3\xd4\x90\r\xdf\xdf\xa1\x82((\xa3\x0c\x1c\xdc\x82`c\xa0\xef'</t>
  </si>
  <si>
    <t>b'\xac\xa7a\xf8UJ\x855\x1b\xad\x94,\x14\xb9\xaczuC\xa8\xdc\x88\x9an\xfe\xec\xaak\xab@t\xe8\xfe'</t>
  </si>
  <si>
    <t>b'\x9b`\xa7\xe7\x0e\xcf\xeeD\xb5U\x1bi\x9f\xc2e\x18f\xb4&amp;o\x94\xfe\xf9\xdfi\x0c\x9e\x06\x97L#F'</t>
  </si>
  <si>
    <t>b'G8p\xf6\xd9\xd4\x1eEKmJ\xefg\xcd\xa5 \xd0\xab\xa4 \x0b:?_{\xc9A\xe9\x05\x0bL\r'</t>
  </si>
  <si>
    <t>b'\xf5\x12\xe8\xc5\xb9\x1b\x03@k9\xfc\x8cwL\xb6\xc0\xa1\xad\x94\x12\xad\xfe\xfd\x01\xd6\xeb\t\xd7\x8d=\x92\xb2'</t>
  </si>
  <si>
    <t>b'F\x08\xcf\xb3\x1e\x01i\x19\t\x07\xb4v!\xee\x8f~\x10\xb2Y\x83\xb8\xcb\x813\xb1L\x08hG\x91\xde\x82'</t>
  </si>
  <si>
    <t>b'\x1a\x99Z 4\x12\x97\x07\x14\x19\x1dwx|\x9f\x16!\xc6\xd1n\xc4\x9dJl\x82\n\xdeJt\xdc\x04W'</t>
  </si>
  <si>
    <t>b'}\x83\x9c6n\xbb\xcas\x85\xb3a\xe20%\xb0\xfb3\xe8\xf8\xc9i\xb39\x02\xe4\x03w\x7f\x14\xf3\x97\x90'</t>
  </si>
  <si>
    <t>b'\x9e\x91\xf2A\xa8\\Z\xef8q\xe4\x82?J\x0f\xac\xef\xd6\xaf\x9cL\xf8jr\t\xa7Tr\xa0`\xd6\xc5'</t>
  </si>
  <si>
    <t>b'|\x7fR\x1e\x0fP\x1e\x1cg\xbd\xed\xe9\xdd&gt;\x14~\xc4\xe20v{\xe3\xc90_\xcf\xa1\x8c\x1c\xe0\xa4\xe8'</t>
  </si>
  <si>
    <t>b'p*\xbd\xcfq4\xb7(\xb4|\xb3EKvUYO\xb3$\x16\xa24\x84\xf2\xe4\xf0\x11\xaf\xb3\x83\xcdQ'</t>
  </si>
  <si>
    <t>b'\xfb\x180cFG\xddR\xd7\x98\xdb\xfe\xce\xe7\x85}\x07\xaf^\x90\xad\xe2P\xdeO\xb2Z{\x07\xf2_\xe9'</t>
  </si>
  <si>
    <t>b'\xba\xa5\xa1\x05\xe0[/\x00\xee\xac\xbb\xe8{\xfc\xca\x9cl\t\\&amp;EYWO\x80\x98_\xe0L\x19 \xdc'</t>
  </si>
  <si>
    <t>b'Ox\xbf\x8b:\x17*\x9a?\xe8T\x9c\xd5\xf4#\x91(\xa6\x7f\xd4\xdfA\xdan\x9e\x99\xe4cV\x8b\x1c\x03'</t>
  </si>
  <si>
    <t>b"\xa7\xbbX\xc7\x7f\xd6&gt;\x98\x0c\xe1\x8aj\xdf\x9e7\x7f\xb0za \xc6\x0b'x\xa2\xd9\x84F9&lt;\xd8\xaf"</t>
  </si>
  <si>
    <t>b'o\x13W\xc0\xf8\x1b\xab3\x0b\xdb1\xb0\x87iEPo\x02\xf6\xdb\x19\xe4_\xbb:\x13;(;\x88C\x10'</t>
  </si>
  <si>
    <t>b'\xe1S\'\xf3A\xa4\xa73\xd1\xb4"\x13\x15V\xce-\xf4\x85\xcd\xdfl\xf7\x18\xbd\xb7\x9d\x0c\x0fI\x9f\x98Z'</t>
  </si>
  <si>
    <t>b"\xf4'\xf3\x87\x00\x82H\xa6n\xf0n\xa9\xedE\xed\xe5\xd8\xf7\xc0\x9e\x16\xfc\x13\xeb\xe1Tr\x971\xd8sS"</t>
  </si>
  <si>
    <t>b"g\xd6\xe5\xe7\xb2PTK]\xde,\xa44\xf4\xf3g\x06T\xbc\xd5&lt;'F\x018\x00\xc1\x8el\x8c\x91`"</t>
  </si>
  <si>
    <t>b'#\x0e\xc4B\x97/\xa7\x1a\xe2\xec_\xf7\xb0x&gt;\x02\xc4\xfb}5*\xce4\xbc}\xf8\xc6\xc4+\xac\xf5-'</t>
  </si>
  <si>
    <t>b'\xc4A\x0b\nN\xab\x9c\xa0\x05\xcfHt\x08\xc5H&lt;A-&lt;\x94xqm&amp;{}\x8d\x81A7\xab\x8d'</t>
  </si>
  <si>
    <t>b'qa\xecNS\xce\x025q\xda\xd9\xb7\xe3\x94\xf9*^\xf4\xec\xcd[\xa0\x87\xff\xf6:O\x99\xb4k\x86\xe2'</t>
  </si>
  <si>
    <t>b"YFt\xc3\n\xf0N\xe0\xb5F\xec*'\xa7\xc2&lt;\xda\x826s\x8a3\xfd\xfb\xe8\xb6\x96vWt\xd6\xdb"</t>
  </si>
  <si>
    <t>b'@\xc9m\n\xc3\xfc|\x15\x07l\x8c[s\xe1\xecg5\xec\x8f\x03&gt;\x01\xdfG\xdf\xda\xd9\xabTR\xf1-'</t>
  </si>
  <si>
    <t>b'.\x02\xa3\x07\xd1\xc0\xad=?B\xd7\xc3\xf8]\xd7]\x98e\x11\xff\xa0J@\x8dF#\x91\x0b\xe2\x18\xa2\xec'</t>
  </si>
  <si>
    <t>b'!_\xc6\'\xac\xeb\x1d\x054\x85\xc7\x053y\x87[K\x9a"Q\xe5A\xfd\x0fYs\x1aZ\x0ev\x86O'</t>
  </si>
  <si>
    <t>b'\xff\x87N0InP\x8a\x13\xcaA\xa1\x0cJ\xc2\x84L+\x0cvT\x8b\xcb\xf2+\x8fYH\xb9\x90\xd3\xe2'</t>
  </si>
  <si>
    <t>b'oJ\xa0u\n\xd1~\xb2\\\xfd\x81\xcb#\xe7\xb8O\x9az\xd4\x91!W\xdc.\xf0%\xa5F(\x8e\xbe\x10'</t>
  </si>
  <si>
    <t>b'xJ\x825\x05#\xb8\xea\xcd\x05`us2Q\xbc\xc7J;@"\xc3z\x14\xfb41\x9b\x94pB('</t>
  </si>
  <si>
    <t>b'\xae)\x95SO(\xdf\xda\xd3\xe2\x98\x16/\x90\xc4\xfc\xb5\xb6\xc4F\x0cZ\x06\xddNv24\xa6v\x1f\xfa'</t>
  </si>
  <si>
    <t>b'\x07)\xa7\x05\xf2=T&lt;n\xc9zq:#\xc1\xef\xc9\x19\xea\xff\xe1\xec\x03bq\xf6\xfc{\xb4\xec\xcf\xec'</t>
  </si>
  <si>
    <t>b'\x89\xfb\xb5\xf1\xb3~\x19\xf8S\x08\xf90\xaa\xb5\xd9\x05Tf\x14\xd0y\x94:\t\x17/q\x81_\xc0g\n'</t>
  </si>
  <si>
    <t>b'\xda&gt;\n5\xca]\xa4\xfb\x08\xaa\x1f&amp;e\x15\xa4\xa0\x92\x0f\x95()\x0e4mwC\xdb\xc1\xd6}Aj'</t>
  </si>
  <si>
    <t>b'\xc4@\x8b\xd17*\x0cNJR\x9ch\xfbtg\xc2\xe9M\xa7\x84\xbf\x18\xb3\xa9\x02\xce\x98\x93o-sg'</t>
  </si>
  <si>
    <t>b'a\xea//\xc6in\x99&gt;\xfb\xa8\xa6\xac\x99+i%"l\x1d\xcf\xf6\xe5\x13W\xa0\xcbu\x1flp.'</t>
  </si>
  <si>
    <t>b'l\xb8\x03\x81\xc7tB\xd6\xc2\xd8\xf3\xec\x06\xa32\xaa\xf5\xa1z{v\xcd\x0c\xb4\xfbG\xbb\xd2\xf5tb\xac'</t>
  </si>
  <si>
    <t>b'\xf8"m%\x8eo\xa8\x07\x85\xf9\x0c5\xc3\xa9\xfc\x946\'G\x8c7d\xdd\x91\x94~\xaf\x99\x07\x8f\r\xf5'</t>
  </si>
  <si>
    <t>b'\x1b%\xbe\x8b\xcf\xcf\xb3\xce\xa1\xb0$\xe3\xc8j\x08{\xb3\xe3\xd9\xb8B\xe7%\xa8\x82\xa5\x93\x15e\x9b\x9cy'</t>
  </si>
  <si>
    <t>b'\x8d#f3V=\xa0y,k\x04\x84Y4\xe5\x1a\xf0PcN\xe2\x1e\x91\x04I\xf4mko\x88\x1b\xc2'</t>
  </si>
  <si>
    <t>b'\xd1\x8d=\xfed\x9f{\x0e\xcb\x89\x8f\xd4\x19\x86\xd5\xaa\xfd\xe7\xb0\xce\x90\x17\xe3\xbaT\xf1\xf1\xc5\xb1\xc1\xbb\xdc'</t>
  </si>
  <si>
    <t>b'C\x11\xaa\x9at\xb0\xae\xcd\x8c\xb7\x1e\xff\xb3H\xceW\xa3V\x1f\x9c\xeaj\xa2^\x881c\x95\xdc\xe5m+'</t>
  </si>
  <si>
    <t>b'\x00 V\xca^\xf1\xaa,\xe3t\xa9J9\xaa\x86de\xe5CO\xf5\xfd\xc6R\x0c\xce\xe0\xf2\xf4eF\x9c'</t>
  </si>
  <si>
    <t>b'\x04\x9e\xfe\x06\x87\xc2\xf3&amp;\x0e +y\x88a\x97\xa2-\xa0:\tC\x86\xa8\xbe\xd2\xaa?\xf3\x15\xf5-\x92'</t>
  </si>
  <si>
    <t>b'\xd9\xb0*Q\x91g\xcd\xed\xb3\x0cO\x96\x19D%\xf7\xe5\xb7\xc5\x17\xa7\xa7\xff#\x9d8\\\xb5\xa0q]^'</t>
  </si>
  <si>
    <t>b'\xc7\xf3G\xb8S\xff\x96\xe0\xe4\n\xed\xccQ:\x93\xb9\x85\xba\xaf\xcf\x01\xa3\xe0q\x9e\xf5\x9a\x8a\x0fQK['</t>
  </si>
  <si>
    <t>b'\xdbu,D\x12\xc5&gt;\xdd\x9aW\xa3T\xaf\xb8\xf0~k\x97I\xd2\x9d\xfe\xd5\x8b\xe3I\xeb0w\x82h2'</t>
  </si>
  <si>
    <t>b'\x9an\xe6X/\xe4H\x0b\xeb\xbcq"\xf4\xb2\x9a\xc8\x14&amp;\x01\xddN\xc4\x81\xd4P\xa3\xde\xa5\xb0\x17\xe8\x8b'</t>
  </si>
  <si>
    <t>b'\xc4\xac\xbd\xe5\xa9t\xb0\xefY\xe9zK\xfe\x8a\xd8tq8q"\xba1\x0c(\x8b&gt;rz\xf1\x89Z\x04'</t>
  </si>
  <si>
    <t>b'\x15{D\xa6&lt;\xf3Y=Re%\x9a\xf3\xc5\xc9D\x03\xe3\x18\xece\xcc\xa5\x1d\xa8\x1f\x93lz\xefg?'</t>
  </si>
  <si>
    <t>b'\xcc\x99\x1e\xb7\xcco}K\xc1V\xef\xe9\xee\x11*\xc9M\xc9=ab\xbe\xd2\xe5\xeef\xb9\xd3\xe59\x1b4'</t>
  </si>
  <si>
    <t>b'\x8e\xad\xb6\xb2qi\xf4\x1a84\x93&lt;\xe3\xf7\xd4\x11m\xe2\xc5\xfbV\xd0\xbc\x19J;5\x0eV\xb96\x11'</t>
  </si>
  <si>
    <t>b'\x93^\x94\xc3\x885\xf9\xd1\x9fZ\xb4\x10\x815\xb3f\xd5\xf3\xda\xe4\xfdp\\\xc6\t\xec\xcd\xe0\x8e\x1cs\x14'</t>
  </si>
  <si>
    <t>b'\xf44\xf3\x1c\x87t_\xafs\xb0\x90\xb3\x84&gt;\xd6\x8c\xaf\xbc\\\x89\xab\x06yzX\xad}\x88\xda\x10\x94\x88'</t>
  </si>
  <si>
    <t>b'\x1a&amp;HkU!\xa8&gt;\xd5dV&amp;\xe43\x050\xb0w4j\x17n\xbe\xb1\xefy$m\x0e\x9b_\xff'</t>
  </si>
  <si>
    <t>b'C\xa5\xac\xca\n\x81\xb8%nM\xb2\x86a\x1f\x1a\xbe\x81\xa5$\xbb\xe0&gt;t\x8cU;\x86d\xbd~\xc6\x92'</t>
  </si>
  <si>
    <t>b'B\xd0\xf5\xac\xafx\xed\xb92\x08\x88P=\xfda\t\xba\x90\x055rQ\xf2.\xfdTS\xf4\x8e\xd6\x1c\x07'</t>
  </si>
  <si>
    <t>b'\x1e/E\x19\xffR8lX\x17\x80P\xa7\xa8\xdd\xc5\xc8|)\x17\xa9\xa1\xb8-!\x96H\x8a\xcei\xa4i'</t>
  </si>
  <si>
    <t>b"@\xad\xc2\xe4)U\xfb\xcc2\xd3B\x9c\xd9\x9d`+\x08S\xbc%\xfc\xcc\x1f\x1b\x15_g?\xbd'\xb5\xac"</t>
  </si>
  <si>
    <t>b' ZUE\xb3\xb3\x13\x08\x16f\t\xaa\xdd\xf0\x05mB\xd2\x0f\x03./\x8d\x94E\x1d\x90\xaf\xb6\x83\x05\xd6'</t>
  </si>
  <si>
    <t>b'\xcb%\xe0F\x1f\xb4P\xa4_t~\x04\xc5\xe8\xed\x00\x81\x1c/(\x85\xc55#\xde\x8d\xff\x97}\xa6\xces'</t>
  </si>
  <si>
    <t>b']=(9*\x17\x0e\x08\xf7\x16\xfc\x91\xa4\x97\xb1\xe2\xd8\xa4G\x991\xe1\x7f\x05\xd5\xa7:\xfe\xc8+\xb01'</t>
  </si>
  <si>
    <t>b'.\xbe\x90&amp;\xa0\xdb\xd5)Y\xc2\x97+hU;\xdf\xdd\xe6\xaa\xcfW\xf7\xc6\xf1e\xb1\xdb\x07l\xc3\x91\xc2'</t>
  </si>
  <si>
    <t>b'\x86\xd0\xe4\xceGG\n6^/o\x88\x87\xf2P\x89\xc2\xf5/\x88z(br\x8b\xf1\x88&amp;{\x9c\xb5o'</t>
  </si>
  <si>
    <t>b'\xaeE\xce\xb0\xdeC`\xa0\xd63V.h\xb33\x90\xe6U\xbe\xb3J\x07\xac\x89\xe6QCF\xbb\x03\x83\x96'</t>
  </si>
  <si>
    <t>b'\xeb\xd5&gt;~\xb8\xd1Y\xb4\xdf\xf6_\x1fk\xd7(F\xfb\xb1\xf5\x04\x0cm\xab\xdbd\xf9\xc5\x80\x86\xcc\xa1\x0e'</t>
  </si>
  <si>
    <t>b'\xca\x9durS\x9c\xe0\xa7&amp;\xf5\xfa/\xb2\xd6\xd5\xd4\x00\xcf\xdd&amp;\xd0l\x93\x96u\xff\x03\x1b\xe9\x91"\xeb'</t>
  </si>
  <si>
    <t>b'\xc9\xc0\x0bTC&gt;\x0c7\xe3\xb2\xf5YQ\xc7\xc56\x9fl\x188\t\xc6\x97\x99V&lt;\xa0\x870y\x1bi'</t>
  </si>
  <si>
    <t>b'%\x86Q\x9e\x03\x8930\n\xaa\xd8_J\x89\x1aE\xad:\x1b\x89\x93\xb3[W\x8a?\x8d\xce\x9f,\r~'</t>
  </si>
  <si>
    <t>b'\xa4\x8a#l\xdf\x82D\xcf\xb0&amp;\x0b:\xd6\xf0B\xca\x12\xe6\xee+\xf8]f\xe4x\x94g\x02/o\xdd\x12'</t>
  </si>
  <si>
    <t>b'\xb9\xeb\xddn\xa5\x1e.#L\xb0r\x06\xc6p]\x90\x12\xc1\x18\xbf\xce\x07\xdf}\x91\xe2\x90\x015U\xd2\xe7'</t>
  </si>
  <si>
    <t>b'\xbc\xc88\x84\xebq:\xd5h\xe3\xf4\xa4yz\xbb\x02e\x08\x1f\xe5\xbc\x98\xdfx\xd5c\x14\x18!\xe7\xe0\xa3'</t>
  </si>
  <si>
    <t>b'9\xd0\x9c\xce\xa4\xa0\xbd\xce\x90\n\xc7d\xfc\x9c`\x19\xa1\xe6\x0er\xbe\x10\xbe,&lt;\xc0\r8~\xa9\xfd\x8d'</t>
  </si>
  <si>
    <t>b"\xb8\xd2~Gc\x8aMJ\xd3\x11\xabz'Hk=\x0f\xbcu\x85\x08\x9dEnEk\x9cj\xad\xe1b\xe6"</t>
  </si>
  <si>
    <t>b'\xeckZ\x1b$&lt;\xbf\xba\xe1\xe7\xf8\xbd\xa9B\xcb1\xe8p\xae\x03\x03Mv\xa9\x10\x82R\xb4hYRV'</t>
  </si>
  <si>
    <t>b'Px\t\x15\xb4O\x1109\xcar\xc0O\x1f.\x0cb\xc0\x0c{\xde&gt;7+\xed\xbc\xa2K&gt;E(\xc4'</t>
  </si>
  <si>
    <t>b'\xd9A\xce\x1c\xe4\xe5\x96\xa4e\xaf\xba\xda\xe0\x16\xe9\x8d\x87\x0bAu/\xbc\x00\xbf\x8b8\xcd\xd5+\xb8\x0e\x9f'</t>
  </si>
  <si>
    <t>b"\xaa\x81T?\x89\x8c\xf0v\xe0\xe4\xc8'\xbb\xbb\\(E\x99\xb2\x8b\x87\x08\xdf18\xab\xec .\x07^\x01"</t>
  </si>
  <si>
    <t>b'\x8b\xdc\\\xce\xc8\x1a\x14m\xcd\xbd\x1fo0l\x81\x8e\x11\xd36\x12(\xfc\xb9+?\x00\xaa\x8c\t\xa7=\xe9'</t>
  </si>
  <si>
    <t>b'Od\xe0\xeb=\xe7\xcb\xce\xb8\xe1\x07Rfu\xd3\xdf\xbf\xfa\xca~\xa1\xeeCT\x9d\x06\xfbl\xdbF\xcf\x9b'</t>
  </si>
  <si>
    <t>b'Y&lt;\x87?\xa7\xb5\x0f\x11\xae\x04\xebj\x8au\xdd)\xac\x9f\xca@\x17\xbc\x89\xd0`\xcb5\x92\xb7\xd09('</t>
  </si>
  <si>
    <t>b'\x9c\xf9\xe4\x14\xe1\x16s\x13t\x83\x92\x13\xeb3\x81e\xb2\x84\xc8sl\x0b)\x1c\x82\xdc\x8fw\x98\x1e\x07\xbc'</t>
  </si>
  <si>
    <t>b"\xe3\xc3\xa4O\xd4;'\xf9\x98o/\xbf\xa77\ts\xe8\xac\xcd\xc8\t\x1a\xd8}\xb36\xbf\xb3Bo\xae\xca"</t>
  </si>
  <si>
    <t>b'm\x87\xc9U\xb8\xf6\xa0\xa3Q\xa7\x7f\x9e\x97\x10!\xd5\xa6"\xce\x86\xb6qM\xc3\xfc\xea\x1e8\xabXLg'</t>
  </si>
  <si>
    <t>b"r\xd9`\x008'],\x87\xb7f\xaf\xdfe\xb8\x06hb\x9f,5\x1f\xac\xe7GQ\xbf\xca\x02\x80Yg"</t>
  </si>
  <si>
    <t>b"A\x10\x19\xcb\xe8&gt;a\x95K\x0b\xd4\xf49!\xf9\xb1\xd4B^'d\x83\xf1\xd7\xb3BZ\x19\x87\x0c\xd6\x95"</t>
  </si>
  <si>
    <t>b'\xed\x87\xae\\%~\x84`,\xff\xe0^#\x12\x18\x87\x8b\x9d|\xea\xa0\xa0\xb0F&lt;\x11\x98\xf2tZ\x8a\x82'</t>
  </si>
  <si>
    <t>b'\x1c\x15\x97&gt;\xf6\xcf\xe7PPkZ  g\x850\xe9c\xeb\xb3\x83\x06go&amp;\x02U\xc1\xc6H\xcf\x7f'</t>
  </si>
  <si>
    <t>b"\x81\xfa+^\x9a\xde\xea&amp;\x05\xb0\tu\x9c\x7f2?_\x92\x00*\xe3\xda\xe7\xd9W\x86'a2.Cx"</t>
  </si>
  <si>
    <t>b'f\x05\x0cU\xb7\xc2\x03\x1f\x9b\x82r\x1c\xf9\xcd\x182Q\xc3\x93?f\xdf\xbb\xd4\xcb\xb3\xe1l\x84o\x8f\t'</t>
  </si>
  <si>
    <t>b'V-\tw\x81)\x1a\xae\x10\x8dL\xc4\xcbF\xad\x08\xcf\xa0\xe84%\x97c\x1at@\xd5PX\xbf.\x80'</t>
  </si>
  <si>
    <t>b',DI\x97TQ\x7f\xc7\xb2{\x90\x91#p\x87q\xa9\x93\x86\xc2\xad\x8ea\x93\xcf\xe5\xe6\xa0\xb4\xc4Es'</t>
  </si>
  <si>
    <t>b"\x86\x1a\xc7{\xf5\x11W\x98\x1b\xef6\xcc\xcf\x9b\x9dA&lt;6\xe53\x1b\x94\xba\xf7$\xd2\xe2\x9au'&amp;3"</t>
  </si>
  <si>
    <t>b'~}\x9d&gt;&gt;)\xcd@\xc2\xc1\x11\xb3\xe6\xab\x12r\x7f\xa2\xb8\xe7\xf3]\xe9a\xd8Q=\xe2\x82\xf3 \n'</t>
  </si>
  <si>
    <t>b'L\xfbS\xa7\x1a\xdc\x8a\x19\xc5B\x86[ \x16\xf9\xfb\xde\xcb\xa2\x1c-\xebx?\\\x8a\xc3\xf3\xa8_\x1f\xad'</t>
  </si>
  <si>
    <t>b'\xb7\x80\x91\xc2R~YVw:\x89\x9f\xbdX\xf0=B\xd6\xd0\xf0\x19\xb2_\x19$E\n\xa9k-\xbe\x92'</t>
  </si>
  <si>
    <t>b'_\xa9\x04?\xe8x\xf1\x06\xcb\xb1\x08\x88\xda\x147\xa0\xc9\xcf\xb5."Br\x15\xc4cmz7b\x85\x06'</t>
  </si>
  <si>
    <t>b'\xc3\xce\xd5a\xe6\xd8\xd2a\xa8\x8b\xa1Q\xb3*Z\x94\xf5\xa6+\x9e\x04&gt;\xc6\xaeOpm\xd6\xabP\x92\xca'</t>
  </si>
  <si>
    <t>b'\x83\x14\xcf\xa1YthQ\xedaB\xe9\xa9c\x0e\x02\xffeX\xea\xef*\xeb\xec\x84$\x92\xf8\x94\xa6\xca\xb7'</t>
  </si>
  <si>
    <t>b'\xee\xab\x11\xc8A\xce\xa5\x1bIE(#\xf2#\xcb\x89\xfe5\xaa\x94\xfc\xa5\x11\xd5[\xd7\xa7\xd7\x8c\xcfuk'</t>
  </si>
  <si>
    <t>b'\xc6\xee\xd1PUF\x00B\xf0\xb7\t.}\xa2\xae\x03\x1b\xe5t{\xe7\xbeW\xb1\x83\xa1\xd4\xc8.?L\xac'</t>
  </si>
  <si>
    <t>b'\xe6\x9c\xdd!n$\x93\x91\xbbSs\x87\xad_h\xed\xb2\x11\x00D\x90\xf8\x94\xbd)\xa8w\x88\xc1\x82\xfc\x8a'</t>
  </si>
  <si>
    <t>b'=\xc6\x1c\xcc\xebcC\x9e\x84\x94}HG\xf0\x8b\x9fH\x8d\xc3m&lt;\x90\xc4\xd8\xa2n\xb0\xf7\xc5\xd3\xf1\xfc'</t>
  </si>
  <si>
    <t>b'\xbc\\9\xa5\xf9\xab9{I\xbeg+\x12\x18\x9fh\x86\xcb\xac\x05\xfaT\x08\x1b\x94\xa8$\x0b\xb7\x1f\xd5\xb5'</t>
  </si>
  <si>
    <t>b'\xc1\x07\x8d\xb5k.Cj\xf0\xeb\xa1\xeb\xdcG\x96\xe65\xe5\xa7\xf8\xe0\x93(l\x87\x06\x96\xbb\x06y\x98&gt;'</t>
  </si>
  <si>
    <t>b'D\x1d\xf7\xd4\xc6\xb1\x8d\xe3\x92\xa1\x184ib\xf9RJ\x8c\x1a\xe6\xbc\x1e\x89\xb9\xe7\xb9{\x1e\xd1\x19@\xb2'</t>
  </si>
  <si>
    <t>b'\xcd\xea\xedEc\x15\xd2.\x94\xe5U\xfbI\xf8\x13\x8dx\x9e\xf1w:\x90\xd1\x17\x8d\xc3\xed\xcd3A\x9ds'</t>
  </si>
  <si>
    <t>b'\x92\x12\x08\xce\xb4\xe0\xb5\x8c\x8a[\xb3\rL(\xe7\x02\x9a\x9f\xf92\xb6z\xf2\x08\xd5\xc6\xc2\xa3\x86#\x02\xca'</t>
  </si>
  <si>
    <t>b'&amp;n[I\xbe\x0b\xd0z}9l\xfc\xea\x96\x04\x80Uf\xad@\xcb\xa1\xba4\xb8\xbd\xc2m,\\\xe0\xe3'</t>
  </si>
  <si>
    <t>b'h\xd7\x0bB\x126\xff\x82t\xdf\x1f\x8b6)JS~\x90]NS\xf6Q\x14\x13\x0e\x8d\xf5`\xbao&gt;'</t>
  </si>
  <si>
    <t>b'\x7f\xb9\x1f\x0c:\xb5\x9d\xf2m8\x91M^\xa2\x81b\xd3\\\x93V\xf8\xaf\xa8\xecS\xc8[\xa9\x19\xef\x06\xea'</t>
  </si>
  <si>
    <t>b'\xda\xa8\x0cj\x87&lt;\x92F\xde\x9e6\xf3\xa1a\xe3r\x18\x06\xe6\x8cp\xc6\xa0\xb93\xdaQYj\xdcd\xc0'</t>
  </si>
  <si>
    <t>b'\xa0a\xdcB?\xa6\x1a\xb79\xaf\x9f\x18\x12\xd7na\xcft\x9e(\xc1\xc2\x80d+\x04`D\xa6E\xda\xaf'</t>
  </si>
  <si>
    <t>b'\xd6_\xf4\x96\xeb\xb2\xa6\xff\xc6\x00\xc5\xe8A\xb6s\x82\x1a\x8d\xd2\xf5\x97=\xf8\x92u\xce\x1f^-\x87g\xae'</t>
  </si>
  <si>
    <t>b'~^\xf4r\xa0\xeep="f\xd0z\xbf\xd4@\xb7\\\x9f\xf1\x9d%\xf8&lt;J\x9e\x90\x1e\xd8?\x92\xbf/'</t>
  </si>
  <si>
    <t>b'e\x80Z7ePt\x05\x998\xadk\x1c\xb4\xae\xc6\x9b\xbd\x0bO\t\xc6\xaf\xd1\x94\xa7\xdd\xfe0\x94\xd3\xce'</t>
  </si>
  <si>
    <t>b'\xd7#l\xc8\xf5\xad\xe9S\xbd\x86\x9c\x14y\xfe5\xc5c\xc6\xabz\x90`Ty0F\x7f\xa1\x11\xe4\x91i'</t>
  </si>
  <si>
    <t>b'h\x8eA\xd8\t\x00\xd6\x8a\xec\xdd \x0cCM\xf3\xb1\xed]\x18\xa8.\xbe%\x04\x8e\xe486\xc4\x93T\xe0'</t>
  </si>
  <si>
    <t>b'T\xb2\xd5\xa6\x02%*Nz)\xf6\x95\xa6K\x8e\x12\xb9lP\xcb\x92l\xf8\x13\xf1\xdb\xbb\xb5\xad\xb2\xb2\xc8'</t>
  </si>
  <si>
    <t>b'l}\x04\xab?\xafp\xe3\x99\x91\x84\xaa+\x9d\x86$\xb5\x9f\x05\xfb\rR\xba6\x9c\x085\xad\xd5W_\x8a'</t>
  </si>
  <si>
    <t>b'\xf4\x8d\x87\xe0\xd3i\xf8%\xe8L\xaa\xbfZSn\x83\xdft\xe6\xd7\xaf\xfcm\x05\xc8j\xb6\x95I%[\x9e'</t>
  </si>
  <si>
    <t>b'\xf4\xcfMP\x19\xc0O*\xa7$\x86\xae\xce\x00\x93\x95&gt;\x04D\xef\xd9\x0bo\xeb\xec\xcch\x08\x8e\xe6\x89\x90'</t>
  </si>
  <si>
    <t>b'\xc7\xfbG\xa4\xca\x02\xc2\xa5\xdakv\xd9\xe38-C\x8dCg\x17\x8d\xf3\x89\x15\xec\xdaSV\x8dh\x84\xda'</t>
  </si>
  <si>
    <t>b'?\xee-O-\xd6\x97\xb2\xdf\x06\x0b\x86\xaa\xb5\x00\xa6ONp\xe8M\x9dH,\xd4\x05D(\xc7\x95\xd1\xbe'</t>
  </si>
  <si>
    <t>b'\x14C\xb45\x00\x80B\xf2L\xf0=z\xba&gt;r\xf4\x0c\xf3\xe8\xa3\xab\x91+%\xd53\x06\xfe\x17\x7f\xed\xd2'</t>
  </si>
  <si>
    <t>b'\xab\xfeE\xf3\xe3\xb5\xc9\x8d0\xc3{cs:?c\xa9\xee)\xcb\xb7\x1e\x9dm&gt;\x83=\xea\xf9\xc5\xf7\xf0'</t>
  </si>
  <si>
    <t>b'.\xc8\xa8\x97\x1e\x15\x8a\xb5\xd0\xee\xe3Z\x9a\x93#\xffmi\xd4\x0eX\xdd\x9f\xee\xa3G]\xe7\x1d\x9d\xa4&gt;'</t>
  </si>
  <si>
    <t>b'\x83Ba\xaa\xc4\xf7\x0e]\xe5\xdc;K\xdcV,\x8e\x88w:\x0c\xc0\xea\xa4\xf4\xfd0\xc7S\xbb\xb26\x1e'</t>
  </si>
  <si>
    <t>b'\x01\x1b\xfcli\x19q\x97\x1f`\xf2\xd6T\xe4\xee\xc5f\xd2j\x19\x9bk\r\xa7\xda\xe3k\x14\xa0\x9d\x11\x07'</t>
  </si>
  <si>
    <t>b'\x93\xaa:\x9b\xb6\xd3\x13:\xd7\xb2M\x10c\x07\x84\x0b\xfa|)\x05+i\xd5\x7f/\x8a\x17\xf4A\xe4\xa7\x91'</t>
  </si>
  <si>
    <t>b'\xd2\xe2/\xe2{Z\xad\xa8\xd8c8\xb9\xc4I\x08F\n]9/Q\xe0\x91\x9eC\\\xe7\xa0\xb2\xe0\x9b$'</t>
  </si>
  <si>
    <t>b'c\x0fzr}D\xfa\xf5F\xae\xaa\x14\xaa\x13\xd5\x97\x15\xa8\xf4x\xd1\x19T{Y0\xee\x05@F\xbbj'</t>
  </si>
  <si>
    <t>b"SN\t\xd26w'z\xc4\x13\xb6\x16\x8b\x89\xb2\x856\xf1-(N\x82d\x94m\xaa\x1a\xf3\xfd\xf51\\"</t>
  </si>
  <si>
    <t>b'\xb8l\xc9\x86.\xfbq/\x7f\xdb\xfc\xa6F\x1b\x05\xedF0\xfd\x13\xac\xea\x1f;\xac\xf8\xdfr\x9d\x8c\x9f\x0b'</t>
  </si>
  <si>
    <t>b'Z8\x134\xe4r\x85\x10\x1d\x19\xf9@}\xf0B\x83\xeaZ\x81\xc3\x1e(\xb2}y\xb7\xe3j\xfc\xc4\x0fl'</t>
  </si>
  <si>
    <t>b'`lX\xfb"\x98N\x12\x90o\x00"^\x9e\xad:\x99\xe4!\x9a\xfdt\x88\\\xe5\xac\x04\x99\xa1qxI'</t>
  </si>
  <si>
    <t>b'\xd6\xf41Pl\x05\xbe\xce\x9eX\xe0\x9a\x08\xf9\x05\xa3&lt;\x83\xd5"\x94\x89\xa7\xe3e\x12\x9dPT1\xe3W'</t>
  </si>
  <si>
    <t>b"y\xb7\x85\xea_\xf4\x90\x97\xfb\xb1\xc4\xada\n\xb3\xe7\xe8\xa9\xfd\xf2n\xbe\xb3'\x07\x1b:\x0f\xfc\x83\x83\xc8"</t>
  </si>
  <si>
    <t>b'\xe9[\t\xd5s\x980\xc0\xa6\t\x191y\xb4\x0b7,\x90\x1c\xec\xach\xb6\xe4\xfd\xb6\x9e\x13\x0e&lt;\xe1\xf4'</t>
  </si>
  <si>
    <t>b'7,\xe9\xe1\xc7\x1c\xcbU\x0f7m\xe1\xd0\xb1\x90S\\\t-\x00IS\x82\x84\xfd\xd1\x97\x95\x1eeRx'</t>
  </si>
  <si>
    <t>b'x\x8eC\xa0\xf5\xc5\xa4\x93o\x83\x80\xb0O\xaa\x10\xe8\x7fSG\xd3\xab\xab\x7f\x01b-...Z\x1b\xa2'</t>
  </si>
  <si>
    <t>b'\xb5\xcd\xach\x90\xcfi\x9e\xe6\x92\x07\xa6\xed\x01\x0e\xac4\x12t0\xa7u`W\x1d5NS\xe8\xf5\xf5G'</t>
  </si>
  <si>
    <t>b'\xb0 \xe2\x18h\xf1$\xd0I\n\xbcekE\xceC\xb6\xb65A\xfc\x96\xaaL\xf4\x08d\x1a\x85MuG'</t>
  </si>
  <si>
    <t>b'\xe1/\xd6\xb8\x0e\x15\xb2\xb4\x88\x14\xb6s\x83\xf0a\xbaZ\x04\xbb/\xcd\xd0o\t%\x0f_\xf4$:\xe1+'</t>
  </si>
  <si>
    <t>b'\xf5J\xd5S\xcd\t\x02-\xac\xa4&gt;9\xe3\xa9\xf9\x11?\xce\x18\x81 \x96z\xd0\xf9\xb4\xdf\x98\x8d\x93m\xec'</t>
  </si>
  <si>
    <t>b'\xd1;?\xabk\x01\xcaM$\xdaJ\x7fM\x82\xb8lr\x06\xb0\xeb{\xff\xd8u/1\x88\xa2\x8f\xa8$\xf5'</t>
  </si>
  <si>
    <t>b'\x1b\xd1T\xcc\xdf\x88\x88\xb6)\xe1\xdaV_\x0c\xc4\x8aY\xac\xc8\xb3\xff`Pv\xc2A\xbb\xaaN\xfap\x93'</t>
  </si>
  <si>
    <t>b',W+\xb6\x95\xa1\x9f\xb1\xe36\x8e\xe6x\xa4L\xdcM\x8cI\x10\xddh{Lr}\xa7\xc6\x8d\x15\xc6\x96'</t>
  </si>
  <si>
    <t>b'X\xabF(\xe58Y19\x95\xadN\x15F\x8d%\x98"\xa2_H\x03\xa1\xb4$\x13\xbd\x1di9\x8a9'</t>
  </si>
  <si>
    <t>b'\x9e\x16b\x8cC@W\x1a\xa9\x88jt\x81C\x1b\xc6\t\xb6\x9b\xa6\xfe\xa9\x96\x87H-a\xd5\xf8\xee\x9d\x80'</t>
  </si>
  <si>
    <t>b'\x90u\x13dBh\xac\x9bo^\x04\x16\xba\xe8_\x8ej%O\xf6\x1b\x19B\x0c\x1fvm/\xfd2\xe6\x9c'</t>
  </si>
  <si>
    <t>b'\x91\xd9"\xea\xc1\xfb}k\xc0\xf9\x84\xa2h\x9e\xa3N\xfb\xe9p\x8fl$\xdf\x01\xfd}\xf6\x87\xfe\x01"C'</t>
  </si>
  <si>
    <t>b'\x0b\xb3\xe7\xdf\xf1\'fC,\xcd\xa2:,\xf1&gt;&amp;"j~6+\x82}\x9c\xe0\x8f\x13\x01X`\xdb\x85'</t>
  </si>
  <si>
    <t>b'\x9f\x9d\xce\xf9v\xc2+,\xec\x1c\xdfu@^\xfd\x7f&amp;\x81\xa5$wi\x12k\xd0\xb7\x904\xe4\x92\x12\xed'</t>
  </si>
  <si>
    <t>b'\x05\xed3\xa9\xb8\x92\x08\xaap\x182,\xeawZ@\x92\xb7\xdc\xa8\x86\xd0:\xbc\x83\xde\xa6\x1ai\xb9\x90\x08'</t>
  </si>
  <si>
    <t>b'\xec1#}\xde\xf8.kT$\xa3\xca\xed\xec\xfc\x88&lt;\x86\xca\xff0m\xd7{nl&lt;\xe9}\xca\xba\x97'</t>
  </si>
  <si>
    <t>b'\xae\x9d\x084\x8e\xa4,\xac8Y\x1e{\xc6\xb6\xd0\xc0\x00\xc0\x03A$\xfe\xcf\x13\xba\xdaYB\x1d\xa5\t\x86'</t>
  </si>
  <si>
    <t>b'\x90\x8bW&amp;\xd8\xae\xc1a\xcaM\xe6\r\xd9\x14\x9c\x98\x86A\x05\xf1\xfe\x98\xd8\xfe-L\xc2Y\x92\xdd\xf5|'</t>
  </si>
  <si>
    <t>b') \x85\xe2\xb2#Hd\xef\x9f$y\xbc\x91Hs\xbf\x0b0H\xc8J\x1a^\xe3P\xaca-tRL'</t>
  </si>
  <si>
    <t>b'Mo\xd8\xf8\t\x8d\xba\x0b\xc1i!\xab\x91K\x12\xe0\x8eT\xb9\xa5\xd5``e\x00\x88\x01\xcaa_%Z'</t>
  </si>
  <si>
    <t>b'i\x1b\xfb\xff\x08j!\t\x99\x16j\xca\x8a\x08\xc3\xf7\x84\xe7\xa7\xd0\xc0\x03\xf9\x7f\x8e\x8b\x0c\x83K\x0bgL'</t>
  </si>
  <si>
    <t>b'.g6]\xd4g\xa7\xd1\x80\xed\xdd&gt;&amp;\xdd\xb5\xa4\x00_m\xb7\xc5mk&gt;\x0c-n5\x93\xd9\xd9\xb4'</t>
  </si>
  <si>
    <t>b"\x13F%p'f#*w\x02\xc7\xb2\x06\xfbW\xb4\xab\x90\x19\x90P\x8b\x96\xd5q'\xef$\xf4\xba\xe2\xd6"</t>
  </si>
  <si>
    <t>b'\x8b7\x0f\xaa\xf5\x9e\x0f_S\xccp\xb3#\xf8"1x\xcdM\xb1\xeaP,;\x18\xdf!|\x03v\xd3\xe3'</t>
  </si>
  <si>
    <t>b'\x16b\x018\xa9x\x1a\xba\x0e\xf8\x9a\x86^ *\xcb\\\xed\x12p\x05\xa4\xa0\xcc\xf0\xbd\xf9\xfc4x/s'</t>
  </si>
  <si>
    <t>b'\xc5\xa6jSV]\xf4\xb0f\xbc\xb4\xe3j\xd6zk\xdd\xd9$z\xb6\x04\xd6V\xed\x90z\x08\xbf\x8f\xd4\x18'</t>
  </si>
  <si>
    <t>b'q\x8c\xaeV;\xc5\'\xcc[zn\xd5c\xa3\x8b{\xbb\x9f"I[\x19\xcd)\xcbe2s\xf4\x000y'</t>
  </si>
  <si>
    <t>b'\x19\xa0\xf9\\\xd3\xf0,v\xa8\xcc^U\x16\xd8\x97x\xe9l\x1fQ\xbe&gt;B\xff\xb0JC\xd8\xe6\xabv\\'</t>
  </si>
  <si>
    <t>b'&gt;\xd0\x1d\xab|\xecb0wc\x1bB\xcfX6v\xba\x8f\xd6\x83J%\xaf\xcd\xb7\xc6\x1a\x1c\x97\x8e\xf4B'</t>
  </si>
  <si>
    <t>b'8\xcdm\xa5\x96v=9O\xf3b\xaf\xdd\x94\xe9M\r\x88`q\xc7\xd9\\~2\x8b(\xb6\t4ZM'</t>
  </si>
  <si>
    <t>b'\xaaY\xb43\x13\x92\x0c\xbd\x95\xa6\x12]P\xac\xfc=D\xcb}w9\x1d\xf4}u\x15L\t\x1f\x87\x02J'</t>
  </si>
  <si>
    <t>b'O\xd6fK\xa6\'"\xfc\x82\xab\x0f\xb5\xd4c\xfd \xb2++\x00\xe5&gt;Y_\xec\xe2\x04{\xbc\xe7 &amp;'</t>
  </si>
  <si>
    <t>b'\xb9\xfa\xe1\xf5G&gt;R\x8avF\x80\xd2\xa5\xaa]\x92\x1b\xe9+\xd2T\xad8zT\x1e\xafu]\xdd\x92\xc2'</t>
  </si>
  <si>
    <t>b'\x02\x8e\r\x16\xcd\xd0\xe9\xcf\x96p\x08\x90\xcfs0\xa7M\xaf\xf3\xb9x~"m\xfc\x08\x1c\xb7/\xaa\xfe\xde'</t>
  </si>
  <si>
    <t>b'P\xb2\xbc\xe9\x1bM\xd7:j\xb1@7\x19\xb8x*\x9b\x87\xcdU\xd3\x0c\xf5T\x7f\x0b\xc1\xbd\x95\xabC\xf2'</t>
  </si>
  <si>
    <t>b'\xc9\x93\x19\xe0{\x1fw\x9e\xa4Jg\xa5\xe7\x1b\xc22z4\xbe\xda\xeb\x98\xcep\xf7E)@\xd0J~?'</t>
  </si>
  <si>
    <t>b'\xcf\x05T\xaf\xb00h\xb4xN&lt;\xf9+-\x1d2E\xb7\xdb\x02~\xa7\x11\xa8a7\x80\xf4\xf2\xea\xe6\xd9'</t>
  </si>
  <si>
    <t>b'\xc3\x0f\x1b7xI\xd0l\x98\xd2\xe0\x82\xf1\x83w(ot\xf5v\x84\x0b\x80\xd2\xed,\\\xb8\xc8^\xc6G'</t>
  </si>
  <si>
    <t>b'e`\x02\xe3{/\x888\xde\x9a#l\x94\xc9\xc3\xfb\x97$\x03\xf5\xc52\xa1vg\xbf"\x8a{\x80\x90g'</t>
  </si>
  <si>
    <t>b'j\xe2\xc6R5,\xae\xc3\xf2\x1e\xa8\x88\xa4\xff\x18\xe1*D\xf9I\xa9t\x96L?0P9\xcby\x92B'</t>
  </si>
  <si>
    <t>b'%)\x81\x9f\xedvYG3\xa5J-\xad\x1b0+\xdeFt!k\xf6\xcbk\x9c\x05\xc3\x90j\xf1\xa9\xd7'</t>
  </si>
  <si>
    <t>b'\xda\x13\x84\x80\x95\t\t\xb4\xad]@U\x8f\x84&amp;\xfc;\xb150Sd\xd4\xb1\xf4sic\xdc\xa5RW'</t>
  </si>
  <si>
    <t>b'\xa8\x14\x9f\xb7-\x95\x80\xa9R{DD/\xdcY\xb7g\xec\x80(m\xc6\x1e\x8cn\xf0\xd5k\xea\x9c\x1eI'</t>
  </si>
  <si>
    <t>b'J6\xa8\xba\xf6\x05\xaa\xe8\xb9\xad\xc8k\xb4\x8e-\x16\xc9\xcb\xac\xcf\xda\xd6%Z\xc2\xfco,DT\xa08'</t>
  </si>
  <si>
    <t>b'1u\xbb\xee#|P*y\xf0\xe4s\x8c*Z\xb7\xdd\xf7\x03\x8f\xdcr8\xbb\xd703\x8d\xd7t\xfd&gt;'</t>
  </si>
  <si>
    <t>b"\x15\xb7#\x0b6O\xbc'\xa0\x84/\xf5@\x11{Z\xa0\xacs[0@\xf5\xf1s\x12\x07\xb0\xe5\x9d\x1b\xa0"</t>
  </si>
  <si>
    <t>b'/\x85\xf0\xbe\x13xR!\xcc\xdd\xa7Ha\xbb\xfe\x15d\x0e\x90f\x15\x87\xda\x03\x93\xe7\x0b\x0crg(/'</t>
  </si>
  <si>
    <t>b'\x19a\x07`l7_\xc2\x18/\x1d\xdc\x90\x0c\x18X\xa8f\x12&gt;\xfb\xa1\x89\xc2\xf2\x1a\xebO=f\xdd\xfe'</t>
  </si>
  <si>
    <t>b"\x89X\xb0\xbb~\x1fwzS\xf9E\xb4o\xa0'\xa4\x83;\x82)\xd7\xde\xbe\xb1\xfcv9\xd2\x1b\xc9i\xe4"</t>
  </si>
  <si>
    <t>b'\xef\xba\xf1c-g&lt;S\xa9\xe3qI6\xfd\xfe\xa5P\xad\xd5\xc6\xe8.\xa6\x1a\xa7\xba\xe9\xca\xb5r\xb4\xa1'</t>
  </si>
  <si>
    <t>b'W$4Yc\tl\xbcY\x16\xf0&gt;v:"%u\xcf\xf6Jn\xfd\xc7\xfe\x1b\x176\xf2\xca\xb7\xc0\x9b'</t>
  </si>
  <si>
    <t>b'lIx\xf2\xcaU?.\xca\x9d\x05\x89\x0c\xfa\x84\xa4\xef\x1eZ\x97\xa4\xf3\xdc\xb6\x1d3}C\xaf\x173\xf2'</t>
  </si>
  <si>
    <t>b'\xd7\xa4\x05h\x1d\xb6\xd8:\x83\x9e\x07\xd9\x14\xf0\xea\xc1\tv\x80R\x08i\xc4j\xe9`\x81t\xec\xf7\xf1\x04'</t>
  </si>
  <si>
    <t>b')*\x1c\x08\xf3_OTx\xb3\xabdL(\xf7&gt;\xa9\xda\x0e\xe8\x8b\x1eHu\x81\xc9N\x82u;\x95\xd3'</t>
  </si>
  <si>
    <t>b'4\xc4\x85q\xc0+;\x86\x080\xf7\x1c\xfd\xbax.&lt;\x8c\r\xef\x16\x1db\xa8\xb3\x866A\xe7O\x1fd'</t>
  </si>
  <si>
    <t>b'\xd1\xc1e[\x96\xc0\x84\x13a|\x05f\x1a\xad\xc5&lt;\x8eZG5\x1d\xf0Zgzpr\x05\xe3\x1f`6'</t>
  </si>
  <si>
    <t>b'\xf0\xfa4\x1a\xb3\xe0\xbfY\xfd\xb3aH\xfbP?\x9c\xa3X\xa1Z\xaf\xee\xae3\xbc\x8d0\xeeo\xaa\xa0\xf1'</t>
  </si>
  <si>
    <t>b'\xf1"\xf7w\xfd.\x8f_k\xfac\xf5]\x8c\xbd{\xc1\xe7\xa5P\xb9\xb5\xc0[\x0b\x18\x8e\xeft\xado\xd9'</t>
  </si>
  <si>
    <t>b'\xe7\x83\x86\xda\xe7\xd5\x80\x84\xfbL\x1dt\n\x88g\xca\xd3\x82\xc9(\xe7T~\xac\x8f\xbe\n\x19\n\xe9{+'</t>
  </si>
  <si>
    <t>b'\xb0K\x98M\xba\x1c\x0ei\xeb\x85{\x97\xdfE,\xc0G\x06\x86\x1b\x01\xc8\x02\x86\xbf\xc6\xb4]^r\xa1,'</t>
  </si>
  <si>
    <t>b'\xd4\xf0\xa4\xd1\x12\xd4\xaf;&gt;k\x13\xb1\x80M\xcc\xfb\x96\xdatS\xfa\x1et\xb3\xd6\xf5u\x97Js\xfc\x96'</t>
  </si>
  <si>
    <t>b'\xf2\xbfz\x12\xdd3P\x11\xec\x1d\x81j_\xb0\xdb\xaf8\x89u\xa4O\xf0\x0c!\xf5x\x8b\x19\x03(\x8a\xae'</t>
  </si>
  <si>
    <t>b'#\xff\xf5)\x9e\xecA\x17\xa5\xea^\x11O\x8c\xb9\xa1\x9f\xac"\x9e\xa9{\x92`\x9f\xa6\xc9u\x81\x91\x02\xe0'</t>
  </si>
  <si>
    <t>b'\xc1\x8ekW^\x8aJDGs+r\xa9\xd7S\n\xec+\xda\xb5\xf1\x04\xe2?w\x9dz\x1e\xf4\xd7p\xf1'</t>
  </si>
  <si>
    <t>b'\x89t\x00\x07~\xe0\x08:\x95\x10_\xa4&gt;\xb9\x8b\x0b\xdb\xb7\x85A~\xdf\xe7\x0e\xea\xf2\x02h6\x1c\x00\xce'</t>
  </si>
  <si>
    <t>b'\x92ir\xf0\x8c\\\x19\xe0\xca\x84\x10@\x7f\x1b\xf2\x81\xa1K%\x9d[^\x9e\x89\x8d\xc6\xde\xb4\xf6\xbeBD'</t>
  </si>
  <si>
    <t>b"\x05{\xfc\x00\xce\x1c\xe8#\xb2\x1a\x143\x9f\x9e\x9eJ\xb9%(\x1a\x81Q\x0e\x1b/\xad\xef\xf66\xff\x07'"</t>
  </si>
  <si>
    <t>b'\xd6\xf1\xe2\xf2\t\xff\xdf\xae\xc3\x86\xca\xee\x7f3\x92\xd7}\x0c@\xd4w\x9e\x93r\xcb5\x08\xeb\n\x02\xea\xdf'</t>
  </si>
  <si>
    <t>b'\xca(\x1do!\xef\xe2\xba\xe8\xe5\x1e\x15\x1f\xd4+.T\x9d\x8b_r\xcc-\xa9\x95\xef\x02\x0f\x1a+\xf28'</t>
  </si>
  <si>
    <t>b'\xc9\xd9\xd5\xd8\xc2p"\xf1\xf9\xc9QD\xd7y\x9d\xd4\x8dU\xfb\x05%\xe5\x97\xf3\xec\xbe+n\xde\xb4\xe2\xcc'</t>
  </si>
  <si>
    <t>b"\xfc\x0f2\xaa\xb3\xa7\xd5U\xddV'&amp;\xc7\x12\xfa&lt;^o\xf5\xa3\xd9Qn\xe6h\xeeF\x16ns'\xbd"</t>
  </si>
  <si>
    <t>b"\x01\xdew\x99n@Ai\x9c\xba\xbc?+'nL\xeeC\x8c o`}_S\xcd\x0b]H8\xd3z"</t>
  </si>
  <si>
    <t>b'\xb3&lt;\xdfk\x98-\xdc\x10\xca\xe2\xe2\xc2\x90\xfe\xd8\xc5)\x0b\x02\x9d\x93\x9d\x08\xba\xa7\x17\xbc\x9d\x18\x12B\xd8'</t>
  </si>
  <si>
    <t>b'Hc\xf5\xbb\xf6\xf6R\x84\xe7\rm\xf5\xe5m\x84\xc7\xbd\xe5\n\x1d\tb\xad\xb2W\xbeF\xd7ap\x10~'</t>
  </si>
  <si>
    <t>b'\xc6\xcf\x1a\xcf\xfdc\xda\x88\xb0\x85\x17\xb1g\xeeQ6A)\x0b\x07\r&amp;)\xa5\x80\xbcb\xff\xe0j\xfa\xa3'</t>
  </si>
  <si>
    <t>b'\xe0\xcd\x182~\xb4\xf6&lt;eO\xfd*\xc3\xf1\xdf\xea&lt;\xee8\\\x01\x16Q\x15\xfa%V\xfa\xe6(\x95\xde'</t>
  </si>
  <si>
    <t>b'\xa4r\x84&lt;)no\x87k\x98r\x99n\xffq\xd2\xbe&gt;6\x91\xd6-n\xc0\xbd\xed\xfd\x86\x9fq\xf3\xb4'</t>
  </si>
  <si>
    <t>b'r_\xc4J\x9b\x8c\xd2\xac\x08\xda\xd3\xc2\xfd\x930\x12\x96[\x08\xf2\xbe\x8dO\x08V\x80\xa6\xc3\xc5\xde\xa1\x98'</t>
  </si>
  <si>
    <t>b'\xfc\x92\x1c\xbe\xe7\x88\xe7Q\x1c|\xed\xdft\xe4\xa3l\x88:s\x13K\xefAq\xd1\x80g5\xf3\x15N\xc7'</t>
  </si>
  <si>
    <t>b'\xab\xc6\xe7\x89\xe00\xe8`\x85I\x98\xec&gt;1,I\x8f\x86@xO/\xf6\xf70p\xfe\xab.\xa3\xad,'</t>
  </si>
  <si>
    <t>b'\x8a\xc1g\xb8C\xa9Y\xe9\xe6\xc3w\xd3\x11\x19\x84\x89\xbd\x11+n\xa1\x166Yr\xe6\xe4\xf4\x1e\r\xeb{'</t>
  </si>
  <si>
    <t>b'\xf2g\xb7J\x9f\xa8S?\xca\x84S\xb1\xd6z\xbc\xae\x1c\xe1\xc5"C\x9c\x9b_~O\x91[\xa7^\xa3q'</t>
  </si>
  <si>
    <t>b"[GRx\xee;\xbaK8\xaf\x93\xf4'\x0cv&lt;\x86\xa6\x9d\x87v4_\x81$\xc8f\xa3\xab\xa2!f"</t>
  </si>
  <si>
    <t>b'=\x9e\xfcB\x96x\xda\xc2\xe7\xb8\xa8!\x8fy\x7f\xb6L\xcc\x85\xb1\xd9\x9f\xcdh\xbe\x05\xe6QM\x8bNQ'</t>
  </si>
  <si>
    <t>b"\xa0&amp;\xa20\xc6\xf3I5\x88'\xdbX\xb4\x9d\x0c\x9di+\xeeo\x87=\x11\x00B\xa3\x80\xb7\xc3\x07k\x95"</t>
  </si>
  <si>
    <t>b'wk\xbe9\xb1[\x1cwJD\x95\xaa9\x93\xecf\xb1Yl\xd3\x8b\xe7\xf7\x1c\xbd~\xce\x7f\xe6\xb7\xf1\xb4'</t>
  </si>
  <si>
    <t>b'\x93\xe6\x95h\x97;\x81K\xe2\x9cR\xa2\xfb\x19W[\xfe\x90\x01\xdd7U\x98\xbb\xe1}K\xd0&lt;\xd5A\xe9'</t>
  </si>
  <si>
    <t>b'q\x89$0}Zu\xa33a}\xdd\n\x84\xf834\xe5:\xe3s4\xfe@\xaf#\x9f\xf0\x9f\xbc\xb3\xa5'</t>
  </si>
  <si>
    <t>b'\xcc\x9f\xbd\xa8!"\x10\x07D\xec\t\x19\xe2}\xf9\xb7\xdd\x0b\xd6\x1a\xe4\x9fbG\xbe\xe0@\x1fgL\xcc\n'</t>
  </si>
  <si>
    <t>b'\xbc\xac\x9f\x9f\xf0L;\x05v\xd1\xf0\xad\xcd\xda\x1e\xc9p_ nG;B\x9a\x96\x0f=m\xd7/%\x0b'</t>
  </si>
  <si>
    <t>b'o\x19\xd3\xa2@\xeaU\xe6\x1f\xf0gl\x17\xb3\xc8"k\x945\xaa\x9a\x06\x9cU\x96\x1d\x1b\xf5\xef\xbb\x91\xf5'</t>
  </si>
  <si>
    <t>b'\xc7\xe0\xd6p\x8a\xa7ig8?r\x9b\t\xc4\x87\x94\xa9\x10\x81\xd3j\x833O.\x1a\xf5\xb1t\xcd\x84\xcc'</t>
  </si>
  <si>
    <t>b";\xd6\x9a%\xfbfX\x99\xc2'\xf5\x04\x8f\xf9\xcfc0\xf1\x05\x1b\x0c\xf2&amp;\xf11.P\x15\xb0\x96o\x02"</t>
  </si>
  <si>
    <t>b'\xc1\x1e\x82F\x99\xd7\xb1\x99\x90(v\x9b\x16!]fP\xd4\x0f\x0e\xcd\x92\xb0Q\xb1j\x07P\xb5\xa89A'</t>
  </si>
  <si>
    <t>b'\xa0\xdfW\xb0\xe9F\xcb\xfazgay\xa5h\x99\x0c\x1d$\x9eFu\x16e\xc42\xd5\xbb-\xb2\x80\x7fm'</t>
  </si>
  <si>
    <t>b'\xf2\xf12\xaa\xe1V\xd7?\xc0j\xde(\xd3\xdax\x97\x04\x03\xf4\xcf\xca\xc4t\xf2\x85\xc5\xec\xaf\x9bh\xf8\x87'</t>
  </si>
  <si>
    <t>b'\x1b\xb6yt\x12#\x90\xb4B\x88\x08!O\xf5\x17u1\x91\xb7\xe1\xcc\xaf\xa0K\x84\xde\x92E\xc9k\xa3\x99'</t>
  </si>
  <si>
    <t>b'\x18\xa3\x88\xb4p\x93D\xe1\xd5zz\xef\xb4\x86c\x10\x1e\xe3\x06\xb3\xd0\xd1h}\x9f\x19/?}\xa5\x92\xab'</t>
  </si>
  <si>
    <t>b"nGb\xda\x1aD\xbb\xfd\x9dZ[4\x03F_}\xe6c\xd6\x8d\xe2\xa0\xd4\x0e\xff\xf0\x83'\xda\x89\xe5\xec"</t>
  </si>
  <si>
    <t>b']\x1cxs\xb4B*\xa3,b\xeb\xaf\x08*\xa7\xd2i\xc7Z\x99\x13\xc9\xcb\x11\x04\x18]J\x83\x95\x1f '</t>
  </si>
  <si>
    <t>b'kQp\xa5@o\x14*\x8b\xf8\xbd6\x8bF\x13K\x19\x93}\xb5\x80 U\xbc\x14Mx\xe3M"yq'</t>
  </si>
  <si>
    <t>b'\x05{4\x9a#\x06/\xda\xf7*Y\x13\x06\x04c\xafv\xc7\x8e\xb3Q\x99Q\xe2\xb6\x0b\xe4\xb1oU\xd4\x9d'</t>
  </si>
  <si>
    <t>b'7qsRJ\xa7\x8a\xa3\x8efC-hO\xecb\x9bA\xf6po1\x00\xba\xf8\xce^fd\x01\xe2\xb4'</t>
  </si>
  <si>
    <t>b'\x01)_w\xc2;\x8b\x01\x9e\x8b\xcd\xb6\xdc\xfc\xb1\xc5lo\xbc\x91:[\xa4\xe4\xa6\x86\xfb!\xc9\xc2\xc2B'</t>
  </si>
  <si>
    <t>b"\xe4?\xf0\xa8\x180\xd7\xbe\x90\xabXz\x03\xd1\x8b\xf5i\x14e\xf9\xbf'y\x11Z\tsC\x7f\xa4y\x9f"</t>
  </si>
  <si>
    <t>b'5Ahp\xb5\xc7q\x0e=}\x90\x05\xf7*\xc3\x9c\xe8\t\x12\xa1*O!\xc1\x00\xc6\x8357\x8d,\xb7'</t>
  </si>
  <si>
    <t>b"H\xa2\x06L'\x02\xbf]@x\x87|&lt;\x07\xdf\xf1\xa0p6q\xad&amp;\xe6\xa8w\xe3\xcb\xc4Q\xaf\x92\x91"</t>
  </si>
  <si>
    <t>b"\x9b\x80'V\x1b\x88\xaa^`\xa6%\xc9dT\x90\xd62c\xa9\x1b\t\xc7\xd9\xe0{3\xea)a\xa7\x0e\xd2"</t>
  </si>
  <si>
    <t>b'*\x9cw\x8c\x9f\xd1\xa7\x9cL\xfd@\x83\x1d\xee\xfd\xed\x18T!\xd0\xe3\xa8\x06l\xe0\x80\x98]q\xfa8a'</t>
  </si>
  <si>
    <t>b'G\xb5\xdc\xe7b\x055\x0e\x7f\x96\xeef\x14\xf8\x9c\xdce\xba\x8f\x95\xd5\xae\xf43\xc4{\xef\x10iF\x9dR'</t>
  </si>
  <si>
    <t>b'`v\xe4\xe2\xf8\xf0\xec\x91\x94\xba\x18\xd19 \xe7\xd9Wb\xee\xa0G C\xc5t\x88\xce\r\x83\xa6b\x05'</t>
  </si>
  <si>
    <t>b'/\xf5"\xfbz2QE.\xaa+\xd1\x13GaKG\x87\xae\x15\x9cL\x07\xc5\xc0\xd0\xde\x94\x14\xeb\xef\xa0'</t>
  </si>
  <si>
    <t>b'L\xe3I\xf9D\xc8\xccS\x90\xcaoO\xd5\x9c\xdbvr\xf0N\x8ai{\x9b|O\xfbK\x95\x99\x04\xabB'</t>
  </si>
  <si>
    <t>b"\xf2^\xd5\xfbt\xd4%\x16\xe7@\xf9\x16\xa92\xa6\xd2B\xb8\x8e\xa5\xd4\xbf\x11'W\xd6/\x82\xad&lt;\xeb\xb2"</t>
  </si>
  <si>
    <t>b'\xfa\xfed\x15l\xa1\x905V4\x8en(\xfe^\x8aW\x8c~\x99\x9a\x81\xf8J\x0b\xdd\xfe\xdd\x1cmtR'</t>
  </si>
  <si>
    <t>b'\x15\x10}\xa6\xca2\x97`+rd\xbf1\xfc\xe8\x0c\x04,\xae\x98H\xc0\xe7\xb3#V\x92\xc5\xdck\xac\xbe'</t>
  </si>
  <si>
    <t>b'\x19.\xcfR\xa7\x85FA\xc7\x00"\x17\x1e\xea\xf2\x9e(\xfd\xc2\x11\x19\x85\x97M\xc6yA\x88\x10\x0c\xca\xec'</t>
  </si>
  <si>
    <t>b"\x06 \x18+c\x9e\x04\x1c&gt;(\xe5\xe7\x89#k\x94\xfe\xd2\x1d!H\xe8@\x93W\xd5\r'\xdbx\x81\xdc"</t>
  </si>
  <si>
    <t>b'\xce[\xbe\r8\xf8\xb9\x8cO\x9a%\x15$U6qpwSdd\xb3\xa4J\xf6\xd5:\xd9,w&gt;&lt;'</t>
  </si>
  <si>
    <t>b"\xc2\xec\xcc\xe5g\xccQv \x00\\\xad\xc7\xe8\x08\x0f2\xb5s\x93\x00DN'\x0488\xb6\x8a\x8eF\xc7"</t>
  </si>
  <si>
    <t>b'\x0c\xfcA\x1b\x83\xca\xa7&amp;\xd8\xa8"\x00\xa6\x89\xd5\xd5^z\xa9{\x90\x10\x964rmyL\xc5,X6'</t>
  </si>
  <si>
    <t>b'B\xe5\xdf\x05\x08iU\x12\x91\x1cn\x8b\xdbU+w\x9e\xe0f\xa6\t\xcc-\x1e\xb7\xcc\x92\xd0\x07\x1f&amp;\x87'</t>
  </si>
  <si>
    <t>b'\xe6\x88\x1c\x8c\x17\xf1\x06Y\x80\xfc\\ZbRL\x0c8\xb1oO\xbd\xe1J\xbfw\x96\xda\xe5\x81\xeda\xe2'</t>
  </si>
  <si>
    <t>b'-UHs\t\xb8B\x89;\xdc\xffn4\xa3\xc6\xef\x81\x9dY\xc4\x08\xb3\xc3\xb5\xbf\x04V#8jj\xed'</t>
  </si>
  <si>
    <t>b'\xa6\x82\x86\xf3n\x1c\xa7g\xf3\xe3I\xf8&lt;\xc2\xd8W\x06\x9a=|u\xbdtC9r\x8b\x8f\x11N=8'</t>
  </si>
  <si>
    <t>b'T\xc8^\x83U\xf7\x893_\xcf\xd3M\x8bF\xd2&amp;^]t\x93\xbc\xef\xac\xef\xd1\xa6.\xc1\xb0e\xc4\xdb'</t>
  </si>
  <si>
    <t>b"\xb0\xa7?\xbb\x83\x90\xac\x00\xec\xc5:@\x1c\x08\xc7G?X~\x82e.S8}J\xbc\xf2g\x8f'\xda"</t>
  </si>
  <si>
    <t>b'\xcdq\xd2\xdcc\xd4\xc2\xb5C\x93k\xccAZ\xc6\x90\xc4^\xec\x1c\xa8\x9b\x12\x89\xb5\xb5\xb2(S\x9a\xfd('</t>
  </si>
  <si>
    <t>b'\x10\x13\xc0\xeb\xc2\xe2S][\x83\xe1#\xb1\x81_\xc6.\x89\x91w4\xa3P:\xcf/\xcb\x03\xf8,m\xd9'</t>
  </si>
  <si>
    <t>b'+\xbf\x84\xa4\t\x1f\x1d\xd1\x86\x07\x1ca\x1d\x19\xd7\x89\xcc(\xcfi\x93\xee\xc6\x82\xaf0\x7f\xa9\xff^\xfc\x8c'</t>
  </si>
  <si>
    <t>b'$\xa3ei?5\tM\rE\xf6i"\x1bc\xbd\xb1K\x07\xab\x04+\x95`\xb6\x8ab\xacg2\x0f\xb9'</t>
  </si>
  <si>
    <t>b'h\x0f\x0f\xd5[^\x0c\xd2\xa0\xc4o\x13\xb1x\x86\xbat\x07Q\rc\xb3\xf0\x9fK\x8c2\xb8\xa6\xdc\xd5\xd1'</t>
  </si>
  <si>
    <t>b'G\x9b\x89\x84\xa1\xd9\x8e\x953\x92\xb2\xd6\x14\xab=\x1dOr\xba\xb2\xa4+C\x12\x0c\x1a\x9a\xbf\xe5\xb2o\x90'</t>
  </si>
  <si>
    <t>b'\xb8\xf3T\x1c\xd6N\xbf\x16\x95\xd8K\x93\x0b\xae\x06\xd5\xb6.\xd3\xacr5\xef\xb2\xeb\x952?3\x1b\xfd\x9b'</t>
  </si>
  <si>
    <t>b'\xbc\x83A\x1c\x90m\x84\xe9L\xb5\xea!\n\xef3&amp;\xf2z\x12\xcb\x0b h\xdb\xbe\xe7E\x01\xb3V\xbe\xca'</t>
  </si>
  <si>
    <t>b'J\xeb\xc3Z[\x90E\x12\xa4\x1c\xf6\xb5\xc808\xde\xb6\x88\xce\xd7\xde\x01\x10\xc5Y\xab\x9eMHK&gt;\x0b'</t>
  </si>
  <si>
    <t>b'\x84SM\xfe\xe1\xfcM)\xd0\x14\xa3~\x9a\xa2Fi\xf2w\xbcGe\xbb\x80\x95N\xb2\x0f\x131\xb4\x0e\xe9'</t>
  </si>
  <si>
    <t>b'S\xdbg\xb8C\xc75\xc6B\xcc&amp;qY?}\xc9\x0cI \xf8\x0c\x07\x9dU5u\x03\xbb\xbajL\x92'</t>
  </si>
  <si>
    <t>b"o.\xdcw\x97\x9f\xf8Y\xfbPQ\x96%\xf6U\xa8\x8c\xa9\xde!0\x17\xd4Z\xdc\x8d\x8eI'\xbeE\x08"</t>
  </si>
  <si>
    <t>b'5\xad\x05\x03D\xfdig\x1b\xf4"s\xf9\x06\xf17\xdf\xa2~\xab8\xbb\xe9\xc5\x88\x1b\x8f"\xf9H\x97\''</t>
  </si>
  <si>
    <t>b'\x86\tbNYT\xb9C\x17\x82\xabJ\x10 \x03W[\xff\xe4!F\x95\x93\x00\x17\xf6t\xc0\xd3\xe0\xc7/'</t>
  </si>
  <si>
    <t>b']{\x08X\x0b.\xfeKJ\xcaM\x8d\x8bY\x01q\x8c\x18\xe9\xce\x08\x8fx\xc1\xfd\xc4\x9a\xe2-\xd3\x17\x01'</t>
  </si>
  <si>
    <t>b'\x8b\x1eJ\xff\xf1.\xeeN\x1dy{\xc9ePo\x94\xa0\xf9\xd0N]\xdd\xf5*h\xe2\xec\xa7\xd1w\xa1='</t>
  </si>
  <si>
    <t>b'\xc6\xaf\x1a9w\xad\xff\x81\xea\xcehU\x91\x8b\xce\xe1\xf8\xd2\xbc\x8f\xaao\xa8\xed\xa8\xd6\x874\xfeZ6d'</t>
  </si>
  <si>
    <t>b'\xe6\xde)(8\xb0)\xf2\x90c\xd5\xb0\xb8 5x\xa7\xcb\xc7\xb4\xef\xc3\x9f\xba|\x03\x93O\xcc\xa8S\xf6'</t>
  </si>
  <si>
    <t>b'\xf9\xa1\xae\xddRl\x14\xeb\xd2N\x05;ot\xd3\xcd\x01\x1c0\x8etN\x80l\x82m?\xaf\x9b}=\x7f'</t>
  </si>
  <si>
    <t>b'\xf0\xc8\xc2\rPz\xb3 \x8bg\x1d\xee\xa6R\xf3v_a\x82\x11Z\xbd\xff\xf9x\xc7\xa3\xd7\x15C\xfa\xf2'</t>
  </si>
  <si>
    <t>b'\xb6\xbe\x15o\x8a K(46\xcf\xdd,\xcd\xe6\x0eV\x86\xeaz\x8a\xcb\xdb\xae\x82\x1f\x90\x9dz\xaeoO'</t>
  </si>
  <si>
    <t>b'\x9ez\xbc\x8d\xb9+\xbd\xef_\xb6\x8f\xb00Kb[\xe4\x89#\x131J\xe7{Q\x0c\x01\xd9\x08\x0e\x97\x1b'</t>
  </si>
  <si>
    <t>b"\xaf\x10y\xf7U\xc3; \xe9X\xd2\x94\x15\x027t\x12\x92\x9a\x1fr'\xd3Y@\xcf\xac\xbe\xf3\xa7\xa3\xc8"</t>
  </si>
  <si>
    <t>b'\x8a\r\xae\x06\x04_\x8c%\x83\x91\rL\xcc\xd9\xe7\x12\xba\x97"\xfd\x12D9\xa1\x8d\x11\xf1\xaa\xe6\x8f\xf7\x0e'</t>
  </si>
  <si>
    <t>b'\xdflc\xd9.\x0c\x8d\xddA\x03\x8a[2\xfeJ\xb9\xff\xf4Y}\x9a\x99\x16\x98\xd1Y\x9b\xf9O\x15y('</t>
  </si>
  <si>
    <t>b'b\x81\xe4\x88\x8e\xef\x8c\xe6\x01Mh\xb9\xb0R\xc7gA\x18Q"W\x7f0\xdc\xa4\x1fn\xcb\xe8\xabgL'</t>
  </si>
  <si>
    <t>b'\xad1\xc8\xc0\x10\x13Y6\x8a8\x02\xc5U\xa6:\xc5.\xeb\xb0\xa2\xa8,\x1f\x98*\x1b\x9e\x7f\x10\x89?;'</t>
  </si>
  <si>
    <t>b'\xb6\x8d\x02wE\x95}\xf5\x1f\xeb\xfa\x0e\xd0\x8dv\rLLu#\x11\x07{\x0fb\xa9\xd8\xd1h2/\xf6'</t>
  </si>
  <si>
    <t>b'AQ\xb2\xad\xf2|$\xcfL\x0f\xa9\x08\x16\xba_\xe90\x9f\x8b\xa48\xca\x867\x86G\x86\xe0c;\x8e\xb8'</t>
  </si>
  <si>
    <t>b'\x02\x1e\x83\xa3x\x0c\xbb\x1c\rea\xed\xd9\xafu\x86MQ\xe6\x85Gn\x03IOe\x9e\xd5\xff\x1a\x9a\x9d'</t>
  </si>
  <si>
    <t>b'C*\xc3\xd7\x18s\xbf\x9e1\xed\x90P\xae\x91\x95\x81\xa7)\x0b\xd6\x87\x03\xce\xe0\xe0\x84c[\x8b\xf9\x85U'</t>
  </si>
  <si>
    <t>b'\xce\x94b\r\x8d5Q;!\xbd\xd4\xc9\xc4\xe3O\x15RB\x90\xb7\xb3\xb4\xa4\x94\xaa\x85\x9c\xeb\x17e\xa4\x1e'</t>
  </si>
  <si>
    <t>b'0\x84\x94)Z\x9e\xc2\xa0\xed\xb8\x83Y\xad\xfd\x97\x1eO@\xf1\x03\x18RKi\x04Z\xd3\xe8H\xf4\xd7\xce'</t>
  </si>
  <si>
    <t>b'\xff.\xad\xbb\xe2"\xbf\xbay\x81\xdf\x87\x11c)\x98\xbb\xc0\xfc\x15PH\xc3\xdcO\x8d;\xd1r2\xa1\x07'</t>
  </si>
  <si>
    <t>b'\x1c\xd9\xf3\xf6\xf1\xd8m-\xce=I_\xc4\x93\xcc\xd3\x87\xb7[_\xbd\xe0a\xffc\x89t#H\xef\xe7z'</t>
  </si>
  <si>
    <t>b'm\xa3\x96LM:\xf5\x88\xbf\xcc\x01\x0c\xa5E\xb6\xaa\xe3*\xff\xa9\r\x19\t\x0f^\x84J\n\xd5\xdf\x8f\xcc'</t>
  </si>
  <si>
    <t>b'U\xae\xb6\x0eBuZ\xfc\x14\x94\xe0;\xb0b\xd3\x97y\xc3\xb9\xad\xa5b\xfb\xd5AH\xc9\x90_\xc4x\xc0'</t>
  </si>
  <si>
    <t>b"\r\x8agS'\xcf\xeaR\x16\xea\xc0\ry\xcb=\xc1\xc1\x9d7B\xe0\xed\x00\xc7\x87{\xc9\xfc\xa5\xe4\x9a\x1c"</t>
  </si>
  <si>
    <t>b'(\xda\xb5\xe4aA\xa3\xc0\xd1\xa8\xf2 T}b\xc4Ka\x0f\x94r\xceT\xfc\x95\xc0\x87\xe6\xa5dRq'</t>
  </si>
  <si>
    <t>b'\x18\xe4\x1f\x1c\xaa\nN\x91\xeb\xc3\xec\x1f_m\xec}\x89\xc8\x08\xa3Q\x919,\xe3\xb4\xfe\x81\x8f\x98H\x06'</t>
  </si>
  <si>
    <t>b'?bN\xbd\xa7\xc2B[\xff\xe5\xe5\x1bT\x02\x87!\x1fNj\xc9\xba$\xc5\x00*\x10T\x98f\xf3#\xbb'</t>
  </si>
  <si>
    <t>b'\xac{\x1b-zf\xd47\t\xee\xfd\xf9\x0f\xd6\x9aara\x00S\x9bL\xd2\xc7\xea\xbe*\x1f\xfd\xeb\xca\\'</t>
  </si>
  <si>
    <t>b'\xc4\xdfu*i3\xbe\xc4B\x945\xf0\x8e\x14\x9eZ\xdbT\xb3\xf0\xaa\xd3\xd5\xda\xbd\x9b\xc3\xf1\x87%\xca&lt;'</t>
  </si>
  <si>
    <t>b'$\x95c\xca\x11\xc7\x18\x15\x84:\x03\x1e\td\xbe\xf0\n\x81H\x93)\x04(\xf5o\x8d\x04\xaes2\x9e\xd4'</t>
  </si>
  <si>
    <t>b'\xf5z~\xf2$\xdazK]\x1br\xe7\x17_\xa22`\xc0\x19\x9c#e\xc4\xcc\x16\xbc\x8a\xea\xcf\xb6N\xc9'</t>
  </si>
  <si>
    <t>b'B\x0b\x14\x8c\xcb\xba\x95D\x90\x89\xcdI/\xd6\r\xfd\x9e\x12\x8b\x90w\xb7\xaa\x8b\x02\x03g)\xb0;\xaf"'</t>
  </si>
  <si>
    <t>b'\xbf`\x03o`(p7\x11V\xfa\xc5\x0eH\xdcs\x8a\xd4\x80k\xce\xbd\x8e\xbd\xa2&gt;\xd3+\x9a\xaa3\x9a'</t>
  </si>
  <si>
    <t>b'\xaa\x9c\x85a_x\xe0%"4\xdb%\xa3i6\x99\xd1\xf3\xae\x17\xe3\xd8@9Bw\x18\x01\x14/\xc2\xd8'</t>
  </si>
  <si>
    <t>b'\xc0\x10\xc7w*\xca\xe8\xffI\xed\xf4Y2\x87\x92\x8f\x10\xf2\x96\xecm\x81\xba\xdd\x8f\xe0c\x9d\x8a+\xf4\xd6'</t>
  </si>
  <si>
    <t>b'\x9d;\x00\xdf\xbc\x9c\x91NC\xcd\xae\x9a\xf3\xe1o\x96v\xa0F\xf6\xb2\xado\xc6l\xd8\xec\x1c-\xc0j\xf0'</t>
  </si>
  <si>
    <t>b'Y\xea1\xeb\xa7x\xbc\xcb\x86\xa5w\xe1H;\xe4D/\x96m,,+J\xbdF\xdd\xca\xafg*l\xbf'</t>
  </si>
  <si>
    <t>b'\xc7\x19\xca\x01\xb8\xb2!L@)\xad\rw\xe5\xe7R\xbb*\xe6(\xd7y\x15\xb9Y\x0b5\x8a\x17\xbc6u'</t>
  </si>
  <si>
    <t>b'B\xf8\x10\x19\x80$\xb4h}\xb9s\x1bSrd\xf7\xb6\xf1\xb7q\xa3\xb1\xb5\xabcQw2\xc5\xf9I\xb2'</t>
  </si>
  <si>
    <t>b"\xbd\xc6p5@\xfe\x85]\xd4\xf0\x869?X\x99#w\xef\xd7\x99\xeee'c\xc8\xf3HS\xb3\xc8\xa5X"</t>
  </si>
  <si>
    <t>b'\xbe\x83\x17\xf7P\x92 \xf5\xe9&gt;\x1f\xd4\x0e?\x04\x8c~)\xeb\xf8\xfe\rnZ1s\xbf\xeb\xc4D\xad\xab'</t>
  </si>
  <si>
    <t>b'2_\x87&lt;\xe6#\xb0\xa3 6\x7f(\xb0R\xb5\ru\xfc\xb8\xc2\x189&amp;H\x81\xdbU\xb1o\xc6\x93\xc4'</t>
  </si>
  <si>
    <t>b'\x1f\x8c\xff9\xf96O\x07\x9b%*\xbd\x11$x\xda/b\x06^\xc1\xe4\n\xd3\x18\x1dzC$Xq\xff'</t>
  </si>
  <si>
    <t>b"\xd7\x1c\xdd\x83\xe4\x0e`\x1d\xf8\xc5~O3\xb5p\xb2'f\x96\xd3\xcb\t\xcba\xf1\x7f\x91;\x80&amp;\x0f\xea"</t>
  </si>
  <si>
    <t>b'\xae\xc4\xe0\x17\xcd\xa3M?{\xc9p\x94\x8a\x0fy\xb5\xddK\x98\xe5\x94\xca@\x13-R\xc85{\xb6\xd2W'</t>
  </si>
  <si>
    <t>b'G8\x07\x0b{D\x15g\xc63\xa8b\xd8SVu\xec\x14X\x00\x91\xba\xdd\xf6\\\x1b\xdb\x98\xafz\xe2\x9d'</t>
  </si>
  <si>
    <t>b',F\xb2\x04\xae\xd1$\xc0\xffi\\{&amp;=\x9bU\x9d\x9e\x88\xe3\xb7\xb5\x8f\xacp\x08\xd2\xda\x9c\xa0\xe1\x04'</t>
  </si>
  <si>
    <t>b'p.r\xef \xe8\xa7\xa07\xaf\x07\xf3\x98\xbaL\xad\xedS\xb4\xe1Wb\xf3\xdf\x83&lt;\xfaan\xde\xae\x15'</t>
  </si>
  <si>
    <t>b'\xd8\x14\x93\x18+D\xc6\xf6\xdcDx\xf5Zq\xa2\x9e\xb2\xe5\xe7\xca\xcc\xbdZ1\xa4a\x0bDD\x1c\x87\xf7'</t>
  </si>
  <si>
    <t>b'\xfa\xe2\xdfo\xdf\x9e\x9d\xc6\r\x9c\x83mcv\xb5@\x98\x18\xa5\xd9P!;\x12Yz\x14*\xbc\xa9 x'</t>
  </si>
  <si>
    <t>b"\xdf&amp;\x05\x83\xc0\xa4\xe2\xba#\xb6P\xbb\xbc\x91\xac\xf6\x89}\x9a&gt;\x0b3\x933E\xbe\xb2\xd4'$-4"</t>
  </si>
  <si>
    <t>b'\xafQ\x05A\xcd\xf8`buW\xc6M\xd9\x80\xc9\n)?\xd8\xb8\xc2w\xd4q\x94.mHX\x0cL\xa7'</t>
  </si>
  <si>
    <t>b'\xb7\x96{r\x1b\xbd\xfa\xa0\xc4\x186\xb9\xcc\xfd\xac\x8ch\x83)\xc4\x13\xb5l\xd1\x07\x89\xc5\x9c\xdcr\xbc\xd4'</t>
  </si>
  <si>
    <t>b'\x03\x80\xd8\xf4\x85(\x82\x87\x99m\xdb)J\x1a\xc6\xb4\n\xdb\xbe\xef9\xbb\xec\xe0\xd5sV\xd0b\xf5\x96\xb4'</t>
  </si>
  <si>
    <t>b"N\x9b\xc3\xae'\xcd\x10\xb4\xbc_/N\xbc\x88\x0c,;nx`w\x92\x19\xa7#[\x08:\x9a\x8b9\xa5"</t>
  </si>
  <si>
    <t>b"\xa4\xa4\xf3\x17%\x8c\\!\x8f3V\xe6~U\xda|\x07\xc3'\x1a\xa2\xd1x\xd4\x12\x8ap\x8a\x19x}H"</t>
  </si>
  <si>
    <t>b'\x1foQ m\xbd\x00$\xab\x96*\xb1\xa6\xf1\xd3\xcf\x7f\xd6\x98\xc2\x95B\x01\xf3&gt;\xc4`p9G-\xd6'</t>
  </si>
  <si>
    <t>b'T\xbd\x98W\xdd\x07!\xa8\xe4\xc2\xf7Ty\xeb\xc6Q\xc4\xecG~\xf5.&amp;X\x1a\x0e\x0b9\x99\xaaU\x83'</t>
  </si>
  <si>
    <t>b'.O\xd8\xa8\xe7\xca"_\xbbG\xd69H\x87)\x83\xc2\xc1\x08B,=?r\xc7\xbe\x0f\x01\xbc\xff\x8ev'</t>
  </si>
  <si>
    <t>b'\x1d\xa9$\x12\xdb\xfbH\x90\xe4~\x96\x05l\xc9\xfc\xfcu_}\x1f\x06k\x05\xd0|#\xf9\x1e\xe3]\x9e\x08'</t>
  </si>
  <si>
    <t>b'7\xc9\x9fx\xda\xde\xe9\xf5\x03\x026A\x14\xf4\x05\xb1\xd6\xcei\x04;\x07\xc8$\xef\xdeR\x8e\xdd\x83\xf6\xd6'</t>
  </si>
  <si>
    <t>b'8\xab\xfe\xf1 \xcb\x8e\xa3,\x19\x88\x0f\xdf\x1b\xf7\\\xd1=\xad]\x193c\xa9Q\xc8\xa3e\x08\xa5\xcd/'</t>
  </si>
  <si>
    <t>b'y\x13\xf8\xe4\xb4\xe6\x8a\xa6*\xc5V\xc9@\x0fO\xc2$\xaa\xe0z\xc4\x98)\xbfHf\x1c\xb8\x82\xac8\x05'</t>
  </si>
  <si>
    <t>b'_\x95\xd6\x85O)II\xfe\xfa\x15\x84bj\x15S3\xeb\xb6\xd2-\x80\xcbFs\xf6U\x05/\x98\xaf$'</t>
  </si>
  <si>
    <t>b'R\xedgyefq8;j\x18\xab(\x9c\xd3\xf8N\x90\x1a\x10\xb8Q\xce\xd3Kd#\x19S\x18[y'</t>
  </si>
  <si>
    <t>b'\x06\x14\xa5Ol\x98\xa1\xe0\xd5?\x1c\x1d\xaf\x07\x06\xce\xa5\x11\x13\xfa\x1a\x19\xad\x18\x96\x87\xc9\xe8\xb0r\x17\xa1'</t>
  </si>
  <si>
    <t>b'\x7f_\xaf\xfc\xf8\x97q\x1dX\xc4\x0b\xf0t\xc4a\x03\xb4)\xc5\n{\xbfVoV\xde\x98\xce\x02\x9bjf'</t>
  </si>
  <si>
    <t>b"'!\x14|I&gt;\xaa8t\xa8\xe9\x01\t\xbd\xfc#\x8a\x88C\x13\x0e\xe6\x9a\xe4\x9c\xe1\xa9u4\xde`\xde"</t>
  </si>
  <si>
    <t>b'\x9c\xf8\x87Y\xec\xab\x7f\xf8\x1a\x93o\xec`n,\x9c+a`&amp;\xde\xae\x98\x9f\xe4c!7j[d)'</t>
  </si>
  <si>
    <t>b'\xc2\xa0\xfc\xc6\xcc\xd8^:P\x0c\x10\xcb\xf9V\xa1\n\xfd\xbe\xe63/C\xdf\tM\xe2\xe8\xfd\xba\xde\x8d7'</t>
  </si>
  <si>
    <t>b'a?\xf3T\xe0Mq\x81\x19\x18\xb8\xbd\xe0/qJ:\xaa\xb4\xbf\xfc\x9bs\x8b\xfb\x97\xabn\x9e\xa9D6'</t>
  </si>
  <si>
    <t>b'\x15U\x8c\x0b4\x8a:\x87{^\xa9Fx5z\xd6~y\x877}\x99\xc3j\xea\xe3\x8d\xed\xb4T\x06t'</t>
  </si>
  <si>
    <t>b'\xe0\xca\x9d\x8cxo\x9b\xa1{D\x82\xf2:\xf6\xe7I\xa3\xea\xdbr\xb7d"AU\x9fz@\xfc\xd2\x1a\x18'</t>
  </si>
  <si>
    <t>b"\x04\x90C\xd9\x8by=\xfa\x93p\xb1\x08$\xab'\x0c\xea\x8c\xaf\xa0\xdcy\xd9\xf3\xd4\xe3\xa5\xf6\x05\xaf\xc6K"</t>
  </si>
  <si>
    <t>b")\xd2\xae'}\xf6\xe9\xdf\xb1z|\x9f\x9f\xfd\xbf_c7\xb2\xe7~=J\x87s\xa0\xa7\xb2_\x89\x9e\x8f"</t>
  </si>
  <si>
    <t>b'\x82vY\x13\x88)p^\x99&amp;\x0f\x87Q\x8a\xb5\xf7\x96\x1f\x9anR\xfd\xd3\xf7\xa8I\xd8k\xf97\xc1q'</t>
  </si>
  <si>
    <t>b'\x9c\x86w\xbd\xb2\xcaM\xeev\xcb~\x00\xbau`{=#1\x97"\'\x01X\xae\xa2\xd4\xa5\xaa\x0f\xb9\xe6'</t>
  </si>
  <si>
    <t>b'\x89\xa8\x93I\t\xce\xfc\x11\xa9\x88w\x01\x10\xa0\x88\xca#\x84e\x00y\xe5\x16Z\xf5G(\xb8\xd98\xb2&amp;'</t>
  </si>
  <si>
    <t>b'\xa6\xa1\x01\xc2\xb65\xca+\xf4.oQ\xcc\xdb6\xceY\xaeuL\x00\xcb|dl|\xc5\xfb\xf7\xe4\xd5f'</t>
  </si>
  <si>
    <t>b"mG\xd6\x15k'm\xcf\xd4\xf7F,\xe6\xbb\xf8I\xb6\xdd\xf9V|\x8e\xcc\r\xee\xe3\xac\xb4\x80r\xfb\x96"</t>
  </si>
  <si>
    <t>b'\x919\xd1\x04bO\x14\xb0\xeb\xf9Q\x08\r*\xeb\xb0\xe6U\x0f\xb6w\xc8\xb7]\x0fE\x16\xbb\rS\xb8L'</t>
  </si>
  <si>
    <t>b'\xa17\x10\xc5\x8e\x9b\xa7_S\xa8\x9e\x12\xdf\xad\xf0J\x8e\xc3\x18\xbb\xc9\xf3\x06\xbeut\xe4n\xdd\xf6o\x17'</t>
  </si>
  <si>
    <t>b'\xcc\xf5\x18\xeb\xac\xb4\x02\xc7\xe2*\xd7\x02\xa6\xd0\xd0SQ\x0c\x83&gt;\xc6\x9cP\xb1\xff\xbf%&lt;%\xa2\r\x97'</t>
  </si>
  <si>
    <t>b'\xc7r\xf6\x82\xa2\x13\xa0lm\x18\x89qj@f*)\x95B\x1fM\xed\xa4wu\x08.\xe2\xc4\xbfY\x88'</t>
  </si>
  <si>
    <t>b'bF\xde\xec\x0f@:\x8a7\xcc\xe0wZre\xff\xaft\xef\xca\xcf\xe3\x17\x8d\x8a\x00v\x08\xbf\x86\xd5\x99'</t>
  </si>
  <si>
    <t>b'\x92\xf7\x03\x8e\xab\x8f\x07F\x14\xdc\x0b\xd1\xf2\xe6!!HY\x8a\x01\x9a\x899\x03\x9f\xf6\xac_8GX\xe9'</t>
  </si>
  <si>
    <t>b'1}@\x89g,J\xa8Ud\x9b+k0X\xb5\x96&amp;\x0e\x7fg\x14\xc9\x8c\xa5^\xe1\xb6\xbfahB'</t>
  </si>
  <si>
    <t>b'D\xac\xe5~\x1e3O\xec\x10\xc0%\x82\x0fG\xb8\xfbi=d\xeb\x10f\xb6\x82n\xb0w\x05\x01\x82:W'</t>
  </si>
  <si>
    <t>b'k\x95H3%8\xb8\xea\x89\x17&gt;\xc3\x0et\xaaJ&amp;\x02\xd6\x1a\xc7\xe5\xcb\xc6\x0bU&amp;\x06r\x7f\xc2\xb3'</t>
  </si>
  <si>
    <t>b'\x13\x0bs\x81\xce\x11(\xeb\\\xc9\xcfV\\MX\x87&lt;\x11\xf1\xc0\xa4s9\xf6\xea|\x8cY\xfc7\x94v'</t>
  </si>
  <si>
    <t>b'\x191\x9bhRz\x12\x82O\xe6\xa6\xc7\x17\x9d\xe7\x91gh\xba\xbfv\x85\x0c\x84\xd7\x017\xfc\xb8q\xc7\x1c'</t>
  </si>
  <si>
    <t>b'\x05f\x98\x89\xf3\x14\xac\xcd=%\xac\xa5\x1dR\xe1\x02\xa1\xb1b\x08\xf7)\xc7\x98\xa8\x9d\x03tm\xa0\xd8F'</t>
  </si>
  <si>
    <t>b'\x18J\xf05)\xa0\xdc\xe2\x19\xe1\x11?*mpa\x83E\xd9\xde-\xc3\xec\x83A\x8b\x93_\xa1\xfa\xe4\xf3'</t>
  </si>
  <si>
    <t>b"\x91v\x9cH('\xb7\xcd\x02*a\xbd\\6\xb0\x83\xa8\x99m\x14\xf8J\x00\xaf\xdao\xaa\xf0\x82u\xad5"</t>
  </si>
  <si>
    <t>b'\xde8\xeb!\xf7\x0f+\n\xf5\xda\x80\x12"\xb0\x8bV\xd8\xc8\xa4\x83\xfc:\xa5\xa8\xde\xd6O\x89\xbd+\xec\x12'</t>
  </si>
  <si>
    <t>b'N&lt;X\x19\xb5\xd4N\x08K\x01\x97|\x910\x8d\t\xc1\xd6ii?\x1d\xbc\x9d\x1d\xec\xf7\xac\xf1\x1e\xac\x93'</t>
  </si>
  <si>
    <t>b'\xe2\x12\xb3\xe8\xe1f\xf0\x96\xc6\xf8\x81\rn8\xdau3C&amp;\xb7\xc4\xffv3er\xa7\xeb\n\xf6\x91\xa0'</t>
  </si>
  <si>
    <t>b'o\x8e\x91`\x08&amp;\x1c\x17\xbe\x05\xcb\xc5+\x82\xa4\r6\x194\x98-l\xbe/\\.\xd6\xdd\x84\x8a\xcd\xaa'</t>
  </si>
  <si>
    <t>b'\x94\x88\xf9&gt;\xa4\xa2\x9d\xefg\xa4&lt;\x9bf\x0e\xfeuD&amp;\xbeoI\xda\x85\xb8E\xaa\xb7T\xab\xd6o\x1d'</t>
  </si>
  <si>
    <t>b"\xfe4#\x7f\x8f^'\xcd\xc5\x81}\x00:$\x13\x8b\xfb\x84\xa8\xfeU\x08|H\xb9\x19\xd5Q\x8cZ\xc6+"</t>
  </si>
  <si>
    <t>b"\xc5x'HqM;\xab\xde\xd9-\x1b\xdf\xe3i6\xc5\x85G\x81Y]\xde\x13\xbd\xf5\x95z\xc6\xf6U("</t>
  </si>
  <si>
    <t>b'\xea\xfdM\x15\xe6\xb9\x98\xd4\xc3\x03P\x9cX\xf2\x94v\x8e\xc0%\x7f\xd6\x96\x11G\x1d?\x1d\xc7\xb8\xbfI\xb6'</t>
  </si>
  <si>
    <t>b"\x1ep3\xde\x03y\xb2\xf3\x1b\x1b\xa1\x80\xca&gt;v\x1aT\xb4\xaf\x15m\xfe'\xd3\xec\xbew\xf6!\xbd\xc2\xf2"</t>
  </si>
  <si>
    <t>b'\x01\x99{Z\xa1\xb5\xf8\x8aNv\x9c:\x8c\x06\xf8Q\xfb\xfa\x8b\xce?K\xc5\x02\xd5t\xfb\xa5\xd07\xfa\xa6'</t>
  </si>
  <si>
    <t>b'Xl\xb7\x84\xd7I\x8b\x96(\xa8|\x92G,\xb7\xa4Tm\xe5\xa2xtD\xeaW\xe4C$\r\x98\x89\x1e'</t>
  </si>
  <si>
    <t>b'G$\xe2;\x92\x8d\xc9\x01;\x08\x07T\x0f\x94\x19/\x82\xd7P\xd1\x02\x97\x9e\x9fo\xa2\x12\xaei\x91u\xa0'</t>
  </si>
  <si>
    <t>b'\x84(\x86\x9e\xb5W\x06\xc0l3&gt;e\xca8\xc6\xd5\xa9\xcc\xe5\x97\x9a[\x04C\x07Us\xe9\xcd+Kf'</t>
  </si>
  <si>
    <t>b'&lt;\xd9\xb9\xed~\x87\xb3\xbfI\xa0\x02\xe5b\x90\xf4\x08\xa1\xf6\x7f\xa4Y\xcc\x90\xf6Kw\xe4\x1c\xe6-&lt;)'</t>
  </si>
  <si>
    <t>b'\x08\xda\xde\xe1\xda\xf0\xa1\x03\xd1\xe9\xf9V"a)l\xedu\x92O\xd9\xe1y\xfd\x9d\xcf\xb1\xe0\x8d\xc8\xc7\x04'</t>
  </si>
  <si>
    <t>b'\xaa\x8c"\x08\x8f\xe7&lt;\xae\xdd\xd5J2\xc17\x08\x88\xbd\xbb0\xd5\x1c\xd6qg\x91\xd8\xce"*E\x05\x9e'</t>
  </si>
  <si>
    <t>b'\x02{\x96k\x99a\xe02U\xdfMkYKiF\x94\xb8\xb9\xa0K/]\xa7\xe2\\\xed\xa3=\x12\xa23'</t>
  </si>
  <si>
    <t>b',d\xa3r\xb0%r\xb91\xa8\xe1{\x05\xe5M,B\x01\xa0\xc0\x01\x80|V\x18a\xc3\x85J\x98,\xb0'</t>
  </si>
  <si>
    <t>b'\x11\xdd\x82c\xbaT\xfd\x0f\xa5\x98\xb3a\xbb\x81\x1b\xb0;\xf2\xcf\x956\x90)\xceB\x13\xacg}A\xbc!'</t>
  </si>
  <si>
    <t>b'\xd9\x80o\xcb\x1d\xc2.C\xca\xc0\xe9\x05g\xcd\x86e\x94\xe57\x04\x93\xbc \xc0\x95\x99\xa3\x11vc\xe6n'</t>
  </si>
  <si>
    <t>b'\xb0}-B\x94j\xed\xea\x1d\x86\x8c\xb0\x12\x97~\x9b\xda\xb4\x83\xbb\xd8\xffwZ\x9a\xbd\x8b3\x94x9\xd7'</t>
  </si>
  <si>
    <t>b'\x17M\xcd]\xc7\xd46\x0e\r\x92)\x16A\x16\x18\x13\xf7w\xfb\xc7\x07\xdc\xe2\xd6\xf4}\x81i\x17\x9cv\xf7'</t>
  </si>
  <si>
    <t>b'+\xed\x82\xfc\xeee\x8a\xc9\xca\xcd\x92\xe6/\x04\x1a55\x9c\xd3\t\x9b/i\xe5\xdd8\x1dQ\xfa}R\xae'</t>
  </si>
  <si>
    <t>b'\xb1F\xb7\xb0\xb0\xad\x04\xd2\xb4\xb7\xed\xd6\x15\xb0\x9b\x80z\xf2\x7f\xben\xa6\xcb}a\xb0=\x8b\x1a\xbc5\x0c'</t>
  </si>
  <si>
    <t>b'\xf5\xbb)\xb0\x90S\xd1\xc5q=\x19\xe6V\xe0\x92\x0eOl\x02\x85\xd4T\\\xa7C\x16w\xef:jy\xd6'</t>
  </si>
  <si>
    <t>b'Qn\xd0\xaf\x1ajX\xccf\xa5m\x8d\xe0\xeec\xe8:\xe6\x1d\xb3B\xeaJk\x8e6L5U\x9fPo'</t>
  </si>
  <si>
    <t>b'?Z\x1c\xdd`\x19%\x99(E\xf8\xc0\xe3\x19\x19s\x8aN{d\xa2\x81G\x949\x9f\x8d\x91;s\xd68'</t>
  </si>
  <si>
    <t>b'\r\x89\xc2\xbeRn\x1d+Y\xdc\x9b\xf1"\xab\xfaB\xd2s\xa1\xb1E,\xdf\xac\xe0\xf1\x90\x8f7rv\x1f'</t>
  </si>
  <si>
    <t>b'\xdd\x80\xa5\x0c\x92\x9e&amp;"Ztg\x02\x98\xedF\xc8\xa4[`\xcc\xa7\xf8\x9fO\xb4\xecE\x8e\x89\xbc)b'</t>
  </si>
  <si>
    <t>b'\x9a\x0c\xb5\xa5\xf5t\x9f4q1j#T\xfe\xab|\xb1\xa6\xf8\xafDV\x0c\xcc\x12{\x8d\x07\x14#UH'</t>
  </si>
  <si>
    <t>b'\x12\xebF\x02L\x8c\xdb2H\xdb\x99r\xa7\ty\xdb\x82\x15\x87\x04\xa9\xad\x91\xaa\x10WFH\xd1\x0c\x13@'</t>
  </si>
  <si>
    <t>b'\x9f\t\xf2\x81\xd8c\xce\xfcs%\xb11.!\xc3\xee\x1f[X\xdb\xc2\xd8ivaM\xbb\xe2\x90\x08\xa4-'</t>
  </si>
  <si>
    <t>b'\x98\xba(+A(\xa7"\xa4\x84\xce*C9\xbf\xa8\xdc\x03\x9b!)\x17*8\x08a\x8b\xd8\xc4Y\x06\\'</t>
  </si>
  <si>
    <t>b"\xcb{8\x9c\x07\xc5,Q\xab^\xde\x14\x08\xef\xccJ\xebb:\x17\xbb\xf9'\xfe2\x8d\x16=\x8e\xb452"</t>
  </si>
  <si>
    <t>b'\xc7v\xa0;\xaf\x9f\x0f\x1d\xd7\xc6iV\x9d\x8c\xc3\xae\x05,\xdf\xbfA|\xf4w$\x1d\x0b=\xac|\xc4\xb4'</t>
  </si>
  <si>
    <t>b'\xc7\xa0u\x94\xa2N\x80_\xfc`K+RO\x91\xcfhu\xb5\xcbY\xad\xfa\xa8)T-\xdc\xbd\xd3\xd65'</t>
  </si>
  <si>
    <t>b'\xa9\\e\xe2\xc8\xd7W\xfb&amp;W{\xc3\x85\x1b\xb1\x9d\xa9@\xd99O=b\x83\x06\xe2%\x0e&lt;X\x8d0'</t>
  </si>
  <si>
    <t>b"\xca_\xe4\x1b8\xac\xe3\xa9jO\xb7I\xddH$\xb9\xc3h+\xba\xdd\x1fUA\x16\x1c\x00\x88Z'\x9b\x9b"</t>
  </si>
  <si>
    <t>b'(5\xe6\xfb\x94\xc3\t\xa9\x0b\xbb\xd4\xaad\xf4?\xf2\xf8\xe9\xe0S\x8d\xd7\xdb\x92\xde\xe0mI\x964V\t'</t>
  </si>
  <si>
    <t>b'T\xb5x\x15PaU[\x07\xccr\x05\xb0\xc9\xe41\xa4j0\xdc\xa72\xb4O\x80#b\xe8\xd3X\xb33'</t>
  </si>
  <si>
    <t>b'\xa1\xb22\x11\xcb\xbb\xc3\x94SC:\xdd\\\xb3\x95k\xf1\x91\x8fP\xa7\xd8\x1f\xe3\xb2\xd9!\xb8\xde\xcd\xdd\xcf'</t>
  </si>
  <si>
    <t>b'|\xd9\xe3\xa3^D\xf1lp\xaa;\xe9\x98\x8d$\xeb\x91\xba\xec\xbaP*wVdb\xa1\x9bBohF'</t>
  </si>
  <si>
    <t>b'!\x03\x1a\xb1\x87\x94\xbb\xbf\\\x0b\xfa\xc2CU\xbd\xbe\xc9\xa5\x16{\xc6]\xc1\xc5*\xafN\x99&lt;\xc0x\xb4'</t>
  </si>
  <si>
    <t>b'\x929\x07\x02\r\xeb~\xe0\xe9\xee\x88\x89\xad\x11\xfe\x99\xa6\xc9*\xf0\x8e\x91P\x8a\xbf\xf1\xcaSo\xf4\x81$'</t>
  </si>
  <si>
    <t>b'\xa8TE\xefB"\x96a\x11\xa6O\x9a\xa9@o\xa7Fx\xfc|\x84PL\xfd\xed]\x8b&lt;\xa5Z\xe3\x17'</t>
  </si>
  <si>
    <t>b'z\x8cc\xa9\xda\xa52\x9c\xd9p,\xfb\xea\xa6\x82\xe0\t".GJr\xb5\xc8Lp\xc1\x8a\xcb\t@!'</t>
  </si>
  <si>
    <t>b'\xf1&gt;\xf9\x86a\x82\xe1\xfc\x82%\xacN\x185\xe4\xe8\x9c\x92\xb7w\xa2lc\x90&lt;X2\x12+\xde\x89\x91'</t>
  </si>
  <si>
    <t>b'{\xbe\xbds\xaa\xfewjY\x9b\xb4\xe4\xab\xb5:\x10\xb2W\xfb%)\x8f\xe8\xb7"\xb4b\x9d\xc6\xccx\xca'</t>
  </si>
  <si>
    <t>b'\x93\xd4\x1eR\xb3\xea\x12\x86j\xab\x07cK\xfc(\xbb\xc4\xed(_\x94\xff\xf0\xc9@|\xb2`\xe7\xc5\x81\x80'</t>
  </si>
  <si>
    <t>b'(\x10&lt;\x1c\x93\xcaV7\xc7\x88\x12wG\xda[\xe0\xdeu\xfa\xfa\xc5\xd0\xad\xfd\xba\x95\xd9\\$\xfa\xce\xe6'</t>
  </si>
  <si>
    <t>b'\x8dI\x156\xad\xee\xd5\xeb\xe7T\xfa\xce\xdddp\xc6\x88\xd8~\xaa\xeb\xff$f\x10\xb6f\xa2\x9e\xe7\xeeP'</t>
  </si>
  <si>
    <t>b'BCs\x85\x03F\xd60z\x88E\x8d\xe8f\xcdm\xe1\x9b\xc5\xf9R\x9b\xbf1\xdahJ{&lt;\xf8\xf2\r'</t>
  </si>
  <si>
    <t>b'\xcc\xed\xdd\xc7\x02\x10,\x89\xcd\xa6\xfe\x98\xd2b\xc2\xc8~\x9eb\xc9d\xbc5\x84\xa8\x97\x89\xf6\xe764\xcf'</t>
  </si>
  <si>
    <t>b'-\x17_\xcd\xf4t\xfd\xd9\xbd%\xde\x01&amp;\xd4r\x17\x19\xbe\xd4\xdfGn\x19\\\x7f\xb6\x1a\x1f\xcdd\xc2\xfd'</t>
  </si>
  <si>
    <t>b'\x94{`\xa4\xbdt0\xde\x01\xe5\x8f\xeb\xcd\x13\x888\xb6;\xb5\xa0\x08\xef\x8b\xe5;\x00e\xc8\x130@w'</t>
  </si>
  <si>
    <t>b'\x8b}\x8b\x08\xa0O=\xb1\x0cJ\xa13V\xdaT\x1a]E\xd4\x8c&gt;;\x04{cZ\xee{$(B\xfa'</t>
  </si>
  <si>
    <t>b"V\xaeb\xa2]\x1f\x87\x85\xd5\x99\x91\x14*Q\x1e\x93pb{\x82\x13\xf0\xcd\xcfJ\xa4\xaa\xeblXF'"</t>
  </si>
  <si>
    <t>b'\xe3;k\xdd\xac\x02n\xcc\xd1\x0be\xda:\xceAA\xc2/e\xd0\xdam\x1c\x81W\x11$\xba\xa3K)W'</t>
  </si>
  <si>
    <t>b'\x19\x86\xb7&lt;\x1e!\xea+\xaa\xa8\x15\x0c\xa9C\xf8\xf3$\x82*v\x8b\x83y\x1a\xed=\x04\x0bi\xebY\xe3'</t>
  </si>
  <si>
    <t>b'\x98\xfbK\xa5\x9cp@\x12\xa6\x97\xc7\x9a\xff\xf1\x86O\xa2\x97\xba\x19\x004m{\xf2\x8c\xf4\x1e\xb0a$L'</t>
  </si>
  <si>
    <t>b'\x14y\x82\xe7\x08\x04e\xbdn\xa3s\x11\x968\xcf\xa1\x1d\x97\x1f\xb73\xda\t\nXr\x95a\xbd\xab\xdee'</t>
  </si>
  <si>
    <t>b'\xc05\x98\xcc\x85m\xfb\xbe\xaa\xb2\xabO\xb3\xc3W?.\xa8\xd9\x18\xa3g\xddb?C\xc1`P\xd1\xc4\x82'</t>
  </si>
  <si>
    <t>b'\xdc\x19c;ghLS\x1c\xb8\x9c\x8f)\x1b6\xc1\xf8\x00\xa86$\x92\xec\x07i\r&amp;\xec\xd0\xcb\xd0\xa1'</t>
  </si>
  <si>
    <t>b'bQ7\x15\xab\xe3\xe2G\x80\x05\xb1\xc3\xc7%\x96\x08q?^\xe5\x02_\xac\xa3.\xf4\xceF\xf8=\xee\x00'</t>
  </si>
  <si>
    <t>b"f\xff\xef\x7fT\xc3'\xbe.\xb7\xee\xe2.]\xf4PpK\x9b \xbe\xfb|\x08\x96\xa9\x16Y\xd4\xa1s\xa8"</t>
  </si>
  <si>
    <t>b'\xc6\xb6\x1e\xb9\xa8\xf03\x15\xd0\xbah\xd4\x88\xcb\x96\xe4X~\n\xfb\xc8\x08\xec\xf9\xcb\x07\xa5\xdd\xdd\x91\xfd\xec'</t>
  </si>
  <si>
    <t>b'\xb4\x117\xafSX\x9d\x88\x82\xd6\x0f\x8eW\xb4\xd4N\r\xdeuf.\x15f\xcb\x99s\x89n\x1d\xc7\x0e?'</t>
  </si>
  <si>
    <t>b"m\x17\x9d\x01M0\xe1c\x16Q\xbfS:&gt;n\x92\xdc\xb5\xdf\xdb'\xa0\xbd\xd1\xe5HW\x88Y,\xd4\xa6"</t>
  </si>
  <si>
    <t>b'=\xb9!Lu\xd7BgKe\xa4\r\x91\x94\x94\xd0\xa5\x1d\xf8\xde\xa5\x95\x85\x1c:b\xf5\xfa\xf1\xf4HC'</t>
  </si>
  <si>
    <t>b'\xf6\x8b\xcdh\xffS\x86\xf8\xfd\xf6l/\xda*\x85\xa5\xb6\xfb\xd6\xb9\xb7\x05\xe9FG\x00\x83\xd2\\q0q'</t>
  </si>
  <si>
    <t>b'\xa9\xd2\x01c\xab\xa2\x13\xe6\x9c;\xc2G\xdd\xf1\x9b\x97\xd8\xbc\xde\xd4\xd3\xe36\xad!\x89t\xa2\xfc0\xbf\xc2'</t>
  </si>
  <si>
    <t>b'\xbe+\xfbT\tJ\x08\x7f6Ha\xaf\x9a\x8a\x18\x81f\xa5\xc7m\x1e1\x94S\x0e)\x91* \xe0\xbd\x9c'</t>
  </si>
  <si>
    <t>b'\xaf\x92Z\xbd\xa6e\x9c|\x9b\x0f\xb2\x88\xac\n$\xacbw\x1e\x0bs\x1df\xe0\xaa\xc7\xb6BA\x157\xaf'</t>
  </si>
  <si>
    <t>b'\x1cd\xcb\x83\xa9\xb5J\xbc\xfb\x0bt\x87\xe0:@\x01\xcd\n+\x10*\xd7\xc3\x14N\xc0\xa6\x96\xe71&gt;\r'</t>
  </si>
  <si>
    <t>b'\x88\xf8}\xa5\xe7\xec\x85\x93C\x12\xb00\xb7\x99\x8fgBG\x12y\x94~\xd3\xd0\xf7\taO\xd7\xfb\x82\x00'</t>
  </si>
  <si>
    <t>b'\x01\x180\xe4U\xf6j[L\xc4(\x82F\xb3S=p+I\x93\x82\x9f\xe7\x92]\xe7\xc4\xfc\xa6H\xde\x1a'</t>
  </si>
  <si>
    <t>b'%Z\\l\x1b\x1fH8\x17k\r=\xdf1{\x17\x9a;8\x0f\x9fxg\xd7t\x96g\xbc\xef\xebM\xbc'</t>
  </si>
  <si>
    <t>b'\xdc\xa7\x18\xc3\xc84\x12\xc3\xf2^\xbf\xf1]\xcc\x19\x1a\xc3V\xfa\xd9J\xad\x7fn\xf9\xdb\xcb%&gt;\x80\xce\x8a'</t>
  </si>
  <si>
    <t>b'\xcd"\xfe\xa4\x92\x1d+\xb1)X\xa3]\x8dP]OE\x107\xabp\x9c\xb1\xb3\xdb\x811\xed\x9a\xd0\xbe\xce'</t>
  </si>
  <si>
    <t>b'D\xfb\x8fH\xb8L0\xb9\x12\x1bN1\x8c\x01\xacxCHO^\xc8W\x17&lt;\xdf\x03\x1b\x88\xac\x80o^'</t>
  </si>
  <si>
    <t>b'`%\xaa\xaa\x9d&amp;\xdd\xba?\x9c\xf7\x8f\xba\xb6\xe8]\xc2\x85\xb6\xbe\xee\x90\xf2O\xe9\x07x\xc2\xc0\xdb\xeb\xf1'</t>
  </si>
  <si>
    <t>b'\xc5@\xbdWpBx@\x86\x81f\xdc\x9c\xe5\xda\x0b\xc4p\x0b\xae\x10\xed\xea\xa8\xf52\xa3".\x83]6'</t>
  </si>
  <si>
    <t>b'&lt;e\x80]\xe2pj\xa4/\xba\x1d\xb4#\xfd\x19\xa1\xc6\x8ed\xab\to\xc7\xba&amp;\x8dc\xf6.\x86\x9c\xc7'</t>
  </si>
  <si>
    <t>b'\xae\x12\xa3\xd1jq\x03\x85BU\xddI\x93\xc7[H~Z\x828\x89B\xe0^\xccf\x13m\xf3\xa5Co'</t>
  </si>
  <si>
    <t>b'\x9a&lt;\xf0S\xd6W#O\xb6\x12\xab\xca\xb3v\x9dL_\x88\x02\r\x95\xfb\xd5!_k@_)_\xb6M'</t>
  </si>
  <si>
    <t>b'd\xc8\xec\x8ahI\x02\xbcj~\xd5kvU\x187\xdd-bt\t\xee\xc2!\x1f\x88\xad\xd7\x7f\x958c'</t>
  </si>
  <si>
    <t>b'\x95\x1aC\x14\x02\xfd\xe2\xf9\xbe\x92\x90\xecsbG=\xa6 )\xd7\xe2\xa2\x84\x9c\x12\xfa8\x99\xe34ql'</t>
  </si>
  <si>
    <t>b'\xdc\xa2\x1a2\x10\x85\x9e\xe8\xb7x\xa6\xba\xc2\xf0\x8e\xa5CO\x14\xa7\xea\x95\x92\xbb\x1d1_\xb8\x1dy\x95\xfa'</t>
  </si>
  <si>
    <t>b'\x0b\xa7\xd7\xd6r\xf3X\xcd\x81g_\x0f8\xe3}\x11r\x8f\x13\xf7\xde\x99\xb7\xdd\x02qq\xd2VyN\r'</t>
  </si>
  <si>
    <t>b'\x8a#-\x9f\xf6\xc5\x05n\xc6!&lt;]\x9c\xbfp~(;[\xbc\xf6\x99.V_\xd9\x98\t\xf6:\xd1P'</t>
  </si>
  <si>
    <t>b'\xeb{\xae\xd0\xd5\x94\x8c\xe2\xc6Y\xf6\xba\xa3\xa4\xa5\xa6/Cu\x82\xcc\xf6\x93\xb8\xb9\xe8s\xbcdTSh'</t>
  </si>
  <si>
    <t>b'O\x0c\xe0DV\xdc"*\xb6x\xf1\x80\x15G\x88\xa2\xff=Rr\xbf\x1f\xeb7\xc0\xa6\x0ce\xbbX\x92?'</t>
  </si>
  <si>
    <t>b'5\xb3n=\x9b-n\xce\x8cT\x14/_p\xcah*\x1c:\xbaf%\xbb\xc8\xb9\x9b*\xef5\x95\x98~'</t>
  </si>
  <si>
    <t>b"#\x02x\xdaE\xfa|\x83\xd7A\xf9\xac{#!'\xa5\xc2\xc1\x15i\xefm:\x8bK\xcf\xab\x1e\x92\xb1\x04"</t>
  </si>
  <si>
    <t>b'\xdeXaPNV\x17&lt;"|\xf7\xebZr?\xba\xa6\x9e\x94N\x8a\xb9\x93p[\x0e\xa0\xf7\xe1\xb7\x91\x11'</t>
  </si>
  <si>
    <t>b'Zh\x87\xc8(V3\xa7\x8c\xd5Wb\x82 \x82v\xd1g\xce\xed\xb8\xd4\x94Z\x93\xa7\x0bem}\xae\x05'</t>
  </si>
  <si>
    <t>b'\x9e\r\xc1\x10t \\\xf3\x1a\x81\xcf\xec\xe9G\x7fH5\xb0N\x17\x9f\xc5\xc4Y\x7f\x937\xcf\xa1\x94M\xcb'</t>
  </si>
  <si>
    <t>b"\xe4&gt;m~\xec\xd9\x87\xb1\x82\x99[\x1cG\x9aO%'\xcc\x7ff\xe1Ih\xb51:\xe66\x7f\x19\xc8\x12"</t>
  </si>
  <si>
    <t>b'\x0e\xb5=\x0011-;5\x94\xc1n\xd5\xa0;\x1d\x0b-\x7f\x9a\x1d\x82\xc8|\xe0\xb5\x10"\xbf(}\xb3'</t>
  </si>
  <si>
    <t>b'+\xd0H\xf0\xa2y\x01"Q\x7f\xf8\x9f\xa0\x8b\xa9\xc3\xe5\xa4\xdba\x1fJH\xdfK{\x1c/n\xc4\x05T'</t>
  </si>
  <si>
    <t>b'5U^\x19\xb3e\xf0\xfb\x85s\x8d\x0b\xba\x14tB\x03\x89\xe9\xb4\x81\x99\x8a\x05\xd4\x88\xa8^?\xe2\xf3\xa1'</t>
  </si>
  <si>
    <t>b'\xa9C\x14\xe6]\xf1\xc9"0\x83\xc9\'\xc7\xd4\x00\x90\x91w)\xc0;\xbb\xfb\x84\xb1\xc1\xf3~\xbd}\xbbe'</t>
  </si>
  <si>
    <t>b'\xef\xa6\xb8Sj\x9d\xfb\x87-\x05\x1c\x80\x97\xaf\xb3\x1b\xc5\x85\x8aS\xcf"\xde!\xc1\xd4\xb7Cc\xe6;\x91'</t>
  </si>
  <si>
    <t>b'vr\x88\xcf.\x8b\x87\x96\xc70\xdb\x94\x7f\x9c\x8eLvy\xae\xe2\xae\xa4\xfc\xd2S\xb6\x95\xa6\xc5N\x95\xbc'</t>
  </si>
  <si>
    <t>b'\x1b3\xb2Hy\xdeG==\xd3\xaaEi\xa1\x86F#\xf8\xd73\x0cA\xdaD\xc8\x17\xe0j!R\x12\xc4'</t>
  </si>
  <si>
    <t>b'\x81n\xde1\xb4\x1d\x92\x95\x82\xf4\x12\x9c\xb8\x93\xfen!\xad\xf6m_\xdeG\xba\xe3\xc5\xdb\xb5\x05]wv'</t>
  </si>
  <si>
    <t>b'W\xea\xa6\xb0\xe3\xfe\xd6#\x8d\xdf;o\xed\xd9\x08\x90\x1e\x11\x10\x8e\xf9\xb4\xf5`\x9b\x89`N`\xb2SF'</t>
  </si>
  <si>
    <t>b'\xbcDX\x02\x15f\xda\xa2\xe6\x87\x13lm\x7f\x81\xcfW\xb6\xbf\xc8\x1fw-yD\xbb{\xf1\xd6\xe3\xa1\xb4'</t>
  </si>
  <si>
    <t>b'\x00~\xdfMqI\x8c\xae\x9d\xd6QJ\x06\xe6e\x14D\xe5\xaa\x92\x9dA[\xbd\x10a\xc0p\x1347&amp;'</t>
  </si>
  <si>
    <t>b"'\xb0\xf1\x8b\xac\xc98\xa6\xaa.0\x18\x18\xd4q4b\x02\x0e\x96\x94\x89\x80g\x0ev\x98);\x91\x93\x87"</t>
  </si>
  <si>
    <t>b'lFlX\xbc\x9e\x9d\xbcQD\xe2\xe9\x91\x10/p\xac\xc4b4\x18r\xb3!\xe5\x1d\x86\xcbG\xac\x1cg'</t>
  </si>
  <si>
    <t>b'S\x0f\x7fg\x94\x9a\xf9\xa8\x0e\xe1Wt\xf3Z.\x05}\xdd\xb3\x95K\x16\x82\x99&amp;4mf\xeb\xa0\xa1\x9e'</t>
  </si>
  <si>
    <t>b'\x01\xcc\x8b\x19\x0ce7!\xf0\x9d\x1c7=\x1f&gt;I=}\x8f4\xabT\xbb\xa8\xf6\x94\xfe\xd7U\xbdV\x82'</t>
  </si>
  <si>
    <t>b"\x82\xbaT\xa1\xff\x9aYA\x1ap\x98\xa7\x1b7'\x8e\x1e\\tS\x81\x18\xc0\x17\x0c]qa\xc9\xe7\x9f\x1d"</t>
  </si>
  <si>
    <t>b'\xea[8\xcfD\x98\x91\xea\x120\x9dw*\xf5J\xd8X\x80\n\xeb)X\t\xf6\xa5b\xde\xbc\xb4\x8e\xdc\xa3'</t>
  </si>
  <si>
    <t>b'\xe8\x9b\xd0\xa5\xd4\x13\x9e\xc5\x82\x07r\xb8\xd7\x90\x7f\xab"xu\xe2\x1c\x91~\xfd\xa0T\xf8M\xe2y\x000'</t>
  </si>
  <si>
    <t>b'\x0f\x12\x00R\xfdEp\xce2(\x9c2\xab.i :\xaa7%uc\xe4\xef$\xb2\x0c\xf4\x11E&amp;\x84'</t>
  </si>
  <si>
    <t>b'\r\xe3\x83\xcb/\xbb\xde\xf6;t\x960\x17\xae\x12\x18\xb6\x16\x8c\x03FE\xa6\xc4\x04O\xb7\x84\x17\xc3\x14\xba'</t>
  </si>
  <si>
    <t>b'T\xaf\xef\xcd*\xbc\xba#5\xef\xa9\xf5\xe6\xbe\x07\xfb47\xf1WC\xfe\x1c\x1e\xceZ\xba\x9b\xda\x07\x1a\xd5'</t>
  </si>
  <si>
    <t>b'Y\x13\x9dC\xedq\xf9\xa8C&gt;\x8f\r\xd3A\xb2?\xd3w\xda\x9f$6\xc9[d\xb9\xe6\xc9\xce}\xc5\xea'</t>
  </si>
  <si>
    <t>b'\x97^\x8f7\xc2\xeb\xfb\x9f`VB\x97\x15 gog\xa4s\x01R\xc7Qm\x1c`"\xfa\xa00\xa4\xfc'</t>
  </si>
  <si>
    <t>b'\x93\xa0\xe3{\xbf\xaag\xec\xe6\xcc\xe4\xb3\x14\xd1Fu/\r\xdd=T+ra8\xdd\x02\x9dw^\xba\xcb'</t>
  </si>
  <si>
    <t>b'MR\x1d\xb3\xdc\xf9[\x85\xb3\xbbX\x04s\xe6\xb0\xc7zl%\xd1\xd3\xc4\xdd\xa1g\x15\x9fT\xb1v\xc7i'</t>
  </si>
  <si>
    <t>b'{l\x97\xebW_\x1f\x80\xb1\xa0\x11\xec\xd3\x84\xd8(`^\x06\xa7n\xea\xfc~\xca\xbb}\xa2\x97\x9b\xd7\x17'</t>
  </si>
  <si>
    <t>b";\xee\xc3\xb5)\x80;\x1a)%}8\x0bD\xa6\xd5Q\x11\x96\x8b\xcdZ\xca\x13\xd8'\x97\xe7jQ\xdb\x99"</t>
  </si>
  <si>
    <t>b'\xe26\xbc\x88\xfcl\xb3\x9a\x89\x04nD\x95\xd9\r\x08R\x0c\xa7\xc5n\x8f%a*ek\xd6e\x90\x14\xed'</t>
  </si>
  <si>
    <t>b'\xf35\x826\x9a\xea\xba{\xdc\x8f*\xd3]\xaf3\xe9k\x95\xbe?\x95\xb4/\x83\x8b\xe0A#@V\x110'</t>
  </si>
  <si>
    <t>b'\xf1\xf1i}XE\xf5\xb2\xa3\xb8\x99\xd9\xfbAP5k\n\xa5\xf2\xc2\xfc\xf5\xc0D\xc9\xaf\xb1_5\xba\xa9'</t>
  </si>
  <si>
    <t>b'e\x01\x1b@f\x9c\xae\xeeA\xcd\xa1h\x7f\x9e\x93P\xcaD&lt;a#\x13\x98\xc0\xaa&lt;\xfd\x809]\xec^'</t>
  </si>
  <si>
    <t>b'c\xcc\x05\xd3Y\xb7\xed\x13\xaa\xc5\xbd5\x0b\x8e\xcbady\x8a\x07\xf3\x13 \x11\xd8\xf0\x8c\xa1\x1e\x94)\xd0'</t>
  </si>
  <si>
    <t>b"a\x1aM\x17\x1ca\xff#\x9c\x9e7\x0bde\x91}U\x15r\xd5\xad'\xbc\xaf\xed\xc4\xa3\x85)Y\x8f\x1a"</t>
  </si>
  <si>
    <t>b'\x9e\xb3\xecC!\x93\xfd?(-\xb4\xce\x14\xe4\xb5`\xc3\x8d\xd2\xb4\x8c\x1a%6\xe8n\x0f\x02\xb2\xd8\x0f\x0f'</t>
  </si>
  <si>
    <t>b'\x13\x80\\\x19k\x061\xc9\x06[\x06\x98\xe4Y\xd9\xd8\x8ec\xb5\xc9\xd3\xae\xb5\xf4\xf8J\x91I\xbc\x8a8\x16'</t>
  </si>
  <si>
    <t>b'\x07{0\xdb\xfffS\x18y\x1d\x111!\x9f\xd9\xf2\xf3nQgQ;\xdb\xb6\xff\xbc\xb8D\xbbYd\xf7'</t>
  </si>
  <si>
    <t>b'\xbf\xed{o\xd1\xd0W\xe4\xc2\xbb/\n\xaa{\xf4\x96;\xc3h\xae\x04 \xde\xba\x825x\xd8f#!\xe6'</t>
  </si>
  <si>
    <t>b'\xce\xb9ww\xfa\xfe\x91\x1c\x15z\xbf\xad@\x87a\xbc"\x0fD\x0c\xbe\xfd1\xf8\xfa\x8d7\xeb\x92\t)\xd9'</t>
  </si>
  <si>
    <t>b'\xa2g\x7fH\xd5\xb5v\xed\x170\xb8\xe5P\x97C9\x0e*xI\xeap\x92\x12\xd4\xd3ET\x84\xbcG.'</t>
  </si>
  <si>
    <t>b'\xf0v\x83\x9f\x88\x8d\xcdS\xf2)m\x91\xafs\x07;\xb0\xc1\xe1\xb9?Ky\xf5R\xd7\x16\xf8s?\x03\xce'</t>
  </si>
  <si>
    <t>b'\x8b&amp;\xc2\x87\xefh@\x05]\xf6\x82\xf6\xbcX\x18\xda\x7f7r\x01w\xe9;\x1e\x9a\xcd\xf9\x9e\x07 \xb6\xa8'</t>
  </si>
  <si>
    <t>b'!L\x9e9\xe0\xef[\x86\xca\x91]\xc5\xf2\xd8E\\\xaen\xf8\x89\xe5\xe1\xdbde\xa3p\xfc\xb5B&amp;\xe5'</t>
  </si>
  <si>
    <t>b"\x9a1Iz;\xcb\xd1\x01\xe77x \xcb\xd7\xaa'\xc0T7\xd3X_/\xfe\x07\xb5l\xc6\x1f\x85\xcb\xb1"</t>
  </si>
  <si>
    <t>b'\x82\x8eP\x9a\xab\xbd\xabhX,Se\xda\x07\xa9\x95\xd2\x17~\x7f\x95b\xa7\xe7J\xa0\xda\x06\xbe6:\xdb'</t>
  </si>
  <si>
    <t>b'\x19o9\xfe\x90mi\xe9T\x84\xc6b\x0e\xa4\xd9\\\x90\xb7g\xf5\xa5\x19 \xb8\xaa\x1f\x90\xdeI\xb0\n\xa9'</t>
  </si>
  <si>
    <t>b'\xdc-\xd9\x1e\xd3O\xf3\x0b\xe6\xf0({\xc1\x87Ck\xa5\xccxC\x14\xd1j\xcb\x1d\x82;\xa9\x9adf\xa9'</t>
  </si>
  <si>
    <t>b'pf1\x19\x84\xeb\x8c+t\x829M\xa0\\\x8a\xc0\xd4\xbbZ\xe8\xcb6!\n&gt;\x03\x99\x905\xa8\xceG'</t>
  </si>
  <si>
    <t>b'\xea\x13\x89H\xc58z\x12\x04\xdc\x16Y\xdc\x8d\xdd\x87\x01\x8f\x9b\x17Iyx\x01\xdcT0\xfd\x98dz='</t>
  </si>
  <si>
    <t>b"t\xdd\xdc6\xd1\xa7z\xd4\xca\xfb\xaa\x14]\xcf\xf0\n0$F'\xff8\xe132\x8a}\x16\xfe.w\xb0"</t>
  </si>
  <si>
    <t>b'\xf24\xc9\t\x1bX\x1c\x05\xb0\xe5\xcd)\xa5\x12D\xef.I\x93s\xc9\xef\xa7\xd4\xb6\xa4py%\xd8\xfd\x89'</t>
  </si>
  <si>
    <t>b"6 J\xa5=Fuc'\xf2c\x93:\xc6\xd4\x89{b`i\xa1\x8c\xa3\xbb\xd0\x82T\x046W\xad\xc1"</t>
  </si>
  <si>
    <t>b'E\x1d\x0e\xea\x95T\xaf\x19&amp;\xd4]\x17\x12i\xb19\xa0\x0bQ\x06$G\n\x97S\x18.\x85\xa9@A\x10'</t>
  </si>
  <si>
    <t>b'\x19\x95\xf1Y\x0e9\x8b\xd3\x03\x83*&gt;\xaa\x0f\t4\xa2\x93\x8e9\x8a_l&amp;x\xba\xa3\x18+pB\xd7'</t>
  </si>
  <si>
    <t>b'\r\xc5o\xf1\xfe\x88\xc4\x83\xc5\\}\x85\xfe\xde$\x0c\x92\xc3\xd2\xbfk\xcfC1V\x04C|\x8c\x9b,1'</t>
  </si>
  <si>
    <t>b'\x91\xa3G[\x95\xdb~N\xbb~"\x82\xc8*TdU\x076&gt;\xa9\xaf\xccL\x08\xf9\xd9\xab\xbeK\xb0X'</t>
  </si>
  <si>
    <t>b'd\xff(\xec\xd3\xe9\xe14y\xf5\xd0QB\xd4\xac\x9a\xc2\xe9\x85\xec\x8d;S\x9a\xed,\xbf\xab\x911\xc3b'</t>
  </si>
  <si>
    <t>b'\xf1H0\x93N\xb7\x86U\xdd*m\xd30\xd0\xd2\x86\xbap\xbbZ\x9aM\x7f\xbc\xe8\x85.\x8cT\xcd?*'</t>
  </si>
  <si>
    <t>b'\xd0\xf2\xa1\xee\x1d\xf1}\xb4\xfe\x8e\xf7\x07/O\xcd\x85\x7f\x91E\xfc\xbcj\x15g\x1a\x80\x06\x94|\xe8t\x0b'</t>
  </si>
  <si>
    <t>b'5\xabH\x0e\xef\x8c\xd5D\xb0X\x04+%\xfb\x10\xfe\xd4AD\xd1\xaf\x87W\x88\xc1v7\xba\x14\x1c*\x9c'</t>
  </si>
  <si>
    <t>b'\xe3B%\xd9D\xc2\x8biw&lt;8\xe3\xc0\x1c\xc5\x15!\xcbb\xfa{Rq1\xe5\xe1q|+4I\x01'</t>
  </si>
  <si>
    <t>b'kCu\x03\xf6u\x7f\xa6\xf7\xb9htOs]mj\x94:\xc5\xa4)\x04(\x90`\xe4\xb9\x8b\x9bi\xb7'</t>
  </si>
  <si>
    <t>b"\x96\xaf\x12\x98y/C`'\xf3\x01wox\x0b\xc6\xe4\xa5\x7fy\xe9\x02d\xc4\xd6\xe4|{]\x1b\x10\x17"</t>
  </si>
  <si>
    <t>b'F\xf3\xf8yc9S\x9f#\xea\x9d!&amp;\xf7\xb2\xd9\xe0\x1a\xf6\xd3%\xbb-w\x82@.\x8e\x1a\xe5\xf7\x83'</t>
  </si>
  <si>
    <t>b'*\xf8\xea.b\xf2\x91\x15\xa0HD\xcf\xcf\x86Z\x1e\xa9T)\xe2\x00\x871\xa7P$\x13\xb0K\x95{\xed'</t>
  </si>
  <si>
    <t>b'\xc1&lt;\x97\xed\x10\xef\x82\xebTB\xb5W\x1dg\x8c\xd6\xa1mg\xf7\x90\xdb5\x84\x04~\x7f\xf2^\x1d\x88"'</t>
  </si>
  <si>
    <t>b'&lt;\xd3\x11|\xdc\xea\x95*\xb2\xaaa\x805\xf4P%\x07\xdaM\xb5{R\xe7Jf\xa0\xff\xf2)\xcbw\xd0'</t>
  </si>
  <si>
    <t>b'\x0b\xcbvV\x95\x96\x9d7\xa8\xb0\x7f\x04\x1c\x89&lt;\x1bt\xfa\xa3\xd8\xea-\xb4\x8f\x86\xb4\x0e\xa4A\x1c\x19\x8b'</t>
  </si>
  <si>
    <t>b"\xc8\xe5\x1e\x07\xe0\x11\xaf\xbd\x04\x87KuA\x9f?\x00\r`\xcb'\x10X*\x1d4\x96&gt;[\x9c\xb6\xab\xbc"</t>
  </si>
  <si>
    <t>b"Kk\t= \xe1\x91\xf8v\xc8\x87\x98x\xe2\x84+'.\xd9\xc7\xaf\xc5\xab\x02RVA\xdb\x82\xe3\xe1#"</t>
  </si>
  <si>
    <t>b'\x0cP\xec\t\x8f\xd8\x8af\xceL\x87LO\xe3\xa0p\x90:\xe7\x97sT\x13P\xf3w15\x08:_\x98'</t>
  </si>
  <si>
    <t>b'\xff#\x1cQ\x1dajT\xe5\xcc5S\xd20\xf3\xd2\xf6@ \x82\xb5\xdd\x93\xd2\xbe5\xb3\xc2\x10\xc0\xc7\xce'</t>
  </si>
  <si>
    <t>b'\xd3\xe0\xf6\x18n\x022e;\x18\x0bzALG\x96\xb3\x82d\x8e\r\xce\xdc\xcf*\xbb\xc9\x0b\x0f\x9e\xfc\xeb'</t>
  </si>
  <si>
    <t>b'\x05\xcf\xb9}Dl\xb3P\xfe\x07\xd2\xf1\xc1\xd6\xa3\xf4\xdf\x04\xddm\x03\xe9+\xe8\xb4\xa3\x94\xe3&lt;\xb2(\x15'</t>
  </si>
  <si>
    <t>b"Mr\xc3\x9b\xef.\x85Cr\xa0E\xf3&lt;\xe3\xed9\x91\x06\xe9'\xa1g\xec]\r\xf44D\x08%[\xd1"</t>
  </si>
  <si>
    <t>b'\x9bi\xef\x9d\xe6\x1e\'\x8cb\xef\xc5"\xf7\x0c\xd2e\x90\x8dw\xddT\x896\xf8\xc5\xd8\xb0\xa2?\x85\xb85'</t>
  </si>
  <si>
    <t>b"\xcc\x16\x83\xd3\xa0t&lt;\x0be\x99f:\x0fh4x\x07\xff\x8a\xea\x85\xe4\xbcf\x15I\x0e'\xc1&amp;\x90`"</t>
  </si>
  <si>
    <t>b'.\x8a\x99\xee\xb2\xd6`!\\\xa7\x86E\xb2\xc4^\x0bU\xa2B"\xab\xc2\x16\xa7[n\x90\xba\xeb\xe8O['</t>
  </si>
  <si>
    <t>b'F\xed\x0e\xdaq5\xa4\xd5\xc5\xf3\x97V&lt;\x8f\x97\xc7#yw\x9a\x9b\xd6\x9f\xb0\x1d\xb6\xdeah\x87\xa7\xfa'</t>
  </si>
  <si>
    <t>b'\xa7\x82\x8f#\xb4\xb8$\xb4j\xd6f\xb8\xc9E\x12\xf5\x17\xf2\xc33\xe2\xb4\xd8c0\xff\t_\x9a\x9b\xd2\xd4'</t>
  </si>
  <si>
    <t>b"\x90[\xf0d\x9ar\xdcmW\x90\xf8'\x98&amp;+\x92\xd2\x82\xe2\x01mM\x03\x7fY\xd5?\x0f\xa2;\xa6\x8f"</t>
  </si>
  <si>
    <t>b'\xd2\xcd\xe5\xe4\xda/\x02\xa7\xd4R]\xae#\x0eN\xd6\x13\xbd\xcaw\xcc\x80|\xde\x90\xadzl5\x8d\xcf\xee'</t>
  </si>
  <si>
    <t>b'\x9by\xae\xff\x90\x87\xd5%)\x04j\x14\xdex\xfc\rB\x85V\x9a\xec\xf8@kX\xeb\xec\x17\x02\x19\x93_'</t>
  </si>
  <si>
    <t>b'\xdc\x1d6\x03s*_\xc0\xae\x96n@\x98\x87\xda$\t\xe4\x1az\xed\x81\x98_\x0c\xaeU\xbe1\xefR3'</t>
  </si>
  <si>
    <t>b'\x85\xb6\xf6\x11\x92\x95H\x02\xe5\xf1\xd3\xf3\x124\xe5\xdb(\xe5\xb1\r\xe7\xb2\x91P\xfa\xefE"&amp;\x82\x05\xf1'</t>
  </si>
  <si>
    <t>b'\x9b5\xb6Nw\x9b\xf1\x1a8?\x96\xd4i\xdd\xc89\xe27c0Tb\x8fY\xe7\x1c\xe3\xa4\xa1\x0b\x11\xb7'</t>
  </si>
  <si>
    <t>b'q\xfe@\xa4o\xa3/\xa5\xb1|_E\xa7{\x19\xc1\x01h\x898.\xd8\xbe\xd6*\x08\x85\xb9\x97\xac\xee\xba'</t>
  </si>
  <si>
    <t>b'G\xcb\xb7\x0c\xd6\xb5\xd0\x7f&gt;\xbf9\x9cZ&lt;\x02\x84\xf9zLP\xea\xa2\x15\xd4\xbdo,W\xd20:\xd4'</t>
  </si>
  <si>
    <t>b'\xdfT\x95W@0\x08ZA\x82\x85\x00,\xfe{\x9f\xec\x8ez4\x87]\xc0n\xb0\xd2e]\xc3\x86\x11\xc0'</t>
  </si>
  <si>
    <t>b'\x10_\x0e8\xd7\\\xabX|\x8d"\xff\x19\x01\x03\xe5\xe3\xcd\x95c~5\x99}I\xcaf\x15%\xc9\xad\x01'</t>
  </si>
  <si>
    <t>b'4\x9d\x89\x16\x0f\xb3\xda\xf2m\x1fE&lt;/\xb5O\xcb\xfb\xf6\xaa)\xbbHM\x02\xa5%\x0c\xa0\x8b\xe9\x14.'</t>
  </si>
  <si>
    <t>b"'\xe5\x04\xec(\x82rl\x14\x83\xc8\xe0\x0fXN,\xb9\xaaH\xa3\x0e5\xea\x11\xb7l\xfd\xeb;\xcc&lt;\x94"</t>
  </si>
  <si>
    <t>b'\xac5@\x8fL\xfc\xee1B\xd4\xabDg\xfa\xbf[\xa3\x02^\xe8;\x9d"{\xdbj|\x1e\x08cL\xb9'</t>
  </si>
  <si>
    <t>b'\x89\x92\xa7\xd6\x03\x0c\x16\xd0\xc6\x12-\x87\xa1\x9d\xbd\xcb}\xee\x13\xc6\xd0\xab).h\xc6A`:h\x14$'</t>
  </si>
  <si>
    <t>b'\xfb!\x85K\x1e\x914\xccD\x92\xb8\xean\xaa\x12\x14U9\xf1\x8b\xb8\xbc\xa5]C4z\xc1uV&amp;\xa8'</t>
  </si>
  <si>
    <t>b'\x90D`O\xd0\x12\xa3\n\xce\x04\xf1Y\x7fg\xaa\xec  P,\x88\xfb?\x05\xb3\x11\xb5\x03\xc5\xb0\xe4+'</t>
  </si>
  <si>
    <t>b"\xe2\xda*\xc7\xe7\xf7\xfb\xa2a\xf0/\xfeh\x7f\tQ\x05\xb0\xea.\xc1\xf7\x04\xdb\xdc\xb6\x06O\xbf'\xec\xe8"</t>
  </si>
  <si>
    <t>b'\xde4\xc2\xdf}\x17r\xca\x1d|={\x1b\xef@:\x8cQ{&gt;z\xba\xd0[\xf7P\xa0\xdcS?\xf9c'</t>
  </si>
  <si>
    <t>b'\x02$,\xba6\xfc\xf9y\xfe*A|5\xda\xb2\x15m40\xfe\xb2.\xf9AK\xf30I\xb2#Y3'</t>
  </si>
  <si>
    <t>b'\xc91C\x1dU"Uoi\xa0\xac,\x831L\xde\x1e\xc5\xeed\x98*t\xab\x8cv\xcb\xb7n\x91\x14x'</t>
  </si>
  <si>
    <t>b'h\x00\xdd\t\xa3\xd3.\x89\xe5\x15\x88"\x8a\xc1\x9aC\xcdzrj\xb0\x88\xe3\x0bd\xe7\xa6\xfe\xe5\xcd\x14\xeb'</t>
  </si>
  <si>
    <t>b'A\x0e.\x9e\x9d\xb2\ru\xde\x15\x87\xf7\xa6\xeb\x90\xcb\xa83\xae\xe9-O\xa6\xb2\xbf\xbaa@h\xca\xbc\xf7'</t>
  </si>
  <si>
    <t>b"\xb2\x89\xcf\xbf\xe7+\xc7\xd2u\xcd\xe0\xe2\xda\xcc\xc4\xc1\x86W\xf2\xc8EU\xca\xce'uM\x7f\xb8\x181d"</t>
  </si>
  <si>
    <t>b'9\xdf\xdb\xa3\x91Q8\x8db\x04\xa8q\x08\x17\xdam\xe1\xe5\x1a1\xd6\xce~J\x1a&amp;\xe2\xe9\xcf\x81\xd3:'</t>
  </si>
  <si>
    <t>b'\xce\x12f\xd2$\xf7x7(^ \x8a\xd5\x0b\xf7\xca\xbf\xdb+\xba\xcdf\xde\x15\x0b\x0c\xe4\xf8\xbf\x0f\xf9D'</t>
  </si>
  <si>
    <t>b'\xc7\xe9\xd6:\xaa\x1c\xbb\r]\xe5S+\xa0^F3`\x0b\xb6\xf9V\xea\x86\x17ySoJn\xfb\xaa\xd7'</t>
  </si>
  <si>
    <t>b'\xd9Gf#\x81\xb5\xfd\x1aFG2CG\xfb.\xcf\xd7\xc3\xf5E\x95\xc3\x9aS\xe5\x9f\xcc;\xdb\xf8\x1bA'</t>
  </si>
  <si>
    <t>b'v\xa8\xd8{^\xae!x.\xedE]^\xea\x9f\xd1\xa1%8\xec\x80r\x01\xff\tE_\xf0WD+_'</t>
  </si>
  <si>
    <t>b'\x9b,1\xc0\xc6&gt;*\x82WM\x16\xed\xe3%\xcc\xac\xfeZ\x9f\x98L\xc7\x84`\xf2h\xe7\xb3\x80\xbe\xff\xf2'</t>
  </si>
  <si>
    <t>b'\x06\xa83\x0eT\x83\x87R\x91.\xe6h\x8bu\xb6\xbe\xdc*h\xc6d\x8b\xf9\xb3M\xc1M=?\xf8k\xc9'</t>
  </si>
  <si>
    <t>b'G\x84\x8d@\x19v\x0f!\xf0\xa9\x15+d\xae\x0f9M\x8e\x0e\x95c\xece\xde\xe0\x96\x95\x8a\x8a\x81\xf6]'</t>
  </si>
  <si>
    <t>b'\xda\'\x10z_I\x94\x7f\xeb\x10\xe4\xc6 \x1c\xb1\xe9\x1c\xaf"\x9b\xba\x96\xa6\xa9\xc2\xa0\xd3I\x9cZ\xf1\xf2'</t>
  </si>
  <si>
    <t>b'\xfe\x94l\x03\x89b\xe3Q\x80\xb1\x1a\x06{\xc9Q\xa1\x1e\x95\xf7\xc2\xa9\xd3\xa4t.v\xca\x80\x93\xfd\xf4\x0f'</t>
  </si>
  <si>
    <t>b"P\xf3\xfc\xda\xf5\x87\x16\x81\xd8=&amp;\xd5{{F\xd2(\xe9\xf3\xfb\x0e$S+H\xab['\x84\x98^\xa1"</t>
  </si>
  <si>
    <t>b'\xcf\xc2&amp;W\xdf@"\x85`\xe5\x96\xb0\xb1\x80\x1d\xc9\x1bs\x1d\x13\xf91\xf5\xadq\xc0\\\xc5\r\xdc`f'</t>
  </si>
  <si>
    <t>b"\x89\x85\xe1\xc8?\x7f\xab\x89/n`\x89R\x16r\xe8*\xc6\x86c)\xe85\x13\\\xb1'\xef\xce\xc7e\xa4"</t>
  </si>
  <si>
    <t>b']\xc7\x0f\r\x9d\xbf\x87\xb4\\\\@~\x90%\xc4\x16;\x97\xb1\x08E;\xb6V\xf4\x98\x8cN\xce\x1e\x91='</t>
  </si>
  <si>
    <t>b"\x9d\xaa5\xdd2\x97%&gt;\xb6\x8ew\xe1?j\xe2\xcd\x87x5:|\xc9'I\x0b\xc4\xfc!md\x8f\x8b"</t>
  </si>
  <si>
    <t>b'\x87\xed}\xc0\x8b\x08\xe2I\x9eN\x11\x92\x1b\xd4\x08\xa9%\x9e\xfe\x06\x16bHN\x90A\x9b\x05#\x9e&gt;}'</t>
  </si>
  <si>
    <t>b'!\xd6\xf5\xda\xb1\x05\xechkbK\xa0\x0cC}\x8fB0\xac\xae\x9bZN\xc4\xe4K\x9cf#\x9bd\xc6'</t>
  </si>
  <si>
    <t>b'\xe0e\xf4\xfbQ\x7f?\xd2\x1ac\xe3X\xb6\x97\x82\x08\x9f\xd0\x17\x8e&amp;G\x0c~\x979dB\x06z^&lt;'</t>
  </si>
  <si>
    <t>b'U/H\x05\xa8s&lt;\x8c\x17\x9edSD\xc8\xfb\xee\xa6\xb8\xd5y\x17\xf9aa2"5\x83+\xb0\x17\xf6'</t>
  </si>
  <si>
    <t>b'~\x85\xe7\x9d\x84`&amp;\x05,\x92\xcd\x88\x02\xf8\xcb\r\xcb\x12\xbf\x83K\xd3+\xce_\x13\xfby\xb4\xfe\xde&amp;'</t>
  </si>
  <si>
    <t>b'\xe2\x9a[\xbe\xc34\xe2\x974\x07\xd9\x81\x19[\xb9\x18\xe0\xf9\xf0\xb2\x9e\x80\xdc@xmTs\x8e\x0bY\xc1'</t>
  </si>
  <si>
    <t>b'_\xac\xc1F\xc0\xe1%\xfcq3\xc6\x8b\xb6\xc8\xf0\xf5c\xbb\x12\x1c\xce\x8d\\E\xf4$\xe3\xdaG\x02\xdcz'</t>
  </si>
  <si>
    <t>b'\xd09\xa63\xe4es\xf8\x8b\xc8\x01\nD\xf6-\xf1\xa3\xdb\xc8\x977\xa1\xbck\x02&amp;\xec\x96S\xf2G\x12'</t>
  </si>
  <si>
    <t>b'f\xce\xb6n\xc2\x88y\x96DI\x0biB\xc8\xd4\xea\x0e\x15\x17\rD\xb9\x8bU..\x17\xcc-2A\x81'</t>
  </si>
  <si>
    <t>b'\x87\xc6\x822\x1e\x85*e\x90\x01f\x0ci\x8eX\x94\x1ff*L\xf2/Ct0\xe9\x9a\x89\x07\x1b\xc3\x01'</t>
  </si>
  <si>
    <t>b'\x81;7\xfd[\x91\xc6\x80\xd3EzX4\xea\xbd\xe14\x9c\xb8\x1d\xef_8\xf89\xdcV\x1a\x1c\x0en\x1e'</t>
  </si>
  <si>
    <t>b"\xea\xae\x12\xd6se\xa9/\x06\x8f\xa3\x19C\xa1P\x83\x87'_\xa6c\x86\xfe\xbd\xb3n\x93\x13\x92\xec\xaf\xbc"</t>
  </si>
  <si>
    <t>b'\x1dM\x8c\xa3pc\xd5r+\xd5\xedt\xdb\x98\xe4\x02\x05\xfe\xd7\xbc96z?\xc6\xc0X\xe4oGHu'</t>
  </si>
  <si>
    <t>b'\xc5=\x99s\xd6N\x8bie\xa0\x89x\xf4\x0fa3v\xab\xae\xaa&lt;=\xf6 ~*\xd16\x8cs\xc3W'</t>
  </si>
  <si>
    <t>b'\xcd\xbc\xe4\xb9\x99l\xfa\xe3\x8bg\x08XT@\xa7(\xb8\xfb\x1f\xd4 \xd7C\xbd\x9f\xa7\x86\xd2$-ye'</t>
  </si>
  <si>
    <t>b'\xe8c\xd3\xc0@\x88\xaa\xb3\x03\x979\xb7Z\xafOB\x07l\xbb\xfe\xeaK\x08N(s~\xc26\x8f}\xdc'</t>
  </si>
  <si>
    <t>b'\xc4\xf4y\x07\x83\xcb\x05\xfb\xb8\x99\xb8\xd7I\xef\x7f\xa3\x8e^!\x1a\x1cSt\xe5\xb3\xe9\xce\\\x13\xdd\x93\x85'</t>
  </si>
  <si>
    <t>b'\x8dd5\x93h\xb2\xb2\xe6\x8c\x18\xad\xa8\xd2\xb0\x0e\x956h\xd0\x95qk\xeb\xf3\xb3\xe5&lt;\xaf\x85\xf4\x8d`'</t>
  </si>
  <si>
    <t>b'\xa2\xbcL\xd3\n7h\xab\xf4\xbb\xea\xc6\xb3p}\xb7\x03\xc8;\x8cW\xac\xc6|\xfc\x0e\x7f\x8bP.\xd8('</t>
  </si>
  <si>
    <t>b'\xdd\xb1\xcc:\xf3\xdc\xf5\x18\xdf] \xa8=\n\xca\x9a\x16\xc7\x1d\xa9na$M\xd5\xfa\x91\x1c\xa8\x8aU\x82'</t>
  </si>
  <si>
    <t>b"\xf5\x8c\x86\xad)\xc6\x86\x9a\xca\r'\xd8\xfd\xda{\xba\x1aw\x88\xe5\t\x88\xbc\xd3]=Jo\xc5\xd0\xc4\x9f"</t>
  </si>
  <si>
    <t>b'w\xb7o@\x9d\xc6\xfc"\xc2Xin\x14V\x07\x8ai|^\x8a\xf5\x97\x8b\xa4\xad\x80\xe7\xe4\xd3\x8c\xc2\x94'</t>
  </si>
  <si>
    <t>b'A\xb8\x98\x83-]\x0c^\xf0J\xd7\x9d\x9e\xb1\x80\xbdL{\xa1$\xfe\xcc\xed\x8d\xcc\xfcY\x184\x87\xde\x9f'</t>
  </si>
  <si>
    <t>b'\xd0R\xe0)/\x99\xaf"\xc71\x16\x9e\x9cnc\x08\xf9w\x92;\x03RLl\x03\xe7\xb0\xc7K\xec\xa2\xda'</t>
  </si>
  <si>
    <t>b'\x17\xa5}\xe0lR\xb4OG\xba\xbcF\x81\x1dP\xbb\xa2\x02\xcf\xa2\xb8Okvd\xd1/@F\xa09f'</t>
  </si>
  <si>
    <t>b'\x05\x8e\xc6\x8fe\xb7c\xbf\xa4=\xbc\x1f\x9a\x0c\x89*\x82\rs$\x82\x1f\xf3\xd7\xb4\x8e\xed{&amp;,\x9b\xca'</t>
  </si>
  <si>
    <t>b'\xf2\xe78\xed#W-\x14\x9c\xf3\xc1\xc8\x9e/7z\xcc\xd9\xcai\x99\xc2fRC\xcc\xc9u\x98\x80\xd1D'</t>
  </si>
  <si>
    <t>b'\x17h\x85\xdf\x7f\xcd?\x1e\xbd{"\x92\xcc\xfc\x1d\xfb\xe3\xb0\x81\xb6\\\xdd\x02\xc3\xfe5\xd0\x1c\x90\xe47\xf5'</t>
  </si>
  <si>
    <t>b'\x0bv5&amp;\xe5\x03-JD\x8b\xdf\x8f\xb1\x1b\xb5\xe6i\x83\x03$s\x1am\xbajR\xda\xdbe\x83\xf5\x9c'</t>
  </si>
  <si>
    <t>b'\xff\xc1\x0e\xcc\xfa\x06\xb2^\xdd\xdbb\xf5d\xba\xe5\x99|\t\x9b\xb7\xf9\xea\xb3N@\x14\xa5\x159\x8c\xbf\x13'</t>
  </si>
  <si>
    <t>b"\x93&amp;\xb3\xe8\x19\xe7\x8f\xb9\x9f\x03t\r\xe4\x10\x19\xf0pI\x88\r\xf7\x9e\x86_\x1f\x8fe\xa4'~\x0b\xc4"</t>
  </si>
  <si>
    <t>b'\xd4\x9f\x96V\xee$\x07\x9a\xca\xfdA&amp;\x93\xfd9\xf8\xb1\xdeu #\x92\xcd\x8fJ\xde\x15m\x19\xd5\xd3\xc8'</t>
  </si>
  <si>
    <t>b'\x01\x8a^u\xfc\xd8\x15N\xcc\xf8\xfb\xe1wc"$\xa2\x13\xd5\xa4*\xe4\x19\x9b$\xac\xb8[\xb9\xb6Sc'</t>
  </si>
  <si>
    <t>b'\x0cw\xf43\x15\xaa\x19q\r\x1f2n\xfb\xab::\x8a\xdc\xdaX!\xc5\t3\xd1\x0c\x98\x8f\x87?\nb'</t>
  </si>
  <si>
    <t>b'\xdcB\x8eDz\xd1c\x85\xb8\xc6\x13o\xea\x1cg\x80\x8eC\xc9{\xac\xca~U\x1a\xd3\xfa|\xbcr0\xbb'</t>
  </si>
  <si>
    <t>b'\xafK\xef\xac\xd1\xcf&amp;2\xe6\\i\xbds\xbb\x86Ju\xdc\x97\xac\xfb\xefL\x93\x8a\xdfo\xecQ\xf9b\xaa'</t>
  </si>
  <si>
    <t>b'\xf4\x85\x9dT8\xa4\xeeJ\x82\xaa#\xf6]%\xef\xf64\x1f\xfe\xe2^\xd7\x1e\x8e\xa1\x82\xf9i\xf7_\xbe\xef'</t>
  </si>
  <si>
    <t>b'\xcfj\xa5M\xf8\x14[\x918\xff\xab\xfaFn\xbe\xb7\x03\x17r\xb7\x12\xc0\x83\x83\\\xed\x9c&amp;\xde\x01\xb9:'</t>
  </si>
  <si>
    <t>b'7"l^\xcb;+\x9f"\xfd\xba9+\xff`\xc7\x94\xd8\x9e\xb2\xa4\xa6\x03)\x97l\xd7$\x17\x06\x9a\x81'</t>
  </si>
  <si>
    <t>b'd~\xb6r\xf7\xf8\x17\xc5\r\xcb,\x98W\xc6\x99b_\x11\xd18!h\x9f\x7f\xfe\xf9f\x06n\xa6k$'</t>
  </si>
  <si>
    <t>b'\x1e\x7f\xcc\xc7d\xcd\x89^1\x97M\x0c\xe4\x8c\xd6\x07\x0f\xcc&lt;\x7fcy\xa6K\xc1\x0b\x83Y\x9e\x9a\xc2y'</t>
  </si>
  <si>
    <t>b'ho\x89i\xcb\xb7\xce\xde\x80\x98\xb0a\xeb\xc2G\xbb&gt;N\x80\xe5\x02 /\xb9\xe0\\\x9f\x02\xa5\xa6\xf3\x8a'</t>
  </si>
  <si>
    <t>b'\xb0\xce=\xca\xc0h\xc0\x934\xdf\xb8l\xb7\xce\xd4J\xd6\xdf\xf3\x15\x1dQ\xe7\xe4\xe6E\xb6\xfbf\x04\nY'</t>
  </si>
  <si>
    <t>b'\xc8\xd7\xcd\xc6\xb2\xd0\xc8\xfc\x8a\x94\x10~\xb4\xceVD\xa8\x84\x83y}\xbf\xe8\x95\x8a\x1f\xb3\xb3\xcb\x97J\x97'</t>
  </si>
  <si>
    <t>b'M\x8f\xf5!_\x85\x86\xff\xe4Z\xf08\xb0&lt;$\x95\x98\xa6\xbf\xcf%^\x9d\xfc\xef\x17\xd1\xbcS\xa1\xce6'</t>
  </si>
  <si>
    <t>b'E}\xe9\x0b\xe0\xbc\x95\xab\x88r"_\xd4\xefU\xb9\xed\xa5\xdec\xb1\xc9\x85I\n:\x8c\xe2\x83\x8cPr'</t>
  </si>
  <si>
    <t>b'\x1av\xc7|\xe0\xc1F#\xae.\xc6\x81\xdd\x9d\x99|7\x87KS"\xfb\x88\xab}\xda\xbd7\xd3_!\xd4'</t>
  </si>
  <si>
    <t>b'\x15\xc5\t\xf1\x8e\xaf\xe6\xa9\x1c\xa6\x94\x10\xb1\xb3@\x1e\'\xf70\xd0q\xd2\xe2NP\x82\x99?\xf8\r"\xc5'</t>
  </si>
  <si>
    <t>b'\\\xf4/|hE\xf8\xd2_\xfb\xc1\x9bnI\xe2\x9b\xe1E\xec\xa5\xd7OBwXU\xf9\xe4`\xbf\x96\xf4'</t>
  </si>
  <si>
    <t>b'\xa1`\xa6\x969\x1d\x0c\xf4\tp\x9ds\xb7\xbf\xe9\xc9\xa0\xa7\xe5\xc8\x95hE\x94\x96\xfa6\xa4\x1d\xa8\xa1\xdb'</t>
  </si>
  <si>
    <t>b"\xea'\xd4\x9d\x044\x00\x1e&amp;6/}\tc\x0c\xd4\n\xaa\x92\xc5\xa2\xa9\x8d*b\xb2,\x8eb\xee\x17b"</t>
  </si>
  <si>
    <t>b'\t\xf9v\xbe\x10\xfb\x1d:\x05\x1d\xa3\xb8\xa5\x12)\x9c+\x97\\:\xc8\x82\xa3\xe2\xa7\x14zNm}*\x83'</t>
  </si>
  <si>
    <t>b'\xaf\xe5eM\xad\x92"\xe1\x97\xf0\xaf\x86Z\x99\xceT\xd0\x12\xb7[\xb9I\xd6\xf5\x16MG+S\x03\xe4\xb1'</t>
  </si>
  <si>
    <t>b'\x1e\x16\xbe8T\x93r@\xa5\x0f/\xf8\x1f4\xffLQ~\x91\x08\xf4\xaa,\xb9\xc6J\xfc\xb2\x8f\x0c\xd4\xeb'</t>
  </si>
  <si>
    <t>b"\x1e%\x1c1gF\x17x\x1a_\x003\x82\xb1.\xb0_\xdbE\xb2A/\x08\xe2'\xf0\xa7\x81\x18C\x80\x82"</t>
  </si>
  <si>
    <t>b'\xd2#F\t\x02\x97A\xedfo\xd7\xc1)\x7f\x95\xa5x\tHB\xa1|\x8c\x00M\\\xde\x89\xe8\xb0\x99\x85'</t>
  </si>
  <si>
    <t>b'\x8c\xab\xb6\x0e\x1bV\x94!")U\xbf\xfbT\xb5\x0eG[\x1a\xb0\xcb\x07o\x7f\xc0\xa1\x83\xec\xd1\xeb=Z'</t>
  </si>
  <si>
    <t>b'\xa96\xa4\xc2\xf9\x85\xce\xcc\x05X\xf2}]cN\xf2x\xe5\x84&amp;u\x7fF\xccY\xb8\xa5Q]\x9eg\xcd'</t>
  </si>
  <si>
    <t>b'*\xd1\x92\xfc\xe0\x8f\xa1\xc1\xe3\xb2tk\x91\xa0\xf9\xabzv\xf7B%\x85\x042\xefI\xa0\x86\x92\xecE&gt;'</t>
  </si>
  <si>
    <t>b'k4\xd4\x8a\x8c\x06w\xd0\x9b\xa7\x05\xab\xc0F\x88\xef\xe9\xf7J\x80\xdb0Dp\xe1\x08F\xdcU\rH\\'</t>
  </si>
  <si>
    <t>b'\xab\x1f\xe6zS\x1c\xba\xa6\xcc\x01\xd94R\xf8-%c\xe4n\xd1\xc9:\xf3Jp1\xc0\x08\x0b\x82m\xd3'</t>
  </si>
  <si>
    <t>b'^\x9f\x87\x07\xda\xdb\x1f\xc2T\xb0\x97\x15!\x15h\x80\xb9%\xdf\xff\xf8.Hv\xf3Tc\xac\x11\xf9\x8d\xdc'</t>
  </si>
  <si>
    <t>b'\x11\xe0j"\xf3\x98\x1a\xf1Tj\x93\x86\xa0w\x8a\x81\xba\xde\x02\x1d\xb2\xb9\x98\x81\xa9)\xe6\xc4rc\xd3&gt;'</t>
  </si>
  <si>
    <t>b'\xa6&gt;*\x9e?\x90g\x92\xcbI\xe9\xc6v\x16\xaa\x1f\xb1\x8a\xe4zGA\x8ca2\xf0u\xee\x99Q\xf2\x7f'</t>
  </si>
  <si>
    <t>b'#o\xb7\xf5u\xc0\x041\x1e\xa4\xfa`\xa0\xfe`IaFpWm\xfb\t\x06J\x89]\xf2\x83,L9'</t>
  </si>
  <si>
    <t>b'\x1c\xef\x90\xdb\\\x18\x0c\xf0^\xe1]i\x92!\x12\xae\x8cG\xe7\xe1\xcfmb\x97\xee\xfa\xf5I\xc9\x9c\xa6\x94'</t>
  </si>
  <si>
    <t>b"dW\x8dL\x83'\x04R\x08\x1bM9\xf2\xd8h\xab\xb2\xff\xe2 \xb7\xc4Q\xd1\xe5\xb8\x9b\xf3\xf2Q\xcf\xaa"</t>
  </si>
  <si>
    <t>b'\x08K\xb4\xc3K%PW\x8d\xc1\t\xc9D\xdeFL\xc3\xd3Y\x0fMnC\xc9(\xa1\x8b\xc0\x07\xf12k'</t>
  </si>
  <si>
    <t>b'\x18W\x9e\x05\xc23\x0b\xaaG+E\x19\x8c!\xdf\xf3\xe9\x9a\xd4{\xabl\x82\x182\xb1\xa3\xbc\xd3\x1c\xfd\x1f'</t>
  </si>
  <si>
    <t>b'[\x99Lq\x92f\x93 \xdd?\xbb\xd9S\x07\x112\x07\x84\xc3\xba\r\xb0\xa5\xd1\x91\xac\xaf\xa3\x89/$\x18'</t>
  </si>
  <si>
    <t>b',\xa3m\xee\xac\tf\xc5&gt;r\x8b[l\x9a\xcf\xef\x8ad\x9e\x96Uye\xf8\xda\x9e\xab\x02gT\x13\x91'</t>
  </si>
  <si>
    <t>b'\x15\xd2\xd6x\xdd\xb8+H\x96D(\x17\xbfLl?\\\x03`}\x9eOW\xcf\xc2\x03&gt;j\xdc\x89&lt;\x1c'</t>
  </si>
  <si>
    <t>b'\x1aG#\xb1\xba\x15\xe6\x14\x12\xdczbq\xaea\xca&amp;\xf3KW \xa5=\xefe\x9b\xba`\xd6g\xe8q'</t>
  </si>
  <si>
    <t>b'\x88\x14\x1f\x85\x12\xa4\xdcE\xbd\xd5\xd3C3\x1b\x7f\xc9\x1flZ\x10\xa9RO\xb6\x12\x08\xea\x0b\x177\xea\x84'</t>
  </si>
  <si>
    <t>b"\xca\x96\tgT&amp;\x91\xe4\x1aE\xe2\xfa\x97'+\xc9z^\x92\xae\xaaVv4\xeaL\x1b9\x8fX\xdb\xe4"</t>
  </si>
  <si>
    <t>b'\xf2\xaaS\x0b\xab\xd2\xebP\xb0\x1b[\xe4A\xad\xe0\xb7\x10\xf6~\x13+\xd1\x83\xfe\x0fj\xa9Qi\x9b\xf5\xe0'</t>
  </si>
  <si>
    <t>b'\xffP\xf5\xd0\x92/QU3\x9fN|\xaa@\x1fYJ\xe0\xa3mg\x1djl\x0fg\xb9\x18d\xc4\xb9P'</t>
  </si>
  <si>
    <t>b'}\x7f\x9dRO~\x9aq|W\xf2\x15\x04\x8a\xcc\xf6\xa8\xe6\xf3\x1e\x17\r\xd8f|\xccy\x1b\x94\x98\x9c\xaf'</t>
  </si>
  <si>
    <t>b'C\x8b\x18g\x0bx&lt;\xdf\xd7xe\xdc\xbd\xafw\x8b\x8e\xe07\x83\xad\x85\xd6\xcbQ\xf4\xc8\x86\xdf\xea\xb3m'</t>
  </si>
  <si>
    <t>b"\x99\x07\xbd;K'\xb6\x80}\xf8\x8e*hXB\x96C\x1boL`\x1b\x99\x08\x1b\xc7\x07\xa9;\x01\xf2\x03"</t>
  </si>
  <si>
    <t>b'\xfd\xe8v\x8e\x82(U\xba\xea\x19\xbfZdK`Y\xfe\xd8\xb8s\x06\xe6F\xb3\xc8Sp\xe7\xa9\x8a;\xd3'</t>
  </si>
  <si>
    <t>b'M\xd4c\x96\xba\xab|\xc1z\xa6\x84\xc6\x0f\xc6\xb5\xbd\xa9\x1dR9bt4\\Q\xb1(G(\xa8\xe0\x97'</t>
  </si>
  <si>
    <t>b'm\x986\xb6B)\xea\x83"\x08\xe8D\x1b\x94\xb6\xf5sJ6\x13\x81\x01\x95\x9f\xfa\x83\xf4\x8e\x02\x1e0s'</t>
  </si>
  <si>
    <t>b'\xb6\xeay\xa8#0\x85\x8a\xb0\x11\xe7h\xa4l\xc7\xe0\xe6\x03\xe0x\x15\x9dM\xd9\xaa\x16$$2\x0en\x0e'</t>
  </si>
  <si>
    <t>b'*\xee\x88\xda\x94d\xe1P\xb0\x83EAZ\xc2Pu\xf4\xc5X\x11\xedZ)\x0b\x08"5\xe9o\x18#\xf0'</t>
  </si>
  <si>
    <t>b'"S\xd5\x9b\xe6/\xb5+g\xc9\xf0\x02\x8b\xe4\xc5%\x1e\x8c\x88\xfba!\xa1&amp;Z\n\xbf\t\xb2\xe7\xec\xae'</t>
  </si>
  <si>
    <t>b'\xad\x86\x9e+\x97\xfe9\xa4".\xc0o!\xbe\xaa\xb2}J\xf1\xc0NlmN\x06\xe8\x04\xa8\x8d\x82\xfe\x8e'</t>
  </si>
  <si>
    <t>b'\x08\x8f\xee\x8d;\xc4\x90\xef\xc2\x1c\xb3\xe5\x8f\xdb@1?3\x9d\x83\x19\x11\xd3H\xfa\x19\xb6KP3VV'</t>
  </si>
  <si>
    <t>b'\xd9\xa3\xf1\xf7\xcd\x19\xff\xb4\x14amVA\x9d\xf4z~bG)\xcb\xc0\\_Bm\x969\xd1\xd39\xb1'</t>
  </si>
  <si>
    <t>b"\x82\x9f\t\x80'\xa0\x1b\xc3`\x07R\xcd\x92\xe1\x9f.)\x8d\x99(\x0c\xcaVG!\x90\n_=\x0ez\xaf"</t>
  </si>
  <si>
    <t>b'\x9c\xf3\x86&lt;\xec \xf8\xdcKA0\x89\xdcg\xbe\xd8\xad\xee_\x1e\x15\x10\xea\x84M\x1d4O\xc8Q{\xb4'</t>
  </si>
  <si>
    <t>b'\x99]\xba\xb5\x17v,\xf1b\r,\\\xf1\x0e#\xfaF\x0f:\x13\xdc\t\x95\x9d\xcb1\x02\xab\x8c$\xe8\x19'</t>
  </si>
  <si>
    <t>b'\x1a\x83\xda\xc5\x893)\xe4\xf1b\xb1\xef\x1fE\xbd\xf6\x9a\x87\x95\xca\xca\x98\xfd\xf2\x9dP\xec!\x82\x07\xa19'</t>
  </si>
  <si>
    <t>b'\x10\xf9Fj\xf9K\xeaQ\x9e\x10\xbaW*\xd6\x9c-\xd4S\\\x9bf\x1c\xf3^07W\xf9\xb3\x84\xca\xec'</t>
  </si>
  <si>
    <t>b'!\xdel\x9bY=L\x9b\xd1\xfd\xbdq~\xc7\x97=\xf02\xbc/U{\x90\x9e\x8f\xe7%U\x0e\xc9\xe6j'</t>
  </si>
  <si>
    <t>b',A\xbe\xbe\xd0\xf9A\x93\xa3\xb7\xf66\x1b\xea\xbff\xdd\xc8)\xdf\xc2\x92\x93\xbe3\xa3\xa5k\xf8`\xb5\x9e'</t>
  </si>
  <si>
    <t>b'\xf6\xb3\xa3f7\x91\xdc\x08\xba\xb0/\xbe\xaas\x13\\\xeb\x8f\xac\x84:\xb0\xf6\x01+\x0e\x15\xfb\xaf\xab)\xb4'</t>
  </si>
  <si>
    <t>b'\x82,\xe2\x1a\xb65\xe5\xc8\x96\xa4))\x8a\xc1\xc3\xffwK\xb0\x01\x1f\xb8S2\x90|\x9aDaI|\xce'</t>
  </si>
  <si>
    <t>b'(\xd5\xfcA\xcf\xf9+\x14B\xad\xe3Hk\xadT\x1e;\xed\xebB\xe2u\xe0\x16\xf7P\xd0\xb1\xbd\xb0\x07\xd7'</t>
  </si>
  <si>
    <t>b'7\r\x14\x19\xde3brV\x82\x18\x8e\x01D~\xa98\x84M$\x1d,\xd9\x1b1\x8e\x95AC\x99I\xce'</t>
  </si>
  <si>
    <t>b'\xd5\xc4\x0e~\xc2YE\xac\xc5\x99\x99`\xcc\xf5\x8f\x87k\x1a\xc8P\xa76\xa1\x8bT\xb6a\xed\xd1Q\xd39'</t>
  </si>
  <si>
    <t>b'On\xea\xb4\x83r8\xdd\xf3\n\x95\x92c\x05\xc7\\\xdfS\xcd\xff\x89\x97&gt;o\x98\xda\xdd\x03[\xe5Q\xc6'</t>
  </si>
  <si>
    <t>b'\xb9^\xeb\x88\xbf\x0f\x7fS8\xa0^/:a}\x85\xcao\xed{2\xc2\xf9%OF\x96B\x0c\xb9\xdf\xa9'</t>
  </si>
  <si>
    <t>b'\x1e\x89\x1c\xe9\xf3uk0\xe3Q%Hj\x9a\xfd\xb8\xd7a\x06\xba\x1eW`\xe4@\x8e\x92WH\x1f\x0e\x96'</t>
  </si>
  <si>
    <t>b'\xc4\xf44\xd7\x11\xbb\xdc\x8f{~X\x17\x1by\xa5\xe1\x11`\xa5\xaaao\xfa\xb1\xc5\xd8\xe2\x82I.\x9f\x7f'</t>
  </si>
  <si>
    <t>b'o\xa7WXQ\x1dE)\xac\x9c\xe6\x175\xc3p?\xa62AT\x94Pz;\xcd{h\xb6B&lt;\xdc\xc7'</t>
  </si>
  <si>
    <t>b'\xec\x03\xe0\t\x1ck\xf9\x7f\xf1\xd2"\x98&lt;\x8e\xc3\xc3\x87\xe1\xceL\xd9\xf5!c7V/6\xc1(&gt;K'</t>
  </si>
  <si>
    <t>b'&amp;m$/\x11\x93\xd7Q"\xc9l\x88\x8f\xc5?\xf3\xfc%b\xf2$Fv~\xbd\x8c0\xb1\xf7\xa0&lt;\x82'</t>
  </si>
  <si>
    <t>b'\xadrD]\xaa\x90\xb0\x89\xbdX\xec\xe6\x90\xa5\x9dHv\xb6l\x0b+\x1bZ\xb7&lt;\x12\xdf7\xab\x91&lt;A'</t>
  </si>
  <si>
    <t>b'\xf3\xef?&lt;\x00\x8d\xf7rB:"\x84}\xb37\x83$\x97~#E\xbb\xad\x843+\x13v\x9a`\xcf&amp;'</t>
  </si>
  <si>
    <t>b'\x86\n\xb2$\x8a\xb4#\xcd\xd8KAYZG\r\xb0\xe5\x11\x90\x1c0\xb9\x85E\x02[NV\x10\x95\x98\x1d'</t>
  </si>
  <si>
    <t>b"\xab\xfa9\x8f\xaa\xd4\xae\x06\xcbB\xc0\xa5\xbf{'a\xed\x1cz\xa7\x13K\xba\xd8@\xb5\xfaj\xedK\xa3\x1e"</t>
  </si>
  <si>
    <t>b'\xedY\xccBr\xe1\xdc\x9au\xa9&gt;m\xd3\x98\xd7\xba\x1cl\xd3\xd0\xf0\r\xdc!.\xa3h\xd3\xb1\xe6\x80$'</t>
  </si>
  <si>
    <t>b'\x0e4\x98\xdaM\xde-\xd7\x03=\x8b.\xbc\xe5\xd1\xad\x16*\xad\x89K\x1c\xb6;\xb00\x95=\x156`E'</t>
  </si>
  <si>
    <t>b'oGC\xd4\x9c\xf8\xa7\xe2\xfb\xfc\r\xcf)?,\x8c\xf7\x9a\x19C\xc1G\xdemf\xee$\xa8\xe6\xcb\xa2g'</t>
  </si>
  <si>
    <t>b"\x91KV\xf2\xb9w\xb6\x82\xd9\xe0\xda\xa5\xb6\xe3\xb1\xad\xc7\xa1'\xc0\xf6p\xa4-\x01\x0b\xcc\x1f\xedF\xee\\"</t>
  </si>
  <si>
    <t>b"F\x17U\x17\x1b\xf0\xf0\xa9&gt;\x81\xb2O&gt;\x16A\xde\x83\xfc\x86\xb9i\x9e\xfdh\x8a\x88C\x84'\xd2\t\x91"</t>
  </si>
  <si>
    <t>b'\xdb\xe1\xc9\xc6a\x8e3\x82\xc7I8M\x02\x05\x0e\x0b\xb2\xaf~l\xcc0\x92\xfer\xde\x9c&lt;\xba\xdf\xc6\x84'</t>
  </si>
  <si>
    <t>b"h\xb3*\x90\xa0\xcc-iM5\x1cF)\xe3#5O'\xd3o\xa6z\xbd7-\xee\x88\xfd\x80aH!"</t>
  </si>
  <si>
    <t>b'\x84\xb5\xe2yL4i\xd5}$\x89\x02\x12S\xfb\xa2\xfa/\xc2hep\x81\x9c\xceB\xef\x0e\xae%\xc9\xbb'</t>
  </si>
  <si>
    <t>b"\xba\xc7e\x12\x8c\xa2C\xae\x87\xb6`\xba-\xb1O'\xeb\x0c-\xcd\xa5\x88\x7f\x12^\xd6\x9f\xd3\x98\xc1\xcdh"</t>
  </si>
  <si>
    <t>b'\x89\xe6\x18\x00\xa0^\x97m\x04\x06\xc4\x0coe&lt;d8\xb2\xed\xc8\x10J\x87\xdb\xab?\xe5~\xe4\xbdo\xd2'</t>
  </si>
  <si>
    <t>b'\xb5\x95\x9f\xe2\x84\xc1\xf0\x97\xb4\x83\xaawW\xa1|\xc9\xa3\x05\xe5\xf4w\x16\xe9\x9e\x9c\xf1AA\x0e\xbeN\xf2'</t>
  </si>
  <si>
    <t>b'\xc3=\x9av\x0c\xa0\xdf\r\x14\x8c\x17;{\x87M\xa4\xad\xf7LY\xef\xd4\x07F\xf64\xef\x9d8\x8d\x06+'</t>
  </si>
  <si>
    <t>b'\xd5\xdb`-\xdaV\x8cBn\x94\xb9\xfd\xd6\x02\x84.\xaaY\xdd\x15\xb5K \x9dID\x16%\xb8\x9c\xe7\xb6'</t>
  </si>
  <si>
    <t>b'y\x90$[f\x19M\xd2\xae\x16\xfdM\xf9@7\xa7\x1a\rA\xba+\xe8G\x99\xffc\xd5sP\x98\x13p'</t>
  </si>
  <si>
    <t>b'\x16\xc7\x99\xab2t6\xc5\x8fy\x81c=\x80\xa1\xf3o\xfb\x913\x17YF\x1f\xbb\xa2cx#\x1aX\xed'</t>
  </si>
  <si>
    <t>b'\x18\\\x86j\x85Z1I\x89|\xbdp1\x82\x03\x9a^\xba\xb5\x1f\x03\x06U\xa0\xf0O\xd6\xac\xe7\r\xa5\xc3'</t>
  </si>
  <si>
    <t>b'X:K{?\x03\xe1\x97\xe7\xb8\xf9\xe5\x15U\xc9\x7f!\x89\xf4\x15Py\xc1T\x91\x88\xbf@\x92\x07\x08\xb3'</t>
  </si>
  <si>
    <t>b'\xed\xcdd7\xf7y0\x94\xaa,j\xb4\xe1\xbbU\x93"\x87T` \xeb\xf2\xdd\xbea\t\xa0\xfe\xf5\x11\x84'</t>
  </si>
  <si>
    <t>b'\xf1\xd1\xed\xcf\x88/\xa0s\xa4\x1f\xbd\x16j\xec\x8d\x81\x04h\x98\xc9\\7\xd8o\x90\x0b@&gt;G\x0f),'</t>
  </si>
  <si>
    <t>b'\xcc\xd8\xca-c\x01\xc2\x7f_hQ\xc6\xd3\x9aY\xcf.\x9a\xd2\xc6\xb9\x8b*\x8d\xe3]\xf29\x06\xc2\xa1\xe3'</t>
  </si>
  <si>
    <t>b'\xb6\xc6X\x98n\xa8\x13\xfdQ)6\x87\xe4Elb\r\x10\xa8\xf3\x87\xeff+\\\x9d\xaea\t\x8b\xb0#'</t>
  </si>
  <si>
    <t>b'\xbcm}\x95t\x82\x7f=xq\xa1\x19\x03`\x12\xa1\xbf\xc9\xd6e\x9c\x1a\xb4\xe5\x87[\x10\x8a,o\xe68'</t>
  </si>
  <si>
    <t>b'\xfa\xebs\xc2q31::\xd8\xbc\x8e\xc5\xd5\x9cO\xd0\xffR:\xcdtZ\xcd\xe3\x89\xec\xad\x18 K\x08'</t>
  </si>
  <si>
    <t>b'\xa9&amp;\x0f)\xae\x8d\xfb\x8a\x01D\x82\x13+\x1b\xe4\x1cX\xff.\x15\xaf\x98\x1f}OcJ\x14OQ\xbb\x03'</t>
  </si>
  <si>
    <t>b'\xae\x0f\xf3\xa5\xbe\xc6&lt;\xe5\xdf*\xfb\xb7\xc7\x11\xa4\xe6\xcb\xc6\x10Q\x17 \x04r\xeb\x01~C\xa0\x7f\xb5\xf4'</t>
  </si>
  <si>
    <t>b'\xf9\xcd\xe8&amp;\x9cI\xd1\xdd\xec\xcaq\xd7G.\xfd=\x98\x05\xaf"+\x05\xb7\xf2\xf0\xdf\x1c\xf3\xc2\x8b\x9e\x16'</t>
  </si>
  <si>
    <t>b'\xaf\x88v"\x01M\xc0&lt;.\xd1\x8d\xfdy\x10\xe4\xa9WW"^\xe7\x0b\x1f\x8eSx\x1b\x9f\xc7v\xfd\xab'</t>
  </si>
  <si>
    <t>b'\x87h\x81{a\x8do\xf7\x10\xcd\xcf\x12\xf0\xcb\x7fr;\xa0\x89?\xda\xf9\xb2\xc4\xc4\xd3\x94\xd8hZ\x03s'</t>
  </si>
  <si>
    <t>b'\xf6#\xea\xdd\xb1\xe4N\xfew\xf9\xaaL\x9b\xe1\xfds\xb0K3\x13\xc9\x03\xdc\x87\x11\xfe\xf3\xf5\x85a\xb1!'</t>
  </si>
  <si>
    <t>b'\x16\x13\x06\x96\x8a\x1fIV\xe0\xba\xac\xff\xc27c!\x13\xfb\xbd\x9c\x0e[\xde,\x97\x1fS!lXA\xef'</t>
  </si>
  <si>
    <t>b'D\xb9\x8f\x8d\xbff,%9\x8c\xb4\x02RejRR\xcc\xfb\x9b\xba\xc5r\xe3\x94\xe1\xdd\x13WO\xec\xad'</t>
  </si>
  <si>
    <t>b'W\xc8\xc9\xde\xf9\x0fO\x1fh\xac\x03\x98\xaa\xe5\xd6Ci\xbfn\x9b@oT\x10\xe3;c\x18\xaa:\xbd\xe1'</t>
  </si>
  <si>
    <t>b'\x12\xef\xf2\xa1\x01\xded\xd3\xdd9\x94w@\xb1/\xe1\xab\xaf\xf7pb5\x15\xd7\xa7\xe9x!\xbc |\x07'</t>
  </si>
  <si>
    <t>b':\x16K\t\x9b\x1bW\x9e\x1f\r\xfe^!\xf1\xd0\xbbV\xff\xda\xc5\x01v\xdcP\x159o\n\xb3\x9d\x9c\xf5'</t>
  </si>
  <si>
    <t>b'\xedN\xcf\xad_\x9b\xfd\xfdb\x94\xcb\xd1BC\xa3\x03\x17\xa7\xe1g\x90\xdc\xf6\xe5\xa9\x99\x18s7\rv\x8c'</t>
  </si>
  <si>
    <t>b'\xddWXRjG\x8fw\xa4\xfa\xe3`)\x14\xb1O?\xe7%$\xd1\xf1\x02\x9ac\x97y\x00\xe8\x8elH'</t>
  </si>
  <si>
    <t>b'Pq 0\xdf;H\xa0\x8b0\xc4`\xf4/\xbbe\xfe\xf3\x9c\x9d\xaa\xec;\xbf\xd7K\xcaq\x9f\xb4l\xcf'</t>
  </si>
  <si>
    <t>b's\x8f\x14\xc0=h\x8daw\x8c\x86\x8f\xa8\x8a\x00\xdf0\xfa\xd4\x8d\xc5\x84\xc5\xe8\x98\xad\xe46.\xb6D\xe8'</t>
  </si>
  <si>
    <t>b'\x0e6\xbf\xacc\x0f\xf8\xc0\xd5KyHb\x89\x06\xf6g5\x0b9\x87\x93\n\xea\x9d\xdb\xe7/\xe5\x94\x03('</t>
  </si>
  <si>
    <t>b'?\xb2\x90\xf7J\xbc\x89\xc8\xa6\xeb\xff[K\xbc\xaef\xc9\xd7\x8d\x98IB,\xf4W\xfa\xad\xd59\xfd\xb4\x85'</t>
  </si>
  <si>
    <t>b'\xe8\xb6\xe5\xc8\xef\\F\x8b\xd0\x9b\xb0\xbb\xcbi\xbc\xad\r\x9dO\x9c\xc4\xa1GCk\xdfF\xd0\x89@;\xc1'</t>
  </si>
  <si>
    <t>b' \xc6\x91\xde\x1cMWz\xc4\xdc6\x8cZ\xd4\xf9\x07\x14\x08\xf8#\xd7[\xcb\x12\xdfv\xce\x0f\xd0J\xe1\x90'</t>
  </si>
  <si>
    <t>b',\xae6\xac\xcc\x970\x80rJ\xddl\x1dy}\xa4\xa4\x1f\xae\xf4)@\xd9\xc6\xb1\xbbm\x9f\xc3\xab]\x7f'</t>
  </si>
  <si>
    <t>b"\xb82\x86\xca \x93\x14\xe7e\x07\xb6\xa2\xe0\xe4Z\xe9Sl\xebw\xe2'l\xdd\xaa\xdc\x17\xa9\x05\x02\x12\xda"</t>
  </si>
  <si>
    <t>b'\xf4\x00\x887\xbf\xadK\x174b\xb2d\xb0\xd6&amp;\x95II~\x1e\x10\x01\xeb@\x08P\x9cU\xd2\x19\xc1\x9a'</t>
  </si>
  <si>
    <t>b'\x80\x85\xda\xb6\xfc\xd4\xd9\x8d&gt;\x19z\x0f\x0b\xe8\x0e\x1a\xe1\x93\x94\xb0\xea\x801\x05-\xcb\xea\x00\xec\x8fw8'</t>
  </si>
  <si>
    <t>b'\xc9\x01\xc6]\xbf(\x05s\xe7\xb2h\x02\x87Ky\t\t\xdafJ\x8c\x0bi\xf7\x9f\xc8\xe3\xda|\xd5\xa9j'</t>
  </si>
  <si>
    <t>b'V\xd4\xdfl\xdcm\xfb~\xc8:\xab\x10\xbd\x12\xf6\x13\xe2\xed\xb7{\x86\x06\xa3\x14\xac\xdb\x0f\xe3\x89)\xbd]'</t>
  </si>
  <si>
    <t>b'\x826\x7f\x9f\xf0\xe8)O\xbeHQ\xd7\xfd\x9f\xbbt[j\xd9mZ\xa7\xb8\x10\x08"\xeb\xd0\xba\xec\xe9I'</t>
  </si>
  <si>
    <t>b'w\xd5\x90{\x1d\xf3\xeb5\xaa\xae\xc4\t\x90\xee3\xe7\x16Ut\xa6\xccy\xbd\x88\xdd\xf2\xc9(n\xc4\xb3L'</t>
  </si>
  <si>
    <t>b'/\xbb\xeaY;\xa4\x7f\x00Q\xd2\xa9\xa5\xfb\xb5\xec\x92DC\xfd6\xdef6/\xe4\xf8 \x882\xa0&amp;\xcc'</t>
  </si>
  <si>
    <t>b'T\xf2B\xc2\x85d\x0b\xa5P\xa9h\xde\xea\xb6\x87o\xbeX\xd2\xe23x\xac\xa1P+\x87\x94\xb8nE\xcd'</t>
  </si>
  <si>
    <t>b'\x12\x00\x9a\xa4\x97\x1c9\xce\xe82&amp;.\xa8\xc5\xa8\x1a\xb0L\x84\xe2*Y\x882\xffn|\x04\xb3\x0f\xf0\xa9'</t>
  </si>
  <si>
    <t>b's.\xa3#\x17$\xf1\xde}\xa7\x9e[\xa0\xa2\xcc\x8fc4W-%\xd8\xb9)J\x92\xe9K\x83O\x0f\xb1'</t>
  </si>
  <si>
    <t>b'\x99%&lt;\xdf+P\xef\xe8\xc6x\xf1z_d\xcc\xc2d.\xd6\xd8\xf1h\xf6\xc9@~\x05\xe1\x0b\x811\xa1'</t>
  </si>
  <si>
    <t>b"\x8e\xc5\xe7)\xe84\xca\x99r.\xaeLkj\xaa^y\x95\xc3\xb3\x9cu\x1c\xc4\x17\xc9\x93\xa8\xe0\x19\x08'"</t>
  </si>
  <si>
    <t>b'\x1e\xd5\xc18\x0c\x1a&gt;\xed\xe2tdk\x13A\x87\xd2*\xa51\x1f\x8c\x98\xab\xcb\x9b\x9f\xcb\xb37I\xc8~'</t>
  </si>
  <si>
    <t>b'\xa4S\x1bT\x03\xdc\xc7\xff\xa4Y\xc8\x18S\xe8\x1f?\xef\r\xd7\xc1\x18P4\x81G\xfe\xbeN?g\n\xe5'</t>
  </si>
  <si>
    <t>b'\x9ca;*\xa0m\xa1\xf6M=\xdc,\x89H\xc1\xebx\xf54&lt;p\x8f\xf9\xcd\x14l\xaa\xd1\xcc\xae\xa8\x10'</t>
  </si>
  <si>
    <t>b"\x9c)\xc3O\xe2\xbfM\x8b\xb6\x0cr\xd7'a\x8e\xa9\xc8\xa6\xc3_I\x1f\xc7\xed\x91f\x84`\xb0}\xfdl"</t>
  </si>
  <si>
    <t>b'\rl\xd5\x80\x82r]\xeal\x8a@\x0b\x0b\xbfN\x9b\x9fn\xd7\x99\xcb\xeaBzj1\xa2\xce[\xda\x86\x96'</t>
  </si>
  <si>
    <t>b'\xd0\xa9aPF\xfb\x83\xde&amp;\xa7j\x96\xce\x10\xe1\xe9[=\xbf\x93\xc1\xff\xd0YO\xe9\xa0\x04p+\x83E'</t>
  </si>
  <si>
    <t>b'\x02.\x959\x92u\x91L\xd5v\xd9\xe7\xefN{\xeb\xcc\xaa=\x83\x97\xa7\x8avD\xcb\xe9\xaa0miq'</t>
  </si>
  <si>
    <t>b'u\xffv\x0b\xb2\x08i:\xfb\xa7\xe9{\x0c\x05\xdd\x88\x94\xf0\x8e\xf7ZG\xae3(\xb0\xa3\xdf\xec\xe5\xd5\xae'</t>
  </si>
  <si>
    <t>b'\xc2\xc1\xa1v\x95\xe8\xc2\xae\x14E\xa85\xdb\xcc\x00H\xf0\rE\x85\xc7\x89T\x95?\xc2Vm\xcc\x9a\xcc\x90'</t>
  </si>
  <si>
    <t>b'\x1b\xb7x\xa1&amp;\xbf\x03\xf8\xa6\n\x9dG\xfb\x9b\x03\x90\xf1\xe58zL\xab`q\x18\x9b&gt;\xbf?\x9c&lt;\xa9'</t>
  </si>
  <si>
    <t>b'\xda\xfd\x8b\xb1\x8au\x12\xee\xfb}\xe0\x0e\xa2\xa8\x1cx\x0f&amp;\x7f_"\xa3\xec\xf05\xf3\xda\xda\xe6\x10\xb6J'</t>
  </si>
  <si>
    <t>b'(#N]j\x0b\xd7\xbe\xd1\x0fh\x84\xea\x8d\xcd\x03\xd4\xffx\x053\x0b\xf0\x06A"\xfe\xf2\xb6^\x13('</t>
  </si>
  <si>
    <t>b"\xb1!g\x15\xe3\xaa\\F\x80\xc5&lt;5:')\x06\xb9\xeb\x17\x90E\xdb}\xce\x08\xe6QV\xc7Drf"</t>
  </si>
  <si>
    <t>b'\x9a\xc3\x12K\xbb\xb3w \x98p\x8e\x8b\xff:\xc3#\xbc\x01Q\x0c\xd3\xf2\x9d\x1e\x13\\\x946\x0e\xa2\x93e'</t>
  </si>
  <si>
    <t>b'!/R3\xde\xcf6\xa5\xb6B\xf6\x82\xbd\xf2\xac\xb7O6(\x93\xc12-i\x94E\xde\x8cD\xffZ%'</t>
  </si>
  <si>
    <t>b'"\x9e2\x08\xac\x83vK\x04\x8f|@\xb1\x8b\xe4.\xbd\xe3\xd5\xb90\xed&amp;\x9bh\xb8\xa1V\xef\xe8\xc3\xf4'</t>
  </si>
  <si>
    <t>b'S|\xdf\xa2S\x11\xd6\xf56^L\xc9YB\x85\xf3\xdf\xbf\x0c!\xc8\xefOc\xbc\x83\xa3\x1c\xa0\xd0^\x02'</t>
  </si>
  <si>
    <t>b'3\x80M\x91PI\xed\xf5\x08\xd2\xc5X?e\x81\xab\x0e\xc8\xe5\x99\xc0\xfep\xa2\x8c\xf0]G\x83\xaaa\x95'</t>
  </si>
  <si>
    <t>b'\x81\xa2N\x80\xac\xa1&lt;\xc1H5u\xdd\x13\x91\x9d.D\xa2Gj\xe0g\xc4\xaa\xe5j6\x1a~\xfa\xb8\x03'</t>
  </si>
  <si>
    <t>b'A\xf5\x03m\xf1\xbe\xf7\xfd\xe7~\x02\xf08PS\xff\x0c?{\x1f\xa2\xa6`\xa8\x81\xd1\xff\tmTU\xff'</t>
  </si>
  <si>
    <t>b'\x9c\x04^oB\x1a\xae\x84\x17\x9c\x0b\xbb\x8d\xce\xfa~\x7f\x90\x88\r\x7f\xbcs\x93\xf0q\x80dK\x05\xe3\xd8'</t>
  </si>
  <si>
    <t>b'\x91\x932\x06\xfb\xd4\xa7}D\xd8\x90\x10\xf7\xd7\xd8X\xb0\x96sv\x05\xedUq\x81\xf0\x85 \x03\xa9!\xec'</t>
  </si>
  <si>
    <t>b'\xe6\xcft\xf8\t]\xfa\xbe\xa5\x16\xba\xa87\xd7\x7f\xa5OCO~\xda\x1c#\xd2\xae~\xd6\xdf3\xa4\x94\xb2'</t>
  </si>
  <si>
    <t>b'\xd8S\xb0w|p\xc8f\xc0\x0e]\xb0\xe3\xf2|\xa1\x82g\xfc\x0c\r\xe0HE\x9bke,\xed\x99r\xe8'</t>
  </si>
  <si>
    <t>b'\xb4g9\xfeL\x81\xe5Is\xe1\xf9\xd2\x90\xfc\xc0:\xa3\xee\xf7&amp;t\x1d\x0bf\xb2\x125}\xd0O\x07\xdb'</t>
  </si>
  <si>
    <t>b'\xb3\x99:\x1e#\x17R\xd0\x80\xed;\xdd{=\x9b\xf1\x02\xc4m$\xa5HW\xec:\xceF\xba\xf1\x1a\xafw'</t>
  </si>
  <si>
    <t>b'#\x8bJ&lt;\xa8\xe5\xd2\xf2\xd7\x07\x9bg\xc3i\xd7\xcaj\xaf\x96\x17G\xaa!\xbe\xbd\x03\xa6mF\xcc\xaf\xfe'</t>
  </si>
  <si>
    <t>b'\xdca\xb7\xa0\xad4\xf8"f\xac\x88~V\xbe-\x88 \x06\xc7L\x07\xef\xdc\x1b\xe7,U\x9dl\x95\x98p'</t>
  </si>
  <si>
    <t>b'_\xbd?\xd2\x11\x11\x06\x82\xc6j4\xef:\x8f\x8f\\r\xaf\xc4v\xc46\x1e0\xb3\xb3\xb1\xd8\xeeZWQ'</t>
  </si>
  <si>
    <t>b'\xe6\xa7\x99\x91\xc9\xd2\xde\x8b\xdc\xbbM\x87cAF\xd8\xb5\xefs\xfe\xaci\xbf\xb8\xb4"\xac\xcb\xad\xdd\x8c8'</t>
  </si>
  <si>
    <t>b'\xf8`\xac\xaf\x87\x01\xc62\xbd\xe0\xfd\x83\xd1\xadG+\xf1\xbc$\xb5\xbbOX\xdb\xd1(\x11\x05\xe6\xeb\x1c\x98'</t>
  </si>
  <si>
    <t>b'\x96\xf1Z\x9al=4\x14\x12\x84\xdc\xf5!\x1d/\x98\xf7\xa4\xc1\t)O\x15\xe2\xc6\x17\x05\xed\xfb\x92U\x9a'</t>
  </si>
  <si>
    <t>b'\xc9U\x05\xf4\xbfg\x1doF\xd3*o\xf9\xfc\x9aX\x90\x93\xc6\xb4\xf4[\xe2VMxF.\xd1\xdc\xc7\x03'</t>
  </si>
  <si>
    <t>b'*T!bA-\x13\xb5\x12\xd5\xc9q3\xbd\x02\xa0\xe4\xd3\xbas|\xa4\xb7\xe2M\xb2\xa8MQ6\xf2\xbc'</t>
  </si>
  <si>
    <t>b'\xd5\x98\xf0\xd1\x85\x8fg%`_\xe3\xac\x91\xd6u?\xed8Z\x1ajX\x9fE\xb7\x8c\xd7\x94\x83\xfc\x837'</t>
  </si>
  <si>
    <t>b'\xe0&lt;\xb7\x9c\xdb\xf7RmF\x89\xe9\x1a\xe4\x15-\x81N\xf4\xc3p\x03\x93\x07\x00(\x0c@\xfa\xcf\xd5\xaa\x07'</t>
  </si>
  <si>
    <t>b'\x94,\ruC\x96G\xd1D\x1c\xad[\xfe\x93\xb6\x8c\xeaU\xf3\x91\r\xaftG\x85\x86\xbc\xf0\xa8\x92\xe7\xe9'</t>
  </si>
  <si>
    <t>b'\x9c\xe6,J\xce\x86\xd6&gt;\xa8\xdfs\xfc\xee\xccexk`?\x0c\xb1\x87\x80\x1c\xe6J\x02\xc5\xa2\\\xfb\x94'</t>
  </si>
  <si>
    <t>b'\xcf\x1d$]\x04\x98\x114\r\xf8( \x87\xf8\n\xfe8v:srs\x1a\xb0\\\x1e\t\xe9\x98X\x08\xfb'</t>
  </si>
  <si>
    <t>b'P\x95\xda` r\x82\xf4v\xdbG\x0e+7H\x7fP\xb3\x8c\x0f\xa8\xbe\xe8\xc1\xcb\x02\xe3\x02\x1b\x00zc'</t>
  </si>
  <si>
    <t>b'\x10\x91\xf7\x13B\x11\xba\x82_\x8f\\\x15-\xa81o?\xa9\x93I\xe2\xe0f\x9fG`\xd8\xa6S}\xf8J'</t>
  </si>
  <si>
    <t>b'(\\\x15\xd5$\x1dC%\x06\xf4nK4\xcbh\x14\x7f\xca\xcf\xde\x96\x014\x16\x01\xc2\x80t\xc2\xfa\xcf\xee'</t>
  </si>
  <si>
    <t>b"\x89u'~C\x17J\xc7\x0ei\x01$\xe1K\xf9\xf2$\xca!Bu\xbf\xe4P\x99Qq\xb9\xc2\xa0\x07P"</t>
  </si>
  <si>
    <t>b'\x10\x04\x87\xaat("6q\xc0s\xf5~-\xab\xe0\xcf\xff:\xb8\xc1\xdd\xb2[\xdd\x95!\x9e=6\xc5U'</t>
  </si>
  <si>
    <t>b"x\x8a\xbe\x18\x92M\xc1\x7f\xb1\xf8;U\x8a2E&gt;-\x18m\xca\x1c\xd6\xb1\xe8\xc9'r\xd7\xceX\x81\x06"</t>
  </si>
  <si>
    <t>b'~v:\x1e\xe7/\xa8\r\x14t\x9el\x19\n"\x84\x0e\xefY\xcc\xa0\x08\r\x08v\xa9\x14l\xbeu\x8fe'</t>
  </si>
  <si>
    <t>b'\xd3\x00\x9c1_\x16\xc8P8\xa0\xedj\xa7\xd5\xc8\xbe\t\xf4\x10@\x0e\xb0\x08\xa7\xe1+\xbd\xd3f\xa6J\x8c'</t>
  </si>
  <si>
    <t>b'\xe1\xdc\xd0\x90\x9a\xaf\xaaJ~\x988_\x93lqM\r\xea\x86\x18\t\xe7\xa9\xd7g\xc8\x13\xab\xacz,@'</t>
  </si>
  <si>
    <t>b'\xd0\\e~\xab\xd4=\xff\xd4\x97\x1a\xc1\x04\x05\xc2\r\xe5\x88\xd3\xc6&amp;\x83\x9b\x98\xc3SBXyh\x8c"'</t>
  </si>
  <si>
    <t>b'\xc9\xa8?\xe6X\x9e\x19\x0c6E\xcc\xaa\n\xeb\xad\rc\xfa\xce\xc4YsAf\x10\xb2E\x05\xe4Q/\x96'</t>
  </si>
  <si>
    <t>b'\x8c\x9a\xee\x0b\xc2\xcf&lt;\xf4iU\xf7\xa8.\r\x01\xb9\xa1\x88\xaa\xf1\xe6\x03q\xdc\xe1\xbf"+\xbd\xf1\x90\xa6'</t>
  </si>
  <si>
    <t>b'\xdb\x85"\xf1\xc0Q\x81\x84\xdb\xadF\xb2]M\xd7\xc1 \xdc\xa3\x16\xd0\xd1\x9e\xb2\nZ%\xbf\'\x07\x9av'</t>
  </si>
  <si>
    <t>b'6\x024?[\xb5J&amp;\xc2C\x0f&lt;\xaaE\xc3\x87\xcd%r\xf9I\x95D\xdcW\x0f]z\xb4\\v\xe3'</t>
  </si>
  <si>
    <t>b'7\x8c\x8cW+H\x02\xfb\xdb\xdd\xa6\x82\xdb\x98#\xea\xaf\xf2\xb7\r\xcb@7\xf3\xda\xc9\xdd\xd8$\x16\xa7g'</t>
  </si>
  <si>
    <t>b'\xaa\xb5\xee\x84\xc4\x14\xdd$M\xd3\xdb\x99@\x9e2&gt;\xe3\x7f5?l\xb7\xf0p\x15I\x8b\r\xfbw\x05&gt;'</t>
  </si>
  <si>
    <t>b'\x1c\x1a\x12}S\xed\x9btZ\xc3\xffo \x92\x8fi&lt;?\xea\xac\xd4\x80Y\xb5\xa9\xda\x86\x80Z\xfb\xdd('</t>
  </si>
  <si>
    <t>b'E\x8c\x9f\xa0\xa9\xd2\xeaUi\x1b\x12\xd2R8\x19\xba\x9b\xed\xa1\xd0\xca\x84\x82]\x06D\x96ff8\xa5A'</t>
  </si>
  <si>
    <t>b'd\x14.\x88\xffX\xdc\x1d\tO\xbd\xa8IR\x98\x83A\xe4\x8d\xc7\xb8(n\x0eH%fK\x94\x80Lh'</t>
  </si>
  <si>
    <t>b"\xe8\x91\xa4\xd0\x8d\xa9\xe1\xf5[\x1c\x8aS\xabD\x80\xd0\x9d\x11\xa7\xd66\x80'C\xd0\xe9\x05#\x19p\x0b\x9e"</t>
  </si>
  <si>
    <t>b'w_\xfc\xe9\xc7x\xa5"\x11\xb0\x05?\x84y\xd5\x98\x1a\xc4\x8d~0(\x88;\x07C&gt;\xba-?\'\xc4'</t>
  </si>
  <si>
    <t>b'\xa0\xdd\xca\x8c\xc9\x80R\x8a\xb8\x9c=\xa0I&gt;;\xa13Z\xd3\xdf\x8b+P\x99\x1a;\x85\xd4\x05|\xe9\xe6'</t>
  </si>
  <si>
    <t>b'\x13Z\xaf\xda\x06\x18\xd28*&gt;\xa7\xc7}\xb3_"\x0b7\xc5JF[\xcaP\xbe\xd1\xf4\xaa\t$\x15\xfa'</t>
  </si>
  <si>
    <t>b'U\x18or\xa53\xe6}\\\x03\x85CL+_i\xe6\xba\xcex[r\x98\xb05\x04\xbe\xaf\xf1\xde/\xa2'</t>
  </si>
  <si>
    <t>b'\x9ba[\x05!oEM\xea\xea\xd5\x9b%mFE\xacr\xcf\x96_\x80\x86nO\nDk\xf5\xda\x10\x94'</t>
  </si>
  <si>
    <t>b'?x&amp;\xce\x87\x03\xe5\x1aDw\xa3\x98X\xbat^\xff$\xd51v\x07\x01\xcad\xf5\x86v\rc\xecD'</t>
  </si>
  <si>
    <t>b'p\x94i\xf1\x93)N\xfd\xf2${\xc6\xe7\x959\x8b\xdc\rY\xab\xe6\x13\nX\xdc\x9e\xe1j\x06\xb0\x99\xa8'</t>
  </si>
  <si>
    <t>b'\xdf*3&amp;{[\xaaP\x98\xc3\x0b\x89\xdb\xd0&gt; y\x1d8\xc41(\xeaT9{\xf9\xeb\xc7\x03\x9c\x8e'</t>
  </si>
  <si>
    <t>b'\xac\x05"r.\xbd\xc9\xd6\x9d6\t\xd1\x89$\x02\x07MXx\x95\xbdo\xbf\xf8\xf2:\x93\x1a\xca/S\x8b'</t>
  </si>
  <si>
    <t>b'@X\x8f\x14\xa5\xc8\x88\x99\x15\xe8\x00\xbf\xe7\xa8\r\xec\xca\x8e5\xd0\xaf\xc8&amp;fKD\xa1\x87\x9f\xf4\x913'</t>
  </si>
  <si>
    <t>b"W/\x1c\xc39\xb5\x1c7z\xa0\xc7\x1by\xadC\xa0\xd7\x8e'`\xb9\\\xc1%a\x01z\x10Xi[M"</t>
  </si>
  <si>
    <t>b'0c\x0b\xb6\x84T\xf9\xc7\xeb\xccg\xd8\xc8vp\xd6\x04\x1f\xedp\xbc\xa6\x9aH\x83E\x02\x1e\xf9\xe4\xbfx'</t>
  </si>
  <si>
    <t>b'\xc5[HV\x95\xce\x9ec\x03\n\xaf\xdb/\xaa\xc3z\x80\xa5\x15\xef\x99X\xdd&amp;:C9*\xb6R\x036'</t>
  </si>
  <si>
    <t>b'\x19\xe6a\x0b\xdcUDo%j\r_;\xfaNr\xe9\x107o\xf9.\xb0;\x911\xbc\xf3C@\xe9\xa9'</t>
  </si>
  <si>
    <t>b"\xbbB\xabh\x1b\xb2\xd8\xdf\x84/\x9b\x02'`\xef\xcd\x87g\xe9\x07D2\x1a3FE\xcd\x92\xaa\xb8\xdd\xbb"</t>
  </si>
  <si>
    <t>b"}i\xbd}=l\n9J\xf0l\x0e\x13\xad\xa2p\xb5\x99\xc0\xe6\xd5\x87^\x1a\xc2'\xb0\x11\xe0\xac\xb9!"</t>
  </si>
  <si>
    <t>b'7\x8fJ.=B\xe3\xa1q\xe8\xfb+\xecc-F\x10\x9ea\x9a\xbe\x9d\xa5X w\xaa`\xdaud\x80'</t>
  </si>
  <si>
    <t>b'\xb5\xe9\x8d\xa25\x00o\xb3,z7\xbf\xae\x00\x0e\x92\xe2R\xe9@Y=\x0c\xec\xd7+\xf5&amp;\xd5\xc8\x01\xc6'</t>
  </si>
  <si>
    <t>b'\x9c\xe7&lt;\xd4\x11j\xf1G\x964\xf8\xe3\xbf_p\xdf?\xf0\xfd\xe4\xf4%\x98\xb6\x13\n\xa6\xc3\xf0\xfc\x17p'</t>
  </si>
  <si>
    <t>b'\xabD\x87\xda*\x9f\xcc\x16\xfe\xb5Sy\xdbk\xfd\xad\xd5Wq\xb33!\x0c\xc3y\xbdd\xfd\x1d]\xc0\x86'</t>
  </si>
  <si>
    <t>b'\xbaa\xce\x8d\x12\xa5\xa1\xae\x88o\x87\xca\xc7fa\xed\xb7W\xf8\xcb\x1bI\xba\x91\xe5z\x97k(\xb1\x8c\xc0'</t>
  </si>
  <si>
    <t>b'\xafG5\xab\xe0\x89\x90e\xbd\xe5\x18\xeb\xb2\xd7\x7fn[K\x83\xd8\xe8\xe3=\xbbx\x9b\x10\xec\xc4Y0\x9b'</t>
  </si>
  <si>
    <t>b'\xbac&amp;0\xff\\\xfe\xff\xe0]66\x8c\x8dJH\xf2Y !\xd3\xa3\xf7\xd4\xf3\xbb;\xd7\x01\x01\x15*'</t>
  </si>
  <si>
    <t>b'\xf9\x99\r\x1a\xe9\xb8-\xde\x02\xe1\xa7W\xac?\xd7\xbeJ\xd8P\xed%\x14\xf2\xfau\xba\x9c\x05\x13\xa1(u'</t>
  </si>
  <si>
    <t>b'\x8e\t(&amp;\xf6\xec\xceQ\xbavUf\x01\xb4\x9a\xb6\x8baW\x9a\xfb\xc1\xd2\x16\xbe3\x87aM\\\x7f\xb5'</t>
  </si>
  <si>
    <t>b'R\x18\xd4\xb07\xfc\xd0\xf0\x8b\xbe;\xc4Ac\x12j\xf8_\xd9\xfd\x8a\xf7h\x03fY\xe6\xa9\xc7\x8f%\x1d'</t>
  </si>
  <si>
    <t>b'(2w\x85\xd4\xd9Z\x17\xc8\xa8\x831\xd1\\\xfd\xc5E\xbc\xa3\xd1\xc8=X%\rS\xa4\x19N\xec!\x81'</t>
  </si>
  <si>
    <t>b'?t\xce\x80(\x90g\xf5\x08Y\x7f\x99?;\xa2\xcf9Z\x96 \xaf]\xbb=\xefa$v\x14\x03\x9b\x1e'</t>
  </si>
  <si>
    <t>b'\x10\xe5\xb3H\x89\xe7\xf11\x9b\xdc\x03\xf9\xc0\xb8\xfa\xf3\xae\x0b\x1b\xbd\xa5q\xbb\xd8\xb5\n\x11\xd2\x13\xd2\x06k'</t>
  </si>
  <si>
    <t>b'{\x15\xa1\x0c\x1fep\x14\x1e\x9e\xab\x12\x05\xb8}3\x12\xd1?\xb5\xe1\xb6M\x9b\xd5\x9c\xd3\xc3|A\x03K'</t>
  </si>
  <si>
    <t>b'R\x8d\x02\xe4\xf7\xda\x08\xac\xf8h\x1d\xdc}gY\xa7\xf6\xca\xa1y\n{7\xa2$\xb8D\xcf\n\xb1|\xad'</t>
  </si>
  <si>
    <t>b'\x8f\r\x7f\xbc\x89\x9f\x8a\x96N\x8f7\x92.\xcb\xf1\xca#\x00s\xb8\n\xa2\x1d;\xe5# \xa3\xa9\x1c\x9e\xae'</t>
  </si>
  <si>
    <t>b'\x87\xec8u\x9aN\x98\xbf~\xb2Q\xf6\xd1c\x1c\xf5h\xf0\x1b\xfch\xb5\xb8\xf6L\x80\xednH|~F'</t>
  </si>
  <si>
    <t>b"\xb6\xff\xa5)L\xccN\xc0i\xef\x90t\xabU&lt;\r\x99\x06\xfb#\x1b\x00\xe1\xa3'\xdfP\x1d\x0c\x925\xe6"</t>
  </si>
  <si>
    <t>b'\xe3\xb2\xb5\xf3(X\xb0\x85\xc3J\xcc\xfe\xc0x\xc8Z\xad\x13\x00O\x80"b\x17,u\xd7\xda\x9a\x97\xc2W'</t>
  </si>
  <si>
    <t>b'ro\x93\x99\xcfL\xaa[)\xd6\x14Q\xeb\x04r\xe4j\x88\xf6K\xc9`\xddx\x9d\xd66rIU!\xbf'</t>
  </si>
  <si>
    <t>b'\xc8\x13\xbc=+\x17f\x82T&amp;\xc4\xa3\xff\xf1[e\xb23\xcdo\xb9\x81\xc4\x030f\x9b\x8f&amp;\xc5\xc6V'</t>
  </si>
  <si>
    <t>b"\xe8\t\xc8K\xa6\xc7\xd5kx&lt;g\xeaK\xb25\x89\r\xe5\xd4\xd1q\xe5\xa4\xb8\xc3\xecq\x96F\xc8\x1c'"</t>
  </si>
  <si>
    <t>b'\x87\xdfc\xce#\xcc\x9e\xe0\x8e}\x96\xc6T\xc0m\xa4|\xfdFhI\xbd\xbc\xd7\x0c\xb8\x9b-y\xc8$6'</t>
  </si>
  <si>
    <t>b"\xac\x83/\xbd\xb4G\xf2q\xed!\xd1b{\xc0\x8a\xf0\xdd\x90\x8b\xa4d'\xbe\x00f\x9a)\xf8\xb71oH"</t>
  </si>
  <si>
    <t>b'\xa6\x90\x0e\xd7+\xa1\x0fs\x94\xb2\xc0&amp;\xe8\xba\xa4\xcb_S]\xed\xfe\x01\xab\x19P&amp;\xe0L\x9d\xbd\xf58'</t>
  </si>
  <si>
    <t>b'\x16\x90\x19\x97\xed\xec?(\x1c\x7f\xb1\xed\xd5\x01\xc2\x10\xb4jb\xc3\x88\rE\xad\xe2G\x12\x1d\xb1\xd4|\xcb'</t>
  </si>
  <si>
    <t>b'\xad\x86 9\xc5w\xd8:\xe2f\xe3a\xb2\x17\xce\xcan{\xa8R\x8eRN\x03\xc2\xbd\xf8\x02\x17\x1e\xc5H'</t>
  </si>
  <si>
    <t>b'F27\xcb\x1b\x95\x945\x9f\xa1\xf0|\xca3E7\x0b\xcd\xe4;2MJQ\xd4\xf1\xda\xa3\x8b\x1e\xd6\r'</t>
  </si>
  <si>
    <t>b'u`\xc8z\xedR\x89\xb9\xca\xecS\x10H\\%\x0e\x8a\xc01US\xe0\xbb\xf2\xdeU\x9b&lt;\xcd\x18@\xb2'</t>
  </si>
  <si>
    <t>b'Eb\x1c\xdc\xd8\xbf;\x7f4\x1ffod\xb9\xc7\xea\x1e\x8a\x91\xee\x92#~Z\xb0\xac\xfe\xe9\xfdwv\xff'</t>
  </si>
  <si>
    <t>b'\x8f\xe2\x945-\xd0\x1e~\xdd4\x13\xe2\x07\xee\xe8M&amp;\xa7\r)5=\x85\x9b\xeb\x8d\xb4\x18\x1d\x08\x85@'</t>
  </si>
  <si>
    <t>b"\xcc\x0c\x1d\xdb\x9fC\xb2E5\x9d\x8b\x08\x05\x8f'\x1c;\x9ctc\x1fP\xe3\x90\xed;\xfb\xfe\xfdPKp"</t>
  </si>
  <si>
    <t>b',"^n\xa3,$Q\x85e\xf5\x13\xba\xc9\x043n\xbaka\xf7[\t\xb12\xfc\x17*\xb3\x8fO\x19'</t>
  </si>
  <si>
    <t>b'B\xb1t3!Z\xd1V\xf1\x11\xff\x80\xf3\xd6\x06ac\x0b\xbd-\xefSGP\x92\x96\x92fh\xb0CI'</t>
  </si>
  <si>
    <t>b'\xcd\x06\x7f@Y0\xdd\xaa\xb4IP\xe9\x06\x90\xe6\xd9+\xf8\x06 \xf6\xf5B\x0c\xedu\x14\x02\xe1$\x1b\xc9'</t>
  </si>
  <si>
    <t>b'+\xa7\xc9\xa0r\x87k\x05i\xb8\xf2\xc9L\x81\xb3\xb9\xb0G^\xb0\xab8\xa4:\xe1l\x909V\xda\xa1\xe9'</t>
  </si>
  <si>
    <t>b'\x97\x1d\x92bX:\x94S\x1b\x84\xc0\xe39\x85\xba\x00\x0e#"\xd7H\x9d\xfc\x9b\x1e\x9b\x1a\xa5\xd7$\xea\xf5'</t>
  </si>
  <si>
    <t>b'E\xeb\xd7S\x1c\xe4Q5U\x00\x01\xf6@\xa6\x85}\xd3\xec\x87\x8b\xb8wS=\x90qC\x8e\xb2\xe8\x8e|'</t>
  </si>
  <si>
    <t>b'p9a\xf6\x01q\xbe\x99e\xe6\xe2\xc41@#hr\xe79\x07\xde\xa8\x07\xc07\x06G\xbf\xddS\xec\xc2'</t>
  </si>
  <si>
    <t>b"\x9e\xe5\xae\xc6'\xaf\xe8L5vt\xeeY\xe3\xc6\x96.\xb0\x13T\xb6\xf4\xcf\xee\x07\x12Q\x95\xa5\x12\xcd$"</t>
  </si>
  <si>
    <t>b'7-\x98\xb7!r\xa7\xfa\xc6\x0c\x08v\xd6\x1e\\$\x06-\x1d\xaa\xbec\x95\xcb\xf3\xf3l\x9e\xb1\xed$Y'</t>
  </si>
  <si>
    <t>b'\x1e("\xfbK4\xb3\xdd\xfc\xc5x\xf5\xa3\x1a"\xb79X\x1f\x19"\xf2\xe0\xbf\xf3\xb7\x13\x852\x056\x9a'</t>
  </si>
  <si>
    <t>b'\xe8\x89\x9eH\xc8\xae\x86HE\xd7\\j\xc3_\xaa-\xa4\xda\x14R.\xc0r\xe6\x8a\x17\xf4d\x97P\x002'</t>
  </si>
  <si>
    <t>b'\x04J\xad\x9e\t\xf2fD\xfa2\xc2g]\x0f\xe8\xc9\xe6\xf3:\xbay.X\xd3\x05\xa8Dm+~\xda\xec'</t>
  </si>
  <si>
    <t>b'\x03\x0b\x86fl\xef?\xe4\xea\xc0u\xbf\xa0R\t\x84!\xac\xe1\xb1\xd4f\xf3\xc5y\xc8\x13\x19\xa7\x9aM\x1f'</t>
  </si>
  <si>
    <t>b'1\xec\xbc\xe6\x8a\xdbj\x07\xaf^\xcb\xd9y-\x8f\x9a\x0c2\x1b\xd4N\x8c\xa1\x0b9\x0f\xa9\x19\xe2\xb9\xf3\xcc'</t>
  </si>
  <si>
    <t>b'\x13\x14G\xddo\xff0a\x90\xe3\x83h\x8b\xf0\x8f3Nf\xdf\xcfG\xe9#\x00\xae\x88\xda\xbd\xf0\xb0:\xf9'</t>
  </si>
  <si>
    <t>b'\xf3\xca,zW,\x84\xa1\x95\xb4&gt;0\xc9\xfdL\xaf\x84\x90I/ej\xcd\x99\x11\x11\xe1\xea\x1eD+m'</t>
  </si>
  <si>
    <t>b'\xb6\xad\xbd\xc4\xc2N\x9a\x82\x9c\xc8\x1d68\xc3\xa7\xfa\xe1\xc2@WI\x81x\x0c\x96\xf8\x12nV\x95\x8f\xea'</t>
  </si>
  <si>
    <t>b'\xf07\xab\xc3\x8d\xb9\xa4G\xb6p\x86#\xd3\xa7t\xfb\x88\xc61\xd4o\x1a\x03K\xf9i\n\xff\xd0\xbbw7'</t>
  </si>
  <si>
    <t>b'\x92\x15\xd1\xfe\xe6\x97\xc2\xcfR\xc8Mr\xc1j\xc7; \x93\xd8\xa84\xd5\x0e0\x83\xde\xac\x17t\xd8x\x07'</t>
  </si>
  <si>
    <t>b"\x01Q\x00\xc1\xd1\xe6B\xcd\xcc&amp;\xf2\xa7\n~\x8a\x14H\xe1z\xaa\xaf\xfel\x1cP\xad\xbfLq'&lt;\x95"</t>
  </si>
  <si>
    <t>b'\x9ba\xab\xd1n\x96\x89E\x8e\xff\xdaQ\xeb\xacV\x83\xf4\xd0\xdb/\xd5\x9f\xca\x16\xb1\xa3;GOI\xd5\xa9'</t>
  </si>
  <si>
    <t>b'Kh[\xea\xb5d\x97\x04\x9d\xfe.\xf3\xb7\xb1-\xf3\x10)4d7\xc4\x14\x10\xd1C\x83\xdd\x85\xf5E\xe9'</t>
  </si>
  <si>
    <t>b"\xcc\xb6\xee\xaez'\x14.0\xdf\xab5\x0e\xab8\xaaf\xef\x16\x7f\t\x06X\x7f6\x06\xf3\xfat\x8fk\x12"</t>
  </si>
  <si>
    <t>b"X\xecf'H\x13`\x0f\x01\xf3\xca\xc5\xe6\xfc\xe7\xe3\xd2\xe9V?^\xac\x88!\xf1\x0f\xd3\xf0\x93\xcd\x88\x9d"</t>
  </si>
  <si>
    <t>b'xfj\x0bY\x0b\x14\x97P\x1cW"\xc6\x99\xce\xad\xa9{\xb7\x02\xdbe^\xe9\x9b\n0\xc2e9\xbe8'</t>
  </si>
  <si>
    <t>b'&gt;\xb1\xa1;f\xf0\x07\xcf_\xa8|\x01(;[\x9dv\nVr\x16\x8a\xaa\xdf\xc1\xdb\xed\xc1qV\xf2\xd8'</t>
  </si>
  <si>
    <t>b'\xe8e\x96TB(8\xed\xa1\x03\xea*\xec\xc5\xc5AZ6n\xe9\xcf\xfe\x95u{\x8a--\x00\\i\x88'</t>
  </si>
  <si>
    <t>b'\xf8\xf5G\xfc\xd7k\xb9\xad\xa7\xa8\x92E\xbe\x93[5\x17\xbe\x18\xc9P\xeb#\x05\xff\x96\x8fI\xe7^f\x94'</t>
  </si>
  <si>
    <t>b'\xadG\xca\xe5Z"\xce\x9b\x91\x17\xd8\xe0uu\xa9\x96\x12=\xf0\xff\xc9\x0c)\xad\xd3\xb8z\x92\x0e\x99\xf3\xd1'</t>
  </si>
  <si>
    <t>b'\x13\x8f\xed\xa4Y\xfe\x9d\x1c\x8f\x15\xf9\xaf\xebt\x91\xcc\xce\x1a\xb3\x17\x80\x9cr\xad\x82\xcec\t\xaf \xa1\x10'</t>
  </si>
  <si>
    <t>b'4\xea\x01\xe7X\x14x\x0b\x9d\x11\x18\xcb\x889\xff\xd0)*\x0f\xe1\xe5\xdaa\xe3[?@\xbffJ\xbf\xb7'</t>
  </si>
  <si>
    <t>b'\xbf\x8f\x13\x9f\xbd\xe3\xc0\xff\x01\r\xbc\xfe!x\r\x97\\o\x0e\x0b\xed\x00%P\x95B\xe6\xc6\x022IO'</t>
  </si>
  <si>
    <t>b'"\x08I\xde\xf4\x06\x13\x94\xaa/\x9c\xac\xe9\xb2\xb6\x87&amp;m\x06\x9e\xa3\x9e\xe3\xc9\x9c\xc3\x04\x0bZ=?\xe7'</t>
  </si>
  <si>
    <t>b'\xa4\x07\x06\x13n\x8b\xc9x\x18RN\\r\x19\xc9X\xb8\t\xb8~L)rA\x10\x86RU\xd1i\xb7:'</t>
  </si>
  <si>
    <t>b'Td\xb0\x10\xc1\xbe\xf6\x0f\x98\xdaa\xcd\xca6u\\\nW\xac\xf2V\xdc\t\xdc&amp;\x03\xf8~0S\xb6\x89'</t>
  </si>
  <si>
    <t>b'~Yl\xd1\xcb\xe7d\xc5\x99\x8f\x8f#\x95-\xec\xd6\t\x1e\x98\x86Z\x9c\xd51\xc1\xbe\xb7\x8cU\xc5\x90\x08'</t>
  </si>
  <si>
    <t>b'T\x1fR\xee\xfe\\i%\xe6\x94\xc0\x95`\x08\x9d\x00*\xe4wG\x1c\x95\xe0\x18\xe4\xc5\xb3\xb6Jv\x1e\xf4'</t>
  </si>
  <si>
    <t>b"\x8b\x8f~\xd0\x17jT\xf4lJ;\xf34\xa7z\xf2\xb0R\xbc'\xfa0\x99M\xd6\xb8c++\xc5*\xec"</t>
  </si>
  <si>
    <t>b'w\x9dB*\xf8\x94`\x1e%\re9\x88\xfd\x94\xf7\xc7\x818\xd6z\x9c\x9c\xf3\xf6t\xcb\xd6\xdaN\x8a\xe0'</t>
  </si>
  <si>
    <t>b'W\xde\xb0\xae9|\x0e\x1e\x92\xb3k\x08x\x1b5\x17\xa1\xaeCU\x06\xd2f\x88\xac\x8d\x0cx\xfb\xf2\xd2!'</t>
  </si>
  <si>
    <t>b'\xa0\xee\xd7?ga\xb6\x05\xbd\xb0\n4w#}gj[j\xcbT1\x85\x06Y\x19="\x16\xde7\xaa'</t>
  </si>
  <si>
    <t>b'\xbb\x19\xfa\x8c\x98\xa0\xbe\xa9G\xd4\xf4\x8b;x4L9e\xc8\xc4\xb9\x89\xc4\x12\x1d[ig\xf9\xb8\xbf\x93'</t>
  </si>
  <si>
    <t>b'\xbf\xda:\xf4)\xf5v\xe2U4\xd5\x1d\xc98\x82c\t\xc6\x9d`S\x88\xd8\\e\xbe)E\xe0\xc4\xb7T'</t>
  </si>
  <si>
    <t>b'\x8b8\x80\x88\x9d\xca\xb45\xe0\xd3\x95\x95-Ii\xa0\tC\xe2\xc1\xcc\x8dCYL7J\xe4\x80t\x03\x87'</t>
  </si>
  <si>
    <t>b'\xfe\x13\x95\xb0\xf5\x8br\xf3\xf5\xc2\xeb3\xf8\xb7\r\xb4\xd0f\x95\x7f\\O\xc5\x99\xda\x07\xc9\x89\xe8\xe0\x04\xda'</t>
  </si>
  <si>
    <t>b'\x16(\x19\x1f2\xf7\x06\x9fZ\xbf\xf6k\xfda\x07\xc1\x8eI0\xc6DZ\x9c8c\xc2&lt;\x1a\x04\x8b\xba^'</t>
  </si>
  <si>
    <t>b'\x13\xdf\x891\x11\x03y\xb1^\xe0\x84\x9b\xe5\xfd\xa1\t\xd8\x9d\xc9/f\x05\xd7\xeb\x05O\xeb0ZfbW'</t>
  </si>
  <si>
    <t>b'\x87\xad&gt;*\xb52\t\xa3\xbd\x07\xdex\xdd\xbc\xa3I\xd7+\xa4\x16E\xeaZ\x8a\xe8\x1f1\x93\xdb\x08}\xb4'</t>
  </si>
  <si>
    <t>b'\xb9\xb0\xb529\xeb\xd3\xc8\xfa\x81@x\x1ds\xbcD^\xba\xb7h\x91c\x08\x02\xd1\x13\xcc?\xe1\xfd&lt;a'</t>
  </si>
  <si>
    <t>b'\x93c\xbd\xc6"\x8b\xa9G\xe5\xaa\xa3\xdd\xee\x00\xad\x14\x88I\x9c\x80\x04\x98G\x8b\xc6\x16\x10 P\xe8\x85A'</t>
  </si>
  <si>
    <t>b'\xc5*c\x00\xbf\xee\xd8\xaax\x9a\xfc;\x95\xf0A\xa1\x8b:Xv.\x9b!tfdz\xb90l\x87w'</t>
  </si>
  <si>
    <t>b'Kh\x15\x1f;\xf2\xfcZpf\x0eM\xda\xd1\xf2\xd8\x8fMS\x18\xee&gt;\xff\xa8\x89!\xdcp\xe6\xd6L4'</t>
  </si>
  <si>
    <t>b'\x19Q\xe3c\x13\xb5\xcdT0}\x98\xfc\x08~\xda\x1b\x0c3G+C3^K2wfk\xea\xeb\xe1\x82'</t>
  </si>
  <si>
    <t>b'\xfcH\xd7\xc2\xe7\xcfr\x8a\xd5\x13\x91\x18\xf7\xe5\xb3h\xb3\xdd\xfc\xf5\xf5m\xa3\xb8\xfc\xba\xa7\x9aj&lt;P\xea'</t>
  </si>
  <si>
    <t>b'3\xe8\x1d\xeb\xf9%a\xbee\xaac\x1b\xedZU\xb2oS\xfd\x8fe\xdaY\xe9*\xa8\xbf\x05\xbd\xaa\xa3\xdf'</t>
  </si>
  <si>
    <t>b'\x03\x7f\x94\xf7\xa84\xdf\x10\xdc\xdd\xfe\xf6\xba5\xf47\x99N\x87\xb7\xba^\xd3d\x0e\xcaZ\x08%\x18\x1d\xdf'</t>
  </si>
  <si>
    <t>b"{\xf2\xbb\xae\x10\x07'\x91\x02\x11\xbdy\xbd\xf7\x8b\xc6x\xaf\xbb\xc1;\x9cv\x8ev\xfc#\xd1\x11\nD\x9d"</t>
  </si>
  <si>
    <t>b'\xfa\xae\\\x0cCi\x9e\x15V\xe7\xba\xcd*\xdd\xee]K\x82\xd7\xf3\xf1\x14\x02\xba\xdc\xeb8J\xef\x03\xb8.'</t>
  </si>
  <si>
    <t>b'm\t\xa3\xa5\xd3\xb2&lt;\x18.\xa1@iov\xe8\xe1\xaa\xde\xe3Z\xdeTQ\x9eL\xb8\xe24\xf9\x05\x1a\xfe'</t>
  </si>
  <si>
    <t>b'\xc4\x1d\xd0\xb0\x99\xfav^\xbc\xb7\x9b\xb1\xb1\x15&amp;"\xce)^+\rw+\x067\xd0\x1fSK\xbf\xf1\''</t>
  </si>
  <si>
    <t>b'p~u\xc2\xa9\x073\xc0\x96\xc9\x841\x91fN&amp;\xfd\xfd\t\xec\xad\x057*}0\xb5\x05d\x8fy\xab'</t>
  </si>
  <si>
    <t>b'\x1c\xf77\xcd\x17\\0\xfccE\x0c!\x9bz\x97\x19m\xc3\xd2Y\xde\xeaQ\xa7Q\x17\x03L\x98PgV'</t>
  </si>
  <si>
    <t>b'\r\xadr&lt;\x1bt\x02\xe9\xdf[\x1d\xb7)\xf3U\x81N\xe4 `\xad\xd5\x15\xab\xe6\x0f\x0fh\xc1d@?'</t>
  </si>
  <si>
    <t>b'\xba\x19b\xb2\x11\x17\x90XC\xf8|o\xcf"\xd2\xe1\x1c\xcb\x0f\xaf\xbd\xb2\xb2\xf3Y\xfa\xfd\xb4\xfe/\xcbJ'</t>
  </si>
  <si>
    <t>b'k\x8fN\x00\x1c\x9e\xa3\x11*\xbd68\x08\x7f,\xc6\x07\x0cn_\xe2x.\xe9\xe4r\xbe\xde\x13\xdd\xe2\x8c'</t>
  </si>
  <si>
    <t>b'\xd7\x9f\x05\xf8\x98(@\x90G\xac\xef\xa7/\xa8e\xf9\x07a}\xcf9\x9f\xea\xc9\xacZ8\x9d\xb4Tn\xfb'</t>
  </si>
  <si>
    <t>b'bl\x94\xb8\x85\xda\x9f\xaaL\x8bo\x02\x8c\xaa\xa2\xd2\x9d\xcaI\t\x07.\xb2p\xff\x1f\xf9\x8f\xa1!\x1d\xb1'</t>
  </si>
  <si>
    <t>b']\xe4"\x12\xae\x8a\xf5X\nw\x0c\x8eV\xbc\x1e\xb6\xbaC\xfe/\\O#Q\x99f^\xa0f\x9b\x97t'</t>
  </si>
  <si>
    <t>b'\x02I\x1dv"\x96\x05\x84r%O\x00\xfd\x89Za\x8fo(gZ\xe7\xfd\x9aC\x8b\xcb\xe2\xf8CHH'</t>
  </si>
  <si>
    <t>b'z\xe1u;oq\xa2W\xa6J\xb06#T\x11&lt;\xed\x07\xbc\xbd\x7f!\xc7\xdb\xc1\x8a\x9e\xa1e\x0f\xbd8'</t>
  </si>
  <si>
    <t>b':\x8e\x89\x84\x91\xceZ\xb9\x1b\x00\x0c\t\x03J\xd0\xa0\xe99\xb41(\x89L\xae\r\x88\xf1\xb9\x93\x87EI'</t>
  </si>
  <si>
    <t>b"|\t\x15\xbd\x12j\x0b\xaf\xae\xccY\xc5\x02jp'yqt\xf6\x14k\x9b\xd4.\xf1\xcf\xde]kM\xf4"</t>
  </si>
  <si>
    <t>b'U1?\xea\x81\x96\xdb\x06nK[\xbf\xd6\x86\x17P\xc7\xa9\x08\x1a#[\xc1\x0e\xba\xc4&lt;pF\xa7\xd2|'</t>
  </si>
  <si>
    <t>b'\xec\xe5\x06J\x92\x1a\xd7\xb4\x895\n\xf2\xa1-\x91_qe\x93\xc3C\x97\xda\x95\xfd\x07\xfd\x9foWK\xe4'</t>
  </si>
  <si>
    <t>b'+#\x05\xa0E#\xb1\xbd\r\xb1\x9e/4 x\x88\t\x1dl\xc6\x13\xb5\xa3\x00gs\xbb\xca=\xb3\x14\x9f'</t>
  </si>
  <si>
    <t>b'\x03\x17\x1c\x91HOS"\x9e\x96\x9cY\xb4\x9b\xed\x95\x9a]XwFa&amp;\x05\xbcn\xa9\xc69\xa4\xf3W'</t>
  </si>
  <si>
    <t>b'j\xc3[\x84;\x006\x8d\xd7\x0fa\xf7\xe8\xc7=\xce2\x9f\x89KH\x8cR\xacHl\xea\x93~\xae\x16\x8d'</t>
  </si>
  <si>
    <t>b'\xbf\x9bl\xc87P\x01X8\xd5\x9cl\xf0#\x9a\xd2\xa1\x02\xfe\x85\xb2\xe0\xa3!Ubiq\xab\x9c\xc8\xce'</t>
  </si>
  <si>
    <t>b'Y+\xda\x1f6\x7f\xa6\xb8\xeb\x7f\xdc\xb5\x86\x94\xd3,\xed\xd7\x9f.S\xc0\xd9\t\xfa6\xeb\xde\x9f\x1d"y'</t>
  </si>
  <si>
    <t>b'\x00\x96l\x11\xa5\xd8\xdb\x82\xbe\xf9\xa7\xc6\xfa\x05\xf1h\x0fP`0E\x0f\xd6\xed\xf1l\xa8\xf7?\x8f\xc9w'</t>
  </si>
  <si>
    <t>b"(o\x16\x84\xac\x05Q\xcb\x08h['\x1d\xf3J\xa0d\xacfI\xf5\x90\xcd\x03%yk;p\xc4\xe6a"</t>
  </si>
  <si>
    <t>b'V\x0f:\xcfsH\xbay/\xc4\xa9\xfd\xcd\xf1+\xdd&amp;\xc7\x88\xf9\x90#\x7f-t\xadh\x15\xccMv\xbf'</t>
  </si>
  <si>
    <t>b"\x81\xe6&lt;)\x94]\xef@\x8d\xf6\x1a\xe7\x8f\xa8\xce'\xa3F\x1f\xe0U\x10\x84\x9e:\xa1\x81\xee\xad\xaf\xcaB"</t>
  </si>
  <si>
    <t>b'\xd4\xa5\x80\xacY\xf9 \x8e\x869\xe9\xe7\xa4J\x8f\x13t\x1e:p\xb6b\xe6\xe4\x1bM!}\xaaeG\xb5'</t>
  </si>
  <si>
    <t>b'\x80@\x80\xbdTW\x9a9\xde\xf0m\x14@\xd4\xcbwp~U8\x80N&lt;.M\xa1aI\xb2\xf4\xf2\xfa'</t>
  </si>
  <si>
    <t>b'\xf8\xb6{\xbf^\xffxj\xa6\x1c\x14U\x0f\xb3\x99C\xfa\xd4\x1c\xfe\xc3\n\x07&lt;\xbd\x9f\x83,\xb9zq\xb0'</t>
  </si>
  <si>
    <t>b'\xd0\xed.f\xc1\xe9\xb2k\xac;rn(R^\x0c\xc5\xe8\xa6\\d\xdf,\x99\x15\xdf\x02e\xfe\xef\xe1\x07'</t>
  </si>
  <si>
    <t>b'}\xf4_\xf8\xfe\xa0\x02\x17\xdb\xd5\xe9P\xe5\x11 \xd8\x02u\xca\xde*\xcc\x9b\x88\x08\xbb\t\x1f\x97y7B'</t>
  </si>
  <si>
    <t>b'pg\xbe#P\x98Wc\xa2H\xf4L^\xd0\xca\x12\xaaY]\xdav\x88J:\xad\x04I\x8d\xa4\x86x0'</t>
  </si>
  <si>
    <t>b'\x1b\xe4Le\x88_\xe8*:\x89\x10G\xfa\xc6\x90\xb6L\xf5\xc2b\x1a\x0f.\x00\xb6\x80\x05\x04z \x19\x9a'</t>
  </si>
  <si>
    <t>b'X\xca9\xe0.T\xfd\x028cx\x99\\\x07\xf5\\\x9dHSRX\xd5\xb5%\x1c\x8f\xca\xa6\xd6\xe0\x8cE'</t>
  </si>
  <si>
    <t>b"\xa1\x15'W\xde\xb9\x96/+\xf6p\xe5\x81\x07\xcdT\xe6w/\xb1\x9eS\xe3\xd6_nh\xc6]f\x14\xa8"</t>
  </si>
  <si>
    <t>b'\xdb8\x08.]\xe5\xb7v\x94\n2\x81]m\xb2\t\x1b\x11\xa7\xfcV;ll\x1a\xca7(X\xbd\xb7\r'</t>
  </si>
  <si>
    <t>b'\x0bUrZ\x98\xcep:e\xeb\xfe\x91\xf5\\\x15\xfeA\xbb\xd7\xfcB\xd2\x1d\\\x1d\xd1\xa7\x1f\xdb\xb2\xd3Q'</t>
  </si>
  <si>
    <t>b'\xf5"\xa9\rU\xe4\xcaqJ.b\xd2B\xcd\x10\x13f\xef\xe9 PqW\'\xdd\tl\'\xc5\xf4\x1cW'</t>
  </si>
  <si>
    <t>b'\x19\xad\xfa\xa4W\xcf\x02\xaf\xd5\xdd^\xe5\xadt\xc7\xdb\x07\xbd\x92\xee,PU\x05\xd3Lc\x8d\xdaw\xccN'</t>
  </si>
  <si>
    <t>b'\x9f(\x1a\x07f\xd8C\x1e=\xf2\x11\xf5;\xe5\x8b\xfd8\xe9|-\x9f\x9d.v\x8f[0CU\x8bz\xc1'</t>
  </si>
  <si>
    <t>b'\xf8\x00\x19\x84S\xc7\x9b\xf9([\xc54\xb1\xa7\xe8\xf5n\x8a\x8eYl\xb6\xa6&amp;\x9e\xe7z\xc63\xa7\xb4&amp;'</t>
  </si>
  <si>
    <t>b'\xe1(\xaf\xf1r\x11\xaa\xe7\x17O#\xbf\xc5\x07R\xd8\xca\xc5\x8a\\\x0e\xb8Z\xd8\x99\xc2\xd2\x1dL/\xb4\xd7'</t>
  </si>
  <si>
    <t>b'\xee\x80u\x0c\xa6\xee&lt;\xeb\x87M\x1a\x91\x995S\xc3\xb9\xe3\xd3\xb1\xcc\\\xb2\xd3\xdb$\x11\xfc\xaa\r\xfd\x89'</t>
  </si>
  <si>
    <t>b'\xb0i\x8b\xb8\xe7\x9d\x057yK\xab\xd9&amp;pUf{&gt;:\x94ck\xed7\xb7\x8d\xe4?\xa5\xf9\xd3\x18'</t>
  </si>
  <si>
    <t>b'\xe7\xdd\xaa0\xde#HA\xa3`\xfae\x91-\x8f\x97r\xe5\x9f\x0f\xec\xa7\x0f*\xaf\xe1\x0f5\xe7P\xa7\xf4'</t>
  </si>
  <si>
    <t>b'\xb5FT\x12\xf3\xe8G3[%\x19t1\xfd\x06\x07\x16\xa2\xc9\xcc\xd3+\x8d\x07\xf2\x98\xb8\x80\xbc\xec\xc7\x07'</t>
  </si>
  <si>
    <t>b'\x96c\xcb\xdbzjN\x8f\xb8\x98nJ\xd3 \xb7\xe5\x04\x99\x17\xdd\xf3R\xce\xed\x06\x8c\x8d\x9c\x0fa\x9ac'</t>
  </si>
  <si>
    <t>b'\xc1\xbbr\x8d|{\x17\x7f@\xbe0\x19\t\x86Q\x05Jvm\x86\x00=L\xee%\xf3\x04H\x18\xe1V\xc8'</t>
  </si>
  <si>
    <t>b'\xa1\xfaY\xf1U_\xf0\xc7\x8c9\xbai\xd7d\x05\x10r\xe5H\xa6p\x0e32\x92b\xb5F\xc1\x1b\xf1\x0f'</t>
  </si>
  <si>
    <t>b'\x0fQ0pp\x04\xe1K\xc4JA=\xb9\x9c\t\xd0\x91\x0c\xa81=\x15\xd8\xa6C*\xa9+\xc8_A\xf8'</t>
  </si>
  <si>
    <t>b"\x93/@\x9c\xe2\x98\x14\x94'41m\xae\x83\xda(v\xa7\x8d9\xb9fU\xe0\xef#\x94\xa4\xf0LL="</t>
  </si>
  <si>
    <t>b'D"\xe2\x17_a\x14\x9e\xe66L=\x9d\x86\xd8\xc1K\xccw\xca!N\x80X(\x01\xc3\xe5\xa8\x9e\xa6\xe6'</t>
  </si>
  <si>
    <t>b'\xe4e\xd9\xf5\xa2\xd0\xcb\x82\x8f\xf0%\xe9\xde\xff\x13.\xf0Ws\x962"\xde\x05r\xc6\x05u\x12\xfe\x08\xa2'</t>
  </si>
  <si>
    <t>b'\x83)\xbb\xf2\x17vS\xd1I7\x88\xde&amp;7[\x96\xa6e\xb6\xe7\x82}\xd5\xbe\t\\\xb3n1\x93\xadp'</t>
  </si>
  <si>
    <t>b'\xe3\xbd\xd7\x1c\xfb4\x90l\xc6D\xa9\x17`\x8a\xc2e\xbeK\xd4m}$\xb8\x8e\xcb[\xc0GU\xa4\xf4('</t>
  </si>
  <si>
    <t>b'\xceu!\xbaz\x1d7Co #\x17\xe2.\x90C{\xc5Z\xdb\xc0\x96\x9c\x0c\xb2\x05\x81m!\x17\xe7\xa1'</t>
  </si>
  <si>
    <t>b"1\x8b\xb1\x94K\x88\x15\x88\xd3\xef\x90\xf1Y\xc3'\xee$t\xd5\x08\x1f\xd7\xc55l\xec\xeatL\x9fo\x8e"</t>
  </si>
  <si>
    <t>b'\xc81\x8cB\xa3yu\x08`\xd3\x95(gw\x8e?\xb5\xab\x01\x94\xdf\x01\x1f\xf3\x8b\x86\x134\xa2\xea\x801'</t>
  </si>
  <si>
    <t>b'\x1d\xa2xM\xd6\x972\xebs\xb7\xe3\x18\x0f\x900\x9f\xb6\x1c\xc2\xb5\x13\xabb~H\x00\xf6\xa8\x0f\xa0\xc9\xaa'</t>
  </si>
  <si>
    <t>b'\xfc0"u\xa0R\xc9\x85\xcch\xb2 \'\xeby\x95\x04-\x1c m\x8cs.\xb8Tc\x1f\xb9u\xb4\x9e'</t>
  </si>
  <si>
    <t>b'\xc3\x94\n2\xa58\xb9\x10\xb0w\x85g\x83\xbc\x98w\x86G?}\x8a*}\x9fK\xa5\xa3!\xd0\\\x95\x94'</t>
  </si>
  <si>
    <t>b'\xe68q\xd2C\x81\x0fEw\x92\x9aa\x82W\xda\xec\x99yf\x0e\xd6`\xd5!v\xf7V9xs\xf1\x93'</t>
  </si>
  <si>
    <t>b'\xa8\xd3\xe0Bm\xd7\x87\x88\xb5t\x04\xb0\xc8&gt;\xaa\xdd\xff\xf5N\xaa\xf4x\xdd\x07L`\xb5y\xba\x18\xce\xd1'</t>
  </si>
  <si>
    <t>b'\xf2(\x88\x95D\xf1\\\x08\x95\x8b\x99D\xabK\x92\xe8\x07\x99D\x88\xd75]n\x9e\x81s\xc2\x84X\x81\xc6'</t>
  </si>
  <si>
    <t>b'\x15$!\x0c\xe0\xa8.\xea\x18\x03\x7f\xe0\xa5\xfa5U\x08\x16\xab\x1c\xbe\xf0\xde\xb6\x7f\x00 \x00\x01\x81=\x97'</t>
  </si>
  <si>
    <t>b'A\x19J\xcd\xe2*\xab\x9e\x91p\x01Zfp\x07]\xa4\x87\xa4\xac_\x8fo\xb1,\x0c\xdcz\xa6\x9d\x19='</t>
  </si>
  <si>
    <t>b'KA\x16]\xa6\x00\xd18,R9\x88\x04Y\xf7\x05f\x8f\xf9\xb4d\x82\xf6\x80cQ\x83AR\xf5\xe6\x02'</t>
  </si>
  <si>
    <t>b'\x88Sc\xf1\xd7X\xbbs\xdd\xa5\xcf\xe1/\xc5\xd7\xd0\xb2"\x98\xfd\xc4.\xdd\xe3\x14\x02\xa7c\xd2\xfa@\xfd'</t>
  </si>
  <si>
    <t>b"\xb8\xa7|\xde4\x90|\x0e0c\xf6\xdev\xb7\r\xf5\xcc\x15\xfb\xc9\x84\xf5\x98%\xa7\xe5\xd5']/\r\xdd"</t>
  </si>
  <si>
    <t>b"\x87\xc8\xff\x07\xbdH\xf4\xe2\xe5\xaa\xb9\xb8jI\xa7\xeb)\x07\xd9\xf0S\xcb\x95P$\x88\xebM\xa7\x00\xda'"</t>
  </si>
  <si>
    <t>b'\x9b\xfd\xac\x03\x19\xc7\xf9\xb9\xdc\xe0\x1dd\x8b\xec7O\xdc\xc0\xdeh\x16G\xb9\xc0/\xb1\xb4\xca_\xa5AI'</t>
  </si>
  <si>
    <t>b'W\x84\x19*XM\xed\xc2P\xc3A\xb9\xa6Tv\xbei\xc9\xa4kp\xe9j\x8dlH\xe6\x9d\xe8i\xef5'</t>
  </si>
  <si>
    <t>b'\x96o\xee_;\xf5s\xc90H^\xf9\xf7\xd1:\x1c\xaa\x01Ri\xd1\xf0c;\xa1\xcd\xb0\xac\x9a/\xb3_'</t>
  </si>
  <si>
    <t>b'2c\x18\x9f\xaa\x13\xd8\xfa/^\xe8\x835\xd2:M\xc8\xfb\x83r\xf2\xf7\x89\x94\x19\x0f\x97@_\x1bz\xfc'</t>
  </si>
  <si>
    <t>b'\xe7`\xdc\xdf\xf0\x98\xba\xbb\x0b\x03{\xf0&amp;\x05g\x1f\xef0\x1f\xfb,\xf4\x9f\xa9[r*\xd8\x03u\x07\xc3'</t>
  </si>
  <si>
    <t>b'\xe92\x94*\xb2\xa9\xeb\xd0\xf4\x81\xaa?\x12\x17\xa8\x89\xf2\xbd\xf79\x96\xf7\x99\xd4Q;\x01v\x11\x11\xf4w'</t>
  </si>
  <si>
    <t>b'\x1c\xfc\xaa\x19\xe1\xee\xb8\x04\x99\xa0&amp;\xb2\xbd\xbd\xcf\xe9A\xc11\x99\xbeZ\x8e\xda\x19\xdcza\xb5\xe6\xc4\xba'</t>
  </si>
  <si>
    <t>b'A4zQ\xc3\xbe\x85\x0b\xf8t\xe8\xb3\x86\xf8\xa8\xf7\x11\xc3gH.\xbds\x94_\xbc\xb9\x9b\x9f\xd1\x1dN'</t>
  </si>
  <si>
    <t>b'\x89\xacbz\x9d\x83\xf9\x1f{\xe0b0\xd5\x03\xf4\xbdJ\xb02\xefB\xd2c;\x18\x9a\xc7\xbb\xeeW{h'</t>
  </si>
  <si>
    <t>b'\x9d\xb1\x0b\xdd\xe7u\xf8n\xa6\x0c\x0c\xb12\xdc\x1eo!\xbc\xddcV&gt;\x0b@\x01N\x9f\xde\xb8,&gt;\xf7'</t>
  </si>
  <si>
    <t>b'\xcd\xc7\xed!\x91\xfc\xbc?\xfcfA\x10\x053\xb1\xbd\xc1 \xc7"\xc6\x18\xaa\xe9\xa41Y\xc279\x11\xbc'</t>
  </si>
  <si>
    <t>b'\nw\xff\xe1\xdb\x9c\x06\xaf\xa1A[\xea\xb7\xa0^W\xec\xb6\xe0\xa9ArUM\x0flX\xd2Wt\xc9\xe4'</t>
  </si>
  <si>
    <t>b'|\xe0\x17\x19\xc8\xa1w\x93\xd2D\xb5\xf3\xd3&gt;Pd\x8e\x92&lt;\x80\x07\x05bNg\xdbE\xff\xe4\xd7\xf7\xf5'</t>
  </si>
  <si>
    <t>b'\x05l\xbaey\x03\x96vVqp\xe0}1\xf4\x0bb\xb3D\xdc\xb5\x14~\xbb\xf6\xd5\xc4l\xd9C(\x82'</t>
  </si>
  <si>
    <t>b'+\x94\x96Z\xf7\x9e\x1b\xc7]^&gt;\x83\xbc\x16\xaeP\x9b\xba8\xc3\xea\xd1\x0c\xe0\xf5\xe0\x08\xfb\\\xb9\x0c\r'</t>
  </si>
  <si>
    <t>b'\x97\x80\x9e\x85vB\xc17\xeb/&amp;\xa65\xf6E\x90\xa3\xe8\x1d!c\xdf\xc2\xbfPl\x18\x88\xcb\xae"\x99'</t>
  </si>
  <si>
    <t>b'KCN8Tv\x078\xe8\xf2\xf1\x1c`\x8e\xf3c^G\x1c\x95+\xb9\x7f3\xf3\x8c\x99\x8c\xf0\xe8\xb5]'</t>
  </si>
  <si>
    <t>b'\x82e\xd9\xca\x80\xae\xbf\x9b\x1e\x891\x97\xcf\xeb\r\x9a\xbb\x1b\xf5\x8b\xd5\x1d\xac\x1c\xa9;*\xbe7|\xb4\xbf'</t>
  </si>
  <si>
    <t>b'\xf9\x16iJ\xdb\x96Qjn\r1\xda\x87\xf8\x82\x0b\x1d\x95\x9aek[/ \xed\x90B\xc9W\xd6\x80%'</t>
  </si>
  <si>
    <t>b'e\x82\xb6x\xabj1\xa8#\xba\x00(\x02\xbc\x93\x1faF\x96\xc5Ky\x82&lt;#\x1f%\x97\x14s\xd8\x9c'</t>
  </si>
  <si>
    <t>b'\xc5p\xd09\x0f\xb3\x06\x17\xea5\x92B\xd2?\xc1k\xfd\x1bL\xc7\x83\x9ec\x1eNoa\x06p\\e%'</t>
  </si>
  <si>
    <t>b'\xd1V\x00\xee&lt;\x1c\x7f|8\xc9\x89\x02&lt;\xd3\x92\xd3\xbf\xdb\x82"\x94Ym\xd2\xa8*`\x173\x10\xd2Y'</t>
  </si>
  <si>
    <t>b'\x8c\xe3%\xd8\xc7\x17\xfe\xf7\x9a-\xd3.\x1a\xdd\xbaF{\x0c\x8c\x0f\x9f\x8c\xeb\x83\x1f\x9d\x8f(\x01\x1f2\x0e'</t>
  </si>
  <si>
    <t>b'\xfc\xc3\x1a\xd2g\xcce\xf1\x17\x8a\xa0\xbf$_T\xc2\x8625\xd1\xec\x17\xed\x80\xc4\xb2ue\xb5\xe7\xd7\x18'</t>
  </si>
  <si>
    <t>b"5y\xc6\x9b\x89\xf8\xc0\x14\x81\x1cR\xf8\rg\x1dS'\xd5\xd1/s\x01\x87\xc5\xef@\xf2k\x85x\xd8\xcc"</t>
  </si>
  <si>
    <t>b"7#'\x95m\xa4\xd7a\xde\xbb\x98\x18,\xbd\x19\xd9\xe7\xae\x95q\x0c\x12 1U6$MC\r\x176"</t>
  </si>
  <si>
    <t>b'\x8f\xc3k\x83X\xb8\xb0\xcaU\xd1\x9f\x02\xe6\xd2\xa9w\x8f?\x16#y\x95\xf2,\xa5\xbe9\xd2E\xe5&gt;\x08'</t>
  </si>
  <si>
    <t>b'\x82\xc3\x8e 7Z\x7f\xd7x\xa6Mg\x05.\x9d\xdbj$\xc3\xc1\x9f\x85\x99\x8c \xc2\xaaxn\xaa\xf1\xc8'</t>
  </si>
  <si>
    <t>b'\xf5\xae\x19\xf1\xb4\xf6,\xc1Jk\xd4\x1a\\\x83d\xf8X``x\xf2\xca\xd2\xd9NY81\x1b\x0bW '</t>
  </si>
  <si>
    <t>b'\xb4\x05\x8a\x8c\xb9\xa2\xb9G[\x95Yq\x9e\xe8\x1d\xf2\xa0\xd7jj\xac\xcd\xb1\x04\x03\xa9;\xe0\xd6E\xea\x9a'</t>
  </si>
  <si>
    <t>b'\xcd\xaf\x0e\xc9K\xa7c\xd6\xc8\x81u\x0f\x8d\x12\xa0\xa9\xc7(\xd4W \x0cq\xf5\x9b\x85p\x19\xd5\x81\xdf\xaf'</t>
  </si>
  <si>
    <t>b'9\xfc\x9c\xb4\xb5Hj\x9a{\xc3b\x83n\x94-\xc1\xf2\x12\xa4\xe1y\xfe\xf9*&amp;\x9c!\xf7\xf1\xbd\xebv'</t>
  </si>
  <si>
    <t>b'\xd0\x94\xfc6\t\x13\x17\xe2\xc5@\xa4\x18h\xe7f\xc4\x91@f\xf3\x03\x82\xc0\x87\xa6\xc3i\x9c\xccj\xa2\xef'</t>
  </si>
  <si>
    <t>b'\xf3\xcd\x87\xd2&amp;i\xf0z"\xf3\xf6u\x83\x0b\x02\xe9\x9f\xaa3\xfd2\x9di\xb2\x05\xf6=\xe1@\xee\x90\xfe'</t>
  </si>
  <si>
    <t>b'J\x7f\x1by1z\x18\xe5\n\x9a\x9a\xec\x01\xda\xe90\x82\tN\xd0o\x99\x04\xbb\xc6\x8eB\xd0\xfc\x1d?\x7f'</t>
  </si>
  <si>
    <t>b'YO\x89\xf9\xd0\xee\xf0i\xe0\xa2%;\xb5\xa4\x90\x94)\xd7\xba\xa9/[C\xef(4\xb0O\xec$!\x1c'</t>
  </si>
  <si>
    <t>b'\xbb\xf0 W\x9d\xd2\x87#\xba\xc4\xdf\xa0\x7f\xd3\xa1Y\x8f\xc9\xce\xfd\xe9\xab1\\^\xd3G\xa8\x81\xae1\xea'</t>
  </si>
  <si>
    <t>b'\xe0=\\\x8cX\xaf7\xf3\x9f\xe2\xb9\x08\xc1\xce\xb5\xd4\x9e\xb6S\xfd\xca\x03+e\x1f_\xf7n\x8fAk:'</t>
  </si>
  <si>
    <t>b'\xaaJ\xa3h\x8b\r\xe6\xc6\xb1\x10\xbf\r%S\xb2\xc3\xb1a_\xe0\xd3W\xed\xa8Q\x8e\x11\x06 \x84\x9d\xab'</t>
  </si>
  <si>
    <t>b'a\xf8S\xfe\x93\xe6\x84\xcb\x98\xf3Yq*R\x85\xf1\xf4\x8b\xb9\xccG#V\x1c\xa3\x81\x0b3-O)\xfa'</t>
  </si>
  <si>
    <t>b'b\xde\x9e\x0cz\xbd\xaa\xe4V\x06l\x00r\x7f\x11P"\x8f\xca\xac\x9f]\xbf&gt;8\x1f\x98u\xc6^-\x1e'</t>
  </si>
  <si>
    <t>b'\x16^\xff\x86\xa1\x1c\xf8\xbc\xf9\xff\x14\xf8\\yDY6:\xbcY\x82\xa6\x00\x93(\xca3\x91+\x18\xabn'</t>
  </si>
  <si>
    <t>b'(\x9c3\xdf]\xb1\xe9\x04\xfb.\xabm\x942\x01\xa0O\x93E\x94\x89\xda\xbb+(\xbcs\xb1k\x8eK\x82'</t>
  </si>
  <si>
    <t>b'\x9e\xd5\x98/\xd7j\xeal\xe5h\xa0\xcd\xf6;\xd2?r\xde&gt;(\xc8\xd7I\x88\xfc%\xcc:\xa7,\x9c\xba'</t>
  </si>
  <si>
    <t>b'\x13@[\x98\xf2\xf3\xbf\x99DR\xed\x8fz\xaa\xc80Mz\x91!\x91F\x0eG\x0e\x8e\xb1CX/\x9b\x90'</t>
  </si>
  <si>
    <t>b'\xbeQ3l[U\xc7\xc3vA\xdcT9\x18\x94\xd7]\xa8\xc4@bA\x89\xd4w\x96\xc7\x0b]\xbdQ\xdd'</t>
  </si>
  <si>
    <t>b'\xe9L\x17\x1e\x84If6\x0ew\xb2\xc3\x13c\xca\x86+hL\x85\xdc+\xf4\xc1\xda[\x9b\xa5\x86=\xb47'</t>
  </si>
  <si>
    <t>b'\xbdw\x03O\x05\x05c\x93\xed\xf9\xe8\xff\xe2V\x89\x08@\xeb?\xaa\x16\xc4\xb2\xcd\x9f\xa2\x91\x05\x97\x85\x11x'</t>
  </si>
  <si>
    <t>b'\x02a\xd9\xb9\xa6\x7f\x9a\xa5\xd5\xff{?\xbd\x11\xb8\x8e\xf4\x8cp\xba\xbb\x86C\'\t\xfc\xaa\xad"e\xa9`'</t>
  </si>
  <si>
    <t>b'Y\x0b\x0f)\r\xc6\xed?|\xafJ\x83\xe2\xfd\x15\xae\x90\xd3fDZ\x96\x9f\xa9WX\x06\x03\x83)\x1c\x1a'</t>
  </si>
  <si>
    <t>b"\xbd\xbb\x11\xb6\xad'\x0fv\xab\xe5\xfa\x88E\xbbZ\xad\x86:\x98\xd4\x0ePf\xeeP\xbcQ\xe9Z\x94\x9bA"</t>
  </si>
  <si>
    <t>b'KZ\xfaC[3\xbf\x17\x06*\x1c%E\xa0\x97\xe8Bp\xe8n\x94\x00\xbb\x1e\x86N\x04.r\xa7\x04\xbd'</t>
  </si>
  <si>
    <t>b'\xb3&gt;\x88\x0c\x8c\xad"\xcb\x94Y\x97\xd8\x9a\xe1\xbb\xc7u\xb08Or\xd4\xa2\xc1\xe4\xdd2 \xa3a\x1c\xde'</t>
  </si>
  <si>
    <t>b'\x80\xc2Y\xeb\x84$\xa0\xb0l\xea3p\xb6A\x19\n\x00`\xb6\xd5\xc7\x1b\xa9{\xf9\xd4\xdc-\x00~w\xed'</t>
  </si>
  <si>
    <t>b'c\x98\x9f\xddr\xf2D\x8a\x1fX\x01\xa6\xc27\xaaOQ\xdf\x81\xf2!`\xe6i]&lt;o\xe1\xff8\xd3w'</t>
  </si>
  <si>
    <t>b'F\xcd\x9b\x18V\xfey\xc5\xe4\xbb\x9e\xa8\xb3"_|v]:\x83\r\xfb\xe7&amp;\x10V\x85\xda\x10\xd5:\xa1'</t>
  </si>
  <si>
    <t>b"\xda\xb9|\x10I/\xd6:J_Q{'&amp;\x03VM\xbc\x15(6_|\x1f*\xb2\x1e&amp;m=\x07H"</t>
  </si>
  <si>
    <t>b"\xe4\xf9\x9b\xa9@\x13\x81y\x11\xae\xf2\xd0\xfc\x89\x81&amp;d\xee\xa1\xb6\x1cPf&gt;\xc8Y\xc5\xf4\x08\x95'\x8d"</t>
  </si>
  <si>
    <t>b'T\x8bbj\xaf\xc8\x93\xf2\xbb*\xf4$:&lt;#I\x92\x94}\xc4\xd1\x9a\x83Y\xe8\x83/\x81\xda}\xf6$'</t>
  </si>
  <si>
    <t>b'\x9c\x1a]\x0b\x0e\t\xab~j\x07\xb6\x01Jn\x9dt\xeb_\xacjzg\x0b+o\xb9\xfbf\xa0\xb3?='</t>
  </si>
  <si>
    <t>b'K\xc4\xee\xe0om\x0b\xaf\x9ce\xb3(\xa6\x109-B.\xd7\xdbW\x89Z\xb5J\xd9\x00\xed\xd5\x83\x8fA'</t>
  </si>
  <si>
    <t>b'\xbd{\x0c\xd1 \xaf\x0cx\xc4\x9a\xac\x03\xf0d\x91\xfe\xf8\xf6\xc5J\r\x18I}\x072\x81\x8dk\x90\xe5\xd2'</t>
  </si>
  <si>
    <t>b'wk\x832\xd7prL\xe4\xaa\xbe\x00\xb26#\x1ca\xb5\xa70+\xc5\xbe\xe8~\x05\xa1,{ )%'</t>
  </si>
  <si>
    <t>b'\xb9\x17\x1e\xd9-\x8c\xf9jL\xa6\xed\xde#\xb6B\x1e\xc4\n\xd9|\x065\xe7\xfc\xdd7N\xa6\xd9\x17\xf3\xe6'</t>
  </si>
  <si>
    <t>b")\xf0\xc2\xc6\x06[\x8a\xa2\x17\x1fP\xda\xa1\x8f\xadq\x86d'\x16\x1f\xde2\xf2\xaa\xe7s\xd5\xc4D\xa1\x1f"</t>
  </si>
  <si>
    <t>b'\xe1\xa8\xf0\x89\xdd\x16\x88\x1b\x1a\xd2S\xa0\xac\x87p.0\xa1\xa7\xc7\xc4\x07`\xb0&gt;\xe9\xc3p\\\xd0h\x05'</t>
  </si>
  <si>
    <t>b'8\x1ek\x9e*\xdc\x14/\xe5\x17Lu,\x11A\xef\xc5\xa3\xa92L-\xec\xe6\xf1\xe6\xc1\x8d \xc6\xa2\xc3'</t>
  </si>
  <si>
    <t>b'\x00\x8f!!0\xab,\x98bpinE\xa0\xed&gt;\xfb\x9c\xbe]\x92F\xf0#vm\xf5\xff\xdb\n\xf3\x05'</t>
  </si>
  <si>
    <t>b'0B\xc8\xda-g\x1c\x93o\xcdV\x99\xdf\xbc\xba\xf3\x07Z\xa4\xc1\x96\x95\xf4&lt;Q\xd6s\x90W/i\x82'</t>
  </si>
  <si>
    <t>b'\x0cK\x1f\xfe\x02YC]v0N@R\xe7`\xd0\xaf\xba\xfb\xec&gt;\xf2\xfb-\x898s6J\xc2\xce\x80'</t>
  </si>
  <si>
    <t>b'\xae\xa0\xa3e\xceS\xa5Xzn\xcea\x90&gt;\x8am\xaf\xa8\xc8\x95(\xb1@\xf9\xa4\xccT+\x1f:\x0ck'</t>
  </si>
  <si>
    <t>b'M\x1c\xf6\x08\xe5\xf35;\xb4Y\xf1)\x07\xf3\xb3"\xf7\x85\x82\xa4\xff\xffn\xca\x06J\xd2\x1e\xe2\xd2pE'</t>
  </si>
  <si>
    <t>b"\\\xe5\x0f\xb4\xfd\x84\x1f:\xca\x98\x88\xd9o\xbe\x87\xee\xd0'\xb2\x92W\xe0+\xc2L5\xf5\x93\xe0G\xcb."</t>
  </si>
  <si>
    <t>b's\xa7D\x8d\xef\xb0[\x97\xaa\x962\xdb\xfb\xb4\xebd(\xaaJ\xcf\xfc\x8e\x94\xe9\xbe\xd6\xb3_\xd9\x8c\x07g'</t>
  </si>
  <si>
    <t>b'\xc6\xfb\x03\xd3I.z\xf7\x016\x89J=K\xa5\xa3\xee%\x99O9\xc4\x82\x01\x1e&gt;\x80p\x9b:8\\'</t>
  </si>
  <si>
    <t>b'\xba\xbe\xbc\x8c\xd0k\xe7\xad\xb6\x1e\\\x95\xfc\xde\xbe1\x80\xbf\xe2\xcf\xb63\x1c\x8d\xc6\x95\xf7\xde[\xe3\xb0\x15'</t>
  </si>
  <si>
    <t>b'\xf4!gT^\xe07\x02(N\xb0\xc6\x14\x7f&amp;\x02\xcf\xbcL\x94\x04\n\x8d/\x0e\xfa\xca\xaaN\xfd\xa1\xf2'</t>
  </si>
  <si>
    <t>b'g\xccc\xd5\x80\xdd\xb3UX\xcf=5@\xd9\xb6\x8dd\x052B\xa5t3\xef\x15I\xdc\x8f.\x0c"\x19'</t>
  </si>
  <si>
    <t>b'\xe1o\x1d\xe8\xe2\xe7\xf6P\x87\x05\x8f\xf4\x9f\x91.\x91\xcdc\x97O\xaa\x90)\xc7oV\xff\x00\xe5\xfb\xc4\xb0'</t>
  </si>
  <si>
    <t>b'#\x01\xc2Q\xdc\xe2L\n\x9desQ\xbc\xc5m\x97\xbd\x1f\xd2\x96\xa9h_,%\xae\x18\xf2\xa5\x9e\xe48'</t>
  </si>
  <si>
    <t>b'3\xd61\xca\x9fv^\x9f|\x8fv\xb3\xa3\xa2\x1a\x14t\xd9\x96\xd5K@\xa7*V\x9b\xd3\xe3\xd0\x10\x15\xd9'</t>
  </si>
  <si>
    <t>b'\xd3\r6*X\xc2\x1b&gt;\xe0\x8eorCS\x81\xd0e\t\x8b\xb6\x8b%\x01&amp;\xc8\x1aU\x98\x94\xdb\xd3\xf0'</t>
  </si>
  <si>
    <t>b'p\xb0`\x951\xde\xd8\x01\xf9\x86\xe5~\xecyM\x98.\xac\\\n(5\x19\xac\x84cKaz\x9f\x95\xa6'</t>
  </si>
  <si>
    <t>b'o!\xf6\xf46c\x87q\xdaC\x99z\xd8p\x9c&gt;6\xee\xe0o\xc4\xade\xaa\xb6\xf2\x03\x82\xbf\x9a&amp;O'</t>
  </si>
  <si>
    <t>b'\x87]\t\x08(F\x95\x96\x15\xc5F\xe0Z \xb3\xac\x82g\xcc\x1d\xe1r\xa8\xe9\x1b4[\x08D\x00\xa7\x82'</t>
  </si>
  <si>
    <t>b'A3\xd1\x8d&amp;\xdf!u\xfe&amp;\xac\xb5\xc7\x9ah\x9c9\xf2*L\xe3#G\x92\xf9\x8e\xe8dy\xc5\x92\xc3'</t>
  </si>
  <si>
    <t>b"b\x86z\x92\xeb(}\xd7\x06\xe6Md\xa9\xfa\x8e\xa5\xb7\xb1\xe6'\xfc\x97\x97\xd4h \xb8(\\(\xc9\xd4"</t>
  </si>
  <si>
    <t>b'\xa8\xd8\xa4{\xfcR\x18\xdf@Si\xc77\xeb5\x84\x17E\ny1\x8d\xb5\x14yL\xbb\xb5|!vy'</t>
  </si>
  <si>
    <t>b'\x8d\x00\t]\x8a\xaf&amp;\xe9\x1aJ1\xcf9\xea\x8a\\\x92\x03\x1c\ty\xcb\xbd\x10(\x9c{\x11\xffJ\x81\x07'</t>
  </si>
  <si>
    <t>b"\xb3\xd4\xa0\xf7\xd6E6\x0b\xc3\x142\xdcgz\xcdW\x06/\xa8\xee\xb8\xbdC\x12\xb3\xac\x14\x85$J'\xfa"</t>
  </si>
  <si>
    <t>b'\xefW=F\xb2=\r\xbd\x93\x82\r\x80\xcf\x97P3\xdd1\xf8\x80F\xa3{P~\xddVU\xd1\x0c\xca\xb5'</t>
  </si>
  <si>
    <t>b'\x9e\x1d6\xb3\xfc\xcf\x18\xbe\xc6\xc74\xee@\xdb\xe4`z\x867R\xa5\xa7\x82\xda\xbd6\xb6M\x16|\xc6a'</t>
  </si>
  <si>
    <t>b"L\xeb\xbc\x92\x919\xb2\x93\x11\xbbIZ\x95\x16?/'7V\x15\x1b\x93\x17'\xb7\x01\x0e&lt;\xbb2\x81\xd0"</t>
  </si>
  <si>
    <t>b'\xa6\xda\xdc\x08\x9f\xba\x04d\xfc\xf5|\x19\xf1\n\xcc\xefTv0\x88\xc7\xcb\x14\xd9\xf3\x19\xe2\xd0\xe7\x85\x8f\xa1'</t>
  </si>
  <si>
    <t>b'ue\xaf\x95\x94\x85\xce\x8b\x93\xba\xbf\xa9C{\xb8d\xd0\x9b\x9f\xbe\xb1\x1b\xfek\xdb\x84\x89\x9e\xfb\x93\xb0\x15'</t>
  </si>
  <si>
    <t>b'\x80q\xe8\xa3\x96G_\xa7d\x12\xd6\xee\x10D\x1e\x12\x9b\xf1\x10C\x1f\x1d\x0bAA\xe6\xcb\xb8\xb8\x80\xb8\xbe'</t>
  </si>
  <si>
    <t>b'\xf5\x90\xbe\x15y\xf7KP\x16\xd2D\xb1\xd3\x80\x95D8%\x99\x98\xe0\x01\xf5\xcdK\xb61\xcd\xd7C\xa1+'</t>
  </si>
  <si>
    <t>b'+\x01-\x8a\x04N-\xa4\xbf\x7f\x83\xfc\xb0L\xff\xd3Hq\xb9\x1e+\x18/\x8b\x93%\xdf"\x9a\xa9`\xf5'</t>
  </si>
  <si>
    <t>b'\xd1k\xdc&lt;6.\xe2\x04uxV\x0f\xfdP\xc0\xc6\x83+\xf7\x8c/w\xdb\x9ay\xb0\xef[\xf9dh\xea'</t>
  </si>
  <si>
    <t>b'\xd7&lt;\xc5\x17\x9a\xc3\x13\xc5\xceOw\x98\xb9L*\xc2\xf1\xe9\xf3m\xed\x8dC\xf5\x89\xbdf\xbc\xfe\x91{}'</t>
  </si>
  <si>
    <t>b'\x1fo\xf4\xf5\xabK\xe6\x97\xfa\x8d\r\xd8\xaapv\x9c/\xd1v\xe7\x03DAi\xe1\xd6I\xb6\x83\xcd\xfe&amp;'</t>
  </si>
  <si>
    <t>b'\x92LA\x92s\xf1\xb1-\xf6\xce\x86\x93Qv\xa6\xc8\x82T\xd5*\x16Yql\xc2\x9a\x86}\x91\x97\x0b\x95'</t>
  </si>
  <si>
    <t>b'\xa0\r\x02\xc0\xa0zQ}\xa5\x92E\xf6\xe98\xce\xf4\xe5\x8c\x8d\xb4\xd89M\xe3^X.\xa79L\x1e\xbe'</t>
  </si>
  <si>
    <t>b'\x9f\xc5\xb7*\xf6\x8c\xe1RV\n\r\x9d\x14\xeaY\xe8f\x16\xd2YQ\xd3?\x9aW\xd1X\xb06\xb0\xda\x93'</t>
  </si>
  <si>
    <t>b'\x8d\xcaN%\x0b\xf3J\x1c\x00\x8a*\xc5\x8fN:\xb3s\x9c\xaf\x91\x81\x9c\x99E5\x02\x86\xbft\xd0C\xea'</t>
  </si>
  <si>
    <t>b'\xd6\xfbd\x9aQL\r&lt;\xf9c&amp;\xb5\xc8n} Mh-\xbd6\\\x84\xb2\xe7\xd4]\xdf\xe7\x95\xefS'</t>
  </si>
  <si>
    <t>b'\x7fK\x9d\x7f\xf8,\xc1\xf7\x91-q\x84\xdf\xbe\x07\xcd\xc2\xbe\x19\xc8\x81\x83\x8c1e\xd3\xac2\xd1\xd5{\xe4'</t>
  </si>
  <si>
    <t>b'{7:\xab\x86\xdb4Br\x06\x17\x8a\x82\x17(\xf6\xfe\x1d\r\xd3\xc8\xd5\xd2\xa3\xe7k\x10O\xcclo\xb3'</t>
  </si>
  <si>
    <t>b'\x12\xb8\x9b\x81\xf8\x1f7\x87\x18\xf6\xd0\x03M9\x1b\xd7\x91\xa4\xd4o\xfcrv\x13\xdd \xb2\xe4\xc0^I\xfc'</t>
  </si>
  <si>
    <t>b'q}D\xad,\x8f\xb6n\xda\xb2\x18\xbe\xf8\x85U\xa3\xa0\xd9\xc4\xf8\xad;\x0e\xedI\xe9\x1d~}\xa5\xd5b'</t>
  </si>
  <si>
    <t>b'\xdck\x81#Z\x0f\x19N[\x19\x89\x07\x81\xc6\x80\x1c\x1eK.\xab\x9c0\xd5\xf0\xa5%$\x16=\x02\xa6\x90'</t>
  </si>
  <si>
    <t>b'\xab~\rv34i%.d\x88\xae\xf7w/\x867\x9b\x1d\xb2h(\xba\xcb\x98\xc5\xd9\xaa\xa9\xda\xb9B'</t>
  </si>
  <si>
    <t>b'\x9fa\xf8\xc2\x1a@+1"\xc0m\x15L&gt;\xfa\xa8/\x89I(\xfe?I\xf3\x83\x0c\x92\xf8\xba\xd5\x90#'</t>
  </si>
  <si>
    <t>b'e\xf5=\xa9(\xf5\x98\xb4\x90\xfe\x95\x917"\x04R\x1b[\x02hDc\xe2\xf7*\xc1\xa2i\xdf|\xfe\x83'</t>
  </si>
  <si>
    <t>b'e\x84\x90\xcc\x91X\xff5aA56\xe4%\x8d\xbf\xc5\xcf\xe9/\xa2&gt;\xbc\x8a\xda%Q\x8b\x1b\xdf:\xe2'</t>
  </si>
  <si>
    <t>b'%\xbaT\x95,\xdf\xd6JY0\xe1lR\xa5\xf0\xc1\xa3\xd6\xe3\x9e\x03\x06\xf4g)rf\x19\x95c4\xc9'</t>
  </si>
  <si>
    <t>b"/\xb3\xe3\x03\xf1\xb5\x9a\xd8S\xd6\x99\xe8\x07\x19\xe2@4G'\xc07\xe5\xe1u\x80\xf4p\x98\xd6\x92\xe7\xba"</t>
  </si>
  <si>
    <t>b'\xc9\x7f.\x00|\xed_\xed)-f\n\x80 \x85\x9di\x03~\xa7`\x02\x9e\xb4\xe6\xd4\xbb\xdb\xdb\x84[\xb8'</t>
  </si>
  <si>
    <t>b':\xc4]\xd4\xe7\x86\xa3\x83\x85R\x9b?\x13\xff\xe7\xed\xcf`\xb5\x1f\xa5\x8c\xb3v/$Mh\x9b\x0c\x04\xda'</t>
  </si>
  <si>
    <t>b'7dK\xccC\xb7(\x04#=\x06\x7f,\xe2\xbf\xef\x81\x08l\xc1\x99\x00\xbf\xc3\x13e"!b\xcd\x10@'</t>
  </si>
  <si>
    <t>b'\xdasC\x1e\xcd\x8d\xa9b\x88;\x84\xf3\x9e&lt;\x1c\xfego\xca\xab\xe4"\x9c\xf8~\x96!&lt;\x1a\xfe\xaa\x95'</t>
  </si>
  <si>
    <t>b'\x13\xbe\xfc\x96F\x11\xb2\xd8h\xeb;\xbb\x9b\x8eP\xe8O:\x8di~\xef8n?\xeci\xe6\xf4\x06\x11('</t>
  </si>
  <si>
    <t>b'\xea\xaa\x1d_?\xf6#\xec\x10R\xafc\x07\xee\xff\x00\x14\xf5OR\x9fx\xce\x87\xaea\xc7i\xf5\x07d\x83'</t>
  </si>
  <si>
    <t>b'Re\xbf\xda\xac".\x97\x1f\x92\xd5\xbe8\xcez\xf1!\xe7\x83\x1eG&gt;|\xea\xd6\xfd\xfc\x93Y\x02\x8b\x83'</t>
  </si>
  <si>
    <t>b'vYbm\x08\x12\xe1\xd8[\xb9\xdf,\xcaX\x9b\x01\xfdF\xce\xd7\x03\xaf\x06\xbc{\xc1z\x9b\xe6H\xa9r'</t>
  </si>
  <si>
    <t>b"\xe8(\xfd'\x8b\xac|\xa1u\x92\xe2`M\x8e2\xefM\xe0'\tXW4rG\xce8\xe2\x14}y\x8a"</t>
  </si>
  <si>
    <t>b'_\xf7\x11fw^\x9d]\xa9\x0e\xbe\x10wB\xa1\x88\x86\xb41\xc1:\x9b\xf0\x0c\xb3^\x8a\x93h\xbc\x95\xa5'</t>
  </si>
  <si>
    <t>b'f\x0c;\xda\xbb\xce\xe8\xe7)OOQD\x14\xa5\xf3\x84\xf6\xab\\s\x17\x94A\xea\x89\x82\x89p$\no'</t>
  </si>
  <si>
    <t>b'ZQ\xfe\x00\x84H\xab\x08\x08jR\xc4\x15\xb6\x08\ny5|{c0\x16\x14\x1e\x8e\x910\xbdf\x93\xc4'</t>
  </si>
  <si>
    <t>b'p\xc8\xadKJ\xa0\x9b\nM$\xe7\xe9\xc2hq\xdc\x08\x7f;\n\xb4)\xd2\x9d\x01\x96\x1c\xa5.\xd6\x8a\xe7'</t>
  </si>
  <si>
    <t>b'BHG\xe2\x8e\xaa\x1b\xdf\x97\xadU\xc3\xfbjBR,\x8c\x15\xe0\xd1\xc0y9V\xef\xfaR\xb0\xb4\xeda'</t>
  </si>
  <si>
    <t>b'\xe8^\xc4ji\x91Z&amp;\xb8\x0c\xf5\x13d\xca\xaa@\xe1N\x8em\x06N\xe6\x1d\xc1\xc4\x99y\x8fc\x998'</t>
  </si>
  <si>
    <t>b'|\xf2\xf7\xbc8\xa2hE!\xfb\xd9\x9a\x92V\xf4\xbf#\x98\xb0\x0b\xceH\x97\x9a\x81`\\\x10\xea\x0e\x15\x11'</t>
  </si>
  <si>
    <t>b'\x03\xf3\r\x8a\x14\xd5\xd7\xf0\xecq\x93\xb7i\x05\xd4\xebW\x04=\xbe\xcfg\xca\xf7o\xc8\xb4v\xd6\x94\x0e\xeb'</t>
  </si>
  <si>
    <t>b'g\xf0\x95\xea]\\\xd1\x02\xa7\xdfl\x1de\x03\xcb(q\x8a\x8cL\xc6\rX\xf2\xd2e\xce\xae\xd4S\x18\xae'</t>
  </si>
  <si>
    <t>b'\xa7\xa4\x89T\xa4\xa6\x81\xb3g\xe7\xe1,9\x9a\xa8\xbe[\xec\x87rl\x0b\xcf\xa5F\xce\xfc\xc2\x93\x04\x13w'</t>
  </si>
  <si>
    <t>b'\xde\xee\x81\x96&lt;\x03b\xba;\x9bK\xe0\x07\xa7\xc9\x12tq\xb1\x12\xa1\x13\xa9\x9b\x00/\xfd\x8dO} {'</t>
  </si>
  <si>
    <t>b'\xa9U\x94\x8a\x9a\x0fZ\xee\xfd\xf9\xe0D\xd8\t\x1eE=\xae\xe7\xa9N&gt;\xadI\xde\x896\x98\xa6$B\xdc'</t>
  </si>
  <si>
    <t>b'\xe0\xd8\xfdk0\xb6\x95/\xaa\xd2\xe1C\xc7\xdf\xdd\xba\xb18ybq%]K\xd4\x12\xeb\x1dc\xfeP\xdf'</t>
  </si>
  <si>
    <t>b'\xfa\xf4Z\x01\xde\xc9\x86\xf3)\x0c\xb3\x89\x0f\xce)\xb3q\x9ck^\xbc!M\xc1rT\x86U\x16\xf8\xba\x08'</t>
  </si>
  <si>
    <t>b"\xd9'\xf4\x9f\xd8\x07\n\x8b,8U\xb2I\xec\x85\xc0U\xb2\xab\xc1\x03R\xb3k\xc1\x84\x17\xa31\x17\xa6\xf5"</t>
  </si>
  <si>
    <t>b'1o1\xb6\xb0,\x16\x1d\xff\xa1\xa0\xf8\x84\xe4\xe9\x16&gt;\xe3\x9aL)\xc8\x05\xe7|&gt;\x1b\x16\xbeY:&lt;'</t>
  </si>
  <si>
    <t>b'\x9f\x9b\x9c\x8a^\xf5\x04!F~5c H\x86[\xb3A\xe8\xee\x15\x96\xa7\x06j%\xb4Zl\xb6\xca\xd0'</t>
  </si>
  <si>
    <t>b'\xdf.D\x9f,\xa2U4&gt;\xd6\xc8\xe6\xfd\xc4u\x96q}\xaf\xb8\x94\x80vI\x9b&gt;\x9b\x1d\x8d\xe1_\xe1'</t>
  </si>
  <si>
    <t>b'\xea\xccX\xd0\xa9\xc8\x908D$\x16\xe8GD\xbaU.\xa3R7\\$,hi\x04w\x9a\xe2W\x947'</t>
  </si>
  <si>
    <t>b'\xc2\xcf\x13n\x06?F%\x92\x84\x0f\xce6\x00V,\xb9\xab\xf9\x91\xce\x80:\x9f,\xf9Srt/\xc2|'</t>
  </si>
  <si>
    <t>b"\xd7=m\xfeh1\xc9\x19\xc3\x10\xd7oUe\x0f'\xfe\x0b\xechB\xf7\xb5\xea\x06v\xc6,3\x9e\xadp"</t>
  </si>
  <si>
    <t>b'R\xda\xa4\xc8\x1d\xfe\x07\xfb^\xbc(\xf5K\xa1\xa7n\xc2\xb8\xa4R@\xbf4\xd4\xdc`\xe27\xc5\xf9f\xaf'</t>
  </si>
  <si>
    <t>b'_\x06E\xd5A\xd5\xb3\xe7\x1c\x02\x83a\xb3\x17\x12\x98\xbe\xa8\xee\x8a\xebO zE8l\x93\xbf:-\xf7'</t>
  </si>
  <si>
    <t>b"*\x13\xb2q\xd6\nV\xe8\xd3e\x92Q\x07aL\xa2\x03\xb6h~ V\x82\xec\x89'\x86\xcd\xa0\xda69"</t>
  </si>
  <si>
    <t>b'\xa9\x80\x9e\x97&amp;\x05\xa8f\xaf\xc1q4\x979\xf3h\x00\x0c\x03\xa9B\x19\x82\xc5BEh\x1ed\x08\xce\x04'</t>
  </si>
  <si>
    <t>b'\x0fD\xbb(\xf0\x93\xda\xe6A\x9fx\x9b\xe0J\x96\x0f\xec\x8a\x9c\xad\xaf\xa80LY\x97z\x95Ny\x06\x87'</t>
  </si>
  <si>
    <t>b'\x84:\x12hb\x00\xbc\xa2\xb0*\x11\xf8u\x9e\xe6x\xd8\xd0eU\x93"$\xe33\x05\xd9\xa3\xf1o\x13\xd9'</t>
  </si>
  <si>
    <t>b'S\xfaf8\xd0\x05m\xbe[?^\x03\x0fF\xa4\x8ebs=s\xf6kv=\x1d\x8f\xfa:&gt;\xd1\x13\xc6'</t>
  </si>
  <si>
    <t>b'W\x80\x9e\x18\xa2\xc4]-\xac\x81\\1~\xeb\xee\x00\x11\xe2\x06b\x0f\x1eH-D\x14^\xe3\xf4O\xcd\xf3'</t>
  </si>
  <si>
    <t>b'\xab\xe9at\t\xb3\xa1\xcc\xa2\xb22Lu3\x1d\x10\x1f\xa3\xf9\xb8\x02\xe0\r\xb1\x01\xcb\xb67\xf2\x9a\x03\x8a'</t>
  </si>
  <si>
    <t>b'\xea\x9f~\xa1\xf1\xf5)\xaaNgXn\xabh?;\t\xe7\x80eN\xf1z\x0c\xa9Y\x1f\x9a\xe1\x02R8'</t>
  </si>
  <si>
    <t>b'\x80Q\xbe\xea\x89!\x7f\xe1L\xc9\xee\x8d\xc5$\xa6\xbb\x00t{\xd9\x17\xbf\x0e\xd3\xdcji\x08\x12\xd7\x8a\xe0'</t>
  </si>
  <si>
    <t>b'\x14\xeex\x14\x9a\xaf\\`\x1f;=\x8b\x7f\x1f\x13\xcb\x02P\xcd\xba_N1\x19\xb2{8\x88s\xd7g\xbc'</t>
  </si>
  <si>
    <t>b'\xcby\xfaN\x86&gt;\xf3\x94\xac\xe1c\xb2\x9d\xa2\xbe\x00\x1d-a\xbch\xa9*\xa8\xe8k/\x81[p\xa1\xf9'</t>
  </si>
  <si>
    <t>b'N\xe1|\x9a\x1b2\x0cd\x84\x19\xf7\xd3(S.x:\x17\xae\xcf\x89~&gt;\xc0M\xda\x9f\x02\xd6\x06I\xaf'</t>
  </si>
  <si>
    <t>b'e\xd1\x86\x80\xc5|\xcf\x02\x9f\x82\xffqS\xd6*&gt;\n\xf7=\xa8\xaa\x07TA\x08v\xce\x97OJ\x00"'</t>
  </si>
  <si>
    <t>b'\x10f\xe5\xc4K\x19\xe6\xa9\xe35kh\x11$\xfd\xdf\xf1\xb9\xf0\xb2l\xe0O2O\x07\n\x1d.\xbe_b'</t>
  </si>
  <si>
    <t>b'\xf7\xfd\xcf\x18B\xc4\xd9\x8f\xf1\xa0\xba4W\xb0%\xbc\x02\xd3B\x9c\x85y\x84BdMj\xecRA|4'</t>
  </si>
  <si>
    <t>b'^M\xc1u\x82\xed{\xbe\xbb\x12\xc7u\x1e\xfb\x0eY\xff\x1a\xba\x99_\xdf\x84\x84\xef\x1a\xb9\xd17\x1eCX'</t>
  </si>
  <si>
    <t>b'{\xbc\xeau\xbe\x02[\xa7\na\xe4H\xc1\x8aM;P\x95&gt;Q\xa9h\x19\xb5!,\x1fetAv\xf2'</t>
  </si>
  <si>
    <t>b'\xf2t\xd8\xe859\x07\xa4NR?\xddD\x7f]\x1c\x01\xa4\xb2kA\x18\xe6\xab\xb6\xb6`\x95\xc8\x94$\x14'</t>
  </si>
  <si>
    <t>b'\xfe\x1e\xc0(\x9bi\xe8\xe1\xab\x07?f\xe64}\xdd\xce\x91\xde\x14\xf9\xdb\xda\xb0Am5\xc8\xa7\xbf\xdd\xde'</t>
  </si>
  <si>
    <t>b'\xdd\xe8\xcf\x9b\x02\xbf:i\x15c\xa1\xd7\x00\xda\xeb~\x1f\xb9\xb7\xd4\xfe\xe0\xef\xba \xec\x99A\x17Z\xa2\x8f'</t>
  </si>
  <si>
    <t>b'\x03zi,\x1d5\xf8\xed\xba\xd2\xfcE\xcbCz\xf2\xabP\xb7\x08\xc8\xaf\xe9\xe8P\xde\x04\x1byF\x19\x16'</t>
  </si>
  <si>
    <t>b'\x1148\x8b\xa8\x04\xf8\x9f[2\x17?\xc9\x13-\xaf\xa69:\xb7\xd1\x15\xc9\xae\x02\xf2\xbc\x96\xad\xae\x90\x99'</t>
  </si>
  <si>
    <t>b'\x95\xd0\xd1\xb6\xc0cP\xd4\x07\x16\xa3\x88\x8b\xd7\xc8\x03qS\xed\x8d`^\x86\x88\x8c.4]\x90\xca)e'</t>
  </si>
  <si>
    <t>b"\r\x9b'Q\x96\x88\x11\xb9k\x1c\xa5\x13v\x13\x14\xab1\x96\xb0\xfc\x87\xea\x86U\x19\x93\xa2\xb8-\x8b\xed#"</t>
  </si>
  <si>
    <t>b"\x03q^'*)H\x03\xfel\xf4\xee\x0f&amp;xjP\xe3\x91kw\xfd-z\xd4\x14\x92\xdd\x90\x9eF\x97"</t>
  </si>
  <si>
    <t>b'\xe6\x8c\xfb\xf69d\xdfY&lt;\x12\\N\r\xc3\xe6\xfd\x13\xd0\xb1\xa1\x11\x7f\x9c,l\x12+\xd9\\\xff6W'</t>
  </si>
  <si>
    <t>b'i\x1f3X\\\x9c\x82\xcdU\x90\x94\xbb\x86\xed\x07\xf3\xa1\x84\x15\xb7\xe1\x92\x81\xb8-F\x1b\xb8\xff\x96\xca&amp;'</t>
  </si>
  <si>
    <t>b'\xa0`v\xf7\xf0\xf2\x14%w\x96\xae\x10\xc6\x90P\x07\xc7\xe2=U_\x9afG\x81tw\xfc\x8e\xbf6\xe3'</t>
  </si>
  <si>
    <t>b's\x17\x9c&lt;\xb0\xaep\xb1T\x96\x17\xd8\xe9\xf2\x8fH;\x19\x07F\xf7\x87W\xee\xb9P:t\xde\xaa\x9d\xba'</t>
  </si>
  <si>
    <t>b'\x18\x7fxR8\xa9dWg\xa2o\xee\x1d\x15\xda\xb0P;\x00\xbc!\xb8X\x9d\xed\xado\x1f}"\x1aj'</t>
  </si>
  <si>
    <t>b"\xaa\xdc\xbb\xaa@p'\xe4`\xc1\xb5}Z\xa7\x88uk=\xa8\x0e`\xed\x9c\x02\n\xdes\x1a\x11\xd2vx"</t>
  </si>
  <si>
    <t>b'\x05l\x87\x1f\xd2K\x9c\xafFK\xa4\xecm\xc3\xc3k\x02\xc2cAS.Hl\x02T%\xcd\xba&lt;\xd5\xa2'</t>
  </si>
  <si>
    <t>b'\xa0\xe2\xeb\xc8j\x8b\x97\xc4\x9e\xf9\xe6\xac\x1bGV}\xda\xd2{v\xfb\x087\x17\x9c\xeb\x1f\x10\xa7\xe5J\x15'</t>
  </si>
  <si>
    <t>b'U=gr\xd1\x95)\xcf$\xd0b?\xc7\x8e\xc5\x82@\x14O\x9d\x07w\x9e!\x99\x8fDdz\xbe\xe1\xa0'</t>
  </si>
  <si>
    <t>b'\x8c\\\xc2G\xcf\xe0\x06\nh\xf8\x97\x8a\xed\x81\x81\xd2\xfd\xce\x97a\xc6\xd3\xf6S\x98\xd9\x8cr\x89/\xe7d'</t>
  </si>
  <si>
    <t>b'H\xf5iy\xea\xd2\xf3\xcd\xe4&lt;\xbc)\x8f=\x80h\x10\x9b\xe0\xeb(\xb2\x07i|\x8e\xc6Ix\x96KH'</t>
  </si>
  <si>
    <t>b"\xd7\xa3\x18;-o\xb62\x82J\xe1N6\x00\xed\x9a\xfe`'\x8f\xa9\xc0\xc9G\x1b\xf8z\xa6\x8fKdX"</t>
  </si>
  <si>
    <t>b'\xcc\x040\x18f\xbf&amp;@e\x07\x1dU,\x01z\x8di\xeb\x9a\x97{\xb4M\xd9)\xfcr\xe2X\x01\xfe%'</t>
  </si>
  <si>
    <t>b'\x02`\xdd\xe3\x0c\xe4\x89\x98\xf9i,+\xbbvs,b\xc4\xae\xa0UaOk\xe4\x10\xac\xf8MO)\x11'</t>
  </si>
  <si>
    <t>b':b\x99N\xe5^\x00\xb0N\x82\xdeMo%-\xf9~\xcf\x99\xcd\x8a\xe9\xc5\x8d&amp;\xf20\xcc\xca @\\'</t>
  </si>
  <si>
    <t>b'G\xbd\xc4\xc8f\xf6\xed\xdf\xcd\x8f\x10\xafa\xb2\xf9\xeb$M\xe4|\xf4;\xed\x9e\x17\x175\xaf\x15\x86\x1ea'</t>
  </si>
  <si>
    <t>b"]\xc2'L\xa9V\xdeM\x97\xdb{\x82\xbfv\n}\xd8\xa7|\\\xdd2\x82@S=\x9c\x03\xb4\x88\x84\x05"</t>
  </si>
  <si>
    <t>b'\xe2K\xe7\xb1\xedV\x04\xbb\x91?y\xa1Y\xa8OZd\xb3b\xbd\x0b\x9e\x90A\xdb\x17$\x10\xae\x10*\x0c'</t>
  </si>
  <si>
    <t>b"&lt;\xa1i\xd6\x86\x81n}\xc3G'rr\xf3b\xe6g\xa4P\xedx\x01?b\xd2\x95\xc3J\xc3\x97\x9f\x17"</t>
  </si>
  <si>
    <t>b'I-\x0c\x9eY\xa9FM\xec&amp;s\xfa2\xa6\x15o\x11\x80\xf6\xe4^\x91#\x8a\xa7\xe8\x14\x08x\x9a\x1fM'</t>
  </si>
  <si>
    <t>b'Q0\x19\xa7\xf9\xf7\xbd\x9c\xfa+"\x83\x15M\xb2!\xae\x8a\x13\xa1=\x92\xa4\xf2\xc4W\xfd\xc1w\xc1bH'</t>
  </si>
  <si>
    <t>b'\x88Eh_\x08/IC\xe0\xd9n\t\xfc\t\x9e[R[\xb5\xe4\xbbC&amp;\x8d\x16\xc8i\xb3H\x97\xd8\xea'</t>
  </si>
  <si>
    <t>b'\x031_\xcb\xc2\x89\xe5\x8c]\xd4T7\x08o\xb1\x10z\xcc0v.\xebS`;\xcb\x13_,\xed\xb9\x85'</t>
  </si>
  <si>
    <t>b'\x1fEv\xc0\x80\xaa\xe7\xaa\x15\x14\xab\xc4\xa9\x10\xa2n\xe7\x98\x97\x9a\x9a\x0c1\x01\x1f\x96\xed!\xf8#\xd2\r'</t>
  </si>
  <si>
    <t>b'(\x8b\x13\xa2\xbd\x80k(\xeb\n)\xde\x1f\xe6-\x97u\xb8CX\xa5\x9d\xef\xa5+s\xe3\x16nS\xc8\xce'</t>
  </si>
  <si>
    <t>b'\xb9\x01\xea5\xcej\x00\xa3A\xe1m+|\x9f\x0b\xc1\xdfh\x0fA.\xbcVH\x98\x0f\x1c\xd5v\xeat\xa6'</t>
  </si>
  <si>
    <t>b'p%\xceS\xe6\xaa\x18id\\/y\xc9C\xcb\xc8\x99\xda%$h\x05\xa8\xae\xb8W\rJ$\xf2\xa6\xf0'</t>
  </si>
  <si>
    <t>b'}\x99\x03\xd4\xa8*\x04\xb3\xca-\xe2\x87\xb7\xd0c\x99\xf6\x8a\x9e\xc6k\x84\xa3/\x82\xee\xd8X\xf3U\xfeN'</t>
  </si>
  <si>
    <t>b'd7\x15\x80P\xa7v?\xa8\x90\x02\x16tU3\xd7\xed\\\xf6 \xe9o\xf9\xe9f\x03\xfd~\xd3\xe1\xf0\xac'</t>
  </si>
  <si>
    <t>b'W\x07A\xf0\xebh\xc9:\xa0x\xbcppS\xc1\xcc\x89e&gt;&lt;\xf1a^\x88\xcd\xdc\xff OSH\xa8'</t>
  </si>
  <si>
    <t>b']h\xd3f\x9c!|\xd1\xd6\x9c\xd1\x16e\x93L7\xe6\xf5\xff_"G;\x97q\xca\x13h\xa1\xed\x9c\xa2'</t>
  </si>
  <si>
    <t>b"\xa0\xdd\xed\x04\xf5y\x94\x1d\xd2\xcf\xdc\xae~V\x93\xaa\x9d\x92\x9d6\xcc\x01\xad'c u\x15;\x98x\x8c"</t>
  </si>
  <si>
    <t>b'.\xbe;\x8e-\xd8\xbe#?\x0etZR\xa0\x90\xb5}\xea-a\x08\xb91\xea\xca\x11\x9d\xa5\xee\xfe\x94F'</t>
  </si>
  <si>
    <t>b'\xddX\x0bd\xbatXT\x1e\xc2GR\xc0T\xfd\xce\x80\x82%\xfa\x01\xd3\xf9\xec\x0f\xfds\xe1  .\xd2'</t>
  </si>
  <si>
    <t>b'l\xe1\x1a\xf8\xd0\xbc+\x1d\xbf\x8a\x80v|u\xb3+i\x83\xe0\xb1\x9f\xcd\xbd&lt;\xc6\x01]x\xda\x8b;\x11'</t>
  </si>
  <si>
    <t>b'\x06yS\xe6K\x8d\x8e3a+\x85\x0c\x96op63\x16\x9b\xc4\xc9&lt;kK\xa5\x9a,\x01\x03\xb43p'</t>
  </si>
  <si>
    <t>b'UZ}\x82\xcf.\x0er!\x12\xd4?\xd7~Ih\xbb\xf6\x8a\x87B\xff\x99\x80M\xa0\xb8\xf3\x83\xba\xc3*'</t>
  </si>
  <si>
    <t>b'~R\xed\x12\x19\xb3\x86\xb3\x13\x14\xa7Q\xe5\xa9\x98.\x02{\xa5K\xd0E\xbd\xbb\xac\xffE\x00-\xa87\x88'</t>
  </si>
  <si>
    <t>b'3\xeaG@c\xd3\xaeD\xb8\x8fb\x08e\xd7\xe0\xc3*\x18\xd6\xdd9\xc7\xf9\xac\xd4\x91\xab\xeb\xe2\x93\x8e\t'</t>
  </si>
  <si>
    <t>b'\xb6\x88\xda\xca\xd08\xf5\x1f\x8c\x80&amp;X\x04\xc0\xe3SAH?\xa4\xdasH\x89!\xaf\xca\x80\xb6\xd8}\x1b'</t>
  </si>
  <si>
    <t>b'\xc9\xd9\xe5\xf8\x03:\xea\xd9\x0e\xe3\xf7\xae\xc7g&amp;r\xff4@\x98\xa4] \xab\xef\xf7o]\xda|\xa0P'</t>
  </si>
  <si>
    <t>b"\x92B*\x80-L\xeb\xe7\x0bX\xfez\x87\x7fQt\x01[\xce}'\x8e]\xa9w\xee)a\xb8C\x18["</t>
  </si>
  <si>
    <t>b'\xa5\xbf\x07H\xa6\xdc\xf5\x84w/\xc6D\xe2\x1a&gt;+\x88\xaa\x8e\x9e\x15\xd7\xb2\x81\xe6w\x16\xac\xdb\xb1\xcb8'</t>
  </si>
  <si>
    <t>b'\xf0a\x16,iq\xf9^\xbc\xe8\x1b\x1a\xb6&gt;\x97n\xce%\xa7}\xd9\xd0\xc3*"~c\xf6\x80.\xbbw'</t>
  </si>
  <si>
    <t>b'\xdf\xf0\x8cdD0\xbb\xc9\xcc\x06(\x1f\xbf\x1f\xfc\xf95l\x93\xc9X\x14n\xc4\xeb\xc5\xfc\xd9-\x8b\x02\xd5'</t>
  </si>
  <si>
    <t>b'\x9a\xb3~\x8b \x00\xc3jn\xa8\x0bz\x00i\x88\x85Vy\x86\xec\xe9\x8b\x82\xdd\xa3FF\x03t\xc3\x19\xde'</t>
  </si>
  <si>
    <t>b'\xc5\xe8\xca\x1f/r.\x0f2\xe6\x1eV4\xd8-vM:f\xde\x88\x98\xbc\x16F\x05\xba\xc1\xaawB\x80'</t>
  </si>
  <si>
    <t>b'\xe4\x82\xb5\xa4i\xe4\x8a3\xad}`A\xddw\x82\x81^$.j\xbd\x06\xeey\xdc\xa6\xf0\xea\xbb\x87\xf0\x02'</t>
  </si>
  <si>
    <t>b"\x12'\x92\x99x\xe2`G\xc5\xdaw\xe2\xfc\xaaU\xe3\xca\x0b\xe6\xa2\xfc\x02\xc2\x0f&gt;N}\xee\xae\xb9b\xc1"</t>
  </si>
  <si>
    <t>b'j\x84#\x99B\n\xb4\x13\x11ej\x19\xf7\x1d\xe7\xfcq\x10\x18\x83\xea\xc8\xdb(\xde\xe9\xd3\xca\xf1\x148_'</t>
  </si>
  <si>
    <t>b'"\x85\xbe\x8b\x97\xd4\xe0\x82,\x06wF\x83V\xdd\x8b\x8c`\xa9\x1c\x7f\x8f\x95\xfa\xa4\xc2\xd4\xb9\x0f\x80mf'</t>
  </si>
  <si>
    <t>b'8\xc7o"\xe4\xf7\xa7\xcd\xfd\x02\xb23\x14T\x93\xd4u\xc9\xdd\xa1m\xda\xceX\xb3\xddjJ&gt;\'#\x19'</t>
  </si>
  <si>
    <t>b'y\xbf^\x1a\xf9\xb4\xf2\x9b\xc1p\xe0\xd2\xb5\x18p`x\x9b\xaeb\x08\x95:J{\xa1\x84s\xadZ\x96\x18'</t>
  </si>
  <si>
    <t>b'79S\xac{*\x9e\xe69W\xf0%\xae\xc0;\xd4\x0bo\xeb\x9e\xf4+\xeb\x07&lt;\xef7\xf1\x9b-\xdc\xc8'</t>
  </si>
  <si>
    <t>b"\xfd\x93\xb4\xec\xa09\xbc\x86\xcb\xa0U\xc9\x1b\x19\x9d\x10\x98\xe8\xde\xcc\xee\xf2\x00:,'\xba\xd9kT\xc1\xd3"</t>
  </si>
  <si>
    <t>b'\xfe\xf2e\xbb\x06\x0c\xa2\xf41\xadW\x1c\xbb\x90T,\xc0\x9dB\xa5IL\x17 X#\xc4\x9d:!7\xae'</t>
  </si>
  <si>
    <t>b's+\xff\xfd\xd1\xe7\xa4\x7ft\xb7\xccc\x9e\xd29?\xf4\x81\x9a\xc4\xff\x8d\xc6\xc2U\x89;8\x88\xd6\xd6]'</t>
  </si>
  <si>
    <t>b'\x1dxn\x04\x8b\xbf5\xd2\x06\xcdF\x81s\xfb$z\xd0\x01/0\xb3\r6\xd4m$\xdd\xf4\xcc\xf4\x88\x86'</t>
  </si>
  <si>
    <t>b'?\x17L+*\xbf\x948\x7f\xda\x0c]\x0fFR\xeb\xc1s\xed\xd56\xe2N7\xbc\xf0\x0f\x0f!\xe9\xd8C'</t>
  </si>
  <si>
    <t>b'|\x88t\x82\xd2A\xf6\x00\x84\xc7-\xc1J8\x8d\n\xae\xbe\xe45\xd9\xe1~\x86\x8b\x96\x8b?\xab\xe1\x99\xfb'</t>
  </si>
  <si>
    <t>b'\xa2\xe5\xa1\xbe\x06 \xfbd)fkh\x8e\xeb\x96\xd62\xa0\xbe\x83\x84(\xb6\xfbV\xec\xd3\x9b\x89\xb9\xdf\x1d'</t>
  </si>
  <si>
    <t>b'\xfe&lt;\x01\x14\x8a\\/\x1f\xab\xff*\xc0S\x1d\xff\x98;\x13-S\x10\x8c\x93&amp;\x10\xb9\xbed\x9d\xd2(\xf0'</t>
  </si>
  <si>
    <t>b'\xcb,\xc1\x86\xa7\x03`]?\xc9\xf0\xcf\xa2\xd0\xfd=m8\x98\xadk\xfcU\x8d%\xa0\xec\r\x9c\x11\xed\xdd'</t>
  </si>
  <si>
    <t>b'\x9eN!\xad\xb8\xff50_\xc3\x13E\xe62\xb1\xbb\rVp\x0cm\x9e\xcd+\xe5\xedY\xc7\x13\xc2:D'</t>
  </si>
  <si>
    <t>b'_`\x19\x02P4s\x02J\xb0\x06\x1dg\xd0\xfd\xf1\x9e\x84\x041A\xba,\xd9Q\xd2^6J\xe8\x01\xf4'</t>
  </si>
  <si>
    <t>b'\xab\xcb\xed\xbbb\xea\xd7\x13C\xc86\xbeT\xbc`6\xf2U\xafy1 v!\xc7\x87\x853X^\xf2\x1c'</t>
  </si>
  <si>
    <t>b'v\x14.\xd7\xc2k$\x0fm\x8b\xf8\xea\xcbn*\xea\xfd\xf2\x96\x80\xcb\x91\xf8\xab\xae\xb4\xce\xd0\x88H&lt;\xd6'</t>
  </si>
  <si>
    <t>b'\xd5u\xe7\xa5F\xf2\xd3\xb2\x03\x1dPz\xbc\x07\xf6\xc3\xeee\xe4\xdf&lt;\x7f\x12\xb7\r\xd8;\xe9\x8d \xfai'</t>
  </si>
  <si>
    <t>b'\xf8\x87+\xef\xdc{\xdaL\xf7I&gt;\x9f\xcco\xba\r{\r\x8e\x82$\xd0\xfb\xeb\xe9\xdd\xd5\x19\xb3,\xe8\x8a'</t>
  </si>
  <si>
    <t>b"\xad\xb9\xa5{.\xe0\xc2'\x8av\x8c7\xf4\xad7\xf2\x10\xeb8N.dn\xfe\x83\x93\xdf\xe7\xd9\x1f\\0"</t>
  </si>
  <si>
    <t>b":\xfb\xf9\x8b\xcd\xdd\x9c\xa8\x98^\x15\xea\x18\xa5'\xef%\x18bLB\x06\r\xb2\x86\xce\x92!Sd\xf7Q"</t>
  </si>
  <si>
    <t>b'\x7fmZ\xc2\xfa\x0fc`\xdb\x05y\x8a\x1d)\xa9e\xbd6t"\xc6\xf3\xc6-F\x0e\x7f\x12\x81\x850\xcf'</t>
  </si>
  <si>
    <t>b'\x9aw\x9c!1\xde\xce\xc7\xee\xc5\x9fi\x88\xf2\xb6\x169\x0b\x90h\xcd\xd8!\xa7v\xb8w4\x06\x8f\xbc\xb3'</t>
  </si>
  <si>
    <t>b'R\xf8\xd55\xf8C V\x89\x84&lt;\xf8\xc5\x03\xbc\xae\x8a\xd0\xac\x01A\x1a!o\xeaS\x8c\xb1z\xfe\x7f\xc9'</t>
  </si>
  <si>
    <t>b'\xf0TIrK\x94.(\x82-&gt;\xe8\xe1\xbc\xbf=\xa51w\xb4 \xd9\x1etr\x10^s\xf3\xd2\xc6\x10'</t>
  </si>
  <si>
    <t>b'\xed\x89@\x06\xbf\xca3Q\xd2!\xbb\xfe\xf7\xea (dJ\x04\xe0.y\xe7M\x84\xca#i.J6\xce'</t>
  </si>
  <si>
    <t>b'\x9d\xde\xec\xcb\xd7\x91\xfa\x0b\x87\x84l\xf6\x1f$A\x05\xae\xc1\xe2d!c+\xb2\xaa\xf2R\xed\xcd\xe7\xc8O'</t>
  </si>
  <si>
    <t>b'\x9dH5F\x9a|E\xa1\xa9\x16\x18.\xf1[\xa7\xadl\xf3\xe7\xeb\x80\x1cRa\xe4A\xfc\x0e\xb8P&lt;#'</t>
  </si>
  <si>
    <t>b'\xca\x15\xdc\xca\xdc3\x91-\xc5dI\x8a\xefxLA\xe0$\x90,u\xdf\xfb\xff(\x86.\xd9@t\xb2\x9a'</t>
  </si>
  <si>
    <t>b'a\x91\xdc\x88K\xe9EG\xa8\x1cv\xe3\xbd\xae\x96\xbe\xc1{Y\x07\x90\x0e\x07\xe2\x01\xacI\x1bJ\xa8\x06b'</t>
  </si>
  <si>
    <t>b'\xb6\x83\xfb\xa8_\x80A\x0b\xe7\x89\xd7\xfa\x05\xea\x1b\xe1@VihW\x99\x17)S,\xb9^\xc060\x17'</t>
  </si>
  <si>
    <t>b'\xfe\xcbP\xe7\xff\xd4\xb0Rm\x97\xd8}\xdbjV\x8ds\x88\xb0|\x1d)Q18\xb5E\xf6\xe1\t\xf7\x8a'</t>
  </si>
  <si>
    <t>b"K\x9aE\x91\xc0q\xf2\xb2F\xa1i\xddV?\xb5\xe4AB\xd3\xa2\xc9L\xe8\xf6uJo'BV{\xb5"</t>
  </si>
  <si>
    <t>b'\xc0\x9f\xec\xb5\xc9\xe0s\x8d\x05\t|\x88\xf0\x07\xfb\xc3\n\xady\xd2\xd4)\xd7\xf4\xf9\xc1N\xec\x7f\xa9\x08\xbf'</t>
  </si>
  <si>
    <t>b'U\xd7Z\xecT\xa6&gt;\xcdW\xe0\xa4\x99\r\x16\x98\xfa\xda\x10\x12+\x1f\x8c\xc6\xfb{\x16\xf1\xbf\x9a\xe8\xadq'</t>
  </si>
  <si>
    <t>b'\x9f\x00\xbe\xa6qswx\x94\x86\xc8&gt;\xfe|C\xd1\xf9iUg\x0f\x0b\xfa\xbb\xacBK\x95ns\n\x9f'</t>
  </si>
  <si>
    <t>b'\xf5\xfb\x86\xdf\xfa\xd6!_\x1ex\xcfYe\xd5\x05\xd9,\x153\xf6,vEA\xc0\x96&amp;\xd8\x9b\xff]\x1a'</t>
  </si>
  <si>
    <t>b'\x10\x85\x92R\xf6\xecT\xc2d\xdc8\xde\x8a\x0f\x89[\tE\x8dZi\xb1\xf5\xc1\x83&amp;\xc6\x00\xf0Wb\xee'</t>
  </si>
  <si>
    <t>b'\x00L\x08\xc6s\xf2\x133\xdes\x9e0\x82\xb6@\x11j\xfc\x93\xa9\xa7\xe1\xf25\xa7\x1c\xffe\xd2\xe8\xf6\xb3'</t>
  </si>
  <si>
    <t>b'\xef\xba\\B\xccX\xf3)\x12av\xf1\x1d\xbc\x11\xec\x9c7W\xf7j\xe2\x13\xadgIal\xaaz\xd8\x01'</t>
  </si>
  <si>
    <t>b'\xb1\x83\ty\x95\x8e\xd6\xac\x0b\xe9\xfc$7W\xb1\xe0H\xf4y$n\t\xc4\xfe|$X\x1e\xa6\xb9\x86J'</t>
  </si>
  <si>
    <t>b"\x17p\xf2\xe3\xd6'iB~\xc4Uv*\xf8\x9d\x0f\xcb=\x8f\x98\x1aK\xf8\x7f\xb3\x1b\x81\xffgR\x05X"</t>
  </si>
  <si>
    <t>b'S\x92(\x9f\xe3\xdfxg\xcb}\x94a\x984\x0c\x06\x8e\xc5\x96\xc4\xdb\xe0.b\xa5"q\xb2)\xb8t/'</t>
  </si>
  <si>
    <t>b'\x11f\x08&lt;\xd1\xa9k\xa7\xb1\xb2rq\x90u\x1eY\xe0\xf5\xf4\xb4\xa2b\xa5\xa1\xb4\xf6d\x8e:I\xff\xe9'</t>
  </si>
  <si>
    <t>b'\x17G\xfb\xfa\xeb\x02\xd6\xc2\xf7r\xcfv\xa0nX\x89E\x8a\xeb\xb3\x80s\x9e\xca\x19\x84\xeb\xe3o\xbaKt'</t>
  </si>
  <si>
    <t>b'T\xb3\xdf\x85\x99\xa1\x07\xae\xf9\x80\xe2C\xb8\x119Y%\xf3\xbc(R\x92\xe1\xda\xce\x06r\xfdQ\xea\xef\xe0'</t>
  </si>
  <si>
    <t>b"\x14H$\x91\xed\xb7\x8f\xbf\xf3\x0bv\xb7'\xf7\x80\xe2(%\xee\xa5,\x00]\x01m{\xde\x12\x08\x8e\x8f\x0c"</t>
  </si>
  <si>
    <t>b'\xbd\x1a\xf8\xb9\xab\xe9\x179.}\xe3P9hL\x01\x8e\xd4\xd5r\xb6/ jQ\xa4t\xe5Sx\xe3\xe4'</t>
  </si>
  <si>
    <t>b'\x8ex\x85A\x1b&lt;\x92\x17U\xf0\x04X\xa8;\xac6\xfd|(\xc2\xac\x900\xe7\x1b\xb4\xe1\xc4\xc3m8V'</t>
  </si>
  <si>
    <t>b'\xfau4\x9f2{\xb1\xafY\x0bIe\xb5\x8cK\xad\xf6\x97-\x84AEz\x95z!\xff\x06C\xe3\xa9\xf4'</t>
  </si>
  <si>
    <t>b'r[\xeb\xa6P\x18\x12\xd7\xfc\x83\xe1\x80I\xa7kI\x10V\xfe\xcf\xc1j\x7f\xa6\x010\xfdS3 \xea\xc0'</t>
  </si>
  <si>
    <t>b'\xf3Q\x87\xc3\x8a3Fo@\xb3\x1ew"\x14-\xeb\x0bh\xc5J\xa9&lt;\x7f{\x18\xdc3\xf9Q\x9a\xe8K'</t>
  </si>
  <si>
    <t>b'\xcf\xb9\xbe\x89\x11\x16\xefR\xd9\x07\xdc\xdf4A\x92\xa5\xcc\xe9f\x9c\xe4\xc44\xbfq\xc5;\x17\xf4#\xee}'</t>
  </si>
  <si>
    <t>b'\x8c\x0b^\xf2\xbc\x1eP\xffB\x06J\xb1n\x1c\x96\x80J\x0fzY\x8d\xc7MR\xeb\x87\xfb\x950i\xa4\x87'</t>
  </si>
  <si>
    <t>b"\xae\xc8o\xfb\x01\xf3E\x81\x97\xc5\x1aC\xfa$\xaf1\x14\x0e\x1f\x99\x97\xcb\xff\xe1\xf2\x8a'B]Ie\x9a"</t>
  </si>
  <si>
    <t>b'j\xbe\xaa\xee\xe9\xc3\x97\xb1\xbb%N\xc4&amp;\xd0\xd8\xa7\xc7\xaa\x9b\xb5\xae\xc8_\xef\xcf\xe3\x05\xa6!C4"'</t>
  </si>
  <si>
    <t>b'\xc0^\x83\x95h\xf9v\xe6\xc1\xbd\xac\x98\x8dB\xbe\xf9\x9f\xd0\x80\x8c\x7f\x19\x00S\xce\xcd\x8f\xfa\x05\xbbr\xd6'</t>
  </si>
  <si>
    <t>b'v\x8f\xb9q\x801\xad\xcfb\xd7\xc9x\xb6\xa5\xf8}\xb6$\xd6\xfb9\x04\xb7*U\x8ez\x85Oq\x85j'</t>
  </si>
  <si>
    <t>b'\x0b\xe4Nl\xbd\xd6\x10\xc4\x12\xd3I\x88\xca_\xfd\xbc\xcb\x140\xae\xaf\xd4\xe5\xbd\xec\xe6q\x95\xb5b\x93\xb2'</t>
  </si>
  <si>
    <t>b"\xb2\xabG)\xd8\xe7\x81\xbc7*\xb6Z8'\x82t\xb3\xe1N\\F\xf0\xa7G\xd8\xaf\x94\x9f\x1f\xc6\\\xff"</t>
  </si>
  <si>
    <t>b'qEbDn\xf4\xaf\xa4UEh\xb5\xd11\x08\x88\x9cw\x96\t\xe5C\x880{\xcc+Si\xb6\\\xf7'</t>
  </si>
  <si>
    <t>b'\xe3\x8e/\xa7&amp;\xad\xea\r\xd1ZwC\xea\\\xbe\xb2zu\x01(\xaf\xc8\xb6\xf3 7)\xe0\xc5\x85\xf1\x13'</t>
  </si>
  <si>
    <t>b'n\xed\x9e\xaa&gt;\xd0H5\x96\xabJ\x93\n\xdc\x00K\xdc,\xb6\xce\xd4\x1a\x14\x10\xa5\xf4\xbaV\xde\x02&lt;\xdd'</t>
  </si>
  <si>
    <t>b'H\x7f\x81\x05ZX\xc7G\xe5in\xfb\xd5\xb2\xc9\x13\x02\x83\xe9\xb6\xe6\x80#\xe9p\xf9\xd2\xd9E}\x14\xc1'</t>
  </si>
  <si>
    <t>b'\xa5\xc0\r\xbd\xdcsyW\xdc\xbd\xd3\xca~\xd9\xe8\x98?!\xc7\xb4\xff\xed,\xd0\x16\x18*\xcb\xb9\x8a\xad\n'</t>
  </si>
  <si>
    <t>b'l\xbcD\xc4T:O=Le\x02="\x05g\xaa\x07\x16\xeb\r\t\xb1\xedF\xf2[\xfdUt\xe9\xa7\xc5'</t>
  </si>
  <si>
    <t>b'\xd4\xdb\x1c\x0f\x89\xf6b\xbao3iEY\x9a\xc8\xf3TS&gt;NST\xfd\x89\x16\xda\xc0\xb3\x1e\x88\xb8\xb6'</t>
  </si>
  <si>
    <t>b'd\xbb\x80\xe1\x1aS\xc0\x88Z\xf6\xfa\xfa]]\xc4f2\x81\xa9\x1e2\x96\xb4\x9f3`M\x8c_\x97\x8dk'</t>
  </si>
  <si>
    <t>b";1\xe9\xd7'\x1d\xfd\x13\x1e\xdf6\xb43$u\x15\xae{\xf1\x81\xdb\xd9\xca\x8c\x93\x8cL\xa6V\xc1\x99d"</t>
  </si>
  <si>
    <t>b'|\xbfeS\x9f\x9bm\xec\xc8\xe05)ud\xd3\xec\n\xc4\xcb\xb0A@\xdae\xbd\xc65\xee\xdc\xce\x93\xfc'</t>
  </si>
  <si>
    <t>b'\xcdv_\x8b\xf6\x02\r\x90\xc9\xf5\xe2`R\xa7\xdb\xa6\xbc\x0b\xd5\t\xc6\x04\x1f}x\xb7\xd0\x0f\xe5\x10\xfd\xb2'</t>
  </si>
  <si>
    <t>b'z/5\x97\xf8\xc0\xf0\x10M\xe5\xd5{\x04o\xaf&lt;Z9\xfd\xe6\xce\xcdVR\x14\xb2A\xcc\xffR\xfa\x8b'</t>
  </si>
  <si>
    <t>b'&amp;WH\x86\xc5l\x08glC\x11d\xb8\x94$\x816]\xe0\x81\xaf&lt;\xdaj;u\xc2;oO\x06\xbf'</t>
  </si>
  <si>
    <t>b'\xf5#6\xfb\x15\xd5\xb9FG\\\x14\x0c\xde|\x0b4\xb6\xc9s[\xe5\x1bf\x11\xd0\xec\xbe}U\xbc\xd9\x13'</t>
  </si>
  <si>
    <t>b"\x1b\x8c\xf3\x96\xe4{\xcb\xd3N\xfbF|\x902\xb8\x00L\xe0\xd1\xf2\x02\x16\x00qs3kX6'?\x08"</t>
  </si>
  <si>
    <t>b'\xd9+\xe8\xbe\x9f\x15\xfa\x829T\xf3\xdeV \xa9C:\xdd{\x90,\x06pBJ\x8e\xe1\xe3!\xfef\x90'</t>
  </si>
  <si>
    <t>b'?\x8c\xec\xe7+\x9570m\xe1H\xae\x8f\xa2"\x8c\xbe\x9b\xd1\xf2\xb8\xfb\xfa\xe5\xd4K\x19Q\xf39\xa4*'</t>
  </si>
  <si>
    <t>b'\xa2H\xd3\x13\x85%c\xdcHll\xd8\xf4\x86\x91\xb9\x1c\x1e5"W8I\x00\xf9x.\xbf\xf7\xb4\x17R'</t>
  </si>
  <si>
    <t>b"\xb2\xdd\rtp\xf2\xdeX\xf5r\x8f'\xf1\x06\xfbz\x01`\xe8OE\xa9,\x83\xa8\x9e=C\xec\xbc9e"</t>
  </si>
  <si>
    <t>b'\x84h\x02T\x193\x8d\xcb\xd5\xbe&amp;\xcaM\xcf\xf0\xceVi\xd5\x0e=\x8b,|T*\xab\xdeC\x90\xe5\xab'</t>
  </si>
  <si>
    <t>b'\xf1w\xd1\xb4\xf1\xe5S\xceO\xcf\xefQ\xdf\xff\xd8=\x96:\xa6\xf3\xe5\xec\xcb&amp;\xb3\xc0(\x9dGK\x9d\xb6'</t>
  </si>
  <si>
    <t>b'J\xdc\x83\xa2"\x0e\xfe#\xfd\xdaa\xd1\xbe\xab\x99\xdb\xf6\x85\xcaq\x8fJ![u\x04[\x9e\x93\x93\xcb\xfa'</t>
  </si>
  <si>
    <t>b'\xcb\xacYL\xe0E\xb3\x9f\xacL\x81\x987`\xa8\xf7\x12\xef\x96\xe8i\x8f\xc4\xb3FV\xb5\x82\x17fo '</t>
  </si>
  <si>
    <t>b'\xa6\x1e\xea\xd7\xa9\xa9\xe7r%\x9b\xc8\x9f11v^,\x17\x97\xa0\x87\x07R\xa7\xd36D%\xe3\xdc]\xad'</t>
  </si>
  <si>
    <t>b"\xcb\xeea(\xfamha@%\x1f)\x00\x87\xa8\xa0\x97\x85@\x05\xf7\x92Q\xcb\t\x05\xaf\xc7/]\xca'"</t>
  </si>
  <si>
    <t>b"v&lt;U\xd0\x01\xd5&gt;`\x8e\x8f\xd7Y\x8a)\xe1\xad\xa1\x1623^'\x94\xba \xd4\x9d}\xa7Y&gt;\x9b"</t>
  </si>
  <si>
    <t>b'\x07\xe8\x88\x17\xbf\x1bT\xac\xd9@\xa4as\x91\xe1R\x18\x06\xd2\x1eI\x16\x01\xc0\xad\xdd\xa7\xc0\x11\xd7\xd1F'</t>
  </si>
  <si>
    <t>b'\x8db\x01S\x96\x82\x18:\x98-\\tr\x01y\tP2I].lh\xaf[\xf0,\x9a\xf0\xb4) '</t>
  </si>
  <si>
    <t>b'i\xc10\xe3\x00\xff\x93t\xbe}i$\xc5\x99\xb1j\xccoc\xc7\x84\xef\x85\xd0\x02\x14z\x1c&gt;\x1e\xd4u'</t>
  </si>
  <si>
    <t>b"\xe2\xae\xd7)\xfb\xf9\x1a/\xd2\x11\xad\xe1b\x02['i\xfd\xd8\xd5\x02\xdf\x02\x8a\xf7\x8a\xb6\x0edEZ\xfc"</t>
  </si>
  <si>
    <t>b"g'\x1fS\x95\x8d\x91\x8a/\xf7\x84\x1c*\xe6at\xed\x88\xf9g\xc1\xbf\x99\xeb\xdcN\x07f}\xcc(\xb9"</t>
  </si>
  <si>
    <t>b'\xe6\xb2\xab\xb7=U\x05O\xf1v~\xfabuv\xeb\xa0ns\x14n\x04\xb1\x9d\x9b\x9fW\xea\xd3i\x8a\xce'</t>
  </si>
  <si>
    <t>b'\x81\x08\xc3\xec\xbc\x9e\xd5\xda\xa8q\xcb\xac^\xab\xaa\xac\x9d\xc5\xc1\xe0c\xed\x89\x04y\xc8\r*\xc3\x9fX\xfa'</t>
  </si>
  <si>
    <t>b'\xa4\x99\xe7\xb0\xb7\\\xe7:&gt;\xaa\t\xd51\x80\xc3\xd0\x90NL%YIl\x18PHUeM\xa56A'</t>
  </si>
  <si>
    <t>b'L\x1c&lt;\xe1r\x8f\x15\xce\xc2|\xf1\x07[W\xa2\x1a\x99\xeb^\xb9\x13o\xbd\x98KG\xa7P+-]\xc6'</t>
  </si>
  <si>
    <t>b'=S\xaf;\x93\x8d\x92\x9c\xbdXx\x92(G\xba~\xe3[T\xa4\xf6\xeb%\xe9\xfbn\x96\xee\xc0M\x90\xbd'</t>
  </si>
  <si>
    <t>b'\xb6+W2#/\xd0\xf0\xf9\xa1^\xc5\xb2\xe3{d_P\xed\x95\xbbk\x93\xebv\xfa5\xe2\xdaj G'</t>
  </si>
  <si>
    <t>b'\x1d\xa9sR\x87\x19\x8b\x06\xfaQ\xadl\xb9\xc95\xfb\xaeR\x05r/\xa4x\xca\xb6&amp;\xe6\xf2t\xd5\xb5\xba'</t>
  </si>
  <si>
    <t>b'\x0c\xd0\xc2\x9ebH\x94x\xa6$\x89\xf7\xa0.$I-\xe8\xff\x9c\n\x95\x8d\xc3n\x96\x06\xd7U\xcaD\xa1'</t>
  </si>
  <si>
    <t>b'\x9c\xc6\x8e^\xd8/~n\xfd81\x8f{\x08\x85.f\xda\xb1\x92\xa0.\xfdD\xc1@l\x99\xd2\x02m\xc1'</t>
  </si>
  <si>
    <t>b'\xc69\xcfM\xf8J)\x8a\xecF\x05\xd4f=\xbd4\xf6#\xf0w\xe6\x86z\xdd\xb9W\x0c\x88\xc8\x8fK\x06'</t>
  </si>
  <si>
    <t>b'\x92\rMD\xc4M\xb3\xea\xed\xcd\xa4\x0b\xeb \x10\\\x92\tCA\xd9\xc0\xfe\xba0\tq\x89\xd0*a\xf8'</t>
  </si>
  <si>
    <t>b'\xe4z\xc7\x00\xd6\r$\xef\x8b\xd0\xbd~\xe2b]\xa6!\x0b\xb1&gt;\xf4a\x04\x93y9\xa9\x04\x11O\xc9\xf0'</t>
  </si>
  <si>
    <t>b'`^\x7f\xda*\x9e\xa0x\xe7D\xc7\xac,\xb8wj9{Wv\xc9\xbbw\xe0A\xd7|K\xb7\x1b\x8bX'</t>
  </si>
  <si>
    <t>b"\x89D^\xc9\xd0\xb2\xe9\x84'T#\xec`\x8c_nz\x90\x85\xdeZ\x1c\x8f\x912/\xa6\xe8n-\x95\x92"</t>
  </si>
  <si>
    <t>b'5=1\x16\xc2l\xd7\xec\x86\xba\xfc\x14\x1d\xd1&gt;\xa2.\x070o\x03\xd3%\x83\x9et\xd6\xec\x1c\x01\xc6\x96'</t>
  </si>
  <si>
    <t>b"\xech6u8+\x90\x95p\xec\x06!\xd1\xb2\x8f\x19\xb0\xf5\xa7}\xf0\x06\xb0'\xe4\xb95Rp\x7f\xff\x9f"</t>
  </si>
  <si>
    <t>b'\xd6\xed\x0f\x81\xb2G&lt;\tK\xf5\xc2\xa2\xf6\xdb\x80\xf7\xa4\x1c\xf1\xa6\x0c\x9co$\xf4\xd9\xc3+\xa3\x8e\x0eB'</t>
  </si>
  <si>
    <t>b'\xdf\xb3]q6.\xb8\xfc\xd0\xc6t\x9f\xe4\xa5%\xae\x05\xc5\x07C\x0e\xec\x9ef\x0c\x88\xab:O\x95\xa0+'</t>
  </si>
  <si>
    <t>b'\xd7\x0f\xf1\xae\xfd\x15\xd7\xf1=\x81\xbd \x89\xdf\xde\x06\xb2\xad:OF\xef\xfb\x17\xdd\xc7\xd1\x16\x8cF\x90\x87'</t>
  </si>
  <si>
    <t>b'\xbfbE\xc8l\x0ff\xca\x0e\xcd\x0exy\xa3\xf5H\xad\r\x9b\x11\xe5\xb9\x81\xa1\xb5(\xd3k\x04HXg'</t>
  </si>
  <si>
    <t>b'\x9f\x18\xed\xa9Z#HM\xc9=\xd2@^\x17\x84\xb5\xd9\xd3\xd5-\xd1\x82\x86\x86\xe4i\xe4\x8d\x07%e\xa8'</t>
  </si>
  <si>
    <t>b'A2\x83\xc2\x92\xb2\x92\n\xf8G\x16\x97\xa3-\xa2@\x89\x8a?\xf9P\x0b\x9b\x18\x96\xeb ?l\xe0\x10\xeb'</t>
  </si>
  <si>
    <t>b'\x8b\x89\xe2\x0b\xa5&gt;%\xb6\x94M\xad\x9b~\x93\xbda\x8c3\xfb\x02\xcc\x956~\tsUz\xb1\x01`\xb7'</t>
  </si>
  <si>
    <t>b'\xb9g\xc9$\x80\x15\x1c\x17\xec\xfc\xb0\nh\x07B\xd3\xc35\xc7yU\x18R\xe69D\x95h\xb7\x81dw'</t>
  </si>
  <si>
    <t>b'\x98\x16\xc3\xe7\xd3\x7f\xfa\xcfi\x87\xdd\xe9\xce\xc36\xf5\\\r\xa1b-31\xfe6*\x80\xa4\xc5\xac\xb1\x06'</t>
  </si>
  <si>
    <t>b'\xa3bT$\xed=G6\x1d\xed\xb6\xaf\x1eL\x91\x90Y\xda7\x81\x7f_\xe6g\x1d\x14\x8d/\xf3\xc5\xbb\xaf'</t>
  </si>
  <si>
    <t>b'\xc1q\x04A\xc7\x9c]\xa7a\xfe\xd4-\xb2\xa0\xfbRt\xbf\xb1@?*:\x05\xb0g\x07\xb3\xca)9|'</t>
  </si>
  <si>
    <t>b'\x94T\xb8#[*DEJ\xfa\x94\xf0\xb9\x90\xfc\xdeb\x85Z\xe91\xf5&lt;?\x92\x10@\xad}m@\x0e'</t>
  </si>
  <si>
    <t>b"K{r4\xc3\xc6w\xf5\xed\xa2\xf2\x07\xca~\xda\xaa\x17\xdd\xa0'\xd2\xb3`\\\x91 ]\xf6\x98[J\x03"</t>
  </si>
  <si>
    <t>b'\xa4\xd8X\x97s|\xa4\x9ef\xeb"\xa0JXK\x1c~&gt;\xf3\x0c\xeckc\xf7%R \xa3X\x88\xdc\xe6'</t>
  </si>
  <si>
    <t>b'\xd3 DK|\xa8\xb0^\x05s\xa66\xfc\xee\x9f#a\xb4?\xf6\xeb\xbf\xaf^E\x15\xbb\xa3\xf1\x18\x11l'</t>
  </si>
  <si>
    <t>b'\xf5\xbc\xfe#\xb2\xafW\xa6:\xc0\x9e\xa1\xafS\xc6Y0\xd1\x13&amp;\xb5\xfaI\xb2\x8el\x9f\xbd\x08#sY'</t>
  </si>
  <si>
    <t>b"E\x03\x99\xaf\xfd\xc16\x12\xb5\xa1e\xef\xc1\xe1'\xcd\xd4&amp;\x14Doj[\xec\xc5\x15\xb6D\x93\x00pZ"</t>
  </si>
  <si>
    <t>b'\x84\x9b%\r\xde\xaa\xd7\x8b\x00\x11\xe2C3s\xb0\xcf\x888\xe7\xfa\x16\xcb\xeb\xf3\x86\nw\xf0\xe6E\x85\xb7'</t>
  </si>
  <si>
    <t>b'\x90\xd4\xab\xbd\xbb\xb0\x02\xc0\x0e\x8c\x0c:\x01\xf1\xa8g)r\xaduP\xf1\x98\x94\x9f\x93,\xc2{\xdf\x16='</t>
  </si>
  <si>
    <t>b'\x1cS\xf8z\xf5\xe7?0\xde\x9f\xd6\xcbD\xf5m\x01\xaeA\xab\xd3\xbfR\x95\x82\x1a\x0b\x8c\x9b3\xb6\x8a\xcd'</t>
  </si>
  <si>
    <t>b'\x8e\xb7Z\xe3\x0f\xad\xbe\xd9~\x0e~Z\xf5\xe8\x07\xc7\xd6\xe7=[~\xe0\xd1\xe8\xefv~SHL\xc5\x93'</t>
  </si>
  <si>
    <t>b'p\xcb\x0b\xd7\xd2\xe6\x909\x16M\xdb\xe9\x99\x80,!\xd3\x9euy\xabD(;\xc0=\xef\x1e\xcb\xd2\xe4\xa7'</t>
  </si>
  <si>
    <t>b'\x12\xc3)\xcf\x1aQ\xbc\x18Fl_B\x9b\t\xb2\xf5\x85\xa0\x0fu\x1b\x16\xb2\xbb\x18\x10\x04~\x9dA\xe53'</t>
  </si>
  <si>
    <t>b'\xfe\xd5\xd4\xaf\xe3o\xab\xf6`\x11\xff\x02BpP\n\xd2"&gt;\x8a\xef\xfa\xc4\x86\x08\xe1\xaf:\x07\xa1\xa7\xc3'</t>
  </si>
  <si>
    <t>b"\xa5wc\xc0\x97D\xaf\xd5\xae.\x8c,\x85\xad\x0b\xc7\xb0'\xf2\x02\r\xe3\xa8#\x96\xeeU7\xd1\x93C\x13"</t>
  </si>
  <si>
    <t>b'\xd3\xdb\xb2kb\x0e\x985\x94;\xc3B\x7f\xd3\xfd\x9bo\xf8\xce\x00:,qT\xf8NK\xa0\xa5g\x90='</t>
  </si>
  <si>
    <t>b'\xb6S\x1a\x129[%\x13\xcd\xdd\x86\x81\xe2\x00-h\xdf.P\xc6u\xf3}\xfa\xc1I\xaff\x15\xfcK\x93'</t>
  </si>
  <si>
    <t>b'\x8e\x11\x88MO\x8c\x17eN|R\xeb:%|Q\xe1\x17\x18\xaa\xc5\x85\x8aK\x83\x0e{F\t\x93\xc6\x80'</t>
  </si>
  <si>
    <t>b'\xfa\xf7K\xd6\xd3\x88\x9f!S\xf5\xb7\xc2#1 0\xcf\xc4\xf4yO\x81:a\x11\x03\x90\x19g\x99\x03\xc9'</t>
  </si>
  <si>
    <t>b'F;L\xa7\xf5,\x9b\xdf\xf5\xd7r\xd5\xa7p%\xaa=\x1f\xb7;\x9e\xe9\xc3\xad\x13\xe7_\xa5\xf2#\x98\xeb'</t>
  </si>
  <si>
    <t>b'\x19\xc3\xe2cP\xff9t\x84&gt;\x0c\x88\x96*k\x04\x06HH\xe7\xd1\x9a\x0b\xa8\x88\xc7\xebL\xff\xa0\xbfO'</t>
  </si>
  <si>
    <t>b'OE\xado\x14\x8f\xb71\x9e\x94\xac\xe5p\xd4o\x9b\xf0\x8a\xac:\xed\xaf\\`v\x06\x80R(@E\xe1'</t>
  </si>
  <si>
    <t>b'\xa1\x06\x82+md5\x01\xf9Gp\x87\xcf\xa3e\xbdU\xb6\xae\x1d\xb2\xa4\xcfn`\xc9\xb0\xcc\xbdx\xe3\xbe'</t>
  </si>
  <si>
    <t>b'\x1f/\x89\x19\x97n:_?M\x0c\xb0\xc4\xd3S\xf6`\xd4\x00\xdaxm\xdf\x1f=@\xdeN\x19\xbc\x87v'</t>
  </si>
  <si>
    <t>b'\x1b\xd8\x92\x00t#)\xd7H\xf2o&amp;bv\xf4\xb6\x03\xeb\xd1\xbb@\xd1V?6\x8726\x008\xf6\xee'</t>
  </si>
  <si>
    <t>b'\x12\x9av\x08w=\xac\xccv\xe1\x06S\xaezX\xeeu\xea\xdf]\xef\x10&amp;z\xa3\xd3\x02\xf7\x13\xb9\xe6\x08'</t>
  </si>
  <si>
    <t>b':G\xad\x0c\xd4\xd8\xd4q3\xae5~\xd3\xab\x94a\x9b@\xd1hu&gt;J\xec\xec\xb6\xaa\xe8\x11if\xfc'</t>
  </si>
  <si>
    <t>b' \x8aX&lt;\xca\x1aB(?\xd7\xb5\xa6){\xa6\x8f\x91\x0c\x9d\xccFg\xc9@\x81\x91s\x85\xc8V\xcd\xe2'</t>
  </si>
  <si>
    <t>b'\x93\x1f\x99\xc5\xcf@\x88|.s\x0b\xf2hxm\xa5R\xbal\xf2dx\xd2y~;\x91\xd4\x03\xa9\xb5\xca'</t>
  </si>
  <si>
    <t>b'J\x8b\xceYD\xda\xc3\x1e\x99\xc4+3k+\x0f\xd2\xc8t\xe9\x18L\xbc\xc2\xe8~\x0c\xfa\x17\x06\xfeO_'</t>
  </si>
  <si>
    <t>b'J\x95\xa0!g*R\xd6\x12\t\xa0\xd0\xd0\xcb8I\x03\xb2\x14\x9d\xb7#\xf3(O~\x9bg\xf8\x17A\x8d'</t>
  </si>
  <si>
    <t>b'\x86\xfd\xc17S\x97\x84\xf52vk\xdb\xd1^\x0fA\xad%xE\tWZ}\x84\xee\x17\xd53nU\xdb'</t>
  </si>
  <si>
    <t>b'\x11)|\x10\xea\xaa\x143\x96\x03\xbd\xf4j\xf5f\xf8\xf7\x97\xfe\xea\xb8\xb3S\xdcu\xfb%\xdev&amp;M\xa5'</t>
  </si>
  <si>
    <t>b'r\xd6\xe2t\xf7\x00nH\xab&gt;\xa3={(\xe2\x00\x7f\xe2s+3\x17\xdb\xfb\x01\x16\x122\xd1x\xa2e'</t>
  </si>
  <si>
    <t>b'\x85G\xa9\xb2\x81\xcaC\xecn\xd7\xc2\xa5\x9b%&amp;\xf0\xd1\xf9\x9ca\x9a\x12x\xc2\xe1\xbe\x8dp\x0b\x02Sd'</t>
  </si>
  <si>
    <t>b'\xb8I&gt;\xefP\xc4\x1e\xbd\x862\xebe)\xef\x9a\xd13`\x8c2s\xe6\x9fX\xbe5\x87|\xa2\x0c\x95\x7f'</t>
  </si>
  <si>
    <t>b'=c\xb0p\x87\x12\xb5g\x9b.O\x19[\x91\x894\xd2\x01Ox&lt;\xe1\xbe\n(\x1dcZ\xcd\xa5\x13s'</t>
  </si>
  <si>
    <t>b'\xd8&lt;\xc1{\xa5\xbb\xc3R%Bq\x06\xc5p&lt;d\x1e\xd6\xb1\x82\x96\xed\xf4}\xfeb\x1a$\x8d\xc6\xc4Q'</t>
  </si>
  <si>
    <t>b'\xaf44\xdezv\xc0\x9c\x8e\x89\xd5\xbdy\xe9e\x1c\xec&lt;2\xd3\xe5\xe6WZ\x12P\xac h\x8e\xd7r'</t>
  </si>
  <si>
    <t>b'\x1e&amp;zUU\x1c\xf6\x91\xfa\xdf\x06r\x8b\xee\x1e\xe3\r\xf4\xea\xf1\x92\x12&gt;\xe1Q\xd6\xe3\xb5Pl?\x80'</t>
  </si>
  <si>
    <t>b'\x01\x8a1\x9c[\xdf\x9b^\xb1\xff\xeah\xd6gm\xd3\xe7=\x04\x08\xe3=\x16|l8\xdb&lt;\xa4\x87e\xef'</t>
  </si>
  <si>
    <t>b"\x82r\xc8l\xebe\xc2\x1f\xd2\xbe\xf4:P\xde\x97\xa4\xfd\xa7e\xf3\r\xe2:#\xda'\x8bFm\x10\x99\x8a"</t>
  </si>
  <si>
    <t>b'\xc8*\xe2PD\xc9\xfe*\xb7YZ\\\xe7\xf5\x1f@\x0b\x86\x05?\xee\x9b\x00\xf7 \xded\x82\xd1\xfby\x8d'</t>
  </si>
  <si>
    <t>b'mb\xcf\xec\xce\xaf\xba\x8f\xc5?\xa46\rd1\x0e9\xe0\xf0P\xcct\x81z\xfbr\x04N\xe7\xac!d'</t>
  </si>
  <si>
    <t>b'`w\xb2\xcc\x88\xdaE\xcfu\xf0W\xef\xf9F\xc1\xe1\x8c\x91\xe8\xd7\x891\xa0-\xd4&lt;\xe2\xc4\xa8o9$'</t>
  </si>
  <si>
    <t>b'\xe9TG\xc0\x11\xef\n!5e\xediuph[%\xb5\xaa \x1f\xecY\x1e\xb3\xc5H~\r\xfa\x15\x11'</t>
  </si>
  <si>
    <t>b'z\xb6^\xe7"\x0c\x84\x0e\xdaE"]\xf4\xea\xa1K\xb9Txx]{\x1fI\xde8=x\xf0L\xd0\x83'</t>
  </si>
  <si>
    <t>b'\x84 KY\xa5x\xaa\xb2\xde\xf3\x82\x0f\xe1\x9e\xc8R\x0c*\x88\x0eW|\xac\x02/\x17\xf6~\xc1[\xb6f'</t>
  </si>
  <si>
    <t>b'\xdc\xc2\xbf\xac\xc2s\x14*\xc9\xfd\xde\x1a\xf4\xf6N`\xe6\x81\t\xa6+\x97\xc3\xfa\x83\xfdQ\xac\xf6\x94\x05\x87'</t>
  </si>
  <si>
    <t>b"\xc6\xd7\xfd\xac\n\xf6'\x0b\xf0q\xa9\xcf\xc1\xbc\xa4\xcfs\x85\xba6z'~@\x15\xb6\x14\xfd\xea\x8e'\x17"</t>
  </si>
  <si>
    <t>b"o;t\xfe'\xeb\xf8]\x00\n\x08\x87\xf74T\xc2s\x82\xe6\xb5\x9fX\x03\xbc\xa2z\xd2\x88j\xa4\xdd\xb0"</t>
  </si>
  <si>
    <t>b'\xb5\x156\xdd5\xb1B\x95\xd3\x02\xefP\xcfb\xc5\xb2\xb4F\xf3@*\x164:\x0e\xe9\xb4\xb5\x84K\x1d\xe3'</t>
  </si>
  <si>
    <t>b'\x95y\xc5\xf0I\x1f1\xcfWE\x91\xdf\xde\xb8\x0e\xa6\t\x12lSP\xb2\xc3t\xc6~b\x85R\x16\xbfm'</t>
  </si>
  <si>
    <t>b'\x81J\xa7-\xd8\xc9\x88g\xe0\xe2\xdf:\xf0\x9e\x191-\x0b\x0f\xc0\x12M\x8d\xbf\x06\xd6\xaa\xef\xc6\n\xa1\x8e'</t>
  </si>
  <si>
    <t>b'\xa0ac=r\xb2yj\x9fX\x16:\xf3\xa5\xcbo\xcdi\xc8\x85i\xdcXY-`\xd4\xb6\xc0\xecjG'</t>
  </si>
  <si>
    <t>b'e(\xa8\x06\x8c4\t\xe8q\x0c\x89\x9a\x87\xe1G\xa0\x1d\xd0~m\xf8\x83E\r\xb4\xaa\xda\x82\x8f\x10L/'</t>
  </si>
  <si>
    <t>b"\x1e\xcd`b\xa5_\\nW\x0c'?\xb6)v9d\xbf=\xa1\xd2M0\x0bk\x02\xa3\xe7\x846\x0b\xd1"</t>
  </si>
  <si>
    <t>b'\xfb\x9b^_\xe2.[\xe2zJR\x90i\xf0\xa42\x10;S\x14\x92\xe4\x0c\xe1Ct\x14|\x90\xf8\xbf\t'</t>
  </si>
  <si>
    <t>b'qXA\xac\x00\xee[7\xdaL\xf0\x86\xa0N\t\x1e\xe0ne:\x8fx\x118f\xfb\x85\xc1F\xc4\x11\xdc'</t>
  </si>
  <si>
    <t>b'\xd4\xd4\xb4[\xd0M/[\xd0\x99\x07\xd0\xe1(N\xcd\xe8\xf4\n4,\xcbU\xf4{]!~)p\xe7\xb6'</t>
  </si>
  <si>
    <t>b".?\xeb\x8a\x9f@\xcb'\xf6K\xd9\xd8\x93$\x14\xe0\xf59\xf9\xbaszYUG-\x9b9-\xed\xe1k"</t>
  </si>
  <si>
    <t>b"\x9a\x85\x9f\x174;\x8ej\x95!\xa3\x01\xf6\xd0\xc7'\xe6\xc6goIp0\xbeY\x9f1\xdaI\x8e\x13\xf6"</t>
  </si>
  <si>
    <t>b'Q\xc2\xdd\x0c\xf91D9\xfb\xe6\xa7g9\x80VE\x9e\xa0\x1c\xf6\xf5\x99C\xa8^\xda\xdfj\xcc\xbbV\xbe'</t>
  </si>
  <si>
    <t>b'\xdf \xab_\xbeK\xb2nW&gt;.-Aue\x19\x8d\xe7f\xed*\xf4n\xcf\xf1\x85\xd4cQ\xda\x07\xc9'</t>
  </si>
  <si>
    <t>b'IY\x14\x9ef\xc4ygj\xdd\x8e\xcbG\xfaQ\x11\x1c\xa6\xd0\xfd\xca\x14n)\xf6\xc6)N\xf3\xd9o\x81'</t>
  </si>
  <si>
    <t>b'\xb7\x82\xd72\xb3\x11s\xb8\x8b\x80U\x84A\xbf\xea\xfcq\xb7\xd3\xf8\xb6\x1e\xc3\xd9\xe9\xe7\xf3CK\xb6\x8b\x07'</t>
  </si>
  <si>
    <t>b'\x02\xb0\x85Wz\x85\xbc\x01R&amp;\x8ap&lt;\x87\xe6\xac&amp;y\x84\xd5\x81\xde\xda\xdd,"\r%\xca*\x1fx'</t>
  </si>
  <si>
    <t>b'\xfd|S\xfa\xadY\xe7\x1d\x13\x1b\x1e*\xf9\x19\x1c\xd7Bc\x0b\xb0\x82\xa5~\xecq&amp;\xe4\xf4\xb36\x0e\xd7'</t>
  </si>
  <si>
    <t>b'\xcf\xda\xa3-\x9b\x10\xfd&amp;\xd4\xf7W\xcc\xc8.O\xaf\xdf\xd2A\xbb\xf7E\xda\x96\x8dl\x0eU3"\xd19'</t>
  </si>
  <si>
    <t>b'n\xeb\xeb\xcaHT\x1cd?\x0e\\\x86Y3;H\x05\xee\x9a#\x19$(\x9e\xa1Hm\x9eQ\xbb\x12\xdc'</t>
  </si>
  <si>
    <t>b'\xfb\xb4VVj.\x8d\xfbc\x01\xcd8\xc0\xbb\xf8,/\xeb\xa0\x88A\xd7\xef\xc9c{&amp;\xa1\xde\xb3\xba\x99'</t>
  </si>
  <si>
    <t>b'~@\x84\xa8\xe6(\xac[\x91\xe4\x92U\xf6Q\xa5w\xd4\x0b\xaax}0\xb7\x1eD\xa2\x18{\x18\x92\x937'</t>
  </si>
  <si>
    <t>b'PcG\x1c"D\x9a\n-*\xdd\xff\xe4b+W%]~\xa0\xaeJ\x8e`\xecT\xb9J\xfbgR\x96'</t>
  </si>
  <si>
    <t>b'\x14\xb8\r\xd9\\\x05\xc7*\xc3\x82\x18}\x08\xce\x8d\xbfx\xc5!\xd2\xe2\xdaCG.v\x18\xa4(\x03\xc2)'</t>
  </si>
  <si>
    <t>b'\x1b\xed\xc3\xa2\xad\x8a\xd6\xb0^uA\xa0\xfea\xc9\x8f\x80n\xa4Y\x07+"7\xb6\xd4\x7f\xd5\x05hM\x08'</t>
  </si>
  <si>
    <t>b'hNj\xb7\xb9\x90\x87\xf7\x0fg\xfdw\xc4\xf3Go\xf8\xda\x1c\x88\xadc\x81\x8a\x80\xf6j\xb7\x92\xfff,'</t>
  </si>
  <si>
    <t>b'\x889\x81\xfc\xe3\x13c\x812\xecR8]\xaaTO\x87/\x8fU\xde\x81\xfb2\xfe\xb7&lt;d\x80\x90(\xda'</t>
  </si>
  <si>
    <t>b'\xccJ=G\xc2\x16\x1dR\x18J\x87\x12\xc2\x15$I5\xb6rp\x15\xae\x86S\x8f\xb2\xc1\xcd\xd7u\xfb\x12'</t>
  </si>
  <si>
    <t>b'}\r\xca\x07/W\x0c\xdc\xe7\x03\xedF)\xa3\xf7\xc9\x8a\x81 9;t\n\xa2r\xef\x9d.\x9a\xd7w\xa9'</t>
  </si>
  <si>
    <t>b'.\xa4|\xd0x\x1a\x8f\xd6v\xf9\x03\xb8aY_\xd0{\x18i\x9cY\xac8u\xaf\x16\x00a|+\x05\x01'</t>
  </si>
  <si>
    <t>b'\x92\xf2\xe2}\xbds\xbd\xd3\xcdu\xd4\x86:*\xd6\xa5\x83\xc3Z\x19\xc3I\xda\xef\xa6r\x88G\x17\xff\x0b\xbd'</t>
  </si>
  <si>
    <t>b'ku\x88\xa9\x17\xa6\xae\xe6]\x07n\xf9\xc6:?\xe1\xc8\xca6\xf5\xd3vwY\xbc\x9e0\x19\xfd9\x0c\x86'</t>
  </si>
  <si>
    <t>b"?\xac~\x16rm\xc1f7\xc3!\xf7\x96m\xf1S4\x08'\xb0q\xc2\x84\xef4A\xfd\xc0\xea\x86JY"</t>
  </si>
  <si>
    <t>b"\x9f\xf6\xed\xfd\x05\x0f\xd1\xad\x91\xb4\x9c\xfd\xf7i\xf5\x1a~G\xa6\x07\xc5q\x017A/q'\xf48\xea\xd1"</t>
  </si>
  <si>
    <t>b'10\x083\xe0o\xf3\xcd\xe8\x9f\xf7rf\xb1\x88T\x84\xa7\x91i\x12\xe7\xac\xd4\x1a`\xde;)\x9f\xd8R'</t>
  </si>
  <si>
    <t>b'\xd2\x94\xa5\x08\x0b\xb2\xc7\xcc\xc5\x14\xa9\xc2{\x06\xf9\xe6\xd4\x10\xa4\xaa7\x8d\xa2\x981\xabJ\xe0_\xe4\xb8\xd7'</t>
  </si>
  <si>
    <t>b'V\xa2\xb9.h\xc2f\xce\xb0\xbc\x90\x88\xd4\x9bCm\xfe\x1b)A\xaa\x91\x96"\x0f{r\xa3w\xd6^\xff'</t>
  </si>
  <si>
    <t>b'e\x86\x00\x07\xfd6\xd9Y\n\x18\x93_ \xce\xd3\\\xd4H\xfc\x7f\x84\xabbE\x8e\xad\xa1~\x8c\xad&gt;\xf6'</t>
  </si>
  <si>
    <t>b'_Z\xfa\xa1f\xf1\x9b\x8a\x9c2\x14\x156\xaf\xb3\x82\xf9!\x9cR\xf9m\xc0\x8a\x80z!\xf6@w&lt;\x1c'</t>
  </si>
  <si>
    <t>b'\x80\x06\xa8\x07\x1a\xc5q\xae\x84kJ-\x96\xda\xdc\x17\xd7,\xd7\xda\xf9BJ/z\xcd@\xa1\xc73\xdf\x8a'</t>
  </si>
  <si>
    <t>b'\xde\x89!k\x1dU\xc0\x12NoX\xbc\xcf\xd3:^B\xeb\xae\x91\xb2P8G\xc6b%\xd7\xd2q\x05z'</t>
  </si>
  <si>
    <t>b'k\x8bH\x1c\x11i\xfc\xb3\xd2`\xd1n,\xb2\x05&amp;\xab\xdau\xbf\x0f\xediE$]\x18p\xa3\xc0ru'</t>
  </si>
  <si>
    <t>b'\xeeb-\xbc^H\xa2\xe0\x91\xab\x9e\xbe\x11\xecRj;b-\xfe|\xefS\xbd\x19\xb5\xd2\xeb\x061Y\x8a'</t>
  </si>
  <si>
    <t>b't0\xe2{G\xe7N\xa7\xdf\x13C}&lt;\xf9\x0f\x03\x90vOk\xd7\xc8P\xd9\x0c\x972\xdc\xda\xbb\x9c\x15'</t>
  </si>
  <si>
    <t>b'\xcbZs\x1c\x15\x92\xeaRA\x16\x0e?\x00\xb1\xa03*\x88NF\x81\xcb5[\x8d\x9d&lt;\xd3\x02W\xbaf'</t>
  </si>
  <si>
    <t>b'\x96\x0f\r\x17\t\xd8\xae\xee\x16\xe1.8\xc56\x10B\x1b\xab\x86I\x82\x10w[,\xb0\xac\x10\x05\xd0\x10\x1b'</t>
  </si>
  <si>
    <t>b'\x17\xba\xa3\xbb\xe8\xc8\xaf\x17\x1eg\xe8\xa4=\xb1\xc2\x97\x9e\x15\xdf,x\nl\x8c\xa0\x9br\xfc\xee\x132\xb4'</t>
  </si>
  <si>
    <t>b'\xda\x134TW\xd6\x87)\xeb\x92\xd0[v\x127\x81\x9e\\\x92L\xeb\x85_\xfc\xd9\x9d\xccF\xc2\xeb\x1dh'</t>
  </si>
  <si>
    <t>b'.\xf2\x81Z\xc9\xa1\xd9\xcf\x9bg7\x95\xbc`\x92\xb7j\xd9x\x86B\x15\x80\xaa\xa53\xa1\x07\xa3\x1c\x15;'</t>
  </si>
  <si>
    <t>b'~xj\x96\x04\xa1J"$\xea\xed\xed\x9f\xc7Xik\x8cR\xaa\xfa\xd4[\xa46[,1E\x84\x982'</t>
  </si>
  <si>
    <t>b'M\xf6\x1b\xfc!d"\xfc\xde\xbfL\'XX\xab\x91)\x1d\xccT\x08n\xcc\xe4\xf8\xa1\t\xd3\xd1Emt'</t>
  </si>
  <si>
    <t>b'n\x19\xaf(\xcf\\\x81s\xc7c\x8f%\x7f\x07oo0\xc2\xf9f&lt;\xdb\xdf\xa6$\xea)\xaf\x94\xf3\xf6&gt;'</t>
  </si>
  <si>
    <t>b'\x1f\x17\x83\xca\xb0\xe0\x0b1\x87GxA*Z\xef\x0f\xaeO\xc0\xd3\x11\xb3\xc1s$.Z &gt;\x88Vf'</t>
  </si>
  <si>
    <t>b'\x19b\xe0\xddr\x1e\xfe/\x94\xe6\xeb&gt;b\xaf=#U\xfe\xcd\x1f\xe8\xb4\xdcs\x175\x97\xcf\xe0+X\x88'</t>
  </si>
  <si>
    <t>b'\x1d\xff\x07\xbd\\00\xbe\x93\xca\xbaw\x96\xc30\xdc"G\r\xe1fBy8\xdf\x07\xfc\x00\xa1;\'D'</t>
  </si>
  <si>
    <t>b'\xbb\xf8\xc3\xca\xec\xf1\x0e\x04\xbd\x1f\x88\xfc\xb0\x18\xa5C\x00U\xf5\xd7\xdf\x0e\xd5\xbe~\xa5M\x1e\x8f\x13.\xd5'</t>
  </si>
  <si>
    <t>b'\xf5\x979{\xf8\xf8q 2\x12\xdc\xe6\x8c\n\xec\x1e\xc2&gt;\xef+\xd2\xfa\x89\xb1\xf8\xc0\x18\xae\x81\xb7\xc9\xdc'</t>
  </si>
  <si>
    <t>b'{\xbeH\x82\x1a_\x11\x9e&lt;t\x9eL\x02W\xff\xe5\xec\xeb\xf8\xde\x12\xa2\x83\x16?\x19\x83+\xd2\x1d-5'</t>
  </si>
  <si>
    <t>b'{\x9fDT\x12\xeaCzDp\xa6a\xff\x1d\xd0\x91\xdf\x813\xb9: I6\xe0\x90\x08\xf3\n({\xfe'</t>
  </si>
  <si>
    <t>b"bu!-\x96c\xdf\xcf\xaaP#\xa5\xb9P&gt;\xaa8\xca\xcdn\x12\xb20\xaa\xec\xd0\xd1\x04\xb0\x15\x1b'"</t>
  </si>
  <si>
    <t>b'q5\xf7\x91m\xa7\x8dG\xa6\r\xa0\xbf"%\xe9\xdd|\xa52\x19\xaf\xd6\xfe\xbc\x97ivr\xa4\xb9\x8bV'</t>
  </si>
  <si>
    <t>b"#\nW.\xe5\xed\xe3\xe0\xcao\xbf\xde\x93\x9eNO\xf1\x10\xc9\x98\xa9\x92\x19/\xc9\xc37\xb0\xc5'%="</t>
  </si>
  <si>
    <t>b"']\xb0\x1f\xd6Pu\x98\xa1N@\x9cn\xddji\\xk%[u\xe9)78\x88\xb0\x01\x84\xc7f"</t>
  </si>
  <si>
    <t>b'\xbe\xa7\x17M\x13lv\xadl.&amp;\xd0\xe8(\xb5&amp;1\x8510\xa7t\xc0\x14\x10_\xd5ZN\xdd\x07k'</t>
  </si>
  <si>
    <t>b"\xb8\xd9}\xf0\xd82\xecu\n\x89\xbd\x1b\xbet\x0e\x9eB\x84\xd7\xac\x1a\x1a\x91\x1d\n8\xe1'\xbc\xe5f\xaf"</t>
  </si>
  <si>
    <t>b'\x8cR\x86$]\xfb\xfawF\x8c\x9a\xfa\xdeI\x0b\xb7U\x16\x1a\xa1\xb7\x9c\xa1:\x12\x1d\x14\x84\xd2\x07\\\xfb'</t>
  </si>
  <si>
    <t>b'"\x9e\x12\xedY\x8e\xbd\xc0\nJY\x04\x05\xc1\x00]\x04ak\xd8\xee\xcf\x80\xea\x08A\x10p\x84t\xdf\xc8'</t>
  </si>
  <si>
    <t>b'\xa1\xd4\xba}\xcf.j/n\x1cS0\xc5\xbcAq\xfb~\x91\xf8\xb0/,\x0e\x05E\xd2\r\xd6\x00\xee^'</t>
  </si>
  <si>
    <t>b'\xc1\xc6F\x1d\xad\x13\xa5\x12\x81\x08\xc19\x8e\xf3h\x81\xfc\xf2z\x90]\\\x8aZC\xb5SO#\x01)\x97'</t>
  </si>
  <si>
    <t>b',\x9b3W\x81\xdd\x05.\x16j\xd2\x12\x85\x159p\xc7\xc5\x12\xce\xa7\xfa\x18\xd1\xd4\x0fj]D\xdfck'</t>
  </si>
  <si>
    <t>b'\xda\x7f\x98\x98\xb9\x1eO%|J1\xa3#Y?w\xc5\xa5\x8a9X\xc1\x13\xc6\xa9\x83\x04\\\x1fq\x04n'</t>
  </si>
  <si>
    <t>b'U\x05\x87a\xbd\xce\xbe$v\xcf\xff\x81\xe0\xc5\xb0\xff\x8b\x9d,4\xf7\x87\xe1\xb3\x8ct\xc2*\xbc\xcc\xda\x84'</t>
  </si>
  <si>
    <t>b'h&amp;b\x9b\x92j\xb9\xc6\xb8\x08K\x1a\x19\x1b\x8c\xd2\xffR&gt;\xa0\xac\xefI-L\xce.XXAR\xd0'</t>
  </si>
  <si>
    <t>b'\xf9\x87\x91\xbc\xc1\xef_D\x91\x92c\xbe\x0f&amp;! \xbb\xbf#^\xd9\x85\xbc\xe8\xdb\x1fM\xe6\x7f\x96\xe5\xfd'</t>
  </si>
  <si>
    <t>b'\xfdk.\xbb\x1b\xfb\xc9\xd4\xaea\xb4\x0c\x12Y\x9d\xba\xafSv\xc0]H\xe2\xefB\x99\x15\x9b7\x8b"U'</t>
  </si>
  <si>
    <t>b"\xe3\xabr\rG\x98A\xf1)f@t\x08\x81\xa2\x11\x9b\xbb\x97\xce'l#\x9b=\x02\x8a\x82\x15-\x15\x1e"</t>
  </si>
  <si>
    <t>b"\xa1\t\x17\x90)\xf0\xbd'u\x7f &gt;\xf58\x88\x1c5\x90\xd7b\x95\xa6\x03\xc9\x86-\xb4\x0b\x9b\xc3\xda/"</t>
  </si>
  <si>
    <t>b'4\xd6c\x92\\\x1d\xe4T\x06\xd0C\x91\xde\x04\xef\xa8\xb0\xaa\x06\xad0\xb0\xfa\x13}\x17\x05\xf49&lt;"\x7f'</t>
  </si>
  <si>
    <t>b"\xb9\x04\xa5\x17\x15\xaf\x14\x06\x02\xd2s\x85\xc0\x9cD\x81\xf9f\x166\x96\xf6\xa3\xce'\xd6\xc2\x7f\x0f\x0bxd"</t>
  </si>
  <si>
    <t>b'9/]0\xbc#U-\t\xafqY\x8dp\xd6\x1d\xae\x96\xe6\xce$4\xac0\xae\xb7\x01Y\n\xaa\xb4\x15'</t>
  </si>
  <si>
    <t>b"W\xbeH\x91W'\xbeF\xf5\xceaQ4\xe2LF\xd5\xfe^\x8d\x05 \x9aRv~\xc1\x9a\xa8\xe4\xa7\xeb"</t>
  </si>
  <si>
    <t>b'\x02){\xdb\x13\x1c#\x9d_\xc0\xc4\xe4\xe4;=\\\x01\xc2\xff[m\xf3d\xa4yF\xa1T[\xb7%\xfc'</t>
  </si>
  <si>
    <t>b'\x03jL\x91\xdco&lt;\xdf\x8f\x91|p5\x04g\xc1\xc7J\xdd\xaf\xf8TRT\x1d\x03c\xdf\xa0\xde\xac\xb8'</t>
  </si>
  <si>
    <t>b'\xacdI4\x99\x92?\xee\xbbd\xe1\xb5\xb8y\x12=\xfd"\xa5\x0b\x93\xe9-Gke[2\xf3\xa2._'</t>
  </si>
  <si>
    <t>b'\xa4f\x83\x92[a\x9fiX-\xf5\xba{\xe8\xcf\x16\xa7\x92\xf3\x1eiwo\x11\xf3\x07\x8b\x84\x7f\xcaZo'</t>
  </si>
  <si>
    <t>b'\x1ai\x1e\x7f\xab\x16\xbdmM\x16\xef\xd1\x93\x05\x03Pd./\xaa\xb0W\xda\x9a\x1d\x8a7\xa5P8\xf4`'</t>
  </si>
  <si>
    <t>b')\nq\xfd\xd6\x87A\xe2\x8a\x12\xa6y\x05tj\x8e\x1fV\xbcBp,\xf3\x9a\xa7op\xc7T\xee\xe2j'</t>
  </si>
  <si>
    <t>b'\x9e\xf1\x89@0\xf7\xe5R\x83Jd\xcdA\x8a1\xcb\xb5\x80hQ\x7fm!Y\x80\x9ac\xca\x0c\x02\x0b8'</t>
  </si>
  <si>
    <t>b']\xf9KtI\xb2x\xcc\xa1OY\x9f\xc9\x89\x85R\x8a\xe5{\x07\x12\xd9_\xa1\x01\xb1\xe4\xe4\xda\xc8\x89\x16'</t>
  </si>
  <si>
    <t>b'\x06k\xf4\xf3\x9b\xb3\xab&lt;f\xce\x00\xdc\xff\xdf\xd2\x90\x03&amp;\x0c\x8f\xfd\xea|3;\xbd)}yE,\xa3'</t>
  </si>
  <si>
    <t>b"\x13\xd4\x1fO\x03\xd8\xcc\xe8\x14,\x8a2\xe3\x9d\xc5'v\xf8\xbe\xe0`\xc1\xaf\xe5\x15_\xbd\x97\xeb\xb1\x9fz"</t>
  </si>
  <si>
    <t>b'\x16\xeb\x02\xb8BEL\x1eWzC\x96\x14\xf4\x856\xfdp\x8b\xf5\xcf\x08\xb7\xdd%y\x9a\xcal\xa9\x95\xd8'</t>
  </si>
  <si>
    <t>b'\x9a\x943\xad\xdf\xbc\xc7\xdf\x18+c\xf5Y\xfb:\xf1\xeaDB\xe7\xc7\rJ\xb9\x88\x82Y!\x9a\x90\xd50'</t>
  </si>
  <si>
    <t>b'SJ\x8fc\xb9\x0c\x9eY\x8e\x18-\x96\x85\x02 \xae4\xa6c\xf7C\xa0\xebO\xbaJ~;X\x82kA'</t>
  </si>
  <si>
    <t>b']E"&amp;\xfa\xea\xa3\xc7\xd1z\x90\xca(\xad\xb6\xd5)\x81\xa1l67\xd7N\xe9\xab\x91\x13FU\xa0\x03'</t>
  </si>
  <si>
    <t>b'tN\xec\x0cM\xe3\xef\xdb:=CI\xd4\xe1\xe6\xe4\xa7\xb2(-&lt;\x14\x19\xc8g\xa3dW\x7f\x84\xddm'</t>
  </si>
  <si>
    <t>b'\xb8\xf8\xb6\x1aL\x02\xafB`\x12\xdaV\x81\x97.\x99E\xfd\xf9D${\xb3)\x0b\xec\xa7e\xcb\x8f\xf5R'</t>
  </si>
  <si>
    <t>b'\xd0\x05\xe7\x89\x91\xce\xb2U\x86\x8c\x98\xdb\x84+\xa0cI\xd7\x1c \x16\x91\x97\xddR\xe7a\xf5\xbf/\xd5Z'</t>
  </si>
  <si>
    <t>b'\x15\xc9\x1b\x18\x00\xa6\xe4\x9e\x98\x95{\x9a\x1b\xde\xa6\xbeP\xef\xc7\x82\xe6\xc6\xe8Ed&gt;\xd9\x8e[\xbec]'</t>
  </si>
  <si>
    <t>b'\x99Z\x11\xcci+\x8a\x8f\xcey\xc6M\x0b\xa4\x13\xfa\xb7\xb8\xb7j\xf9}\x08K=\x19y\xb2\xe9V\xf2q'</t>
  </si>
  <si>
    <t>b'\x96\xc5{\x82\xd1FX~\x92\xc8\x90+ *\xda\xa1\xedf\x81\xc9\x91\xe3(#\x0f\x05\xa5\x11\xe60\xaf\x90'</t>
  </si>
  <si>
    <t>b'y\x179Z\xef\xec\xd5\x80G\xa1!E\x88v\xfa\x048l,1\x9e\xc54\xce\xcd\xc4\xb2J\xc0T!\xf6'</t>
  </si>
  <si>
    <t>b'\xce\xbe\x10\x19\xb4\xd2#\xd0/\xfb\xdc\xc5\xa6__H\xf0\xb8\xca\xdd\xf8\x84%\xc6J$\xc6\xa5y\x91`\xe2'</t>
  </si>
  <si>
    <t>b'\xaa\xa5NJ\x16\xe9\xb9\xf7\x886\xcd \x16{\xce`\x9c6q\x95\xd9u\xc0V\x0f\xbdp2O\x89Zf'</t>
  </si>
  <si>
    <t>b'\x13\xb0\r\x11-!\x83\xf6\xb4[n\xf7\xef\x05)\x8a"\x17\x94\xd5\xf3H\xd2\x8e8f\xed\xec\xc4G\xd0\xec'</t>
  </si>
  <si>
    <t>b'=Ix\xee\x91\xdf\xfc6\xbd\xea\xb4\xec\xd6\x0f+\x9c\xb9\xfe\x0f\xb3\xe7)&amp;\xbf\xb6Sc\xb7\xd5``b'</t>
  </si>
  <si>
    <t>b'o\x83\xa1W\x89\x94\xb9g\xbb\xa6Mu\xbd\xc6\xca\xf6JV\x8d\xc7\xe2\x0e\x99\x10\xe0\xf7B7#1"\xfd'</t>
  </si>
  <si>
    <t>b'\xc5\xa4\xc4Y\x9b\xffq$0O\x16\x98\xa9B\xcfr\xd5\x94d6\xf3\x93\x01\x12j%\x9f\xbb\xeb\x7f~\x07'</t>
  </si>
  <si>
    <t>b'\x9b@;3U\xa8\xb4u\xdd\xdf\x1dd?V\xafF\xbe\xac\nR\x17g9\xf7\xb0RE\xaeG\xce\xce\xc8'</t>
  </si>
  <si>
    <t>b'\x80\xd2[Z=\xb6\xdc?\xb1J\xb8\xdc\x1fQ\x15=\xac:\x01\xce\xee\xc9\x0bq\xf2\x1e\xd9\xd7\xcd\x12\xb2\x9a'</t>
  </si>
  <si>
    <t>b'\x1bq\xfb\x8c\xb8\x94\x04\xb2X!\xc5"a\xe9\x98\x03\xda&lt;\xeey\x1d\x87\x8d\xdf\x19\xffe]a\xab]d'</t>
  </si>
  <si>
    <t>b'U\x7fP\x94\x124.Q\x9d\xac\x1dd\xbaW\xbd \\\\6\x9d\xcf:O\xe5\xfc\xaa\xb3D\x150\x1e6'</t>
  </si>
  <si>
    <t>b'\xb0E\xea\x01My\xa9\x17C+\x9f3Ng\xfd\xd8\xdc\xd3{\xb5\xaeW\xd8\x89\x99\x80\xcbY\xa8V$7'</t>
  </si>
  <si>
    <t>b'\x00\xa3]\xe4Mga\xd6\x90H\xe89\x8b\xcc\xbe\xf7*\xd8\xf4\xe9w\x00y\x18a\xda:\x1e&amp;#\xf3\xb0'</t>
  </si>
  <si>
    <t>b'\xb3\xedv.*\xcb\xca\xea\xado\x02P4\x08F\x99&gt;\x12\x9a\r\xe2\x08\xa9\x17q\xce\x18\xe3\x94\x83\xf4\xf3'</t>
  </si>
  <si>
    <t>b'\xe4y\xd0\xac\r-\x84L\xb9e\xf6wI\xe5\xa5\xd7l\x03\xf8\xbcH[o\x7f\x08\x9d2\xc9\xdc\xe0_\xa5'</t>
  </si>
  <si>
    <t>b'$SY\r\xd3\x91\xa3\xf1\x04\n&amp;\xf7\xdfT\xf9}e\xb4\xe1=\x9d\xe7\xa85\x10&amp;/3\x10\xa3\xb7\x8e'</t>
  </si>
  <si>
    <t>b'\xef\xc2Fmz\x1a\x92\xa7\xf7\xbdZ\xd2\x1a\x86\x12\x0f\xb0\xcc2\xae%\x91&amp;\x0b\x85;\xff\x1d\xd0)\x85\xf4'</t>
  </si>
  <si>
    <t>b'z\xf1\xc7\xbcwa\xda\xe5\r)\x0f\xadVd;\xd0C*\xb9\xa9\xd2\x06 \xc1\xdd5\xbf\x15B"\xfck'</t>
  </si>
  <si>
    <t>b'\x8d\xe2)\x90\x11UP09\xf1\x15uD \xdd\xfb\n\xf2\xf1\xbe\xddUK\t\x9d\xfb\xa6\xe5\xe6\xeeO\x00'</t>
  </si>
  <si>
    <t>b'\xa2\x14\x93M\xc2\x94\x17\x7f\xe0h\x8b\xd1\xb6j\xec\x11\xca\x00\x9f\x7f\xf5\x18\xd8\x0f\x80\x10e\x04\xaf\xf3\xd8\x90'</t>
  </si>
  <si>
    <t>b'\x99\xda\xa9g\x04\xc6?\xe9\xa1+\x96\xd1\xc8\x8d\xde\xa5&lt;|h\xa9\x8fmOa==\xe9\x8d\x1b9&lt;\x18'</t>
  </si>
  <si>
    <t>b'8A\x83!\xc5r\xf9\x8bi\n\xb3\xb8\xf8\xfc,wv\xbaM\x12\xc6\xe4*\x96\xd9\x05y\\\xee\xd0\x12\x9d'</t>
  </si>
  <si>
    <t>b'\xcc\x07\ts\xef\x92\xf4Y\x180f.\x03K?\xd2\x0e\xf8\x1a\xe4\xfc\xfcTN\x1f\xbd|\x0b\x85.\xba\x90'</t>
  </si>
  <si>
    <t>b'I\xc3\x8a\x13\x07\x0cY\r\xd0\x94\xb0\xc1q\x96\xe1\x1ef\x9c\x85\x9b\x1d"\x00\xfd\x15\x93\xd3\xb0{\x1fKb'</t>
  </si>
  <si>
    <t>b"R\x7f\xb7\xcbT\xbaAC\x04vN\xf8Z\xec\x84d/\xd3\xfe\xc3'1\xd2\x8d\x1dfI7r60\xf6"</t>
  </si>
  <si>
    <t>b'\r]\x8fdZ\xdb\xde\xc1\x81\xb2UTw}\x14mj\xfalp)\x90\x1b)\xed/\x19\xef@\xf8}\x07'</t>
  </si>
  <si>
    <t>b'\x16 U\xc8@\x8f\xf1\xd00%z\x96-\xcb\x18L\x138\xd3\xf1\xf50f"\xb0\xd5\xc5x\x1b6\xe1S'</t>
  </si>
  <si>
    <t>b'\xd9\xbb\xed2y\x0e\xa2\x0b\x01\xc5\x87a1\x93\xf0\xef\xf2\x874\x8c\x14j\x8f\xc8Q\xa3\xf4{\xd1\xbc\xb8`'</t>
  </si>
  <si>
    <t>b'\xa9\x9f65\x12\x83\xa1\xccT\x15\xf5\x85jw\xdd\xf8\xef\x01b\xa6\x0e\x15\x87\x9b\x13{\xe9\xcc\xe0\\H\x81'</t>
  </si>
  <si>
    <t>b'\xb5\xb5\x86\xe9t\xae7\x86\xa4\xe3q\xc6\xc8O`\xdc\\\x88\x8c\n\x02&gt;\xd0K\xbd\x8e\xfe\x9f]2\x7f\xc8'</t>
  </si>
  <si>
    <t>b'q\xfd\xb1\x99h/\xef\x1e\x81%\x05\xf3.2\x82\x00\xd7ek\t{\xa6\x97\x1d\xebe\\|[&amp;AH'</t>
  </si>
  <si>
    <t>b'w\x03\x16C\xe5A\xa1\xddj\xe8{\xf6+\xbe8&gt;\xcf\x1d\xaf\xc6\xbc\x1d\xdbHp\x15}vTb)\x1f'</t>
  </si>
  <si>
    <t>b'Qwe\x92\x85\x8d\xd2T\xca\x1a\xfdz\xf9\xa8\x08\xfb\xd0\x82\x15\xc5\x1b\xf2\xca\xd3\x89T&gt;\xd8\x05\xbc|\xc0'</t>
  </si>
  <si>
    <t>b'\x10\xaa\x16\xde\x83F\x1c\xccW\x16\x8dw\\\x9d\x05\xb8\x98\x00c&lt;\xfe\xdc\xe5\xa0\x9f\xec9F\xa9\x83\x8c\xf0'</t>
  </si>
  <si>
    <t>b'\x85\xc2#\xad\x94+*\xea\x80\xf7f\xff\xe3f\x9c\xff\x82\x8e\xde\x0c\xb4H\xa9O\n-\xd3\xf3\xc7va\x8c'</t>
  </si>
  <si>
    <t>b'Hb\xc4\xc8\x03\xd6\xeb_\x1b,\x88R\xaf\xba[7\xf3\xb8\xd4\xd9\x07\xb3\xfdRl\x11_#*%\xf8\xb6'</t>
  </si>
  <si>
    <t>b"C\x04LA\x8e;\xb9qVZ\x15GY\x19\x9a\x80\x9c\x02\xe7\xf0\xe1\x92\xce\x1d\xe6H3*'\xb4\xf5L"</t>
  </si>
  <si>
    <t>b'\xc5H\x96\xe3wx\x0b\x10\xbeF"w\xfb\xf8\x8c\xb1\xc0\xf6M\xf3\x94\xf6(|\xce\xe58\xaf\xcd\xbb\xf22'</t>
  </si>
  <si>
    <t>b'\x98\xee\x85?9(\xc1x\xbdPVz\xf3=\xab\xc8Ep\x91\x9f\xd2\xec\x1f\x92\xfc\xcf&lt;5\xfaTJ\x7f'</t>
  </si>
  <si>
    <t>b'\xa8\xe4\x12\x92@;Y\xb9\x8bZ\xf3\x16\xdd!\xe7\x13\xd9v\xe2\x83\xdf5\x82*\x89\x08\xbe\x9c\x178\x1cP'</t>
  </si>
  <si>
    <t>b"\xd6\x04L}\xfb\x02\x8dQ'\xf8\x91(\x13@^t\x08\x87a\x08\xd3\xa5srrbB\x1fIw\xed1"</t>
  </si>
  <si>
    <t>b'\x19HI\xb4\xe53%\x8a\xe9\xc8&gt;\x01\xfc\xb9\xe8ZM\xd7\x18\xeb\x0c\xd4"6\xa7\xcdi\xda.\xc0\xa8\xb8'</t>
  </si>
  <si>
    <t>b'\x95~b.\xcb\xaa\xe8)\x9e\xdd\xdbdO\xea\xca\xfe(\xb8\xe3\xe0C\x10\x15E\xdb\xcd-{\x1e3)\x9b'</t>
  </si>
  <si>
    <t>b'\xe2=\xf4\x95\x82\x80PHi\x89\xbeP\xb2Pl.Z\x8f7+\xff#\x90\xc7\x19\xcb\xa0\xa7Q\xbe\xd7J'</t>
  </si>
  <si>
    <t>b'\xc3\xe4\x86\t\x04\xb9&lt;\xd6\x82\xd1]\x1f#\xd1\x16\xb1\xf40B\x89\x96\xd5Q\xea\x98_\xa6\xd8{8E\x13'</t>
  </si>
  <si>
    <t>b'l\xf6m8\xa0\x15Z\x9f\x0c\x06!\xdf\xce\xc9Ug\x0c7\x12\xa0v\xc1\xde\x16\xe4\xc0~\x03\x87wN^'</t>
  </si>
  <si>
    <t>b'}K\xb8\xc3\x8c\x00\x02\xae|\xd2\x0e."\xfcE\xd3,\x93\x07\xdb\xc5 \xe9W\x8e\xcc\x8a\xa9\x7f\xa1\x1dk'</t>
  </si>
  <si>
    <t>b'\xba\xee\xed\x12p6\xdaF\x0b\x9axC\xd4\x05\xc1\xb0\xf6q,\xe7_\\\xd4\x11\xfd\xaf\x9b|)\x82\xcd\x9e'</t>
  </si>
  <si>
    <t>b'\xbb4\x9c\xcc\xca\xb2\x1e\xdb!\xc6\x98\rul\xb7*\xe2\xfdF\xc0\xe4\x98x\x01Q\x1d\xb4\xcc\x81\x1dA\xc1'</t>
  </si>
  <si>
    <t>b'\xd4\x84[\xc9\xc7\xc2\t\x0c\xbdy-\xdc\x83Mb}\x1e\xc5j\xea\xe7\xe1\xf4\xfdWd\xc6\xf8\xea\x0b\xe2\x04'</t>
  </si>
  <si>
    <t>b'47\xae\x8f\x97\xfc}+\xbaI\xfe\xc8\x1d\xa72p\xe2&lt;\x95\xadj\xdc\xf6X[\xd7F\xee\xcbyf\xce'</t>
  </si>
  <si>
    <t>b'\xdf\xdf\xfa\x1e*\xd6\xadVsr\x15\x9f\x9bX\x8c\xa9\x07\x04\x95G; \xaa\x97D\xab\xdd;\xa6+\x08\xbb'</t>
  </si>
  <si>
    <t>b'5dQ\x16-@b\xb4\xc9\xd21\xee\xbc/;D\xfd\xe8Y\x85K\xc5\x983\x83\x11\x97\xa6[Q:\x12'</t>
  </si>
  <si>
    <t>b'5\x05D\xb8_\xa7\xecI\xf2P\x1c\xf1O(\xac\x8c\xdb(|\x14\xea\xc5\xd8~\x7f\xbc\xda\n7\xfd9\xc9'</t>
  </si>
  <si>
    <t>b"\x1e\xdf\xf5\xf1\xb4[\xe9\xcd\x0e\xae\x1b1\xb4\xcf\xe79\xb5\xfe_4\xc5F\xbcR\x91\x0c\xff\xa5{\xf1'\x84"</t>
  </si>
  <si>
    <t>b'C\\\xc5\xd1\tI\xcaW\xf8\x92\xd0iD;\xba\x13\xfc\xe5c^.\xc3S\xed\xd0\xc7\xe5\x0f\xe0\xe9\xe8\x83'</t>
  </si>
  <si>
    <t>b'\n~X)V\x81\x84L&gt;\xa5\xe5F\xd2\xe3\xfenA\xf2\xda\x99\xa1\xe2\xa1O1j_U\xfc\x01\x7f\xf6'</t>
  </si>
  <si>
    <t>b'u\xa4\x81\x18(9%\xc6j\x94\xb0+S\xbar\xf5\xec_\x8a`\xfe\xa5\xa4i\xe7?F\xfc\x8d\xfa\xdaD'</t>
  </si>
  <si>
    <t>b"~J\xc6+\xbfZ\xba'\x18\xe8\xf4\xf7\xa0\x93\xc5=pU\xd4\x96\x843\xd9\xb8\xf3o\xdb\xdf\xc0\xdd\xc7!"</t>
  </si>
  <si>
    <t>b'\xae\xc4\xe0\xb7\x19m\x8d\x0f\xf54@\xc8\xc9\xd06\x96\xadb%\x13G\xdc!\x17\xc9\xf4A\xf3.@\x8fj'</t>
  </si>
  <si>
    <t>b"0\x83\xea\xa8](9\x81C'R\x96\xbf\xd9;P\x0b\xc4\x16\xdb\x81\x1f^X5\xc7\xc3\x13\xb1t\x14\x8b"</t>
  </si>
  <si>
    <t>b"\x93t\xe1A\xf7\xb8H\x16`3H\x18\xa8\x88\x93\xd8\xbcn\xc6\xe2&gt;H\xd1\x9f\x8a''\x0c\xb3f@\xfe"</t>
  </si>
  <si>
    <t>b'\xe7(\xef\x82\tA"\x18m+-\xe2\xa0nQ\xc59Gh\xb4\xa5r\x7f\x85H\xea\xdb#:X\xe9g'</t>
  </si>
  <si>
    <t>b'og\xa7\xe3\xb3\x17&amp;\xdd2\xf5P\x92\xc1\xf0f\x03\xab\x07\xfb.\xed\xbf\xdaw\xc3\xf3zgc\x9bF\x16'</t>
  </si>
  <si>
    <t>b'\xb5\x96\xf5N\x13\x0f\x1dZaX\xe1\xf5\xca\x1f\x998\x02\x12#\xdbP\x8a0\x10\x84\x82D\xcf\xdf\xf4\xa0\x13'</t>
  </si>
  <si>
    <t>b'\xe1\x19\xfdy\xe8\xd6\x9b\xa0U\xfb\x8c.\x11/X\xeb\xf7\xc26\x01\xa6\x89\xb6\xad\x07.nR\xc3\xb6,\xe1'</t>
  </si>
  <si>
    <t>b'\x06;\x1b\x16\xc8\xe0\x0b6\xd4p\xcb\xe1\xf5!KW\xd5&lt;z\x8b\xabb\xb2\xe7\xcc\x95\xbd\xf0\xfb\xdf@\x0b'</t>
  </si>
  <si>
    <t>b")0\xeae\xed(BC\xe5\x87\x9d\xbf]`b5c\xeaoT\x90\xe2u\xa7vh\xc2\x9e0'e\xa9"</t>
  </si>
  <si>
    <t>b"\x8d&amp;\x00\xe8\x894 \x8a\xd19b\xb9\x1ep[}$\xcb\x88\xf2\x11,3'\xcc(^2&lt;\xbb\xbbC"</t>
  </si>
  <si>
    <t>b'S\x8cv%\xec\xc6\x96h\xfdu\x1d\xf0,\x15\x9a\x9c\xfe\xe5\x01B\x038\xb03\xf7\xc9\xd2\xba\xb6\xc2\xe7:'</t>
  </si>
  <si>
    <t>b'\xddV*EU\\\x05\x1f\xd0J\xe3\x00V\xae\xc8\x0c\x03r\xc6\x19\xda\x0b\x17Y9\x94Z\xbe\\\x87\xac$'</t>
  </si>
  <si>
    <t>b'1&amp;S\xe1\xf3\xfe\xe7\xca\xfa\x80(C\n\xab\x0b\xc6\xee@\xf5\xbcK\xa1\xefQ\xea\xa8\n\xa1\x1fA?\xb5'</t>
  </si>
  <si>
    <t>b'\x07n}\x85} \x84&lt;I:\xa2\x1c\xbc\xdf!D\xe1\xbd[\x9a*HUh\x85SD\xd1rWfE'</t>
  </si>
  <si>
    <t>b'\xbeR\x96\xa1\xb5\xb6\x0f\xed\x86\xabexB&gt;i2:\xa2\x07\xd6i\xa0\x89\xf9\xfa\xd6\xb1\x99xy@\xef'</t>
  </si>
  <si>
    <t>b'\xf4\xcd\xbc[p\xc5\x8d\x0e^\x07\xd4p\xb7\xd0\xf4\x0e\t\xf7\x13&lt;5\x84\x0c[\xf9\xfc\xa5o\x06\x11\xe1,'</t>
  </si>
  <si>
    <t>b'\xb9\xc0\x077\xcc\x00\x88\xf4\x8b3\x87\x9fe_-D\x7f\xaf\x0f\x9a\xa3\\\xcd\xfc\xea\x13\x17\xee\xfa\x1f\x0f\x90'</t>
  </si>
  <si>
    <t>b'\xe4M\x9f\x8c\xd6_#A:A+\x028\xea\x94\x05\x83,dG\x98\x0b\x16\xc1\x90\x80\xa9\xb0\xcd\n\x87&lt;'</t>
  </si>
  <si>
    <t>b'\xc0xV\x0e\xbee\x11A\xf7Y\xac\xd6\xe5\x18g\x04\xcd\xb6\x04\x07\xa3-\x82\x91\x87\x1e\xdf\xeb\xe6\xe1{\x18'</t>
  </si>
  <si>
    <t>b'\x83D\x05D1B\x86\xec\xc72\xbe+2:\xd7&lt;\xbba\xa9\x16l&gt;!,q^&amp;DZ\xfeB\xba'</t>
  </si>
  <si>
    <t>b'z\xcc\xac\xc16\xd5\xef\x1d1\xac\x82\xd2/\x9fB\xe2\x16To\xb4M-\xe9\x89\xa05\xb1&gt;\x811\xce\x0e'</t>
  </si>
  <si>
    <t>b"\x9a\x9f?\xa7\xb8\xe5\xe4\xb0I\xad\xf2\x95\xb5N\xe4\xb1\xf2\xdc#\xda\x0c\x1d]\x80\x87Qn&amp;\xd26'\xa7"</t>
  </si>
  <si>
    <t>b'\x9b\xac\xfa3\xde\xfcUjh&amp;I\x88\x10#\x1d\xef/\xad\x8bm\x10\xf3w\xcc\x05\x01\xa2\x80\xa6\x80\x83\xa3'</t>
  </si>
  <si>
    <t>b'\xc2\x90\x11\xaf\xeb\x9c!w\x92\xe6d\xc8\xa2\xfa\xd6H\x1c\x06\x0e\xa4y\xcd\xf4/\xaf\x13\xed\x83\x86%\xee\x18'</t>
  </si>
  <si>
    <t>b'\x05\xb7\xd0w\xfa\x84F\x9d\xfc\x95\x18\x10(\x82\xd4\xc9\x1ay\xd9x=Z\x84\xaa\xebns\xeb\x84=7\xf1'</t>
  </si>
  <si>
    <t>b'\xce\xfd)\x9f\x16_\xbe\xf7LQ@G\x04.\xb1i\xa2\x00\xa3$#\nn\x843L\xaa\x97Z\xdbX\x94'</t>
  </si>
  <si>
    <t>b'\x9a0\xa0Nm\xe1\xe5{k\x8f\xb6N\xce\x1c\xa9\x1aBu\xe6\xc3v\x9f\x8c\xdfE\xe5\x9e\xa3\xad\xf1\xb8T'</t>
  </si>
  <si>
    <t>b'\xdbc\x1b{\xf3\xc81C\xdb\xc4\xbc\xaaV\x8c\xff\xaf\xdc\xaf\xce\xcd\x9b\xbd\xdfd\xe2\xcb\xdb\x88\r7\x93\x0f'</t>
  </si>
  <si>
    <t>b'\x0c\xceg=\xe5\xc8\x82\xfaz\xfdW\x0c/\x13\xf2\xc4\x9b\xb7\xd9\x84\xf8\x14\x05\xda%\xc5\x1e\x97\x88\xe1\x9c\xa8'</t>
  </si>
  <si>
    <t>b'\xddc\xb8\xced\xb1\xee\x1b\x07;r]\xdbE0\x02\x88\xb1E\xef\x06`\xfd\x8cg&gt;\x81\x80\xffkA\x01'</t>
  </si>
  <si>
    <t>b'\x8c\xfb-\xa3h\x95\x19`\x81\xfb\x8b^\xa1*\x10\x01L\x02\xfa\xaf+\xa8)\xe2\xe1,g\xea\xc8e\xb5{'</t>
  </si>
  <si>
    <t>b'O\xc3X\xeeZ\xaf\xc7\xceq\x06\x9ab\x88\xb1\xacc\xe8\x04?\xe7\x18\xe3\x87\xb1\x14"`\x03Z\x1b\xcd&lt;'</t>
  </si>
  <si>
    <t>b'\x10"\xc05\x9e\x00z\xaf\xe2\\\xb1\x8b\xc7\x91\x83\r\xf0\x1c+\xe1\x96d\xaelx\x8e\xf8\x85x+\xb5\x8e'</t>
  </si>
  <si>
    <t>b'\xa4\x9b\xf1\xda\xcb\xbc?{#\x92q\xdd\xa7\x90\xa4\xb5\xd7,\xa1d\xd3Hu\xc2\xf2\xcb\xe2c$0\xe9?'</t>
  </si>
  <si>
    <t>b'\x8c!d\xf0\x08\xa3\x14\x96\x02\xad\xd1\x8f\x9e8p9\x05\xc2~\xea\xd9\xb2Ke\xc5*\xb7\xb3&amp;\x80\xce\x8c'</t>
  </si>
  <si>
    <t>b'8]\xcb\x9e\xf6y\x1d\xfe\x88\xf7v\x12\x80\x96\x96=m\x84\xe6\x87\x861\xe2k}\xf6\xad\xfc\x18\x16q1'</t>
  </si>
  <si>
    <t>b"7\xa4\x1d&amp;\x14\xa5\xa12f\xd6\xdaT\xd7\x82\xbf\xa6'E\xce?\x1fg\x83h\xf7\x94\x89\xc2\x86_\xca\xb5"</t>
  </si>
  <si>
    <t>b'_\xfb\xd3\xad\xe6\xd68d`\x97\xefa\xe4\xbcI!r0{\x83PF\xd7\x1ap\x10\xc9\xa3\x08b\n\xc1'</t>
  </si>
  <si>
    <t>b'\xf7|Z\x15\x02x\x11\x08\x10T\xb25\xa3\x92\xcd$\x97h\xd0\x08\x10\xd8\x13\x9c\xdd#\xf6\xb9\xeeU\xd6\xd8'</t>
  </si>
  <si>
    <t>b'\xd8\xdd\x81\xeb/\x8e`x)\x0e\xdc\x08\xaf\xef\x9e\xb7\xf4\x02\xb1\x18Y\xc9\x83\xba*/\xf7\x8e\xf9\x06\x81\xb3'</t>
  </si>
  <si>
    <t>b'W+8\x93\x9b\xc3NHES\xae\xea\xc6\x1eZ\xdc\t\x05\xc7\\*\xfdO=\xc1\x11\xec\x8cr\xd9\x01z'</t>
  </si>
  <si>
    <t>b'_\x03F\xb1\xf5\t\x13R\x97&gt;\xb2j\x17\xaf\xd3\xcc\xc2\xc2*4\xa6;\x19\x8f^*\x89y4[\x83\x1a'</t>
  </si>
  <si>
    <t>b'\xf6\x83.\xc5\x07L\x83\xb5\xe2\n4\xc9\xb6\xf0l\x878^\x8a\xfc+BT\xea\xd2\xd7\x9f\x1c\x97\xdf[D'</t>
  </si>
  <si>
    <t>b'm\xed\x9d\xc3\x07\xb5\xb86\x91\xb6H\xfeQ\x1a&amp;\xbe\xf8\xc40\xfb\xe73\x97b*\xc0\x0b\x9a;\x95f\xcc'</t>
  </si>
  <si>
    <t>b'\x95r\x12\xa7\xbf\xa0\xee\xd96Y\xb4\x8cX\xc4ct\x14\xcf\x0b\xa0\x8e\xc6\xc5{\xf9\x1b&amp;g \xd2\xd7)'</t>
  </si>
  <si>
    <t>b'0\x99;|\xcb\xc0*\xce}\xde\x86-\x8a\x82\x06\xd7\xd3\x84o\xb6\xb3\xd7z\x8d\x91b!s(\x075\x8f'</t>
  </si>
  <si>
    <t>b'\x93\x9b\x9d\xf0\xafo\xdb\xefn\x1e\x15\x18\\\xaf\x9c\x1d\x84\x95\xa3N\xe3\xb9&lt;I?\x18\x00g\xb5\xf1\xa9H'</t>
  </si>
  <si>
    <t>b'\xf4o\xe6\xca\x9f\xb2\xbc`\xcb\x86~\x8f$\xec\x9fG\xbf\xd5i\xaae\x1d\xcb\x1a\xe0\xa9\xd3%*\xceS{'</t>
  </si>
  <si>
    <t>b'k\xf6\xdf\xed\x9f0\xcfc\xe5\r\xad\xea\x19\xcb\xc3\xd6\xf8\x85\xd4Uf\xd6\xdag{\xbfT8\xae\xa2\xd7\x95'</t>
  </si>
  <si>
    <t>b'\x88\r\xdeO\xd4aXK\x1a\xfe\xa95{\xc0\x1bS\xfb\xba~z\xdb^%\x03\xd7\xc8"\xf0cD\x7f\xe4'</t>
  </si>
  <si>
    <t>b"\xa0\xe9\xc0\xcb\x1c,u\x9fxTi\x83\x00\xdd\xe5\xe8\xb3s`EZ\x9a\x86m\x04\x00a\xc00\x05H'"</t>
  </si>
  <si>
    <t>b'\x8b\xe4\x11\x07O\xe0\xfdN\x82\xd4\xe7\x1b\x89\xb8\xbf\xfe\\\xed\xb3\x848\x02K\xfdq\xf3m\xff\xb1 \xbb\x91'</t>
  </si>
  <si>
    <t>b'\x114\x81\xb4\xdc:\x03\xbbt\x93\x7f\xd2\xf35\x86\x10Z\xa3\xba\xb4\xa80\xebn\xe9\xccMD^y\xcf\xd0'</t>
  </si>
  <si>
    <t>b'"\xab0\x91]2~?\x92e\xecW\x8c\xb4\x0f*\x00\xda\x16\x19\x9dt\xf1y&lt;\x80\xcdo\xa0\x1b\xd4R'</t>
  </si>
  <si>
    <t>b'\x1a\xf1\xa1\xd2\xe0S@,h\x04QR\x93\xf5\xe8M\xfdL\xd4P\xaa\xd6a\xc3\x08\x1e\xc2\xb2\xad\x03\x94\x86'</t>
  </si>
  <si>
    <t>b'\xfek\xd0\xd7\xdf\xfa\xeb\x9f\xfc\xe8\xf3\x9f\xcf\x86\x03\x116H\xb1\xf4\xb2\x8d\xb7\xbdp&amp;\xbc&amp;c\xf4\n\x18'</t>
  </si>
  <si>
    <t>b'\x08\x0bn@y\xfa\xfag\\\xcb#\xee_\x81\x003$\x80\xc55TD\x0b\x16m9;\xd4\xcb\x84\x85\xdc'</t>
  </si>
  <si>
    <t>b'\xc9C\x0f0y\xaf\x895\r\xdb\x1f*Q\xf2\xfe\tB?\xfe\xa4\xd9\xfc\x90\x9b\xcd\x19\xa4\x15\x0e\xd3-\xd9'</t>
  </si>
  <si>
    <t>b'0\xf3\xc4\x01\x13\xa8\xb7&amp;\xae\x15\x00\xe4\xb1\x8fm~\x04\xbawQJ\x99i\xf6\xf5\x19\x82\xb8\x00\xf7x\xbc'</t>
  </si>
  <si>
    <t>b'F\x9a\x89\xdc\rP\xea\x94^u\xbc\xfb\xe9a\x9eS\x9e\xb3\xf0\xd0\x92\xc1(ZjBV\xb7iF\xc4V'</t>
  </si>
  <si>
    <t>b'r\x98,\xe2\x869\xe6\xebN\xd2\xa9"c\xa2\n\xd92\x17\x15@#*@\x0b\xe665\xdd\xb9\xd2h\xe5'</t>
  </si>
  <si>
    <t>b'\xae\xdf&lt;[\xe1\xf1\x18Gt\x99\x03\xa0LwD\xf9@l\x8e\xca\xf0\x91\x18\x1d\xe1\xaby5\xb2\xe7aC'</t>
  </si>
  <si>
    <t>b'\xab\xb5WB\xd06!\x95\x11K`\xe2\xcfv\\\x8e\x858\xd8\xbcE\x927\r\xb9)\xa1\xf7\x91\xd8"\xdc'</t>
  </si>
  <si>
    <t>b'dh=\xc6"\x1a\xbf*L\x90\x85\xd4\x10\x11\xdc7\x82\x826$Q\x19{\xcc \xbb\x89\xbc\xf5\x14\x8aI'</t>
  </si>
  <si>
    <t>b' F%\n5\x9cVT\xb0I\xe4\x1c\xfb\xc5\xacU\xc5&amp;i\ne=\xc6\x17\xf9,\xec\xa5\xc2\xaf\x1c\xe5'</t>
  </si>
  <si>
    <t>b']\xb5Q\xf5\xd5\x85\xc2O\xe9E\xf7\xae\xe4\x07\xcbj\x8e\x1d\xd1?,\xe2\x88S@\x97S\xb6\xf2\x8e\x1a\xd8'</t>
  </si>
  <si>
    <t>b'\xfe\xd4\xc7\xd7\xd9\xca\x8d\x9e\x86w6f\xb8\t\xc2\xd2b\xc8\xfa\x9b\xf1(\xd54\xb5\xe9M\xea\x96\xd6\xe0\xf0'</t>
  </si>
  <si>
    <t>b'\xd7\xba-8\xf7\x0e\xce\xb0!Nc\xa5\xcd\xaf\xd4\xed\xb0D[\x8e~\xb8\xf8\x7f\xf9\xbb\x0c\xb9T\xbb\x9b&lt;'</t>
  </si>
  <si>
    <t>b'\xc6\xc8\xac\xd6\x1e\xd5\x0fo\xdd\x80\xc0}\xc8\xac\xafex\xff\xa4,\xc9\xe6h\xc0\x1cL\x9e\xbc\xb1a\x10$'</t>
  </si>
  <si>
    <t>b'\x9eU{\x03\x03D\xf9\xa5\xe3f\xfa\x85\xcb/&amp;\xd5j~\xd2\xfc\x0f\xb7g5\xb0\xaf\x815\xdc\xc6{\x8f'</t>
  </si>
  <si>
    <t>b'\xcf\x0c\xf0j\xdb\xdb\xe0"l\x9f\xb18\x94\x1eba\xf9\xd2l%\x01\xa1\xa1\xc4R\xec\x0f\xa2=\x8a}}'</t>
  </si>
  <si>
    <t>b'\xa7\xd6\xb7\x83\x88\xe2\x00\xc6\xfd\xbf\x85&lt;\xa8:5\x89E\x0e\xb7+\xa9\xf6\xd4\xb9\x9f.\xfb\xc2\x96\xfe\x9d_'</t>
  </si>
  <si>
    <t>b'\x13gf.^1\x06\x0b\xe4\xb0\xb1\x13ehy\xe5\xa3`\xb5\xff\x9a@\xbc\xafUNB\x80\x01\xf0d\x85'</t>
  </si>
  <si>
    <t>b"\xf6\xd7\x00'\xe3\xd0\xfb\xd3\nz\r$G\xaa\x8e\x86a|?\x0f\xebZ\x10@\xba\xd5e\xdd#\xa3\x18\x0b"</t>
  </si>
  <si>
    <t>b'\xb2)\x91\x15r\x82\xbe\x8b\xe1\xfdx\x1daG\xa9L\x96_\x9c\x156m\xa6\xc3\x16\x13\x85\x1f96g\x12'</t>
  </si>
  <si>
    <t>b'\x989m\xba\xf3g\xfe\xa3\x13\x9ar`\xb0\x96\x89\xf4|\xc7\\\xad9r\xce\xa2\xe9\x1c\r\x1b\x87\xfd\x7fy'</t>
  </si>
  <si>
    <t>b"?I9\x86!\x87\x9a)\x15?\x12\xfax*p/\xee\x85z\xe3@';q&gt;D\x0e\xb3\x84m$A"</t>
  </si>
  <si>
    <t>b'\xd8U[4"\xd5\xd3\xa9\xcd\x13\x0b\x80\x01\n\x12h\x1bp=GC\xa2\x86\xf2/\x05\xec\xdd\xf6\xdf\xc9u'</t>
  </si>
  <si>
    <t>b'o\x1f\xd1[\t\xc8\xf0jq\xcb\x91m\x16\\u\x0c\xdb\x9d\xdd\xd3\x0eI\xab#\x9d\xf0\x0f\x0e\x1b@\x8a\xf1'</t>
  </si>
  <si>
    <t>b'S\xba\xf0\nE&lt;Z\xd2C\xceGb\xdeZ\xfd\x93\xde1anbg\x94Nz\x01\xed\xd7\t\x1c\xc9\x14'</t>
  </si>
  <si>
    <t>b"\xab^9\x8d\x01\x17\xe8q\x8f\x9a\xad\xb0\xa3F'\xea\x12F\x8dV5\x9f{;\xba\x0b\x87X)\xac\xdf\x0b"</t>
  </si>
  <si>
    <t>b"Vf'\xac\x90(\x16(\xd0\xbaP\xfc\x1c\x88,5U8\x08Z\x98\x8a\x93\xa33\xd8\x93&gt;\xa1a\x06a"</t>
  </si>
  <si>
    <t>b',\xcd\x87\xecw\xa7p\x0b\x91\x80c5L\xfd\xe0^O}8E_\xaeT7\xfd \x95\xee8\xd7\xd4#'</t>
  </si>
  <si>
    <t>b'\x1d\xc3\x17\xd1\xc6\xbe\xcb\xf0\x04"q\xc3\xafb&amp;\x81\x0bb\xc4\x7fi\xbc\x8br\xa6\xf2\xf8\xbf\xcc\n}\xb2'</t>
  </si>
  <si>
    <t>b"j\xcaV\x81\xb6at@n5d;M\x8a\x9a\xa1'\xebQ\xc9\xb7\x06\xca\x7fq\x90\x14\\5\xf8\x89\xd1"</t>
  </si>
  <si>
    <t>b'\x80\x89UJ\xda\x96\x9c\xf6H\x87\xfb3\x97\xbe\xec\x9b\xeeiU\xd39\xa4\xb43\x1a^YO\xf7\xac\x99\xbb'</t>
  </si>
  <si>
    <t>b'\xda\x01\x10\x11\xc7\x17Q\xb8\xca_\n\xf3\x93\xbe\xfb\xc4\xf0sDsF\x87&gt;\x9f\x1d\xa37\x134R\x1c\xad'</t>
  </si>
  <si>
    <t>b'\xe4\x17\xfe\x8a\xbc\x95!\xdeh\xa9\xefk\xbb\xc5\xb1\xa8ImD\xe2\x8d\xea\x14\x16\xed\x19\x97\x1c\x97\x92\xbb5'</t>
  </si>
  <si>
    <t>b'#\x0b\x00i\xa2,\xb1\xb4\x90\xea0\tu\xb1\xa6\xb7[\\\xbc\x8f\x1cAR]I\x88f4\x93m\xfaa'</t>
  </si>
  <si>
    <t>b'g.\x96\xeaeV`6\x9b\xe7\xd8\x99\x9c&lt;\r\xc9\xb5\x12\xc7\x18\xf8\xca\xacP\x86\x87\xef\x0f\x17\xe7\xed\xb4'</t>
  </si>
  <si>
    <t>b'\xd4N\xb0],%w\r\x1cE\xb6*W\x9d0\xca\x89\xc3\xa442\xca\xc9\xc9\x8d\xa00\xe8Y\n\xf1\x9c'</t>
  </si>
  <si>
    <t>b'\x93\xec\x1f0\x05\xf5\x02@\xbc\xfa}\xa6\xad\xd18&amp;\xd0\xff5\xb0[\x10\x98\x0b\x8c#\xfd\x02\xa0:\xfe\xee'</t>
  </si>
  <si>
    <t>b'\xff\xbd\x0ch\xeb\xbc=\x9bT\xd9AzJ\x85\xb3RQ(\x9a_\xf8\xb3\x07\x92\xb9}\xbe\x9c%\x1a\xb6\x87'</t>
  </si>
  <si>
    <t>b"\xb3\xd3\xed\xcfw\nO`\xd5\x92\xbd\xb6\xc4\x0e\xfdG\x8bb'\x9d/\x9f\xa7\xe4\xd3\x7f\x92\xea(\xfamw"</t>
  </si>
  <si>
    <t>b'ax\x92\xb9\xe1\xbc\x81u\xd5M\xf27\x9de\ti\xd4\xc8+\x82:\xcav\x17\x07\xae\xe6F\x07\xed=E'</t>
  </si>
  <si>
    <t>b'\xc8\x96\x02\xba\x8a\xfb\xf5\xc4\x8e\x81\x91\xeb\xc6\x95\xc4\xa8\xe32\xc0Gl\xc0v\x05+n\x90\x8d`_\xddm'</t>
  </si>
  <si>
    <t>b"]\xf6'\x11\x04}7\xb6R#\x05\x08\x98\xab\xf7\xb6\xe0\xcb\xb30\xb2\xbf\xd1\x9c\xc3i\x17n=\x9b\xc6\x1c"</t>
  </si>
  <si>
    <t>b'\xf1\xc2\xcf\xa8\xf7\xd8\xa2\xfc\x98\x83k\x02\x01{\n\xf4\x1c\xd8\xcf\x04\xcb5\xab-cu\xf2z\x92P\x10\x0f'</t>
  </si>
  <si>
    <t>b'}9\x1dY\xa5\x01t,\xdeu\xd6&lt;\x02 n\xe0)\x99\xb9\x1c\x11\x101\xc9]v\x13\x86\x12\x03z\xec'</t>
  </si>
  <si>
    <t>b'\xacW\x04\x99\xbf\x95\xfa\x81\xb9\x19\xbc\x7f\xa8\xe6\x16\xe4\xe1\xa8\xbaI\xb9a\xa2\x9a\xfc\x1a\xcf\x84\x1a\x9f)_'</t>
  </si>
  <si>
    <t>b'\xe9g\x83z\xd2\xbc\\\xb0s\x7f\xccTA\xbd\xca\xa5\xf1\xef\xe00-\xd8\xcc\xc2\xd3\x02\xd9{\xab\xc2\xda\xfc'</t>
  </si>
  <si>
    <t>b'\xd3\x9b#\xc3\xcf\x90\xee\xe4$\xcf\x16(\x1f\xb0\xc5,0J\xc0w\xbd\x1f5\xa1\x11\xf5+&gt;\x9d@o\x0e'</t>
  </si>
  <si>
    <t>b'\xfbI\xd9\x00\x98\x92Vsr\xa2\xa0\x94\xe01\xae\x97\xc92\xca6\x95\xb4\xcb\x14X\xcb\xe7\xb6\x08\x1c3\xae'</t>
  </si>
  <si>
    <t>b'\x01\x011\xde\xef0\xael\x81\x0b{\xc9\xe8#I\xce\x96\xaa*\xd4\xc13\xdey\x1bi\tjDF\xb7\xaf'</t>
  </si>
  <si>
    <t>b'\xa9q\x0b\xcb-\xeb)\x8b\x1f\xf2\xb1,\xd2\x04\xe5\xbc\xe6\xce\x88\xe6\xe7\xc9&gt;\x052\xa7c\r@_\xdf\x8a'</t>
  </si>
  <si>
    <t>b'\x1d+\xd8\xe7\xf7\x08\xb2\x92C$\x0c\x9dG\x96b\xdb\x9a\x91\xc4\xfc\xa6\x91h\x91\xf5\xb7O\x86Z@\\8'</t>
  </si>
  <si>
    <t>b':\xed$\x001\xea\xfbs\xad\x04\xe8\xf0g#\xd3g\x1a\xa36\x04\xe4\xf7\xbcL\xfet\xa7\xbe\x0c!\xa0\x90'</t>
  </si>
  <si>
    <t>b'r\x98\xca\x02\xe8\xfb)\xcd\xec\x84\xad\xd0xW~\xdcre7\xa9\x8e\xe0\xe4\x1a\x19lt(\x19\xbb\xcbH'</t>
  </si>
  <si>
    <t>b'\xdc\x97z\x1f\xad\xe5=~\xa2q\x80q5T\x07AD\xa0Crf\x8e\x9a\x1ep\xac\xc2\xf4\xf0\x80\xe2\xd7'</t>
  </si>
  <si>
    <t>b'3"W\x80\x8a\xd0\xe2;\xd1\x8fve\x89\xe8\xf1\x94;\x818fJ\xe5\xb2\xc9\x0b\xfdh\xda\xbbI\xdc\xeb'</t>
  </si>
  <si>
    <t>b'\xeb]\xbe\tB\xcc\xa0\x1fw\xb8\xf3x\x1bk\xc6\x1e\x80M\xd1\xae\xf6y\x10\xd9%-\xac?\x9c;\xef\xe1'</t>
  </si>
  <si>
    <t>b'\xb5\xe2\xaebY\xa0\x04G/\xd31f\xfa\xf4!\x85\xc2\xcb!\x0cK\x91E\xbf|\xbf\xab\x81\xe0\x93\xcfY'</t>
  </si>
  <si>
    <t>b'\xc6\x0e9\xbf\xd3\x8f}\x06_\xe3\xfe\xbc\x14\xe7P\x17\xfb\xdb\x99\x9cD\x91\xcfW\xb5\x048\xd8\x00\x9e\x98\x7f'</t>
  </si>
  <si>
    <t>b'5T\xc5WOC\xbc\x8ecVPN\x99h\xe5/\x8d6\xefA\x97M\xf5}\x94\x83:\x13\xe3X8@'</t>
  </si>
  <si>
    <t>b'\xf9\x89\x88\xcb\xd9"\x1e1\x01s\xf9\x82h\x1e\x94\x14\xaf(\xa94\x02\xbf\x16=3\x8e\xd7\xafp\xac\x00\xae'</t>
  </si>
  <si>
    <t>b'::\x9eY\xe2\xad\xab\x98r\xccT\xfeV\xbab\x88\\\xc0\xb3)\xb2\x8c\x08\x16\xd3t\x8f\xe9\xc8\xbd\xda\xb7'</t>
  </si>
  <si>
    <t>b'i{At\x07(\x96\xdb\xc4&amp;&lt;\xbcs9\xf6\xe6sc\xdbI\x9a\x1dZ\xbd\xdb\xb7\xbeu\xf3O\xc4\x95'</t>
  </si>
  <si>
    <t>b'=\x0e \x10\xb1T=\xb2\xa3\xa5\x0f\xac\xda\xf4Q\xcf&gt;\xc5\xb0m]\xf4j\x96\x1a\x93\x15\xd6\x7f:\xe4z'</t>
  </si>
  <si>
    <t>b'\x85\xbet\x7f\xb9\xbd\xe5k\xda\xf0\x03\xd8\xcc\xd1cNW\x03X\xd1\xc6E\xab*o\x14H\x04xo\x19\x9a'</t>
  </si>
  <si>
    <t>b'\xbc\x08\xdb\x81Q\x9d\xd8\x1d\x8e\x9d\xff\xcd\xc8$\x00\x13\xd0\xb06\xa4\xca\x1e\x00`\xb6\xce;B\xf2\xf4\xa7\xbf'</t>
  </si>
  <si>
    <t>b'\xc7k(\xfa0\xf3\xab\xe5\xeaj\xaf\xff\xb3{\x1cM\x8c\xf0\x9b\xb8\x15r\xab\xd3\x8c0(\xfc\xea]M8'</t>
  </si>
  <si>
    <t>b'\xf5+[\xcaZH~Yfy~\xda\xb1\xc7\r\xe4\x82$\x97\x97\xdb\x0c\xb7$\x19\x9c5\x93/n\x8ci'</t>
  </si>
  <si>
    <t>b'\xb1Wa%\t\xe8E\xf5,\xdf\xa2\x98\xbd\xde8\xde6\xd3\r\xa9R\xfe\x8c@\xeb\xb5Z~\x120\r\xd9'</t>
  </si>
  <si>
    <t>b'\x1b29\xedy\xcd9\xdc\xc2)\xb4\xf2\x9f\xf9\xd2\x01?u\xc3&amp;\xf7nl\xfb\x13^Q0\xefgJ\xa7'</t>
  </si>
  <si>
    <t>b'\x05"\xd235U\xb2\x8f\xa7\xfc\x87\xe2}C\x08\x16[\t\xdf\xcac6\x9eb\x11\xa6\xf9}\xee{\xdfO'</t>
  </si>
  <si>
    <t>b'\xc9Z\x18]\xe6\xc3\x07JCQ\x86\x19\xb4\x0e\xa7\xbb\xef\t\x9ea\x8fQfPu\x18m\xbc;\xc2@\xfb'</t>
  </si>
  <si>
    <t>b"\x9d\x85J\xc1\xc7 \xb28n\\p\xd7R\x16\x085\x8cq\x07\xed\xab\xe1P0\xf3\x11'\x9bx\xcbZ\x1c"</t>
  </si>
  <si>
    <t>b'@t;\x13/\xcb\xe9\xd3\x9e\xe5\x04\xe9WaQ+^\xd4\xe1\xbc\xccj\x8d\xd9\xe0,y\xc7n.\x84\x90'</t>
  </si>
  <si>
    <t>b'\xf0G\x12%\x9f*w\xc0\xfd\x80&lt;R\x1bS\xc2\x9c\x00\xd4\xa7\xff\xe4\xca\x16\x9a\xa1Q\xb6\x14a\xdc(O'</t>
  </si>
  <si>
    <t>b'\x96\x1a\xaa\x94\x0f\x9e\xb08\x9e\xf7\xa3\x12f\xc9\xaa`\xb6\xf9\x1c\xc9\x16\x17\xc8\x1b\xdaAfy\xf4\xb0\xa8k'</t>
  </si>
  <si>
    <t>b"\x19.\xa1R\xadPO\x80't\xd8l*\x11\x91d\xa7\xb2C\x81t\xedwd\x0cS?{\x89v\xab\xa7"</t>
  </si>
  <si>
    <t>b'\xec\x93\xc1/\xaa^8\x0fi\xa9\x91\xb5\xf3\xa4\xf5\xc8\xe3\x06\xab\xe5\xe38\x9f\x05c:\xd6\xf8\xcb\xe1\x13\xe1'</t>
  </si>
  <si>
    <t>b'$\xa8\xe9\xf4\xd0\x96\xcc\xba&lt;|%\xfe0|l\x02\x91\xf5\xf7\x12\xf7d\xf0\xb4\x10\x04;\xd6\xbd\xa4\x1c\xd1'</t>
  </si>
  <si>
    <t>b'\xddW\x12\xc1"I\xff*\xc7\xb2.v\xf2/\x95\xf49\x06rPu\xb3\x7f\x0c\x11\x8b\x85dfy\xfa\x8b'</t>
  </si>
  <si>
    <t>b'\xc4\n\xe4\xf1-\xa4\x0e{ \xa7\x96\x16\x1f\xc3\xec\xbd.I\x03ui \xe6\xc5\x84\xa0\x95\xec\x95\x10\xe2o'</t>
  </si>
  <si>
    <t>b'\x07Vz\xb2\x96\xdeWiM\x93J\\~\xff}\x83\x05\xd3*\x00\x95\x08\x0b\xdb;\t\xd5[\x0b\xc03$'</t>
  </si>
  <si>
    <t>b'g\xc5\xf3\xa8O\x97K\xa6\xd3\x84Z6\xe2\x85\xa2\x8b_\xd5&gt;L\xe7\xf3\xe33n\x1f\x92\x1e`\x18\x17\xae'</t>
  </si>
  <si>
    <t>b'9\xf6\x9d\xb9\x96\xe3:n[\xe8\xd3\xfe\x14\x06\x19\xa3\xd0kE^\xd6M\x80\x85\xc6j\x9e\xd0\xea\xc0|\xcc'</t>
  </si>
  <si>
    <t>b'\xca\x8dB\xc1\x1a|Nu\xcaz\x86\x849\x97*\x81Q\xbfCz\xe2\x7f\x82\xad\xa2l\xcf&gt;F#\x02U'</t>
  </si>
  <si>
    <t>b'wo\xc4\xe5H\x91t\x0b\x07\x04*\xab|\xf2t\xb5-C{&lt;\x80f8\x12\xbcY\x12\x10\x0f\xf1\xb9L'</t>
  </si>
  <si>
    <t>b"g9\xbe\x91\x03\xea\nO\x9er\xd1\xdc\xe5V)\x0b'\x14*\xd7e\x08\xd4i+\xab\xe8~\xd9\x07L\x03"</t>
  </si>
  <si>
    <t>b"\x10p\xab7=\xf8\xb3\xc0\xc0\xa79\xc7\x1aT\x1f\x83\xb7^\xbfl\xc3,'\t&lt;\t\xf0\x13\xda\xe1\xf4\xdb"</t>
  </si>
  <si>
    <t>b'\x14_\xb8`\xa6\x1f\xc8\xfar\xa8\x1b\xccw\x15\xf4\xca\x8b\xc7\xac\xd7epZ\xafYr\xe8\xbb\x9c\xd46\xac'</t>
  </si>
  <si>
    <t>b'S\x00{"\x0b\x19Ta\xac\xb1D\xc1\xc8T\x7f&amp;\xe0\xd5\xf1=\xa5\x7f\n6\x03\x0c\xeeA\xdd\xbd\xe8N'</t>
  </si>
  <si>
    <t>b'\xe2TEIzD\xc4An\xfd\xda9ri\x16\x16\xf1\x006\xe3W~+\x93\xe4\xab\xaa\xa1\xb2\xf4.\x1c'</t>
  </si>
  <si>
    <t>b'=&amp;(Y\x14\xa4CP\xdc\xf2:\xb0\xa6\xca&gt;\x9b\xae\xf8\x85\xda\xf8\x9b\xaf\x11\x93\x05\xda\x95\xa7\xf9N~'</t>
  </si>
  <si>
    <t>b'\x12\xf3l\xf3_X&lt;2\x16\xd4#\xb6\x85\xf1f\x1c\xdd\xc4x,)Zb&lt;Q_{\xa5\xb0\x97F\x98'</t>
  </si>
  <si>
    <t>b'3\x86\xc5\xb8\xc5\xd2U\xb7&lt;\r\xcea\x8b\x07L\x82\xf7\xe7&gt;bIqG\x8fSP\xc8\xd8\xf1\xd4\x19;'</t>
  </si>
  <si>
    <t>b'\x069]\xaf\xd5\x8c\xe1\x1an&amp;\xd1\xac[\xfa\x92V0\xca\xb8\xf2\xe2uD\xdd\x1d\x0c\xf0\xc9\xfap\x18\x98'</t>
  </si>
  <si>
    <t>b'Z\xa9p\xca\x1b\xb3\x0c\x0f\x11\xefF\x7f\xafb\x111\x86\n*\xd1\x03\x19\xaa\x9d\x1b\x1cu\x94\xe5\xe6M\x05'</t>
  </si>
  <si>
    <t>b"\xb4\x88\x9f\n|$\xf3&gt;t \x0e\x94\xd4\x07\x90@'\xf8\x1f\xea\x83xn\xc3\xb0\xae\xea\xe0Q\x9a\xd3k"</t>
  </si>
  <si>
    <t>b'\xa14\xa76\xc5 \xe0\xb9\x88\x95V\xdb{\x94\x182l\xeb\xa9,\xcb\x7f\xd0\x7f\xc9I\xdc\xd5\xd5\xef\x18\x0c'</t>
  </si>
  <si>
    <t>b'\x0e\x9f\xe1u+\x95\x15\xcb*\xacRf\x08S\xe27\xd7\xa6\xf4I\xac\x1f\x011\xd9\xa3{\x98:j\xe0D'</t>
  </si>
  <si>
    <t>b'g\xe9\xab\x97x\x12I\xeb\x17\xe1p+\xd7\xb0\xd0\x86\xa3\'3\xa3\x19\x8e\xd1\xf6\x8fw"\x11R\xd4E\xea'</t>
  </si>
  <si>
    <t>b'\x7f\x12\xa2\x1c\x97\xbb?KO\x8f\xe0&gt;\x053\xf7x\x12\xf7\xb2\xb9\xa9t\xc0\xed\x82l\xd4\xcfV\x83\xa05'</t>
  </si>
  <si>
    <t>b'^\x123\x109wv\xb18\xc1l\xf2,\xa4a\xfa`n\xa6\xcc\xeet\xc2\xe4\x05\xbf\x90/ \xf3\x1c\xad'</t>
  </si>
  <si>
    <t>b'\x0b\xa1\x1a\xe8\xf1$?T\xa8\xcd\xd6\x94\xfb\xf0I]\x07W\xff\xe3\x83\xdd\x1b\x90\xc2\r\xe2Q\x12\xb5\x8d\xef'</t>
  </si>
  <si>
    <t>b'\x9f8\x158\x8a#G\x1fmnK\x85\x87\x86On\x1a\x85\x95\xc9\xee\xd7rs\x9b\r6\xc5"d\xf7N'</t>
  </si>
  <si>
    <t>b'\xd3\r\xd2A\x10$l\x05\x9d\x06\x07c=|\xf8\x81\xd8\x90\xb9J#\xb1\xeb\xa7\x9fI6\x01!\xa3\xea@'</t>
  </si>
  <si>
    <t>b'^\xee\x1c\x05&gt;\xf4\t3+5\xdd\x8f\xd2(\xaf\x1bOY\x9d\x0f{\rqC\x8a\xb3cc}\xee\xd0#'</t>
  </si>
  <si>
    <t>b'\xb9_\xc1"\x05\xf4%\xac\x9cb\rN\xd5\x9f\x11\x1d\'\xd0\x9e\xb3\x85\x0c\x05\tGx\xb5\xd7y\xe2f1'</t>
  </si>
  <si>
    <t>b'\xe5\xe7\xc0\xe3B=\xf8\xd2Y\xffP\x87\xc8\xbfO\x18\x9a\xb9U\xc7\xf5\x04\xf7f\x88\xac[\x10\x99V\xa3\xb5'</t>
  </si>
  <si>
    <t>b'{\xd3\x12)\x1f_&lt;\xcf"\xccT\xcc\xe2)4Z\xb3\x89\x9bZ\xa3Y\x8a\x18\x9aW\xf7\xf6{\x1e\xcb\x90'</t>
  </si>
  <si>
    <t>b'\xc3\x1bO\x16\x07r\x82z\xe2\x8d*\x8c\xfb\x97\x0b\xbf\x16~\x9f\xe2wM\x14\xc6]\x97\x9f\xb0\xd6\xc4a\x1e'</t>
  </si>
  <si>
    <t>b'6\x08\xaaU\xea9\x15\x19\x1d\xe7\x9b\x83\xc2s\x04\x95\x97\x95\xd6x\xd1\xe0\\s\xbc&amp;_N\xd4\x017\xf8'</t>
  </si>
  <si>
    <t>b'\xa57\xc8\xc9\x16\x99\xe4P3a\x04\xac\xc4\xf0\x10yG\xce\xd7\xe6\xa8\xbd\xa2\x16 \x00|15\x8bSM'</t>
  </si>
  <si>
    <t>b'\x94x\xc1\xc2\xcd\x84\xff\xa7U\r\xaeP\x1fB`\x86\xee0\xc6KP\x8az\xad\xed\xcb\xf4\xf2\xdb\x8b\xee\x18'</t>
  </si>
  <si>
    <t>b"3~\xff\xe4\xae\xa2\xf5\xef|D2\x95\xa5'^\xf9\x99\xd7L\x84F\x1c\xe8\x8a\xc0\xf0j\xe6\x97\xacv\xcd"</t>
  </si>
  <si>
    <t>b'@\xa7w\xa8=\xf6\\\xab\xe5\x81\n\xf8\xdf\xd9p\xd1\xb3\x97\x1dy\xd3z\np\xef;&amp;\x8e\x03\x1bS\x9c'</t>
  </si>
  <si>
    <t>b'\x15\xa8\x00\xa5\xbb\xf3\xdf\xc3nf\xbe\x02\xd5\xdc*\x94\xc4\xfe\xd9\x07 3\x1a\xc6\t\xa0Sx\x91Q\x80\xaf'</t>
  </si>
  <si>
    <t>b'\xcb\xa3#M\x16?c\xfe\xc1\xf7\x17\xa9\x92\xa6\xb4\x1d\xdf\xdf\x04&amp;\xbb\x10\x93\x1a\r\xa7\x9a\xac3\x90\xa6\xde'</t>
  </si>
  <si>
    <t>b'!\xa2\xde\xfe\xe7\xa7\xa3*\xfd\x9b\xe5\xda_"\x04\xde\xa3\xefq@\xaa\x12"z\x1b\xccu.zV\xa4\xa6'</t>
  </si>
  <si>
    <t>b'H\xa4\x1dEa\x13\x0f\xb3\xae\x97!\xe8\xbde\xb0\x19\x03=\x8e\xad1Y\xf2T\xa5G\x91\xfe.|\xe5\xae'</t>
  </si>
  <si>
    <t>b'\xb6\xd2\x99bD(\\\xf9\x91\x9a\xfc\x15\xd7u\x8f\x1a9\xa3\xda\xe5\x1f\xa3\x97\xea\xc0\x15"\x89*J\x14$'</t>
  </si>
  <si>
    <t>b't\xa4\t9\x12\xd7\x1f\xce\x9ed\xf8W\x01_\x93\x82\xbc\xd1\xfcN\x04\\\x14)&gt;\xacuEM\xf0\r&amp;'</t>
  </si>
  <si>
    <t>b'\xd8F"\xc5Sf\xd1Sk\xb3d\xb2\xf3\x17l\x02b\xe2\x18\xbbDN\xe7\x8f;\x93n\xb3sZy\x90'</t>
  </si>
  <si>
    <t>b'C\xdf\xde]\\l\xb1\x81\xdb\xf0e=\xf2S\xa6\n\xd1\x982\xc8\xac\x81h\xcd,\xfd=f(\xdam\xac'</t>
  </si>
  <si>
    <t>b'9l\x93Fg\xf2\xd9&lt;b\xe9k\xa9\x85HE\xa7\xaf\xaf\x17\xe4\xfd\x97x\xff\xa7\xba\xdb\xc5\x08\xab\xf4\xf4'</t>
  </si>
  <si>
    <t>b'\xc7{6\xe0\x877\xa9\xfb{.\xffR\x04Iif\x8d\xc3Q1\x9e\xdb\xad\xea\x0e\xf3\xec\xff\xfb\xe7\xb4\x9c'</t>
  </si>
  <si>
    <t>b'1\xf2(\xfd\x14\xdd&gt;\x93\x07\xd2\xcf\xc5\xf9\xba_\x96\xd9\x8d\xa3j\x14M\x15\xc0\xf2!\xe3.8m\xd9\x10'</t>
  </si>
  <si>
    <t>b'2n\xa3\xef\x85\xfe%n\xea\xff\xa3\xe2I\x8b%\xd7\xd7q\xbd:\xe4\xe1\xc6\x06\xa9\xaab\x9cd\x05\x0c"'</t>
  </si>
  <si>
    <t>b'\x06\xf9\x9c^{R \x02g\xa8`\x9a_\x8c\xfa\xd50,\x8c\xd0[j\x0b\x02\x1fH\x9e\xd0\xcaNJ^'</t>
  </si>
  <si>
    <t>b'\xe0\xf2\xd3fw\x83\xb3&lt;\x07&amp;\xb8I L\x81\xc0\xb8\xd7\x0eM\\\xff\xc8\xbc\x0f\x11=\x9fr\x9c\x91\xe0'</t>
  </si>
  <si>
    <t>b'fZ\xc0\xa1\x82\xb8\x80\x90\x17$\x90\xd4e\x01\xdb2\x16\x8aXg\xa4\xdc\x05\xc8?\x12\x87P\x82~\x1c\x80'</t>
  </si>
  <si>
    <t>b'h\xf8\xc9\xe6\xfd\xd2\x11\xeb\x882\xf3;\xe0\xb0Xt\x92:\xef@\x8a\xfdf\xec,\xcd\x1c\xaa~\xfb\x95t'</t>
  </si>
  <si>
    <t>b"\x08*w\xa5W\xe7\xe9\xcf\xfdE'v\x10\xee\xbf\x8b\xeb=\x15\xda\xfbr\xc8xM-\xfc'=\xc4\x04\xe7"</t>
  </si>
  <si>
    <t>b':\xe6\x9d\xd7$\x80\xe6\xa9S\xd6\x06\x07\xadF=\x12\x92,\x9d\xdaM\x9c\xa5\xc5xc\xcf\xd9{&gt;\x9f&lt;'</t>
  </si>
  <si>
    <t>b'D\xbf%\x92\xe8\xe7\xac9\x9e\xf80w\xc3\xf2\xd4\x96\xc3$\xa0\x08\xba?\x19s\x9a\xb9E\x13\xf8E;\xf8'</t>
  </si>
  <si>
    <t>b'6\x91\xdc\xd5\xeaR\x8e~\x9as\xebX\x95\x04\xf2\xac\xd2\x85\x08&lt;u\x0bG\x92\xf0\x9a\x99\x94\xe7\x8e\xac\xce'</t>
  </si>
  <si>
    <t>b'\xa8l\xc7\x8a\xedr\xb1\xf9\xef\x93\xe2\xc9\xb8\x12}6\xdb\x12^C\xaeV\xa8\xb4\x84\x81\xf8\xaa\xa8&amp;\xbd%'</t>
  </si>
  <si>
    <t>b'A\x8f\x1c6s\x93\\\x03\xaaM\x91\xfa8\x90#*NS\xdc\x1fIl\x8cO0\xcd\xff\x1e\x1f \x050'</t>
  </si>
  <si>
    <t>b'h\x8cO\xce]\xe6$#\x92V\x87\xf68\x7f\xd4\xf3\xdb\xfe\xdd\x1e1\xdb\xe7.\x02\xae\xba+\xbe\xf1\xc3\xc0'</t>
  </si>
  <si>
    <t>b'\r\xa0\x0e\x01\xb08\x83\x82x\xec\x89Kw_\xdb\xd0\xba\x953\xa2\x12\xcfE\xf2\xee\x8a\x95-\xc7x}\xd2'</t>
  </si>
  <si>
    <t>b'\xa6\xd84$,h\x8e\xe20v5\xa7\xaa\xb1\xaa_\xff\xa8\xfcT\x02\x11\x13/$!1\xe9\xc0\xfd\xa5\x9b'</t>
  </si>
  <si>
    <t>b'\xbb\xf8M\x06\xffCM{\x16\xdaYO\xbf\x0f\xd6\x8c\xbd.:\xec 4\xc5\xfb\xe5\xa9\x85d,L&amp;\x08'</t>
  </si>
  <si>
    <t>b'\xa6\xbf\xf3\x17\xc3\x03\xed\xe6\x17\x07&lt;\x8a\xef\x85&gt;L\xffc\x86\xd1\xac-G\xed&lt;hJm\x0c\\\x8e\xf6'</t>
  </si>
  <si>
    <t>b'\xad\x82xi\xa3}\xad|\xbf\xc2\\\xb4c\xfc\xf1\xcc3\x98\x911?\x9bT\x9b&lt;\xad\x9d\xaa\xd5\xe8EH'</t>
  </si>
  <si>
    <t>b'[O*\xa6\xf7\xeed\x8f@\xb4k\x1b\xc3\xc3Vf\x12\xf5^\xaau\x89\xcb\x9b\x8e\xe3U.&amp;S\xd7\\'</t>
  </si>
  <si>
    <t>b"\xfc\xd8z\xb9}O}(\xccRT\xa1\xa6\xe8\x9f]\x07\xc0'\x8e\x8f\xe5\xf0\xf17\xf5\xc7@\xc9h\t_"</t>
  </si>
  <si>
    <t>b'\x81F}\xc1\x82\xd8\x82\xd5\xa8\x92\xd2fk\x14T\xf0qm"\x11\xb5we-\x9f\xaa\xaaq\x8e\x96F\x9f'</t>
  </si>
  <si>
    <t>b'\x05%\xbc\r\x7f]\x9dt\x9f\x89\xf8\x96\xe9\xf9\xbe}\xb9UC\x1f,2&gt;\xcd\x04+vL7F\x0fa'</t>
  </si>
  <si>
    <t>b'\x10\x89\xe6\x14.T\x0b\rh6pG\x7f\xe4\xdf2\xbd\xed`\x8a\xf4\t\xbd\xfb\xc6],\xf6\xaa\xe4\x1f8'</t>
  </si>
  <si>
    <t>b"\xe8\x06\x9c\x87p\xddD'\x98\xee\xe7\x18\xc3\xab\x010\x89l\xba\xa9\xb8\xc8V\xa2o9P\xadU\x8fNM"</t>
  </si>
  <si>
    <t>b'\xf7\xa7\xae\xe4\r&amp;\x13\x11?j\xce=Fb\x95\x8aL s\xac0\xda@\xaf\xa6&lt;7\xc0\xa1{\xd2]'</t>
  </si>
  <si>
    <t>b'\x8b\x9e\x08T\xe7&amp;\xe1\x92;\xdb\xccCU\x97c\x949\xd0\xbe\x9etO"\n\x9a\x1d\xf5\xa4G\xc8\xe1\xd8'</t>
  </si>
  <si>
    <t>b'\x12\xcf]\x9c\x15\x00\xc0V\x16\xe2\xd7\xbcH\x0f\x08\xf8cv \xf3N\x00\x13V\n8\xf4\xc6\x8eR\xa7\xbd'</t>
  </si>
  <si>
    <t>b"\xe1\xe1\x7f\x98\x8a\xc0\xcc\x01\x94\xedX\xd4\xbe\xb1\x8b]-\x99\xb6\xbc*\xde'Q\x83\xc2I\x7f\xefA\x83\r"</t>
  </si>
  <si>
    <t>b'&lt;\xd6\\\xeaG\xd7D\xc5\x8d\x08$\xb1k\xa4\xb4w\xd6\xde  \xcea\x90g\x81\xfcp\xdfB\xd8\xff\x85'</t>
  </si>
  <si>
    <t>b'\xdfX\r\xcb\xef\xc5\x0f\xee\x02!\xa9\xbe\xa9\xbd\xda\xf4\xe2\xa81\xeb\x8b\x1d\xdf"\x8ah\x02\x91o\xfdp\xd8'</t>
  </si>
  <si>
    <t>b"\xaet\x0b\xb2\x13\x06\x18\xce'\x111\x04\x1e$\x9bU\xe6\x98\xa0\xee\xa9\x8a`2\xcc\x1e\x89\x9d\x84\xf7\xed\xd6"</t>
  </si>
  <si>
    <t>b'\xaa\x10qB\x060\x8a\xfbg\xa9\xdf\xad\x01`tu 5\xdb\xa3\x1a"\xbf4\xbc\xb0$\\U\x05\x1b\x05'</t>
  </si>
  <si>
    <t>b'@\xf4\x90k\x87g\xbc[\xb6g\xf5\xb6;\xc3\xfcR\xaf\x99]v-C\xbd\xa9T\x06#\x0bRPX-'</t>
  </si>
  <si>
    <t>b'5x\xe7(\r3P\xa4C\xd9\t\xb1\x903\x1c\xf6S\xc6\xee\x85\xdc\x98\x9fW\x06d\xa1\x93`h-^'</t>
  </si>
  <si>
    <t>b'\x1b\xd9\xb8@\xe8\x82\xd0_\x8f\xe4\xb3"\\4\'\xc9\xd3\xed,%\xab\x1b|\xc3C\x9f=\x87\xc6\xa4@4'</t>
  </si>
  <si>
    <t>b"\xbe\xeeD'\xb2\x7f\xbf\x87HATX\xe5\x87\x00A\x8cm\x10\x83dW\x84\x8bH\xf9\x1c\xd4\x94\xfe\xe1\x86"</t>
  </si>
  <si>
    <t>b'\xc0\x8d\xf6\xa0&lt;\x96\xba2,W\xac\xebw\x8c\xb2\x9b\x98\xb0\xb5\x95\xdf\xecY\xab\x17\xb5\xccJS\xa1\x8c+'</t>
  </si>
  <si>
    <t>b'\x99\x14\x01\xabd\x1b\x1a\xf4\xb8\x84\xf9?\x89\x8e\xfce\x16U\xc7\x91z\x0erv\x01\xa6\xd8\x1c\x81\xb8\xd3\x90'</t>
  </si>
  <si>
    <t>b'\x8d&lt;\xfd\xa2\x0e\xf4\x10=\xd6l\xa3\x16\x1f\xb4\xba\xc8\x86\xff4\xb1\xd4\x96\xc8\x9e\xc9j\xe2?N\xe3\x16\x85'</t>
  </si>
  <si>
    <t>b'\x80F\x01\x16Kg\xd4\x9e\xe2".\xa3\xca}\xe4Z\xcf\xe6\x81OJ}\xaa\xda@#\xb0\x07g\x9b\xaa\x19'</t>
  </si>
  <si>
    <t>b"\x84\xfc \xf1k\r\xef\xe5\xc3z\xf3D`\x0c'\xd9\xbc\xe1@X\x10+;\x8c\xea\xd6\xb2l6\x07\x01k"</t>
  </si>
  <si>
    <t>b'\x00]|\xcf\x9d\xe3\xae\xd2\xa7[sA\\\x1f\xc8f3a\x96\x8bG\xf7\xeb\xd9\xf6E(&lt;\x98I\xf2\x8a'</t>
  </si>
  <si>
    <t>b"H\xe6&gt;\x8eG\xfc~d\x07\x06zu \xa4\r\xbd\x9a3T'\\I\xb6\xc8\xf0\x8c\x96&lt;K\xbb\xdd:"</t>
  </si>
  <si>
    <t>b'%\\\x87\x1b\x86\xe8#\xa30\xbd\x19V\xfc\x12\x1c\x0b\x95t\x0f\x87B6\x82\x00K\x97\xc8,x\\\xc5\xde'</t>
  </si>
  <si>
    <t>b'\xbdnK\x08\xc8W~\xa6\xe0e\xc7k\x89\x05DS\xcb\xcdN\x99-*Cv\x11r\x1a%\x08\xf20Z'</t>
  </si>
  <si>
    <t>b'Zw\xe1\x99\xba\x07\xef\\(\xede\xc7\xf5{K{\x92\xbds}iC!\x98C\xb4\xf9h#(\xee\xa7'</t>
  </si>
  <si>
    <t>b'+\x83\xb6j]\xb51\xbd\xebk\xd9\xed\x13\xecUs\xa0L\n\x8bk\xb9JUM9gN\x15gt\xd0'</t>
  </si>
  <si>
    <t>b'\x17\xbeo^s\x98w\x8f[\xcc\x18\xb6\xb17/\x1c\x1a\x05h\xa8+\xaa\x8e\x89\xa8B\xe1T\x8f\xeb\xd44'</t>
  </si>
  <si>
    <t>b"Z\x11\xe7~\x80\xb4n\n'\x90\xf7\xe4BM#\xb1S&amp;\xb5A\n1a\x96\x7f\xc5i&gt;&gt;\xe3 \x06"</t>
  </si>
  <si>
    <t>b'oo\x1fu6\xdf\xc2\xe8&amp;\x12\xf4rLZ\xf99\xdf\xb2p\x8bz\x90\xb6O\x1af\x8fN\xaf\x1a\xb3\xe3'</t>
  </si>
  <si>
    <t>b'{V\xcc\x94\x17\x00\xfb\xe8u\xb2v\x8cOF\xbf\xffg;\xf2\x01q\xd7i\xbf!\xa7\x91\x1f\xf7\x92\xa5N'</t>
  </si>
  <si>
    <t>b'F\x9d\x1e\x9f\xa0\xaey\x0f@n8\xc4}\x88zW2y\xcd#\xbe\xdc\x82Xq\xd1\xd6\xd6f\xba\xff\x08'</t>
  </si>
  <si>
    <t>b'7UAS\xe9R:\xf5\xf2\xf8l\x7f\xf1\xd9?\xbe\x93&amp;\xd3\x86\x81\x89\xea\xe6\x08:\xa0a\xefL\xb4V'</t>
  </si>
  <si>
    <t>b'\xca\xc7*\x96\x8eu\xe3\xb8T\x862\x0f\xf6\x9b\x9a%\xef&gt;\x88\x8d\xd0\xd4~\x93\xa7\xe9^!\x9d\x99\xd4\xfc'</t>
  </si>
  <si>
    <t>b"+[g\xbd\xac\x02\xc9\xfb\xe9\xae9\xf3\xf6N\x9a\xdf\xb3wV\x84\xb7'ga\xc0i\xbf r\xe5\x17\xd7"</t>
  </si>
  <si>
    <t>b"Q\x90f\x82r\xe1V)\xa6(\xd6\x1b\x0c\xb1v\xb72\x9ba\xa5\xa3\x8d'g\x83r\xf0\x9a\xf3\xebyH"</t>
  </si>
  <si>
    <t>b'\xd5\xe8m!&gt;\xfc)r`&gt;\xa5\xc7\xc6\xc9+\x937d\xb9&gt;\xd6(\xb0\xf0h~;\xd0\xd8\xee\x98B'</t>
  </si>
  <si>
    <t>b'\xd3\x0b,\xfd\xe2)\xf2\x0bz\x88\xe7\x96.t-\xe1B$\x90\xb9BB\x8bII\x8d\xb1\xdd\xc1d\xa3\xef'</t>
  </si>
  <si>
    <t>b'\x86\xea\xd0F\xc6\x8a*\x80\x14Y\x9f\xd5\x1d=\x87\x9b\xd1\xa9I\x92\x04\xe0C\xd2\x1f\xac\xd4\x80{m(\xf1'</t>
  </si>
  <si>
    <t>b'\xfb\xa3\x18\xde\x16\xf2\x0cn\xe9lY\x14\xf5\xcdA\xbd\xc8\xf7\x8e\xb2x,\x95\xe3l\x98\x89n\xee\xb0\x85\xaa'</t>
  </si>
  <si>
    <t>b'\xdd\x031\xff\xd9\xf1K\xc8\xf3\xda\x17\xcf\x01p\xe2(Tba \xdc\x1f\xf2\x88{\x99\xd1\xeeN\xe4\x14\x80'</t>
  </si>
  <si>
    <t>b'\xc1\xa8\x13S\x0fU\r\xc7\xc0\xc3\xdf\xc3\xb9&gt;\x99\xfe\xb0\x14\xa0\xbd\x15\xf8\x01\xec\x06\xed\xbd\x14\xbb\xe4\xdc^'</t>
  </si>
  <si>
    <t>b'o\x86\x94\xffs\x1d\xaa+\xdc`\xd2s\x8c\xe6(\xb0\x06\xb5j\x14\xa2-\x04\xf9\xea\xce\xbb\xd9\xa3O\xe6\x07'</t>
  </si>
  <si>
    <t>b'v\xf8d\x9a\xed\xbb\x99~\xefai\xe4\x87\xb0}\xd7\x07W\xb0P\xdd5\x8b\xa1\xa7\x8b\xe4V\xb5\xcdM\xaa'</t>
  </si>
  <si>
    <t>b'_H\xaf\xa7\xf0\xc11\x84|j\xb1\x03\x0c5\x9d\x87\xe9\xf9\xef\xfd\x04\x02}D\xf7\xc2\xb7=\x14\xa5\x12\xa4'</t>
  </si>
  <si>
    <t>b'\xe5\x81\xc4\xd8\x9c\x1fH\xdfn\xa6\xcb\x87\xa8\xa1\t\xb4\xfa\xb14\xea\xf8\x91\x0e\x14\xcf\x86\x17r\x10\xef\xaa\x9d'</t>
  </si>
  <si>
    <t>b'\x9a\xd0(\x18\xd5\xb3\xd8t:\x07\x81:;\xe7J8\x9fZ\xfd\x05\xc4\x1fj\x12\x17\xd1\xd2"\xd5\xccJ\x04'</t>
  </si>
  <si>
    <t>b'\xcf\x1aWhDw(\xb0X\xdfz\xb1\xbc\xd1&lt;uxYVo\xe80Plu`S\xf6c4#\xb7'</t>
  </si>
  <si>
    <t>b' \x19\xca\xda\xd0\xbb\xf4\x07M$bD\xf5\x99\xf4\x9c\xc2\x97\x9b\x1f\xd5Su\xd5E\xae5\x1c\xcd\ni\x86'</t>
  </si>
  <si>
    <t>b'n\x87\xdb\x86\xe3\x82\\\xb9+\xc8\x7f\xa1)}\xdf\xb8\xbb\x1f\xe9X\xecj4\x00\xd1\x1c\x0c\xf3QA\xf1 '</t>
  </si>
  <si>
    <t>b'\xc8f\x95\xc2\xb8\xa0o\xfd}\x15\xe8\x99\xea96"x\xa8L\x90.\xc9\xa62\xc4\xd1\x81X\x13\x03\xb8\x98'</t>
  </si>
  <si>
    <t>b'\xbd\x0b\x94%\xc7Ao_R\x9c7$\x9eHM\xd8\x98\xb7\n0N6\xe7~Ob0\xae&lt;\xcc\xba\x19'</t>
  </si>
  <si>
    <t>b'\x96\xf5\x97\x81A\x16\xae\x80\x1f\xeb\xbe\xfe\x82\xf9\xae\x91\xe9\xe1\xc1H\x01\x8br9\xb9\xacQ\xb3\xaf\xc5\xc1C'</t>
  </si>
  <si>
    <t>b'_\xd9\x0e\x03\xcd%lC\xfd=\xee\x19\x9c^\x13@\xc8\xea\x1d\xf7\xe2\xbc\x10\xa1 \x81\xfbZ\xbc\xcfl\x9d'</t>
  </si>
  <si>
    <t>b'\xb0Y?\x05\xdb\xe9\xd6\xa3\x93\x84#\x89\xc8\xaeJ\xc2.N\xb9\x8a\xf9Q\xb3\xc4\x1f\xd5\x92\x92K\x0e\xaa\xeb'</t>
  </si>
  <si>
    <t>b"`E\x19Q\x04\xc9{\xe6\x0c'\xe2E\xbd\xe5+\xd5jN\x13,\x05*y\xc0\xce6\xa1\xdfxsC\x8e"</t>
  </si>
  <si>
    <t>b'\x0b\x13\xfaD\x02\x15+Qo\xc8\x89U\xa1r\xb0\xfe\x8e\xc8\x15jo\x07[\xd8\xa5\x84\xb1\n\x00\xf1&amp;D'</t>
  </si>
  <si>
    <t>b'|\xf9p\x11z)\xb1hT\xc5~A\xf3W4bw\xe2\x11\xf3r.\xc1L7\x94\x06BrV\xb7\xe8'</t>
  </si>
  <si>
    <t>b'\x06}3W)C\xbfq\x1b ,0f\xb1\xbe\xfdL\xff\x9b\x9c-.]\xde2_\xda_;o\x14a'</t>
  </si>
  <si>
    <t>b'd\xd1\xb6-\xed\xce\x86O\x87\xa5J\x9bg\x87)\x1a-h\x96\xb7&lt;\xc8\xb0xm\xe9\xe5{ia0\x85'</t>
  </si>
  <si>
    <t>b'AX\xef\x96\x93W\xe8]\x1e\x84,\x08\x8d\xae\xfe$\x8e\xd5\x17\xd1 \xc1`W4AN\x81Rq\x1b\x15'</t>
  </si>
  <si>
    <t>b'\xd1\x04JY\xcf\xb7\xab\x92\xa5Je\xe5\x04\x9c\x14XP\x18O\xf9\x7f\x11LK\xe6\xd9\xa6\x16\x96\xe3\x91\xd0'</t>
  </si>
  <si>
    <t>b'f2\xc0\xe7\x15\xb1\x06i&amp;\xe6)t\x10(\xa5P\x19\x86Xn(\x7f\xf3\xf6b\xec]6\xcbwx|'</t>
  </si>
  <si>
    <t>b'\xf9q\xe6\x1a\xf2\xe1\x9d\xe2\xd0\xa4\x97a\xa8\xb1Z\xda\xe9n\xc5M0T\x81\x12\x97c\xe7`\x0b\xc5\xc0i'</t>
  </si>
  <si>
    <t>b';\x08\xf3\x7f\x0b\xd7\x08\x0eA\xf0\xe3rS\xb8\xcf\x95\xc1\xc8\xb9L\xa4\xa6\x80\xfal\xdc\xf5d;|z\x98'</t>
  </si>
  <si>
    <t>b'\xacw\x9b\x81\xd9.\xd9Sk\xe2H\x15\x96\xd0\x0ce\xfc/]Y\x80(\xba.;=qV\xb8\xf1\xe0\x08'</t>
  </si>
  <si>
    <t>b'\x9a\xc9K\xa4\xa1\xe82\\\x17g\xe4\x14\x1f\xa1Js\xaa\x92x\x1f\xb9?_\x0e\x14\xce\xdd\x96Ij\x12\x91'</t>
  </si>
  <si>
    <t>b'\xa1~\x99\xc5/@^\xe3\x80\x81\xc4\xe1\x94\xe2\xa2\xf0N\x9eB\xd4\xf55\xc544\x13\xfcO\x000\x94\xf6'</t>
  </si>
  <si>
    <t>b'\x86\xfa\xd0\xed\xbcI\xf8CY\x89w\x15\x16-\xf7\xe0\x90-\xb4T\x07x\xee5\xcd\xbd\x90\xf5\x1b@\xfa\xb1'</t>
  </si>
  <si>
    <t>b'sM\xdd_\x84)@v\xb6\xf3(\xd6\xd4\x10O\xbb\xeb\xb8\xd9J\t\x9es\xf1Dw\xebS\x02l\xbf&gt;'</t>
  </si>
  <si>
    <t>b'v\xff\xf8N\xd8\xe3x\x0er\x0f\xc8\x8e\x19H\x17\x8f\xd7\xea4\xb2\x7f\xbf\xe8\x0f\x01*\x88\xe2\x95\xfc\x89\x83'</t>
  </si>
  <si>
    <t>b'j\xae\xc0_=Y\x99*\xda\x0f\xe6\x96E\xa9\x8dNX\x88\xc4}1\xd7\xe9e\xef\xe9W\x9bA\xe4\x92\x83'</t>
  </si>
  <si>
    <t>b'\x12cS&lt;\xc7\x9b\x9b\xba\xbeT\t\x07\xb9\xc85=\x00\xef\xe3\xc1a\x04\x95+&lt;\xa6&gt;\xba\xbf5\x8d\xa1'</t>
  </si>
  <si>
    <t>b'*\xa6\xa3\x99\x97\x9a\x9bV;\r*&gt;\xad\\\x08\x8e\xc5\x1a,\x10M{\xd4\xb5Yr\xe4G\xd5\xa4\xc5Y'</t>
  </si>
  <si>
    <t>b'k\xca\x1f\xe3\xb2\xdb\x0b\xfah\x1da\x831c\xa3\xab\xa9Q\x97\xf3[\xd43z2\xd7\xbeU\xac\xeb\x13\xe9'</t>
  </si>
  <si>
    <t>b'[\xe3T\x97\x06\x91\n\xd6&gt;\xf1\xad\xbb\x1b&gt;M9\xd9y\x84\x1f\x92\xb8\xb4\xcf\xf0\x84\xffv}\xbd99'</t>
  </si>
  <si>
    <t>b'\x9b\xffiEt\xe8\xd4`B\xc7q\x9aQ)\xfbo\x84\x18\x96\x8b\xef\xa7M\xeb\x1b\x84\x8f\xcf\x8e\x00r\xed'</t>
  </si>
  <si>
    <t>b'\x1c\x93\xe7\xf5\xea\xe7p\xb7\xe3\xbe\xff8\xa3\x0fO\xc5$\x14\x87\x03\xb8t8\x9a\xe4|CM\xb0\xd1\x97R'</t>
  </si>
  <si>
    <t>b'\xc2&amp;\xaa\xb6\x8f\xd4\xc1b\xe6\xfd\x99c-\xc3\xedi^z\xd2\x9d\xef\xa3\xbfP\xc7\x91\x11W\x0c\xc5/\x1d'</t>
  </si>
  <si>
    <t>b'\xb5\x0e^\xcb\xa5\xb0\xadQ\x1a\xda\x02W\x0e\\q\xc8\xc3\xd7\x8f\xe0\x19\x88\xc4\xc9\xa48(\x97\xc6\x8c\xd4R'</t>
  </si>
  <si>
    <t>b'ik\x02j\xaaM;\xddGo\x7f@\x83n\\\xe4\xf6\xb9\x8c\xd7\xa3\xaf\xfdh\xd8\xcc\x17\xb6\x15\xe2\x86U'</t>
  </si>
  <si>
    <t>b'\xd8\x80F\x1d\xe0E\xaeg\t\x8d\xdcM\xc0\x84F\xc6^I\xeb\x01\xd1\xce:\xf4\x9asa\x9b\xf1\xba\xd3\xf4'</t>
  </si>
  <si>
    <t>b'"\xc3\xce\xdaw%\x93\x85\xf0}~Rf\xb3J\x153\x87\xc2\xa9\x81\xc9\x96\xc2\x9f\xf9\x97q\xeb\xe1\xae\xc1'</t>
  </si>
  <si>
    <t>b'4M\xa1\x01&amp;\xc8\xcb:]\xa3\x84v\xb9\x9f\xebd&amp;8\xfe\x153A\xc1\x98z\xd2e\xd0\xb7\xde\n\x12'</t>
  </si>
  <si>
    <t>b'MzL\xa7\xb6\xdf\xf6%\r\x16\x16\xd1\x84=aFT\x8adPd\x85w\x8fb\x861\rKu+s'</t>
  </si>
  <si>
    <t>b'\xf0\xac\xb8?\x8ad&lt;\x92p\xe9\x9d\x8f0\xac/\xeb\xa0\xb8S\xf9\\\xad\xb7{\to\xfb\xa2=e=\xa8'</t>
  </si>
  <si>
    <t>b'\x03fA\x01W\xfbs\x9d\x15\xd4q\x852\x18\xed\xf9\x0f\x13\xde\xa8\xc7^\xb5\xc8)*\xb3K\xa9\x15U\x18'</t>
  </si>
  <si>
    <t>b'\xc8\xfc{\x95`\xaa\xc0\xees\xb3`\xb1\xf0\x84\x10\x17\x0f\x97\xcaW\xc5@L\x06\xe3i\xaa\xb2\xa3\x94\x9an'</t>
  </si>
  <si>
    <t>b'\x86\xef\xb7\x92\x1b\x00\xa0\xb0\xf6\xb8V\xf2\xc7\xd9\x11c\x05*\xaf\xcd\xe7\x14_\x98\xb4\xbb\x08\xfe\x9c8Oe'</t>
  </si>
  <si>
    <t>b"5\x1f\xcd\xf4\xdb\xdfT\xe8\xbb\xc5\xb1\xea\xffW\xedT\x18\x0b\xc9K\xe2yR\xbc\x84\xf8\xd62\xb4'L\xb3"</t>
  </si>
  <si>
    <t>b"'V\xa9AO\xdd\x13S\xe3\xa9\xb6\xaf;\xbe4q\xad1D.=X\xda\xe1\x91%q\x06\x8a\xa2\xfd\xe6"</t>
  </si>
  <si>
    <t>b'c\x85\xf6\xba\xf3\xc0y\xaf\xcd\xca\x1f6\x9d\xf7|{\xc36{\xf5\xf2Hm\xfe\x81\x8a."\x8c\x0c\x95\xf4'</t>
  </si>
  <si>
    <t>b'B\x99&amp;l,\x99:\xc4y\x10\xb3JUS&gt;`\x19g0t\xb3\x1d\xf4\x9a\xf1\x90O-j\xb2%\x9a'</t>
  </si>
  <si>
    <t>b'-\xed\xcb\xac\xf0\x84.4%:\xca\xcd\xe3\x99\x8eoD\x86\x01\xea\x17l\x7f%s}o\x9d\x16\x92\x99\xcd'</t>
  </si>
  <si>
    <t>b'\xb6\xee\x15\xd7\xc7\xd3\x97\x00\xdc@}x\x13n\xa8\x82\xad\xd0w\x8f\xc7\x1c-\xf2\xfa\x0b\x9fFg\xbf\xd1\xb0'</t>
  </si>
  <si>
    <t>b'\xdc\xa2%\xcd\xf1\xea\x10\x85\x1f\xff\xf7\xb5H\x86\xa91(;\xcf\xbf\xc5py\xb6\xf3\x11l\xef\xd5!\x04\xc0'</t>
  </si>
  <si>
    <t>b'}{Q@I\x80XD4!\x85\xdf\xee\xd8\xa9\x991\xcc9\x05HU\xbd\xdcs\x17\x03/\x14y\xeb\x96'</t>
  </si>
  <si>
    <t>b'\x94\x94a"\xea!]!\xaf\x1d\x88~\xa2y\x83\x99\x00\xbf\xa4C\xf8\xda\xb6\xd0\xecw`\xef\xb7H\xa6e'</t>
  </si>
  <si>
    <t>b'\x8b\xdd\x11P\x19\xd5b2v\x87\xf0uA\xd2=.\x08\x8d\xe1\x7f\x1d~\x84!\xb8\xaeX\x93\xc20?N'</t>
  </si>
  <si>
    <t>b'\xcc\xf9c\x89\xcb\xa0\xe1\x1a\xa0\xfe\xccm1\xdd\xab\xca\x89\xd7\xc9P\xa7-\xfb\x82\xc1B\xa1\xde\x83U#['</t>
  </si>
  <si>
    <t>b'\xa6\n;(r\xf8\xe2\xa1"K\xb7\x9e@*\xcc\xc2q\x1c\xce\xc1\xd5\x0b\xcd\xed\xd7w\xf6~S@\xe3\x82'</t>
  </si>
  <si>
    <t>b'\\%\xea&lt;\x8f\xcbn\xc7\xd0\n\xda\xceA\xf8nE\xfe\xd1\xa8\xdc\xee\xb8\xeaQ\xb2\xb4`\xd1\xba\x1f\xcf\\'</t>
  </si>
  <si>
    <t>b'\xdb3C\xc7\x1dd\xc4\xa6\x91? 8U\xa9\xaa\xf0\xae\x86\xd1\x8f\x8d\xa9f\x07\xb8*\xbf\x01$\xa1n\x90'</t>
  </si>
  <si>
    <t>b'\x01\xfd\x16eF*\x08\xb9`\xa6Kg\xd9\x00\x0b\xd6\\\x15\xef\xf7\xb7M\x97g\x0eF3f\x99Kxm'</t>
  </si>
  <si>
    <t>b'\x03T\xf7ku\xf8y\x1d6\x08\x1aj\xb3v\xedm\xfb\xd9&lt;k\x86\xfcH\x91\x98\x05\xe78l\xa7\t&gt;'</t>
  </si>
  <si>
    <t>b'\xa3\xdb\xd9:u\x93\xc8\x0fP$\xb4G\xc0X\xb3\x8b\x82\xdd\x88~\x9f\x02\xb8\xdc\xec \xfes\x852\xe40'</t>
  </si>
  <si>
    <t>b':\x88\xb8\x82^\x12\x9c1.\xa0\x14\x9b\xf4J\x18\xa5\xf9_\x88\x96%\xb0\xfb\x89\x9c\xa2/\x9c\xfc\x18z\xb0'</t>
  </si>
  <si>
    <t>b'\xe8\x04#\x99Uj\xc2\x89zp\xdet\x05\xbc%\x15VE\x8d\xca\xe48\xcaN\x9b_\xd3\x89v\x91\x8c\xad'</t>
  </si>
  <si>
    <t>b'\x98\xca/\xd6Sj\xfe\xf68\xa0\xd4i\x98=\xb9\xf5\rC=\x8b8dsn@\xb2Q\xd5\x15\xad\x928'</t>
  </si>
  <si>
    <t>b'\xef\x97\xe0\x06\xf02\x0f\xfe\x90\x04\xc9\xf2q]%\xf2\xd5\xf4\x96\x1d\xa7\xde\xccO\\U&gt;\xf1\x1ae\xb5\xa4'</t>
  </si>
  <si>
    <t>b'\xf5\x05\xd8\xe9\x17g\xc5\x10\x82\xa49\xa0\xd0\xe65!\xb8[K\xe2}\x8aF\xd6\xaa\x900\x830\xa5&gt;\x04'</t>
  </si>
  <si>
    <t>b'\xf4\x96\xd9\xb86\x8bQ"3P\xb3\x91\x07\xba\xc5;To\xb1\xcfM\x1e\xe1F\xad0\xf4p\xa38\xafW'</t>
  </si>
  <si>
    <t>b'\xae\xf8N9W\xf4\xfc\x92\xce\xf8\xc2\xe1O\xda\xf1\xc0\x9fvl\xd3\xc6\xc8l\x8d\x8f\x04\xb5\x00\x1f\xd5w7'</t>
  </si>
  <si>
    <t>b'\x88\xac\x1c\x9b\xa9\xb0\xe1\xe5\x04s\x06\xe0\xc5\x8eK\xe5%r*\xd6\xaalY\xf8\x00w\xb3Q\xe0n1\x8b'</t>
  </si>
  <si>
    <t>b'\xbdc \x84\xd0\x0c\xbd\xc1\x96"\xb1Q\xad\x02\xa4\x11H\x8f\xac\xcb\xfehW\x99\xb5\xc6)\xa1NF\x8e,'</t>
  </si>
  <si>
    <t>b'\xfb\xb2\xf3\rY&gt;\x18\xcd\x9b\x11.\xce\xef\xc1T\xe1\xd7Y[\x9fj\xe3\xc1x\xd3\xbb\x8b\xa3\x19\xe3\x9e\x19'</t>
  </si>
  <si>
    <t>b'\xa1@\xdch}\x11"\x0b\xfb\xb1S\x18\xf4\xe2\x1foZ\x94\xb6\x0c\xe3\xe4\xdaV\xb6\xa4\xc6+\xea\xfb\xa8\x7f'</t>
  </si>
  <si>
    <t>b'\xbds:\x83\xfb\xd1Wuj\x05|e\x1f6,\xe5\xf4\r|\x86\xde[\xb8]Pea\xd6\xa7\xeb\xa2@'</t>
  </si>
  <si>
    <t>b'\xac;|~\xd9\xb9x\x87"\x0cZuO\xf4rx\xd1c}\x99n8~\xc7\xcd\xd4\xff\x1bxe\xe4\xc9'</t>
  </si>
  <si>
    <t>b'\xdf\x98\xed\xedE\xee\xb3\x02\xbb\xd0&lt;\x1f;\x15\xd3\x89\xd0\xce\xea\xe3F$R\x0b\xb08\xd8\xad|T\xce\xdb'</t>
  </si>
  <si>
    <t>b'5kb\x8aG:\xb40\xc8\xa9\x05\nrd*\x00H\xfe\x01\xe0\xc1\xf3\xca\xc2\xd4\x0e&gt;P\xf9w\x06m'</t>
  </si>
  <si>
    <t>b'\xd64\xb9\x7f\xa9\xd1/\xdbe\x99\x1b:\xb13\x8d\x90\xb0}4\xed_\xb6\xf1\x0b\x1f\x84\xa7o\xbe\xea\xa8,'</t>
  </si>
  <si>
    <t>b'\x93Y\x06\x9e\xf1\x1aJ\x03\xc6\xab\x01JPl ?\xe2}J\xa8\xe2\xe5\x0b+(\x1d\x94\xead\x1e\xd4w'</t>
  </si>
  <si>
    <t>b'\xcf\xf6\xf8\xe36]\xe2\x91n%\x13X\x84\xf01\x82N\xc1\n\xd7\xeb\xba\x9a\x85.\xd9A\x84!\xf1\x90\x95'</t>
  </si>
  <si>
    <t>b'\xd7\x85z\r\xfc\xb0c\xea\xde\xe5_\xaf#\x1e\xd7\xbaU\xb9=\xd6{\x90\x19n\x83\xf7\xb6\xf2\x19\xd3^\x02'</t>
  </si>
  <si>
    <t>b'Y\xab\\\x94\xcf\x17\xac\xed&amp;J\x80n5\x05\x894i!\x8dPL\xa4,\xe5\x91\x06\xa9\xfa\x80\x96\x18\x9b'</t>
  </si>
  <si>
    <t>b'\xb0@\xe7\xa5 \xd5~\x88;m\xdeSw\x19v\xcc\xb3\x17.\xfdZ{\xfdBt\x9fJ67\xa7\xcbo'</t>
  </si>
  <si>
    <t>b"\x1b\x9a\xea\x0c\xc3u\n\xd15'\xd5\xb1\x1ay\x87\x84\xc7\xc8(~n\xed\\A\xaf[AlC\xe7p&amp;"</t>
  </si>
  <si>
    <t>b'\x99V\xd7\xcf\xd5AG\xcbN\t\x10\n\xcfr\x8bu\xc8~\x99\xa7[\xe7\xee (\xc0\x05\x8b\x946\n\x00'</t>
  </si>
  <si>
    <t>b'\x90\x9cC\x14\x9ak\x07\x18\xbb;g\xe0\xa7\xec\xcfX\x91\x13\x9b\x10\x1d\\\x1e\x8f\xc5\xd1)\xcd\x91,\xe9\n'</t>
  </si>
  <si>
    <t>b'\xceE\xcdH\x82\xfc7\xaf\xe3]\xad\x8f\xf0\x8a\xba\x9a7\x00\xcc\x1a\x80\xcb\xb2E]\xac\x05\xc8\x1d\xb1\x91\xc3'</t>
  </si>
  <si>
    <t>b'!\xfa\xb2z\xca\xed\xc6\x12\xc5t\xb1U\x82#\xc9%e\xf1\x83Y\xbb"\x84q\x9d\xe5\xe1\xfd\x0fE\xbb\x1b'</t>
  </si>
  <si>
    <t>b'{]\xdb\xa3\x7f\xee4}\x0cj\x13D\x0bqG\x92\xe6\xd3s%\xdeM\xada\xc7\x90V\xaaN\xc1*x'</t>
  </si>
  <si>
    <t>b'\xda\xfa\xda\x85\xfd\xe3\x92I\x01D1\x14\xb5\x0e.\xdd\xa7e\x88zg^\xa6\xa8\xb6:\\\xa4\xe7\xc2\\H'</t>
  </si>
  <si>
    <t>b' Br\xd0Q\x13@D\x14\xfd\x0e\x99W\xc4@\x97w\xf9\x8a\\\xb9\xdcR\xbfH&gt;\xe8\xc8l\xdb\xe4\x96'</t>
  </si>
  <si>
    <t>b"\xc6]L=\x16\x1f*U\x1dk\x80\xeaN8j{\xdd\xb9\x9a2t\x1a\xeb\xcb\xd4'\xbb\xbd\xbe\r\xd5l"</t>
  </si>
  <si>
    <t>b'%b\x01u\xcf+\x94\x89\x9b\x15ki\n\x0c\x1b\xa4\xed\xd2e\x96\xe9\xb0\xd5\xac\xc7\xa2C\x98\xfd\xcb\xb5\x8f'</t>
  </si>
  <si>
    <t>b'\xae\xc2\x7fm\xe8M\rtr\xe1\x93qL\xa0d3\x12\x98f\x1f?\xb6\xa6\xb9\x9e\x1b\x8d\xf7/\x10"\x1b'</t>
  </si>
  <si>
    <t>b'\xbc\xf5L\x9a/p\xb4~KX@\xac\xf8\xa4\xd7\xa1\x8f\xc5^]\x84\xc9\xba\xafN\xb0\xb3Q\xc9P$\xa3'</t>
  </si>
  <si>
    <t>b'y\x00\xfb\xb0\xd7U\xfe\x00\xf1RG\xf5[\x9c\x84\xcef l~z\xe1\xa4\xe8\xe4!\xf6\x8d\xcd\xbb\xd6h'</t>
  </si>
  <si>
    <t>b'G0\x95\xf9y\xe9iPn\xa2lF"e1.\xdd\x90\x06\xfd\x19\x00\xd8\x85\xf2\x18"\xd1\xc6\x87_\xd8'</t>
  </si>
  <si>
    <t>b'\n\x97kx\x93Zhe\xb2\xb2Yt\x12\xed\xc5\x03Swi;\x08\xb4\xd8\xdb\xd2\xbf\x84\x1b\xb1\xe6\x08\x19'</t>
  </si>
  <si>
    <t>b'Z/&lt;.\xbb\x9e\x97Su\xeb\xf9\xf6\xf1\x9b\xa33^r\xb2\x9bT\xba\x8e\xb5K\x9e\x17w\x83\xde\x18\xce'</t>
  </si>
  <si>
    <t>b'\x8b\x9e\x19,\xd8[I\xaf-\xaf\xaa\x9c\xb8\xd7S\xda\x1d\xd1\xdf\x06\xdeaN\x92\xdf\x02\\\x84\xdd\xbb\x98\x93'</t>
  </si>
  <si>
    <t>b'\xc7\xcd#\x83\x85@]Y\xa9OL\xb8\x80\x0e\xfav\xc6g\xde%U\xe0\xf7\xa3"D\x89\x99\x9f4\x81\xf8'</t>
  </si>
  <si>
    <t>b'k\x92(\x83\xec\x94\xd5#\x9az\xfe\xee\x92x\x1ct\x8b\xa6\xed\xf2\x9dvS$v\x1eP\xfb\x1b\x86\x1c\x19'</t>
  </si>
  <si>
    <t>b"\x1e\x9c\xa7\xb9&amp;\x0c\xfe\x0b\xcdO\x9a\xe0\xf5O\xb5\xd6b;&gt;\xcf\xd9-\x1c'r\x12vO\xdb\x05\x17e"</t>
  </si>
  <si>
    <t>b'E\xea\x83X[\xf7f\xa2mH\xa5\xcf\x92*re\xa0\xc1\x1f\x81\x813\xc0\xe0\x9a\x01-{{k+\xab'</t>
  </si>
  <si>
    <t>b'\x10\x89\xd3\x10\xe999\xc5\xb9\xd1\x99\xf0\xf7\x0c\x9aF\xa8\xb0J\x8b\x11\xc0`\xc0~\xbb\xed\xfc\x90\xa0S\xc7'</t>
  </si>
  <si>
    <t>b'&gt;P\xb2!\xdb\x84\x0e\x03\x94g\x9e\x07\xf9nRM\x91\xf5nk3)\xf4nH\xcc\xb4F&lt;T\xe83'</t>
  </si>
  <si>
    <t>b'\x8a\xad\xa7f\x91\xf4-\x85\x90su\x99\x1a#\xa8Z\xa1\xdb\xe12\x9c\x86J,c{t ]]\xc14'</t>
  </si>
  <si>
    <t>b'DN}|\xe8\xa7\xddm\x17&amp;\x85`1\xbf\x02\x9b\xbe\x00\xc6`\x0b"\xb1\xe0DRW_\x80X\xc5\xf9'</t>
  </si>
  <si>
    <t>b'\xcfrI\xf1\xdbA\xe1\xba\xba{F\x8ak[!\xd6\xd0\x12\xb3%\xb8\x8d\x00\xcd\x06U*\x06\x9e\x08\xaf\xf6'</t>
  </si>
  <si>
    <t>b'\x87\x0fb\x94\xa1\xdd\xfa\xf3I)\x87L\xa6lJ\xd9\xcb\xee_\xb9s\xc8Q\x03\xee\x1bm\xed\xd2#\x9a\xdc'</t>
  </si>
  <si>
    <t>b'\xaf\x8b\x1d\xe7\xff\\\xb7|\x0f\xe3/i\x03E\xc5Y\xe8\x89 \xdb\xfc\xff\x1c\xec\xaf\x1b\xc2\xfd\x81\x8b\x8e\xef'</t>
  </si>
  <si>
    <t>b'\x06\x98\xf3\xa7L@\xda\xfax\x10 \xd2\xbf\x80\xfc\xe9]\\\xb0v\x928\xd0\xed\xb7y\x8e\x16\xf6p\x84:'</t>
  </si>
  <si>
    <t>b'\xbc+o\xa4\x04\xd9\xc6i\xc6\xa4\xfa\xacQa\xf4}R&amp;j\xbdW\x89\x10[\x84l\x00\xe4\xe3\xe5\x989'</t>
  </si>
  <si>
    <t>b'v\xbe\xaeu\x9c\xcd\xec \xce\xa3\x0c\xace\xc6\xcd\x1b8\x9d\xd6\x7f\x82x\x1bao\xcc}\xd4\xc1\xc6\xe1\xa7'</t>
  </si>
  <si>
    <t>b'.|JA\xa7g\xa7\xb0P\xae\xc04\x0c0\xc9\x97~ld\xa4^\xa6)\x9ey"\x98\xbaye\x83\xa9'</t>
  </si>
  <si>
    <t>b"\x1f\xf0Wt\x03Q\xe7\xde\xf3\xac\x81\xf3#0\xb3&gt;&gt;\x170\xb2'\xfd2\xcck\x82\x8d\xfeLa\xf6\xc4"</t>
  </si>
  <si>
    <t>b'N?\x1a{J\xe4&gt;\xf7\x86C\x8c4\xa1n\xaej\xe8\xe22=\xe1\xe8\xbf\xba\xe2\xec\x13\xa5\xd7\xb8P\xd7'</t>
  </si>
  <si>
    <t>b"\xe0\xb7\xec\xec@*\x12!t\xb7\xf4'\x8b;\xae?\xfd\xca+6\n@\xd6\xe4#r\tC\xa2L\xa4\xdc"</t>
  </si>
  <si>
    <t>b'\xe7(\x89\xeb\xefzP|1\x16\xee\x9d\x93\xd5]qp\xb6.\x1a\xcff\xd0\x13\xba\x066:\x8e:a%'</t>
  </si>
  <si>
    <t>b'\xe3\x01\xd2\xad\xd9\x83Q\xcdq\xe7Ca\xb0\x08\x96?\x98\xda\x01\xf1\x89\x11\x0b\xf1\x1bT\xbai\x8a\xc0;R'</t>
  </si>
  <si>
    <t>b'\xfe\xcd{O\xba\xffkA\x9a\xf1\xd8\xdd\xfd@"\x84\x00\xff\xea\xec\x8a\x9aaw\xbbe@\xd3\xa9.\xf3\xac'</t>
  </si>
  <si>
    <t>b'\x96c\x8fYa\x16\xac\x80\x88\x11\xbb\xe1\xdc\xf0\x91?s3u\xeci\x86\x1d\xa7A\x83]\x1b\x1f_\x8e#'</t>
  </si>
  <si>
    <t>b"\x1d1\xec'\xd8\n\x90E*7G\xf1\x9b\xd6\t\xfd\xb5w*\xf2\x8d\x91\xaa3\x85\x9a\xdc\xb5\xfc\x98 9"</t>
  </si>
  <si>
    <t>b'\xf1\xba\xa7\x05\x00\xe6P\xdd\r!\xd0i;1\xadi\xb0\x9a\xc0su{\xb6\xfa\xc5s\x19\xdbC\xaa\x8dH'</t>
  </si>
  <si>
    <t>b'\x18&lt;\xa6q9\xde\x10z\xaf\xdf\x04\xaa\xb9\xbe}\x99\xba\xc0\xb8\x80T\x04\xa6\xd7\x19\xd2_\xecr"|\x8b'</t>
  </si>
  <si>
    <t>b'X\xb5\r\x16\xb4t\xed\x8a\x1b\xbc\x17z\xb8\xcd\xc0G\xd3m_\xcc\xf5\xd1J\xed\x1c\x05\xb7\xee\x9a\xe4\xf6v'</t>
  </si>
  <si>
    <t>b'\xdcu\xb2\x94\x9f\x98\xfd\x16\xb4\x8b\x99\xd5\x7f\xc9I\xe7\xff\xef\xcb\x9e\xfb0\xad\x1e\xac\xaa\xfa\xfa/I\x0c\xfc'</t>
  </si>
  <si>
    <t>b'\x8d\xfe\x8e_a\xaeL1"\xdf\x1f\xe4D"\x8e,tO 2\x01\xc9{\xc4\xdc\xa9\xe4\x7f\xc4Ph\xe0'</t>
  </si>
  <si>
    <t>b'\xf1\x8eCk2v.\r\x10kT\xba+._y\x06\xa7\xbc\xd7\x92\xeeH\xd6\xec5\xbb\xb8\xaeqG\xe7'</t>
  </si>
  <si>
    <t>b'\x08\xf9\xb4DJ\x95\xbeZM\x14\x1f:o8g\x0f\xb1\x9d\xaf\xfd\xa5(\x02A\x9b\x82\xd2D\xfc\xf0\x10|'</t>
  </si>
  <si>
    <t>b'\x95\xb0g0\xe0k\x92-\xd9\x9fx\xf9\x000\xb7:\xa5\x95\xfc\xe9\xeb\xe3\x89\xe1  Y\x04\xa5\xc10J'</t>
  </si>
  <si>
    <t>b"\x8fC&gt;\\\xf7\x92NH\x14\x1a\x93\xee\xf0\xe16 \x96\x12Y\xb8'\xbb\xac\xd1\x1a\xec7`K\x11GB"</t>
  </si>
  <si>
    <t>b'\xc3v\xa3\x91\x98x\x995\xea~\xe4\xc8\x9f1U"A\x92,\x14n\x13r\x9d\xe6$V(u\x10V\xee'</t>
  </si>
  <si>
    <t>b'\xb9$\xd2\x9dH\xc6\xd6\xabDt8\x17\xbd\xe3\xa0\x0f\xf4V{U\x14\xde\xd8\xad\xbb\x0b-8\xa4\x8d\x95\xbf'</t>
  </si>
  <si>
    <t>b'\xc7\xafz\xa28\xa4X\xc6\x1c\x8bxG\x1b\x80.\xaf\x17\xd3\x9b4H\xed\x94\xb4H D\xf4bA\x8c\xf4'</t>
  </si>
  <si>
    <t>b'Vl\x82\xf5\xa0\n\x12\x9b\xad(}02\xeb\xe8\xb2~\x04\xcbB\xfb\xe1\xc7B@U!\xcb\xbe\x93\xd7\xc3'</t>
  </si>
  <si>
    <t>b'1\x88\xe1?k\xc5\x1f&gt;6\xb1\xc5\xb9_\xe6^7[ti;x\xf4p{\xf4u\n\xcb\xbd\xfa\x94\x9b'</t>
  </si>
  <si>
    <t>b'\x10[\xdd\xc1\x91\xe4\x89\xea\xff\xd0\x81\xbc\xd1\x8f\xeb\xed\x90\x12}w\xc4\xb6^p-\x1a\xd8\xac\xe3Ps\x18'</t>
  </si>
  <si>
    <t>b"\x935\xd1\x0b'}\x0b\xd5f4\x05\xb3\xbf\xb9p;\x10\xf5\xb2U\xeb\xcf1\x15R\x00\xb4\xf9\xbb\xfc\x1d\x16"</t>
  </si>
  <si>
    <t>b'\x1b\xf2\x85)\x1bZ\xc7\x13h\x85\xee+\x136\x01\x9d7Li\x98\xa3\xc2P\x83m%O.p\xa81('</t>
  </si>
  <si>
    <t>b"\xe1z\x15\xcd'x\x96\x11D\x9eL$\xc5gC\xda\xffL\x81\xfb\x92\x94R\x99\x7fA\x1e\xf0\xd0SDb"</t>
  </si>
  <si>
    <t>b'\x8b\x12\xff\xf7L\xe12ku\x1f\x84\xef\xbd\xdb\xf4\xe9\xbc\xfa\x96\xdb\xe2\xcc?\xfe\x83"\x073\xd8\xa4\xbe\xb2'</t>
  </si>
  <si>
    <t>b'\xefo\xc4\xd7Z\x98\\\xbf\x89W\x8asU\xd2y2\x03*\xbf\xab"Z\xffq\xd4N&lt;\xc5\rp\xb4t'</t>
  </si>
  <si>
    <t>b'O0&gt;\xfd\xdb&amp;\xadm\x96\x7f\x11\xd6\xa8k\x1e\n\xe5nLF+\xa3\x91\x94\xbf\xbb\x16\x8e\x9c!V\xb0'</t>
  </si>
  <si>
    <t>b'\x88\x13\xb0\x03{\xe5\x97\xc6F\xb2\xa7\x03\xa5\x90\x1d8H\xd2kAJ\x0e\x8cAW\x91y\xa96\xf2\x825'</t>
  </si>
  <si>
    <t>b'\xaaD3\\\\\x90\xe1\xcfK\xedVn\x83\x05HR=\xe7\x90Cu9R\xa1@\xe9\xcc\x80}\xf6\xe8n'</t>
  </si>
  <si>
    <t>b'\xd6OK\xb9\x9b)\x0c\n\xd2_ovl\xf6\xc04\xb4i&amp;\x08\xe2\x7f\xdf\xf0\xf1\xf8\x07O[\xbc\xb9\xd7'</t>
  </si>
  <si>
    <t>b"gV\xc8YDv\x9b\xc7\t\x0f6\xa8\xd3'%\xd7?\x83?\xab\x1a9r\x1ci\x84\x92hV\xaff\xc0"</t>
  </si>
  <si>
    <t>b'0\xd9\x8cnU\xbf#\x84:,t&gt;\x13N\xb1+.\x14\xa8\x84A\xda\x8e\x11\x9b\x8d\x8a\x86\xd5-\x90\xfe'</t>
  </si>
  <si>
    <t>b'\xa9N/o\n\x8b\x00\xa8+\x81\x824\xb5\x10Eef)"!\x8d\xe9\x03\xa1"\xd6A\x15$\xfc\x89|'</t>
  </si>
  <si>
    <t>b'\x8a\x02X4\xd2}\x9fr-\xa9\xd7\xb5sDq\xf3\xc7\xd6\x0cS\xed\xe3\x17"\xe4;\xfcW\x1a\x86\x14\xe4'</t>
  </si>
  <si>
    <t>b'\x91/\xcf\x12\x8d"[\x10Cg\xd1\xa9]\x1fe\xa6\xaf\xa3\xb4\xe9\xe1\xd7\xa4\xcdXqO\xc4\x87\x93x\xac'</t>
  </si>
  <si>
    <t>b'7\xde|O\xe9;\x12\xf8G\x16\x81t\xff?oC\x9d5\x04\xf3\x8e\x8dQKt\xea\xbd\x00q\xa2(\xdc'</t>
  </si>
  <si>
    <t>b'^i&amp;\xcf\x88.\xff\xa1\xe3\x87\\\xae\xa9\x92\x1b,\x1bg*z\xf5\xf4\x9b4=\nv3\x9a\xb8\xed['</t>
  </si>
  <si>
    <t>b'j"9\x95}U\xf3\xbb\xaae\xbc\x94\x92?kY\xaf\xb2\xcd\xaf\x9av%\xb2_\xa2TFVf\xe8\xc8'</t>
  </si>
  <si>
    <t>b'\x93M\x1f!B\x9b\x89\x93\x7f\xb9v7\xb41\xa1\xe6W\xa6\xfcB\xb3Y+\x84\xce\x08\xae\xe8\xfeb\xb64'</t>
  </si>
  <si>
    <t>b'\xeb\xce\xfc+db\xa8\xce\xa3\xd5\xaf\x90]4\xd5q\xd0\x02\xa2\x00\xb2\xca\x94m\xf6!}\xbal\xd8\xa0_'</t>
  </si>
  <si>
    <t>b'X\xdd\xc2F\xads\xe5\x13l\xceaz\xb2\xa1x\x83?\xed\xd4Z,\x9dl\x08l\xbd\xba\xd3\xfc\xa8D.'</t>
  </si>
  <si>
    <t>b':\xdb\xd19F5"\xfcU\x14V\nq\x04\x97\xc3\x07\x00as\xb1\x90\x94DC\x89\x80^.\xc5]B'</t>
  </si>
  <si>
    <t>b'M\x92S\xed\xa2\xcd\xfe\x96\xc2$\xdc\x0e!Q\xb2\xc7\x01\xd4\xa2\x07B\xaa^G7\xdb\xd2!\x17\xc6\xbd\xd4'</t>
  </si>
  <si>
    <t>b'\xdd\x17\x02#\xb2v\xcc+,\xcc\xaf\xec"h\xfd\xb4\x0e\x1a\xd1\xe5\xbd\xfc(\xb2\x87.\x8e,O\x1a\xb7\x1b'</t>
  </si>
  <si>
    <t>b'\x84\xa9\x16e\x17SP\xda\x9c\xb1P\xa9\xb4m(\xaesmH\x12^BRA\xb5\nB\x1a\xf0\xc5\x01+'</t>
  </si>
  <si>
    <t>b'\xb5\xa8\xd2\xdbw\xe9\x1dG\xec\x9bc\x9f\xeb\x97v\xfeUuk\x94Z\x8c\x81\x91R\xe9\xe9\xe2\x1e\xb5\xc8\x12'</t>
  </si>
  <si>
    <t>b'E=\x9b\x88%\x92,\xfe{#V\xcf\x00\x86\x14@=\xeb\x82"\xa2)\x06\xeb\x08d\xae\xa6\xef%\xb1%'</t>
  </si>
  <si>
    <t>b'\xd5\x06M\x94\xe8{B\xf6X[I\xda\xa4\xb6\x08r\xd1\xe2y1\x8d\xf6\x9720\xd4oc\xb3k\x16\xb8'</t>
  </si>
  <si>
    <t>b'\xa6t\x8bptu\x01\xef\xea\r\x0em\xd3I\xc8u\xa3\x05\x07\x90\x91%\x88\xef\x10\xdc7\x19Y\xa7\xfc\xb8'</t>
  </si>
  <si>
    <t>b'\xfe\xc5\xfc\xb0\xa0=\xc8\xe5\xc2\xbb\x81p\xa9\xd2\xcf\xa88U\xd9d\x12+6\xe7n\x0c+\x19\xa0\x14\xb8\xe8'</t>
  </si>
  <si>
    <t>b'\xd2\x9f\xc8?\xf0\xd5)\x9d\n\x98T\xea\x04e\xc1E\x10\xf4\x94\xc2t\xae\x9c{|\x88&amp;_&amp;\xfa\xdc\\'</t>
  </si>
  <si>
    <t>b'\xb7\x84\xca@\xf8rz\xb3\x13\xb7\xd2\xaf\xc4eh\xd1\xad\xe6\xaf\xe6}\x98\xebg\x99r\xe1\xa5Ga\xa1\xe4'</t>
  </si>
  <si>
    <t>b"\xc5\x1f\x1c\xc3\x96\xd0\xef8\xf5\xf8]\xecN\xf7.\x92#F'\x97\x03D\xf5Xf\xe4\xb9}\xa7\\\x8e\x92"</t>
  </si>
  <si>
    <t>b'n&gt;\x9a\xb7\x84\xf1}\x83\xd0\xbe\xc9S\r|\xce\x86\xaa~[\xa2\xdf\x8a\x07\x9a\xc3I\xea\xd8|\xfb6\xdf'</t>
  </si>
  <si>
    <t>b'P\x85j_\xdb\x9fR\x01\x90\xb6~\x81{,H\x86\x04\x8ep\xca\x82&amp;\xf6A\xf6|\rb\xb4,\x03G'</t>
  </si>
  <si>
    <t>b'J\x03\x9cw\xfa)\\z\xa5\xffy\x15\xc2\xabhS\x18r\x0f\x9d"\x8e|\xe8\xb9X-\xec\x03\xefN\xb3'</t>
  </si>
  <si>
    <t>b'\xd2\xc6\x0ex\x99?\x94a%V9:\xf4_\x01\x8a%\xa3\xf8O\xe6\xd2\xfb`\x94\x8d\xb0\x90\xa62s\xab'</t>
  </si>
  <si>
    <t>b'\xac\xee\x88\xf4C\xed\x19OV\x996\xee\x84\x16\xd1q\xbfc\x97\x9cP\x00V:\xe9\xa5_\x92\x8d\xad\x8d4'</t>
  </si>
  <si>
    <t>b'x|9No6\xaf\xba?!\xd4\xa0\xb7.,\x8f\xa0r\x97\x88\xadB\xf3\xb9\x1b\xd6\x17\xa9\xb1\x81\xc4\xd3'</t>
  </si>
  <si>
    <t>b'K\x83\xec\x1b\xc1\xef\xe9\xe1r\xa1\xc1\xb7\xbbY\xd1V\x08\xf4{(\xfeuj9\x8b\xcf\xc4/\xab\xb9\xb4\xe8'</t>
  </si>
  <si>
    <t>b'\x1d\xfa!\x0f\rg\xc9\x91\xef\xe8\xcd\xefl\xcb1\x8a\x91B\x1d\xc2\x89\xfe\x82\xa6T\x10#\x93\xc3G\x99\xf5'</t>
  </si>
  <si>
    <t>b'\xa6[\x14\xa4\xba\xd6\xa1\xbc\xda1\xc9S\xc7t\xa5\xed\xa1hk\xbc\x95\x8c\x9a\xaa\xf98\xb5\xd1\xf1\xbdy\x14'</t>
  </si>
  <si>
    <t>b'^\x1a\xc1\xb4\xf5\xb0\x97\xfd\xa7\x16\xd4Z_\xc9O\x88^\x99\x11\xb4&amp;9\xf5J4\x81\x14 =1[\\'</t>
  </si>
  <si>
    <t>b'T3\x03|\xf5`m\xda -\xcbZ\x02\rdt\x04B\xddkJo\r@\xb0\xbfp&gt;fXfJ'</t>
  </si>
  <si>
    <t>b'x\xbc\xec\x8eOqx\xbd\xd0j@\x9cO\xf0\x8e8\xe9\xc2\xe4\xce^Y\xa8\x8c\xafm\xa7\xefZ\xf8\xe0\xa2'</t>
  </si>
  <si>
    <t>b")\x8a\x84\x85\xdb\xf0\xce\x84\xb3\x12\xc0'\xae\xdd\xfcI:B\xdf\xac\xda\xdd\xedr\x1a\x90|\xbbOA6\x14"</t>
  </si>
  <si>
    <t>b'\xe4\xbc09;&amp;\xa8D\x06\xab8L\xb4\xe5*1\xdb:\xab\x1e\xc1H\xc1\xba\x9d\xd6l\xcf2f\xbeT'</t>
  </si>
  <si>
    <t>b'\xe5l\n\x02F\xf0\xe6\xa9\xf0\xbfL\x1d\x92=9\xa1\xa9\xe5\xfd\xd88\xba\xa4r\xfd\xca\x03\xd5$(\x19z'</t>
  </si>
  <si>
    <t>b'\\S%,X\\\x150\x86m\x03\xac\xdd\xcb\x85{&gt;\xb8xl#\xf2\xc3\x00\x0f\xd2\xc4\x12\x92\xe6\xa1\xf4'</t>
  </si>
  <si>
    <t>b'\xdf~\xa9\x05\xb7\xff\x19\r\x8ew\xf6Au]|\xcb^Q\x8d\xae\xf3\xbe\x84\x07K\x90B\xd4@\xe8jT'</t>
  </si>
  <si>
    <t>b'\xdf)\xb65\xcc\xe6\x80\xee!\xf2\xe7\xad\xfb\xca%e\x97\xbaU\x85\xb3\x18\x0fr\xf5y\x0f\x0e\xa95i\xf8'</t>
  </si>
  <si>
    <t>b"n\xac\x01\xdf\xf9\xf2m\x97h\x82\xcee?\xe0\x94'\xc6P\xa9\x00\xf4\xcc\x91\x18\x15x\xf0\xb9\xfd{\x10j"</t>
  </si>
  <si>
    <t>b'=\xde\x9d~N\xa1\xfeo\xf2P\x11\xaa\xba\x9a?0\xe3"\xc3F\xfd\xd5/\'\x12\xe7\x86\xf0\x18\xae7\n'</t>
  </si>
  <si>
    <t>b'\x1e\xa3\xea\x82/B\xc9\x8a\xd1\xb8&gt;G\xf1i\xb1\xea#U\x11\xf3\xb8\xa4\xcb\xf8\x81\x1e\\\xb8\xf1=\x87\xbd'</t>
  </si>
  <si>
    <t>b'\xd4{|\xefo\x1c\xe0\x8bdT\xe5K\xb0,\x94W\xa5\x89\x06\xe6\xfcR\x08r\xe4\n;\xda@\xc9\x15R'</t>
  </si>
  <si>
    <t>b' \xa8:\x8e\x1c\x96od\xe1\xe9A\x18\xea\x1dC\xfb\x7f\xfd5\xa1k\x93x\xa6zz@\x98\x103/\x98'</t>
  </si>
  <si>
    <t>b'v\xae}\\\xf9\xce\x89\xafauM(u\x14\x9bn\xd5\x86\xf8\x04\xb1\x193\x12\xde\xd7\xf4\xa3\xeb\xf6`f'</t>
  </si>
  <si>
    <t>b"q\xbb\xe4\x01lJM\x98\x19\xc0m\x00\xf6H'\xc7\xf5n\xa0\xf0\xf0\xfe\xbb&amp;2\xf14S\x03\xa8,\x19"</t>
  </si>
  <si>
    <t>b'&lt;\x08\xf1M\x9b\x03!\xec\xd7\xccc\x9aGE"\x13\xda\xc6w\x81U\x16\x98e\x03N\x03V\xd1\x08\x127'</t>
  </si>
  <si>
    <t>b')\x81\x9b\x978\xbc\xdc\xd8\xa9M\x92\xc4{\xebRk\xc6\x8e\x08GV\x97(\x99\x8co\x19\xac\x90\xd90\x96'</t>
  </si>
  <si>
    <t>b'\xa1\xbbD\x9cLej#V\xa0\xbe=\xbd-\xf3P\xb7\xe1m%\x99\x1d\x13\xfe\x1f\xe6\xe5\x01u\x7f\xf3\xb2'</t>
  </si>
  <si>
    <t>b' #\x14\xd01l\x88\xc5\xa1\xd2\x8e&gt;/\xde\xef7\x8aO\x80\xa5\xaa\xbc\x1b\x88S\xac\xf6\xdbW\x8d?\x01'</t>
  </si>
  <si>
    <t>b"A\x89\x0bE\xc7\x94\xc4\xd9\x1f\x12N\xe2]\xaf\xb6N-\x92\xaaw\xc3\x8d\xbc\x81t\xe0%\xaf4'o\xbf"</t>
  </si>
  <si>
    <t>b'\x89"\xd6\x16HI,v\xd7\xde\xd6\x04{\x17X\x95\xba\x9d\xd4\n\xf7\xbd\xc2\xef,\x14d\x00sw\x8d\xcd'</t>
  </si>
  <si>
    <t>b'\xad\xbcx\xdc^\x052\xd9N\x8dS\xeb&amp;o42\x9fT\x9f\x14\xe2e)\xe9\xd7_\xc4j\t,\xa5J'</t>
  </si>
  <si>
    <t>b'\xf2t\xbdP\xaf5\xd5\xd4\x1c\xd3O6"\xb9\xdbz\x84\xeb\x8c\t\xb5`1\x06)\x84V\xaax=@\xc1'</t>
  </si>
  <si>
    <t>b'\xd3\x82\x11\xab\xec\x1c\x91\x84\x1e\t\xb7\xd5d\xff\x9d1[\xb3\x04$+{\xdd[\x06_\xff\x7f\xb65\xf8\x99'</t>
  </si>
  <si>
    <t>b'\x93\xf8\x0e\xc5\xb7Q\x94\x8b;\xbf\xe9\xc0\xc3"\xd4\xc7\x80V\xbf0%\xb2\x8d\x11\xab\x8f\xd1\xce\xc4.jk'</t>
  </si>
  <si>
    <t>b'\xd2\xa2\x87\xc9\x19F=\xa1\x08\xc7r\xac\xdb\xf0-\x0b\xbcbt\x90^&lt;\xb4o\x04y\r~+\x86\xb0\xad'</t>
  </si>
  <si>
    <t>b"PX\xc0\xa1\x17\xa7\x18\x9a\xe50C\x99\xee\x0c\xd2[NI\x07\x1bw'Bz\xfa\xe9C}a\xf1\xb1\xf1"</t>
  </si>
  <si>
    <t>b'iB\x86\x8d\xbasUt\xf6\x0eb9#\xd3\xfd\x8b\xa5p5\xab\x96\xc2m\xb4\xb4X\xdf&lt;Ir\xafD'</t>
  </si>
  <si>
    <t>b'$\xe0\xa2}\xf7`m\xdb\xdb\x1f\x861\x9ej\xfd\xfc,\xa9\x85d\xa0.TnL\xf6\x16(F\xeco\xab'</t>
  </si>
  <si>
    <t>b'mG3\x95f\x96\x94\r\xd1Q3_Nok\x8b\x01\xa5\xe2(\x83\xc7\x880:\xe8Y\xdc\xb1\xc8\xa0y'</t>
  </si>
  <si>
    <t>b'Hr%\x7f#\xb9\\3$$\xa8+\x9dIx\xef\xc4\x96_\xfa\xf8ALF\x9d|to?\xea\xed]'</t>
  </si>
  <si>
    <t>b'q\xfc\x87p\x84N\x91\xd9\x8f\xcb\xa6\x88\xbf\xa8\xaa\xfd]\xaa\x0e\xd1\xc3\x06\x92\nd\x15\x9d\xcd\xac\xfd\xaa\x92'</t>
  </si>
  <si>
    <t>b"g\x04'o\x86\xc1\xb0I\x15\x08\x01\xf6\xf5J+\xaa\x90$Ue:\x1e\x14\xd3@04\xbc\x9c1A;"</t>
  </si>
  <si>
    <t>b'k\x85h#p\xb8\xb3\xf4\xd6J6?\x12\nf\xe6\xb1\x9c\x91iQH4\x15p+7\t\x7f\x00&lt;\xa0'</t>
  </si>
  <si>
    <t>b'\xb4\x9b_\x8c\x8c\xc0\x0c\xfa\xa6&lt;?\x91\xcc${\t;\x903,\xee]\x17\xf0\xee\xf4\x1b\xeb\xfe\xad\x19u'</t>
  </si>
  <si>
    <t>b'\x03\x9d\xf9\xb0\x10\xf3R\xb5\x90l\xac\x0c\xe8\x03zo\xf5\x81h\x1cA\n\xcbZ\xb6\x8ce\xde\xd9Y/\xa3'</t>
  </si>
  <si>
    <t>b'&gt;\xfb\x97\xc7Y\x9a\xf6\xf7\x1c\xb9|\xc5\xe9\x13\x1f\xe7\xae/\xba\xd0ps(\x82\x88\x9bYg\xd9\xbd\xc0I'</t>
  </si>
  <si>
    <t>b"\xaa\xacz\\\xd5\xd2\xc7\x96y\xf3\xaf\xfer\x1fc\xf4\xc4\x99\xbb\x0f#\x9d;8!\xbeZ\x1b\xbe9\xa1'"</t>
  </si>
  <si>
    <t>b'\xa4\xd1\xef`3\x7f\xb96n&lt;\x89\xa6;Grh\xaa\xacZ\xeeH\xde\xce\xc5lVy\x12\x04\xca5*'</t>
  </si>
  <si>
    <t>b'\x84\x14\x8b\x0bV\xc0=@s\xc8q{Q\xac\xf1\x1e-T\xd4\xad\xe3#\xdc\xb5\xf4\x1f\x06o\xb4\x880\xbb'</t>
  </si>
  <si>
    <t>b'm\xdc\x13&lt;s\x9b\\\nQ\xd5q\xca\x97\xf3U2\xa1\x89\xff\xfeQ\xbc\xdd\x8aJy_R\x07W\x82\x9b'</t>
  </si>
  <si>
    <t>b'B\x9d\x90dr+\n\xbf{|b?\x89\x1e\xa0\xb1\xf0\xd3Z\xa0\rN\xe7\xce\x9f9\x85=\x1dsS\xf6'</t>
  </si>
  <si>
    <t>b"\x00\xf4\xa3[\x08\x18\xe0\xa1'eR\xcf\xb6oqd\x06\xd7-/\x10Z\xcc@N\x04O\x11\r\x02\x9a\xc6"</t>
  </si>
  <si>
    <t>b'=\xcbl\xb5\x87k\x8aYn\x8e!\xbe[\x07\n\x06KF\x93z\xb7\xf6,k\x19%\x89fP-\\m'</t>
  </si>
  <si>
    <t>b'\xcc,H\xae\xa6\x94#\xd3\x8bY\x9d\x17\xbb}`c\xf2\xe8\t\xaaIF@w\xa7I\xa3\xa4\xb7\x8f\xa9\xfe'</t>
  </si>
  <si>
    <t>b"\x8f\xa3\xb1'\xdcu\t=\x0c\\\x96\x07Tw\x98\xec\xcd\x88\xd9\xf3\xc4\xe5\xc6\xe7%S\x11brG\x88\x08"</t>
  </si>
  <si>
    <t>b'(\x1b\xdbac\xa6#u\x9ex\x8a\x00ihw\xbaN\xc8QC\x89u\x97\x0eP^\xd1\xe5\x97x\x1b^'</t>
  </si>
  <si>
    <t>b'Jk&gt;Do\x1b\xf0\xbajg\xaa\xaaa6\xeb\xa6\xd7\x84y\xaa\xb8\xe9\xb8\xf8\x04 \x00\xe0^\xa0\xad\xf4'</t>
  </si>
  <si>
    <t>b'\xa4\xef\x82\xe0\x1e\xca\x13\xc95&lt;K\x82\xc2}\x1dt\xc1\x07\x95\xd6c\xbf\xc696\xf4\x83\x13--\x85\x16'</t>
  </si>
  <si>
    <t>b'\xe2\xcf\x13\n\xafD,\xe4ra\xb9\xf6\x83@R\xb4\xa8\xb0C+t\x9b\n\x1f\xa1\xb3,\x85\x00\xa7\xd0['</t>
  </si>
  <si>
    <t>b"\xecx\xd4i\xba\x00\x0cg\x1c\x83\xe1\xb2`!hP\xa0\x1bw*O\xbb\xb0\rr\x8e\xcd\xa8\xb6\x8c\xbb'"</t>
  </si>
  <si>
    <t>b'.\x8d \xa1\xf7n\xbf\x06\xb2\xa4\xe9g\x98\xed\x91\x9fe2\xfe\x9d\x84\xd1&gt;\x07\xfe\xde\xd0h\xc2\xbd\x04!'</t>
  </si>
  <si>
    <t>b'R%\x86\xbdx\xe0r\x13\xfe\xfe\x9a\xff\xf0\x98\x05\x974a\xd66K\xf1\xcd\x12\xd6\xb4\n\x9d#\xb9$g'</t>
  </si>
  <si>
    <t>b'%C\x0fHz\x91\x00\xe8\xba\xf7%\x92\x9d4\x93c06`\x05E\x85\x89\xb7V\nmI\n&amp;G?'</t>
  </si>
  <si>
    <t>b'\xe9\xd6\xa4\xd8\xd3\x08\xa0`\xfd\x0cE\xd3D\xc5\xd4\xd0d-\x92\x03d\x8b\xe6%\xa3\xdaP(\x1b\xcf\xce$'</t>
  </si>
  <si>
    <t>b'\xfeE\xcd\x9c\x93%\xa3\x87%\x8f#\x1byW\x1e\x8d\xe4\xc2\x10Z\xfbr\xd0\x8d\xa4\x10\x8f\xae\x14\xa9\x04\x95'</t>
  </si>
  <si>
    <t>b'k\x84\xfd\xf3\x99A\xb4\x8c\x11R\xc3yc\xb9s&gt;\xb8\x8e\xf7$E\xc8\x17{\xf8\x9a[-\x98\x94\xe8\xc0'</t>
  </si>
  <si>
    <t>b'\x19\x07\xa5\x97.\xaa\xedY\x9a\x17\x92\xcc\xdd\x05\xc6\xf6rK\x9c\xdcd\xfd!\x1d\xa1\x8c\x01~P\xb4\xa5\x1d'</t>
  </si>
  <si>
    <t>b'&lt;&amp;\x0e\x04\xef/V\x1e\x91\xd2\x07\x12C\xf7\xfcE\xe1\x1e\x1dp\xf2F&amp;\r\x13\xc5\xcfE\xb7\xdba\xbf'</t>
  </si>
  <si>
    <t>b'] \xd8Eqd\x1f\x87MEs\x97\x07Qo\xc2&lt;!\x8fF"\x0e@\xe40,\x1d0\xe2\x00\x82\xe2'</t>
  </si>
  <si>
    <t>b'\xd5\xb5^.\x0b(\x99H\xc8\x90\xc2\x13S\x16?&amp;\xef\xd9Z\xaem\x99\xca\x7f\x10!\xf8|=\xce\x00n'</t>
  </si>
  <si>
    <t>b'\xb8\xf3\xd1_\xc8\x83\xd0O/PW\xe6\x95L9\x864~N\xc0\xc8\xfd\x81\xf5\xa9;\x8a:e\xa7]\xe5'</t>
  </si>
  <si>
    <t>b'\xad\xe1\x0c^\x92\xdc\x1e\xfc\x1d,l\xc2\xf8\x03\xf2\xec\xc7B\x01\xd3\x96\x1dr\x98&lt;\xfdr\xf8\x1b\x0b\x9d\x95'</t>
  </si>
  <si>
    <t>b'\xe6,e?\xdd\x98o)\x0b\x9c\x05\xc40\xd8\x1b\x18\x882\xea\xb7\xc3u\x17;\x87_\xbdG\x19\xa4\x96\x92'</t>
  </si>
  <si>
    <t>b"}E\xd1`\xa2\xc9r\xfa\xdb!\x17\x0b'\x13Z\x88\xf1T\xc6\xc2\x979:\xa0\x935\xc4\xe0\xe3\x9d\xecW"</t>
  </si>
  <si>
    <t>b'\x81o\x04\xff\x98Ob\xb8\xc4\xb8\xac\xe1\xf9\x9aQ\x8a\x1a\x12\x8b\xe1.`;\xbe\x04&gt;yJ\x9f\xb3\xf3\xeb'</t>
  </si>
  <si>
    <t>b'+\xfc\x89\x9c\xd2\x9ez\xed\x95\xa8L\xb0\xc9\x03\x15djW*\xb0\x87Z?\xb7\xd3t"#f|\x06f'</t>
  </si>
  <si>
    <t>b'\n\x9f\x0fB\xf0\xf9\xbf\xcdXB\xfc\x8a\x87\xc8&lt;\x1f\xb0\x12\xf1\xeb\x13\xc9\x17\x15o\xefp7\xde\x18\xd3\xda'</t>
  </si>
  <si>
    <t>b'\xef4\xe1\x83\xe6\x89\xf3f\xed\x85\x88\x80n|@\xd9z\x94\xc09\x97\x83Q\x9e%\xa7QS\x02\xc4s\x87'</t>
  </si>
  <si>
    <t>b'\xf2\xce\x02a\xe9m.\x1dS\xf1N\x92\x85;\xfb\x89\xa2\x9aX\xe1\xa9O\xeav3\x04\xec\xd4\x02\xec\xdc\xee'</t>
  </si>
  <si>
    <t>b"\xf2+\xe1\x9a&amp;H\xb7-\xe6\xa7\x02\xd0\x95\xa8\xe1\xeb\xc2\xef\x1c\x8e9\x8a\xb0\x1e\xfd3,\xf1\x06\xe1'\xc5"</t>
  </si>
  <si>
    <t>b'E\xfe\xea\x9d\x84\xcf\xff\xf2\xdbC5\xe9[\x83\x17Ia\xa0\xa5\xf8*C\r\x0e\x14QR\xd0g\xfc\xa4p'</t>
  </si>
  <si>
    <t>b'\xa3\xb7\xc9\xf7\xd4\x19qtz\xd7\xa9\xd6\xea\xebAj?\x1c}\xf6\x04\xe7\xa9\x05T\xf8\x02\xdb\xd3\x0fH\xcd'</t>
  </si>
  <si>
    <t>b'\xbb\x89\x13\xb0\xfcbCh(\xb5\xe5\xda\x1f\x8b\x1c\x8a\xb3?\x18\x0e-\xca\xfc\xf9\xa9\xa1\xd4\xdc\xee?\x8a2'</t>
  </si>
  <si>
    <t>b'LZ~m\xdd\xcb\x9a\xd7\x04\x1fr&lt;\x18w\x8a\x8b(E(MO\x823p\xc3\xe6\xc1\x8e\xbd\xe8z:'</t>
  </si>
  <si>
    <t>b'`\x9a\xec\xa6\x11\xbb\xb7\xe2lQIW\xe0\x0f~\xb9f\xd0\xcbo/\x8c\xb2\xda~\xc0D\xb1=\x08\xc3\xe0'</t>
  </si>
  <si>
    <t>b'Yq\xbeo\x81=\x91.\xd6?a\x98/\xd4\x15\x95X\x7f\xe0}\xacH0\xb0\xd1GS=v\xa8j\x88'</t>
  </si>
  <si>
    <t>b'm\n&gt;\x1b\r=\xf8sR\x02\xdf\xbe\xf3\x06Rn\\l\x0fd\xe0%\xaa1j\xd5\x15h\x1cU\xc2g'</t>
  </si>
  <si>
    <t>b'd\x10Z\xbc\x9e\xbb\xaa\x87M\xd0?2\x8c\xb0\xef\xc6\xe4F\xc5\x9b\xf0gy~\xe9\x9d\xa8\x0f\x84\xbe\n\x10'</t>
  </si>
  <si>
    <t>b'y\xe6\xd8\n\x06(N\x8b/\xce\x12\xea\x84\x95\xea=\xd5\xf0\xc0\xd1IN\xf9\x88\x07\xa6c\xc0\xe1\x98i\x1a'</t>
  </si>
  <si>
    <t>b'\x8f-Xz\x0e1.\xfb\xa5m\x1dn\x8a\x93\x00\xccPC\xbe\xdd\x0b\xc0\x1eS\xf6\x7f\xae]J\x1a\xec\xba'</t>
  </si>
  <si>
    <t>b'\x03\xd0DH\xf2l\xbd\x8bFW\x0c;\x01N\xab*g\xeb\x95/\xe8\x80\x1e*\x0ce6\x1e;\x8d\xf1\xab'</t>
  </si>
  <si>
    <t>b'K\x0b\x17\x1cbN\xfd\xe5M\x92\xa1\xc5\\=\xa9YP\xcf\xa3\xc45\x10\x04\x04\xbb\xca\xc2\xc0iR\x13y'</t>
  </si>
  <si>
    <t>b'N\xf8\xd0\xafJ\x9e\xf7;\x1c`_\x00\xa5\x98R\xac\xcf\x8d\xd0\x13\xa4\x18\xb5,r\xe1\xb7O\x8b\xbf\x0f\xe8'</t>
  </si>
  <si>
    <t>b"\x96\xbb\xd6$\x95\x86l\xacy\xcb\x19e\xb6\xeb@\\S\x1c\x03\x02'\xe5t] \xf6\x11\xfb[\xcf\xa7o"</t>
  </si>
  <si>
    <t>b'1\x14\x97\x1c\xf3\xf9\x18\x83U=\x1c\xb9\x0e3)g-\xde\x985\x90\xc3f\xc6\x8c\xb9`\xbd\xf5h\xac\x1b'</t>
  </si>
  <si>
    <t>b'|y:\xc2@\x0c[\r\xb9B\x03\xf0\x96M\x0f!y\xc1`\xe8\xb7\xc8A&gt;*\xbe4\xfa\x14\x1f\rd'</t>
  </si>
  <si>
    <t>b'\x1d\x9e\xec+[\xdf%&amp;"\x88\x1d\'^\xbd\xdcEY\xb8\x15\x87\xc0\xaa\xe8U\xdd\x10\x92\xbc\xe4k\x18\xe8'</t>
  </si>
  <si>
    <t>b'\xbd\x138\xed\xba\x96Ej?a\xcc\x86\xcc \xcd\xaa\xc5\xa2O $\xe1\xfc\xa0\x10J\xbe\x1e\xc7Q\x13\xa8'</t>
  </si>
  <si>
    <t>b'\x1a\xeebB\xb8&lt;,\xd1b\xf3F\xb7n:\xc6/\t\xff\x0f\xc3\x95}\xf0\xe0Ix\xdb\xd3,\xa1\xc2H'</t>
  </si>
  <si>
    <t>b'\xe6\x89\x0c\x9do\xcb\xff{\x04}\x1eo\x9f&lt;\x14\xee`@\xdaWf!t(\x97UV}\xae";\x97'</t>
  </si>
  <si>
    <t>b'\xe2j\xe5m\x13\x01\xa5\x1d\xea\xea\xa9\xfc\\2g^\x85p\xf0\xb2R\x9d\xb5\xdf\x92\xb9z\xcb\x03\xd2\x8a`'</t>
  </si>
  <si>
    <t>b'\xcb[\xe5\x03&amp;\n?\xb9\xea\x191\xf1\x8e\xe04V\xed\x02A\x89\xa8\x91d\xd6\x9c\x1f`\x03\xfd\xaa\x9b\xf5'</t>
  </si>
  <si>
    <t>b'\xf1\x83\xba9\xbbd\xe3OS\xd3rS\xed\xd6\xcc\x12a\xd3?\xc0\x83&lt;\xa8~(\xc1(\x06\xb7\x94n\t'</t>
  </si>
  <si>
    <t>b'%W\xd7W\x01#\xa9\x82\x97d\xe2\x88\x8c\xa4\x1cw=\xb6Oo8\xc6\x90\xbc\xde\xac\x06\xcf\xe0\xab-K'</t>
  </si>
  <si>
    <t>b'\x16T8_\xc5SM\xdaiuM\x95\xd2;a\xce\x01\xbf\x1f\xee\x94\xf7d\x98\xce\x03\xeb\xa9\xcaYz%'</t>
  </si>
  <si>
    <t>b' F3\x98\xd9ukc\xecn\xf8\x15\xe4\xbc\xd9A@Xy.\x98\x96\xecd\xc5\xe6\xb9\x85\xe8p\x89\xb0'</t>
  </si>
  <si>
    <t>b'U\x02;R\x07\xff\x07\xc8$\xc7_t\xd9h\x16:\xacoH\xe3\xb8\xd5yA8\xed\xfc\xa3bwF\x07'</t>
  </si>
  <si>
    <t>b'{\x86O\xb0:O\x15&gt;\xc7\x80\xe3\xe5g=\xd6I\xe1\xfd\xea\xba\n6\xe7\x1f&lt;`\xecI1\xdf4\xfa'</t>
  </si>
  <si>
    <t>b'\x9b\x06t\x84\x97\x85\xa6\x1bQb\xd4cjV\xce\x10H\xc4d,\xb5V.OB5\x05\x95U\x03\xb1\x06'</t>
  </si>
  <si>
    <t>b'\xdf\x0b8o+|\xfe\x0f\x00.U\xb5\xb6\x8f\x0cY\x03v\x1c\xe3^B8b\x83\x19\xfe\xa9\x80\x86\xbe\xd8'</t>
  </si>
  <si>
    <t>b'\xa1IQ&lt;\xd1\xa8\xb5\xcb\x0f\x94%\x1a\x1d\xaf&gt;\xd0\xa7*\xb6\x9bh\rT\xd8\x92"\x90\xf3P\xe0\xf9U'</t>
  </si>
  <si>
    <t>b"\xd2\x0bh\xbb'H[5\xb3&amp;\x8f\xeb'\xb5\xec\x900X\x9b\xfa\x18\x17\xa9-\x15\xb1\x83\x1a{\x0c\x14+"</t>
  </si>
  <si>
    <t>b'A\xbb%\x1b\x912\x12WX=\x8e\xe3\xbe\x05\x16n-\xbd\x87\xae\x9d\xae\x88\x86v\x9dO\xa1uC\xe5\xe8'</t>
  </si>
  <si>
    <t>b'\xbfs\x0b\x1c\x93"`\xe4\xdcK\xd6\xf8\xb0\x1c^\xb2q\xc5G\xc3E\xf0\xe5\x80\x91B\x06\xbe\x84\x08E"'</t>
  </si>
  <si>
    <t>b'\xd8\xcb\x06P[\x87\xa8p\xa2\x8f\xbd/\xc4\x96\xef\x82\xd6\xa0\x96\x90j\xad&lt;\xf2N\xf0\xd7|\xf2/\xfe\xaf'</t>
  </si>
  <si>
    <t>b'%]\xcd\x97yw^g\xd3"\x04\xfa\xad\xa4\xd3\xc5\x83GL\xfe\xb1P\xf8\xd7\xa7\xec\xfb\x19\xa9o\xbba'</t>
  </si>
  <si>
    <t>b')u\x9e\xfc\xdb\xc2.\xbe\n(\x0b\xda3\x98K\xf1F\xb8\xe5\x175F;\xf3\x17\xfa$\x13q\x1d&lt;/'</t>
  </si>
  <si>
    <t>b'\x03l\xbc[\xed\xf9\xbf\xe2\x98\xcc\xf73~J\xdb\xbd%\xddA\xc4\xcb\r\xe4\xefE\x9c\r\x89[,f\xe3'</t>
  </si>
  <si>
    <t>b'\x03\xb2\xb5\xd1\xa0\xb8\xd6\x80\xfe\xbe\x8d\xa6\xad\xb4Y#c\x8b{v\xee\x1a\xd84\xf0\x86\x8e\xd2\xa7\xba\xc2\x03'</t>
  </si>
  <si>
    <t>b'2\xf1,\xb0\xd5\xea]\xe8\xc8\xbd\xfag\xb2@s\xb1&lt;\xa4\xc0@\xfc\xe1\xe4#\x03\xa9\xf1a\xf8\xf1\xb3A'</t>
  </si>
  <si>
    <t>b'\x7f\x12p\xa2!\x08)m\xee\x89\x00\x05\x868\xbeGQ8\xb3l\x18\xb0Z.\xa7b?;W\xc1&amp;\x84'</t>
  </si>
  <si>
    <t>b'\x19\xff\x1bj6\x16\xbdu!MP\\C\xf6\xa7gN\x14\x91l\x0b\xb2\x9f\xf2\x88g\x80\xd9\xc8\xdd\xcf='</t>
  </si>
  <si>
    <t>b'\xb3O[\xeb\xd6\xfc\xf0\xb2\xd2\xc0\\v\x95+v\x13\x94\x07\xf4\xd5\xfb\xc7[%Z\xfaC\\\xe3\xaf]-'</t>
  </si>
  <si>
    <t>b'U\x13\xa0\r\xfa\x85\x1e0\x8b\x90q\t\xc7\x8d\xea\xb7\xfeN\xed\xebw\xab\xc9%\x87"d\xe9\x86\x14&gt;\x1e'</t>
  </si>
  <si>
    <t>b'\xf2\xf71\xf1\x85d%\xdc6\x95\xbac\xc0\x0bI\xb9/\xf5\xfc\xe0y%%\xcc\xbcz\xc7\t\xbdp\xa9\x07'</t>
  </si>
  <si>
    <t>b'L\x07\x9aa\xe0\x04@p\xce\xec\xe4bV\x9a\x15\xb1YQ\xf27\xd3\x877\x9bhp\xe61x\xab\xe6\xc0'</t>
  </si>
  <si>
    <t>b"{\xfdY\x03u5\x93\xcb\xad\x00\x10]'a\xdc@\xdd&gt;\x81\xd9g\xc5a\xbaQ\xba\xa7\xc2\x0c\xf8\x1b\x19"</t>
  </si>
  <si>
    <t>b'k\x0f\x8a\xecJ\xb2?\xef&lt;;\x9b[\xa9P#\xb5\x96\x9f\x8c\xecD\xe1\xd3l\xe3\xab\xec\x99\xb3L\xe7\xee'</t>
  </si>
  <si>
    <t>b')A4\x0f\xe3\xbaw\xeehH\xbd\xec5\x91u\xfd6&lt;\xf3\xbb\xf9\x87\x8d\x90\x90\x89\xbae\x815O\xbd'</t>
  </si>
  <si>
    <t>b'\xf1\xe5:H\x1cA\xdf\xfa\x8amP\xb6\x98\x85\xe6e?\x9d\x03\xa1\xb9\x9b\xf8\x95\xa1\xc9\xa1\xf0\x15\x1b\xact'</t>
  </si>
  <si>
    <t>b'\x8b\x9fn\x8a\xae\x06\x15\xc3#\xb9\xb7\xc6\xb7\xd5(\x80\xb3+,\xc84\xc39}\x96d6ny\xe9\x05('</t>
  </si>
  <si>
    <t>b'\xf3\x02@\x1b{\\\xe1rnTV\x9c\xc7\x94gD\x9eR\xd9-\x8c\x15\xe97\x8fn?\xc9\x0cDa\t'</t>
  </si>
  <si>
    <t>b'\x11R\xda$\xba\xa7\xc8q_\x03#&gt;&lt;(\x8a\x17\xec\x11\xac\xd0}\xab\x89\x14\x9e{\xc6\xf5\xe6D\xfc\x99'</t>
  </si>
  <si>
    <t>b'\tW\xf2\x10J*\x88\xfa\xd1;\xe6\xe0Iv\xa5#\xe1a\xc33M\xb7T\xd7F\xc8\xfb"\xd7\xf5\x14I'</t>
  </si>
  <si>
    <t>b'Tr\x8b7\xa4\xa9\x02\xaa\n\x01\xe5]\xf0\xb0\x0b\x05\x9b^p\xef\xe7\x84\xe6\xdc&gt;\xa2,\x1f\xd5\x08\xe6\xce'</t>
  </si>
  <si>
    <t>b'~\xe0\xe3\x95C\xae\x18\xc1\xa8\xe5\x06p\x0bt\x0e\xe83\x7fV\xa6l\xa3W\x83b\x99\x86aE\xe5fj'</t>
  </si>
  <si>
    <t>b'\x1b\x0cf\xe2\xcfY\x11/f\xe9\xe0\xbf?\x9c\xfdC~\x8d\x0e\xfe\x82]\x843&lt;SA"\xf2e\xc2\xef'</t>
  </si>
  <si>
    <t>b'\x1a\xf1\xa6\x82)d\xf2\x1a\xe2\x96\x83\xff\xb2\xd8h\xadJ\xeb\x0e+\xe7\x91\xf8j\x86]\x8d-o\xb3\x8d]'</t>
  </si>
  <si>
    <t>b'\xf1\xc7I:\xb4\xee\x1e\x11\xba\x0f\x0eS\xef\x14\xe0E9\xb9\x93*\xf3u\x0fE:\xd3\x19\x85\xfc=`\x9b'</t>
  </si>
  <si>
    <t>b'\x8a\x1b\xf2\xf6@7-\x1d\xd0\x1f!U\xc08"\xa5\x06\xdf\x86Z*\xa0\xa3\xcb\xfd\xa8\xda\n!qc\xa4'</t>
  </si>
  <si>
    <t>b'\xb0\x0c6R\x83q\x12\xe1\x0c\x9c\xcb\x8aGmK\x1emFA\xea\xec\x80FF\xedH\xf7%\xab\xe7\xa6\x80'</t>
  </si>
  <si>
    <t>b'\xb4FR\x87\xeb\xb0\x8a\x9a\xe70\xa1p\x9f\xa9(\xea\x12}\xf8\xd8\xf6\xefq\xad\x08\x99!\x13\xf2Hh\x0b'</t>
  </si>
  <si>
    <t>b'"\xfe\x1a\x10]yW\x94CA;\x16l\xc0\xa3j\xc8]&lt;\xba\x00\xb4O{E\xec\xcc\xc9?M\x97\xc3'</t>
  </si>
  <si>
    <t>b'\x1e^\xbc\x81\xdbU\xf0\xd0]\xc6\x83\xe9`Pv\xf7\xd0\xa1\\\xd9\x82\xfdw\xf4\xbf\x1c)#\x92\xf5FE'</t>
  </si>
  <si>
    <t>b'\xe8\x1e\x88\x83H\xd4\xb8\r\xa2\x1d\xde\x9b\x85\xf2\x8fY\xd4\xe2\x80!\xfb\x9a@\xd4\xe2\xb0\xd9Tb\xa91|'</t>
  </si>
  <si>
    <t>b'\xc94y\x13\x06\xee\xfdx\xd7\xba\xcdp\xbb\xde\xe1\x19uS$\xc8]\x9f\x81\xaa\x17A&lt;\xc2\xffE\xd9\xbc'</t>
  </si>
  <si>
    <t>b'\x1a\xc0@g\xf2\x85\xfd\xbd\xc674\xe2G\x94\xeb*\x7f"#E\x87\xe6^\xc5\x88kT\x00\xd1\xd0$X'</t>
  </si>
  <si>
    <t>b'\x81\xa2\xd5D\x07\x9a/\xd4\x8e\x83\xb9/_\xc5;\x9c\xe97\xd7G?o\x1cw\x03M\xd5\x918\t|\xec'</t>
  </si>
  <si>
    <t>b'\x98H\xeb\xd6\xaaP\xe1\x84\xcd}\x98\x7f\x11b\xf8#\xae\xaf\xfd\x84nW&lt;ds\x8b\x9a\x84"\xad\x8f\x95'</t>
  </si>
  <si>
    <t>b"\\D\xba\x83\xa6i\x1b,=&lt;\x1f\x14\x86\xe7\x91\x90\x89\xe0\xef\xd3'1\xe8\xea\x16\x1a\xea\x0b\x85}\xce\x13"</t>
  </si>
  <si>
    <t>b'h\x89\xd5\\\xc0l\x83\\\xba\x7f\xc4\xf7M\xac}\xdc\xe8\xb1e\x9e\xb1\xd8HX\x9a\x80\xd6\xcd\xcfIy\xa8'</t>
  </si>
  <si>
    <t>b'\x9dNpF\xa5+\x96\xe5\xb5\xff\xb4\xe0c\t\xae\xfe\xbf\xd8i%\xcc\xd3\x0c\xa3&amp;\x8af\x82N\x9c\x05?'</t>
  </si>
  <si>
    <t>b'\xf3\x8b\x89\x98\x83\xac\xdd\xb2\xef\xb0\x85\x1cM\xed!\xef\xd06-\xc5t\t\xe7\x870\xa0\xce0\xd68`\xee'</t>
  </si>
  <si>
    <t>b"\xad\xb5\xf1PV\xbap)t\xef\xf2\xad\xa7r\xc7\x90\xcc\xf1r'T:\xa0\xd8b\x81\xfa\xa4\x0ct\xb6|"</t>
  </si>
  <si>
    <t>b'\n\x9a\x1ef\xcex\xb3\x86U\x84\xfa\x84\x9d\x9aA\x90\x1dh3F!\xab&gt;K\x90/\x96\xd0S\xd6\x19D'</t>
  </si>
  <si>
    <t>b"\xad\xd0/\xc4\x87\x9a\xd0=\xb1\x19J\xf7\xcc\x9b\x03Y\xc8l\x12\x13\xc7\xf0\n.T'^\x0c\x94\xefsX"</t>
  </si>
  <si>
    <t>b'P\xfet\xc3}\x9f\xfc\x8fk\x01i\xc7\xc4ts/\x0eV}\x87^R\xcf7\x0f\x8a\x9e\x16\x1e\t\x7f\x87'</t>
  </si>
  <si>
    <t>b"\xa4\x0f\xb1\xf5\x9b\xd6\xfa\x99#\x99&lt;\xb6h\xc5\xc5\xd6'\xdc\x90Y\xc7\xd6\x17\xc1N\xe8\xba\x8c\x94)\xe9\xf3"</t>
  </si>
  <si>
    <t>b'\x10X\xbe=\xee\xc1\xe1\x7fN&lt;\xf8 \x14u?Ef\x16\xdb[\xd1\xe0o\xdbd.\xac\x19\xcf\xb1\x9ed'</t>
  </si>
  <si>
    <t>b"X\xfd\xf2!\xb36\x11\xc0\xfb'\xc12W\x9c'\xedV\xee\xbf\x1a\x03\xa0R\x12\rH\x03rQ\x14W\xbd"</t>
  </si>
  <si>
    <t>b'\xe3\xb7\xd5\xe1&amp;\xd8\xb9\xcd\x0c\x92\x12.o7\x8c\xbe\x11\xb9\xbd\xcc\xcd\x94\xb1\x15\xe8{#\xcb\x14\x9c\xdf\xe9'</t>
  </si>
  <si>
    <t>b'Pw@\xfb\xb0\x04;\x87\x86z\r]g\x9ec"\xc50\xee\xe0C\xa5\xaa\xc9qv\xfa\xe9\xf2\xc9\xadg'</t>
  </si>
  <si>
    <t>b'&gt;Sv\x9b\x95\x11$\x8e\xa2\xa4\xc1\xc6\xb2./p\xf7\xc5A\xa6\xb7\xa8hF\xdci\x15\x9d7\xe7W\xec'</t>
  </si>
  <si>
    <t>b'\xf7\x99\x1d\xfcN\x83S\xe2\xf8\xfd\xea\x7f\x88M\xb5\xa3\xb0OLD\xb0{\xdc\x98i\x01R\xd2#\xacD\x16'</t>
  </si>
  <si>
    <t>b'*\xd8\xf8p|\tJ\xa6\xa0\x19\x99d~\x96\xc1\x19_\x97\x06\xd3\x98WV\xc7kw}\xa2\x92f\x16\xbd'</t>
  </si>
  <si>
    <t>b'=7\x1brb&amp;b\xb3\x0b\xd6[qYi\xed\xd5\xde\x8d]\xbb\xda\xf1\x14\x86\xd7C@\x90Y\xe0\xb1b'</t>
  </si>
  <si>
    <t>b'\xa0\xc7\x0c\xc9\xb4bn\xc5\xc4X\xa5O\xf2&gt;\x97\xc7\xce\x8cQ5\x92\xe9C\xc5\xa9L-\xc0~\x82a\x0f'</t>
  </si>
  <si>
    <t>b'i\xe0G\xfd|\x8e\xea .\x7fj\xd4?\xbf\xc8\xc5\x89\xaf\x8d\xb9\xe4\x96\xcc\xa2I\ng)\xbb\xf5\xfaE'</t>
  </si>
  <si>
    <t>b'1Iv%k\x11@\xdbs]\xa2k,\xce\xb7\xdbG\xb6\xc5\xe6\xa2G\xb0Ge\xb8\xbb&lt;As|9'</t>
  </si>
  <si>
    <t>b'\x18n^&lt;\x8f\xc2\xfcs  =}\'\t\xff\xca\x94\xbdp\xe0\xb0\xdc*\x0f\x03\x96}"\xacL\xca\xb2'</t>
  </si>
  <si>
    <t>b'\xb9\xb8\xf7e@\x8bp\x7f\xd8\xcb\xe5\xe7\x05\x15-5\tE=\xef\xd4\xc6~n\xeb\xa4\xfa\xad\xb0\xd0&gt;\t'</t>
  </si>
  <si>
    <t>b'\xcb\xce1\x96\x8a\xfb9\x81\x80+\xce\xe6\xf4\xed\xa5\x9b\xdd\xc3\xdc{\xc7\xc0G\xaf\x8e\xcd~\xa1\xc0\x1f\xa4\xf0'</t>
  </si>
  <si>
    <t>b'ZAd\x13\x85\x9a\xdf1g\xca\xfd\x8c&amp;\xd8z\xd0"\x89\xb6\xdf\xc4\x7fpP\xe9\x92#\xa5fV\x97c'</t>
  </si>
  <si>
    <t>b'q-\x04\x12\xca\xcb\xef\x89C\xe0Y\x80\xbd\r\x02\xe2\xd4l\xac\x10\xa8\x9a)\xbaM\x80\xb1\xa9\xca\xe9\xa1)'</t>
  </si>
  <si>
    <t>b'V\xfdJ\xdcs\\\x9f\x86\xfb\xb6\xaf\xc5\x1f\x15\x83?\xd8u$\xa6\xee\xd1\x86\x06+wO\xbb\xf8\x87\xdb\x84'</t>
  </si>
  <si>
    <t>b'-\x16\xc9\xed2\xe5%\x0c\xf7\xf26\xf4\xbc}}\x08\xf7\xe9z\xc6\xfd\x03*f8,\x97\x07-\xaa\xf2\xf1'</t>
  </si>
  <si>
    <t>b'\x16`I\xe6\x88-\x87\xbb\x93ec\xf9ju\xab\xa3Xe9\xc6-\xd5\xd3\xdey9\xb0#Y\x13\x03\x1a'</t>
  </si>
  <si>
    <t>b"\x05\x84\xb1g\x82\xd8\xf6\xcd\xb4\xd6|\x8c\x07\x90|\xe0m\x82\x02\xde6'm\xd7\x8c&lt;\xb0hr\xb5\xd6u"</t>
  </si>
  <si>
    <t>b'\x80Z\x9b\xe2\xf7\xcf#\x81\xcd\xcf@\xbf\x89\xafO\xed\xd7\xfb\xa7oB\x91\x93a\x0c\x1d\xcc\xc4\x0fq?\xe5'</t>
  </si>
  <si>
    <t>b"\x9b\xf0|I\xe3\xa2\xfa\xfb\xb2\xc3\xf5 \xa9z\x15`\xdb\xf9\xe5?\x01\xa3@\x02I\x9f\x9f9d\xdco'"</t>
  </si>
  <si>
    <t>b'!\xa2\xaa\xe3\xa1`\xfe\xb2\xe4\xc6\xfc\xbd\x96\xefQF~Cz\xb5\t(w\xd2k\xce\x1b\xcc\xb3~\x8c\x8f'</t>
  </si>
  <si>
    <t>b'1\x9a|\x08\xee\x1e\xf5\xb1c7f]\xb6\x11;2\x98\xaa\xd2\x1d\x80\xec:\xf0+7Bm\xbf$\xb4e'</t>
  </si>
  <si>
    <t>b'\xb0\x04\xb8D,m\xb0\x17#t\xe3\x11\x18\xc7\x1a0\xa7\x8d\x0fi\xcfP;0\x82]\xc3VR\xe6\xe1\xdd'</t>
  </si>
  <si>
    <t>b'-\x82\xd6\x16g\xea\xd3\xea0\xa2\xa8\x8a[IX\xfe\x8eeD\xa7\xfe\xee\xf3\xd7\xf8\xf7\x05\xe7w\xe7@\xb8'</t>
  </si>
  <si>
    <t>b'\x90BL\x97\x10o@ u\xf1\xfd\x8e%\xff\xecl\xebR\xffl\x08\x1c\x0e\xab\t/\xbe\xcfC\xe7\x88U'</t>
  </si>
  <si>
    <t>b'\xbf\xd1\xe7Y\xc9\x1bpP.\xac*\x03\xa82-\x9e\x06\xe4L\xee\xb5|f\xaf\xb8\x19\xa5&lt;\xd7\xa31\x87'</t>
  </si>
  <si>
    <t>b'\x05a{;\xd8\xbf\x85^o\x95\xfbl\x8b\x04\xd8\xb2\xa2\xd1\xc4\xf7y\xaeu\x93\xd5g\x06~\xef\r\xcc\xc0'</t>
  </si>
  <si>
    <t>b'N\t8:\x1d\xe4s\x08\xe5\xf5\x8c\x03\x96`\x1dWl\xc9\xf0\x7f\xfe)\xfb\x86"\x88\x16\x83_zO\x17'</t>
  </si>
  <si>
    <t>b'\xf7~a0\x9b\xe19\xb1\x03\xf2\x0et\xa7+&gt;\xdd\r"\xabc;\xeb\xa3\x0b\x88u\xaf\xab\xa0\xec\x06\x9a'</t>
  </si>
  <si>
    <t>b'_\xf9\x82l\xa6\x0f1U\xa4T\xc1A\x1fL7/\x16\x91^\x9c\xc3\x97\xac\x08\xa2u\xd27\x1d\x89I\xf1'</t>
  </si>
  <si>
    <t>b'~\x06V\x1a\xa0\xed\xb7\x7f\x81?\xc2\x17\x02\x9eIz\xe08N\x90\xc3|U\x7f\x92\t\x81\x1a\xaeQ\x16\r'</t>
  </si>
  <si>
    <t>b'\xf3\xc0w\x00\xf7*\x1a\xc6\xb0\xf1y(\x00\xe1}\x9f2\\f\xe8\x99\xa8\x89\xd2\x0e\xd3\x0fqfQ\xed\x83'</t>
  </si>
  <si>
    <t>b'O\x1a\xa3~\xbc\x15x\x15v\x04\xef#e\x863\xa0\xf4\xb4.\x1c\x94~\xfc\xbeTBS\x9b\xa8\xf9[Y'</t>
  </si>
  <si>
    <t>b'\xaa\x1e\x9c\xbc\xba\xeb\x1c]-\x96\x0b\x8c\x03["\x86\xbe9\x81\x8f\xe9\xb5E\xa0ts\xea\x9cLN5\xeb'</t>
  </si>
  <si>
    <t>b'$SP-\xad\xcb\xab\xef\x16\xe7g\xab\xcb\x1a\x01\x8c\xdaMo\xff\r\x0b\x8e\xd5Pnb&lt;\x93\xd5cO'</t>
  </si>
  <si>
    <t>b'T`\x88\x8a\xbf\x00!/\xbfs\xd9\xbc\xdc\n{\xf9\x054\x9cuS\x85\xbd{\xcc\xf7\xb1!E\x0f\xd7\xbe'</t>
  </si>
  <si>
    <t>b'}r2\n5\xb2h\xdf\xb8q\x14#~E\xdb\x98\xee(R\xc5\xcb\xcf\r\xecT\x10\xc5\xa3\xbeK\xed\xb7'</t>
  </si>
  <si>
    <t>b"\x82Sb\x87\xf0\xc2\xdd\xff\xf0j\xecJ\xd5\x13|\x8c\xcb1\x16\xd3\xd0_A\xc7'y\x93\xd9\xca\x86\x0f\xd1"</t>
  </si>
  <si>
    <t>b'\xab5\xb8b\xecx\xfb\x1f\x97\xabl\xbc/#\x89\xd7\xa3|\x98\xf7se0\xc1O\x93\xbc\xc2H+\xb3\xd7'</t>
  </si>
  <si>
    <t>b'\x8f\x9b14\xfa\xd6\xf1\x14\xec\x9a\x19v\xa8\xfc\xbcD|j\x01\xc7\xe9\x8c\xc5Gi\x86\xa3m\n\xc7&gt;q'</t>
  </si>
  <si>
    <t>b'\x04\x0bX\xe5\x90\x8d\xe3#\xb9\xe2\r\x06\x18\x10s\x16\xfcD\xa6\xf9\x90\xf7\xe2Emn\x89P\x98oB}'</t>
  </si>
  <si>
    <t>b'\xe4\rN\x1d\\\xc5\x1f\x938\x01@\x8at\x02Q\x83\x05\x92\xbc\x89L\n\x82\xda\x14\xee\xd3\xd8D\x86U\xe7'</t>
  </si>
  <si>
    <t>b'C=j\xa5\xdf-EP\xd3\x0e\x87\xc3\x89\xff\xaf\x8d\x8f\xf2}Zcp\x1c\xd8\xed\xa3\x8d\xc7C\xc9)\x18'</t>
  </si>
  <si>
    <t>b'\xf38\xec\xf9\xf6\xd6~\xcc\xb5*\xcc~|#\xdc\x85\xc8\xce*\xcc\x93\xe7H\xd1\xe1j+\xb1YY&lt;?'</t>
  </si>
  <si>
    <t>b'gh\x11T\xcd\x7fD\xc1\xc4\xeb\x8f\xd4z\xce\xf1\x87|\xc2pTl\xc95#\xc6a\xb2\x10bRGq'</t>
  </si>
  <si>
    <t>b'\xd72\xa4\x985\x10/+\xfbl)\xf4\xa78\x87\xa0\xc1rk\x10\x82\xfb\xc1u2\x9b\x89\xb0t\x83\x88\xcd'</t>
  </si>
  <si>
    <t>b'\xa98c\xa5\xb4y\xe5\x04\xcb_\xc8+\xa2\xcb}\x8e`\xdf!\x9e\x0f\xc4\xe9\xe4|\x9a\xe7$M7\xc6\x9a'</t>
  </si>
  <si>
    <t>b'\xda\xaa&amp;2\rnY\x01\xc4\xa2\xed\xcb\x85&amp;\x1b\xf8\x01\xa7\xe7\xa1i\xdanF\xd7\xdc@\xe56\xbaW\xf0'</t>
  </si>
  <si>
    <t>b'(&lt;]MW{\xde\x8a\x81\x86\xbc|4\x08\xfdZ\x1a\x87\x02\xbax$\x1f\x0c\xee:\x1b\x9a\xcd\xd7\xc9\x94'</t>
  </si>
  <si>
    <t>b'\x8d9?m#\xdb\xac;j`\x96\x1d!\ry_\xbd\xac{\xc9\x9fvm\xc9/\x8f\xa8\t\x95|\x95\xdb'</t>
  </si>
  <si>
    <t>b'\xbb\xc1\x83\t.\xce\xe5$~&amp;\xaaT\xc7\xc6\xa4r\x92\xd4\x02\xbaMn\xd0\xa8\x8cK\x83D\xebS:w'</t>
  </si>
  <si>
    <t>b'@\xe6\xe3\xd5\x89\x1d\xaa\xba\xedz\xc4 \xd1\xfe\x9e\xf1\x94yw_\xea\xa8\x18\x07\x00\x94d+\xec\x14\xb9w'</t>
  </si>
  <si>
    <t>b'\x18R\xa6\x1fK\xc9\x18U4\xc0\x06\x1c \x88\nH&gt;w\x1e\xd1\x99E\xe68\x11P\x9e\xbb\xc4\x08\x0e\x9c'</t>
  </si>
  <si>
    <t>b'\x0b\x199\x9d\x97$\xa9\xe1_\xab\xcd\xcc\xdd\xfb\x8f\xfaZ\xd1\x8a\xa0\xa6\x9aa\x88\xf3\xf6\xbbN\xb5\xa6O)'</t>
  </si>
  <si>
    <t>b'\xa5\xadE\xe2\xe7\x12&amp;\x08\x12\x0f\x99.8\x8dYi\xd4\x95\xc3\x90\x95\x00"\x18\x12\x00O\xe0^2\xd5\xe2'</t>
  </si>
  <si>
    <t>b'GR\xc7W!\xff\xb9`P\xde/\x91\xd1.\x0ci\xf3^r\x80\x0e\xb7bN/Cs\xaf\x9b0\x1fT'</t>
  </si>
  <si>
    <t>b'v\x9dQP+-\xf2\x10Ci\xd2\xef\x1fm\xd0\x8fe\xc1\x1d\x89\xdaR\xda\x95\x9b7\xa4\x13HkIb'</t>
  </si>
  <si>
    <t>b'\xd6l\xb4\xdb\xd1\x80\x9c\n\x1d\xea\xc8\xe8\x9eZ\x86\x12\x01\x99\x0f\x9cu\x03\x99m\xf2\xba\xfe\xe2(yRj'</t>
  </si>
  <si>
    <t>b'K\x9c\xef\xe5\x8fc\xba\xa4`j\x7fUw\x84\x01h\x8a\x0b7E\xdf\xe1\x005\xf0f\x8c\xc5\x16,\xa1\x96'</t>
  </si>
  <si>
    <t>b'\xb4S\x82n\x02\xcc\x86\xabuc\x177]\xfd8\x9e(6\xfbt\x90\r\x9a\xd3\xbb\xe7\x92z7u\xe2\xc1'</t>
  </si>
  <si>
    <t>b'\xdd\x02\x82d\x12uGl\xc9\x07\xc5]\xf5\xa2\xf2N\x91\xea\xca\xde\x10\x87T1N\x00\xd4\xc3\x97\xaeB?'</t>
  </si>
  <si>
    <t>b'H\x86D\xb6\x1fq\x1b#\xd6\xae\x85O+wK\xd6\xe6l\xf2\x03\xdaK\x0cH\x06\x81Y$\xcc\xb0p\xf1'</t>
  </si>
  <si>
    <t>b'\xf8\x8d\xd6\xc2\x90z\x0b\xe2\\\xa5\x19\xfbA\xa4\x1bcX\xc7\x03\xd9\xfbO\xb5\xa9\xb1Pj\xcfB/;\x85'</t>
  </si>
  <si>
    <t>b'f\xa8}\xdd,\r\xd4\t\xa7\xa3xF\x08\x81\x80h\x15/Hx&amp;3C\xab\\\xacDC7\x05t~'</t>
  </si>
  <si>
    <t>b'\xc3m\xf9\x04\xa9\xa1\xac\x10V\xbe\x857\xa5~\xc7\xfe\\\xc5\x0b\tsQ\xa9\x91N%OXEKY\xd8'</t>
  </si>
  <si>
    <t>b"M\xf0]\xda{'\xa6\xc4\xa7\tu\x1a\xf3\x1e\x1d\x9b\xcb\xd8=\xdd\x92^'@\x1fg\xec\xb7+K\xb9\xae"</t>
  </si>
  <si>
    <t>b'N,g\x87\xec\xa6\x88\xde\x85\\O\x8d\x96\xf0\x8a.udA\x8f\xd7\xe0\x8c\xe4\xb2.~J?n\xe9\xf7'</t>
  </si>
  <si>
    <t>b'\xdb\xf8TP\xb4\x03\x85\x89y\x83x\xe9c6\xdc\xa3\xfa\xad\x80\x02\xfd\xf1\xdb`\x12\xd5\x96O\r\xc9\xe0x'</t>
  </si>
  <si>
    <t>b'\xd0\xab\xae\x84j\x8b{&lt;\x1a\xe5\x0c%\x86 \xc0q\xa4\xee\xb3\xc6S~\x84\x7f\xc3c\x00\x9f\xc6\x13\xbaT'</t>
  </si>
  <si>
    <t>b'\x96\x0c\xc2\x12\x87\xa3\xe2,\x17f\x12;\xc6\xf9\x8a\xe1j\xd5\x9e\x93G\xea66\xa7\xe9\xd8\xc1\xa4\x90\xe6"'</t>
  </si>
  <si>
    <t>b'5\x0fP\xc4B\xfd\x9e\x85g\tnL\x04\x8e\xd7\xc3\x98\xd9\xe2fb\xf2\xb1\x90\x19\xfd-\xa7\xed\xba\xe8\xcf'</t>
  </si>
  <si>
    <t>b'XZ\x95\x7f\xbfn\xc1/\xa5t(._\xe8\xc0\x01-\xb5\xdb\x01\xf65\xb2\x89c\xd1\x94\xfd#\x10J\x1c'</t>
  </si>
  <si>
    <t>b'\x1f\x7f\x1f\xe7I\xee\xce\xaer.\xe2(\xff\x06\x90\xc5\xb7I\x19\xe9\xed\xe5\xda\x93\x83\xbd\xdd\xad\xbb\xd4\\\xb6'</t>
  </si>
  <si>
    <t>b'\xdf\xe0\x1a9\x7fgY\n\x96\x16\xf1$gM\xb4W\xa0\\\x8e\x97\x15\xb7\xc6\xf1\xef!\xa1N\xcf\xa2\x95\x85'</t>
  </si>
  <si>
    <t>b'\xed\xa4"\xd4\xb1\xf8\xc2\x82\xef\x8f\x7f\x82t7N+\xb9\x9dR\xc1\xd8\xe11X\x08\xfb\xc2\xd3\xe3\x0c\xeb\x9b'</t>
  </si>
  <si>
    <t>b'1\xa2\xb4h\xee)[n\xc4\xfb/\xea\x88;\xdat\xfev\x1cE\xc2*\xcb\xb8eb8T\xfc\xc0\x0eg'</t>
  </si>
  <si>
    <t>b'\xa6f\x01f\xf9Dv\x92\xdd%\x1d\x1b\xb0\xa8\xc9\xe5\xc6\xf6\xfe\xed\r\x85\r\xea\xad\xd2\xa5\xc8q\nSH'</t>
  </si>
  <si>
    <t>b'\x00\xb3\x1b\xe7\xc1\x80&gt;\xcc\x1aKM\xf9\x88Q\x14\xaeB\xb8\xa4\xe6[_H\x12\x83&amp;\xe3\x80 \xe4\xc4\xf5'</t>
  </si>
  <si>
    <t>b"\xbd\x02\xe0\x98R\x1f\x07\xd7\xd9p\xd0(hq\x17\xf1\xe6\xf2,\xb6v\xd7J\xa2\xaf%'w{\x1c\x0c\x19"</t>
  </si>
  <si>
    <t>b"\xe1\xa5\x9bLh\xf9\xc7\xcb\xca\xb5',\x9a\xbeR\xebz\xfd\x02+\x06\t\xa7\xe0o\xfd\x89Z\x8a%\x0f\x92"</t>
  </si>
  <si>
    <t>b'\xc9\xd6\xbf\x10\xd1\xb6l\\\xef\x1a\x07\xb2\t\x85&amp;\xb3\xc2G\xfc\xc1\xb4e\x9b\xe7\x1fb\xeb\xffY\xab\x13\xa4'</t>
  </si>
  <si>
    <t>b'\xff\xae&gt;|\xaf\xdd\xdd\xfc2\x0b\xd2\xac\xe4\x17\xe3R\xbb\x0b{t\x84\xac\x94BZ:\xd9\xa8MC\x9e?'</t>
  </si>
  <si>
    <t>b'\x17qT\x8c/ \xd58\x93C;.j\xc7 \xe1 \xee\xac\xaf\x00\x12\xfa\x881\x9b\xa3\xf5\xa4,\xfe\xb1'</t>
  </si>
  <si>
    <t>b"\x85\xc3\xfe4'\x834K1\xb37y\\**\x898\x0b\x1b\x17:g\xd8^\x9a,\xb9\xcc\xc6\x91\x03X"</t>
  </si>
  <si>
    <t>b'\xc7\x89W\xe8\x87\xfa\x995\x03\x1b\x800E\xc3\x12d\x1d\xddF2\xbb\xc2\xab\x81\x03\x87;H|^\x01~'</t>
  </si>
  <si>
    <t>b'\xe8\xd5er#Y\x16F\xbb0\xa8Z\xd0RND\xfc\xc51\xe9V\xeb.\xf2\xdf~\xa3W^\xd6.)'</t>
  </si>
  <si>
    <t>b'$\xbe$\xfa\xcc\xb6\x97&gt;G\x8e\\\xa9\x1b\xb4\xe7-b\xb7\xde[N\\\x91k?\x05\x88\x86\xd2\xe8C\xb2'</t>
  </si>
  <si>
    <t>b'\x7f"\xfb\xe0\x7f5\xb0\xf0J\xcf\xe7(\xbd\\\x80C=\x95\x95\xc8W\x9d\xc3\x98\xf75\x82U\xf1\xe1\x7f\xab'</t>
  </si>
  <si>
    <t>b'Y\xa5\xea\xc8\x1a\xb53\x85^\x17\xc6\xf3\x18\xdb-E\xa1x\xda\xde\x06\xdfvh\xfb\xbb2\xac2(xg'</t>
  </si>
  <si>
    <t>b'\xdd\x15\xc0\x17\x15=\xea\xb2\x81h:\x8d!\x91\xb9=,\xbd\x9a\x9d\x03f\xa4\xaa,\nCx9\xb6\xa3\xee'</t>
  </si>
  <si>
    <t>b'V\xbb91\xf8G\xacX\x04M&gt;\xb4\xa0\xd8\xfd\xbc\xab\xb7\xdeG\xd6\x89/UR\x12\xeb\xd2u#J\xee'</t>
  </si>
  <si>
    <t>b'\xb0\xcd@1\xa5\xe6\x0c\xe45\xac\x8c\xf0\xc3c\x13\xef\x00w\xfeu\x10c]\xe6\x7friV\x0e\xdb\xf0\xf4'</t>
  </si>
  <si>
    <t>b'\xed=\xdf\x82t\xf5&amp;g\xc1\xf4\xe8s \xbc;\xeb\x1b\xeb\x0fM\x05\x9b\x8d\x08N\xe8\xf8=\x8d\x0b\xb0+'</t>
  </si>
  <si>
    <t>b"\xcb\x1d\x91s\x16x\x8c%\x0c\xda\xd5\xb3R,?+k\x98\xeb'\x7f\xeb\x9e\x08\x18)f\xb23|\xd3f"</t>
  </si>
  <si>
    <t>b'5\xbe\xce\x9f\xae\xf0lrG\x03:\x84rL\x13\xf1\xcc\x1f\xee\xa0\xe5Bv\xd95\xe8\xba\n9\xd3X6'</t>
  </si>
  <si>
    <t>b'\x9f\x00\x9b1\xb4h\xb0\xe9\xb13\xa9[F\xe7\xbdu\xcb\xf0Y\xbe\xbd\x91#8\xe9 \xb4\xc4s\xcfd$'</t>
  </si>
  <si>
    <t>b'\xf3Z"\x8fh\xd3wT\x17\xd2\x13\x90^\xbb\xe2\xb6\xbe\xdc\xef\x05\xc8\xcd\xaa\xd1\x06\xce\x00\xcd\xfe\xf6gV'</t>
  </si>
  <si>
    <t>b'\xf88\xb6\xcb9\x87\xb5/\xb8\x01\xa3\xad\xbf,\x901\xd5#\x7f\x9bEX.\x8b\xa2t\x84\x90\xd9\\\xf6\x06'</t>
  </si>
  <si>
    <t>b"Al5N\x01\xdd\x97\xcb\xe4S66\xec@\x0b\x18KZ'=_\x85\x98Uoo\xa6\xf4h\xb5\xbe\xf3"</t>
  </si>
  <si>
    <t>b'\xe4[:5\xcff\x93\xe7\xbfwh.\x9e\x1e4-^h\x81-\xe2+\x15.\x9cC\x10\x90\xf0\xa2\xe5\x94'</t>
  </si>
  <si>
    <t>b'\tp.\x97\xfd\n\xe0 d\xab\xa9#\xfc\x9f3\x9b\x8cl\xc1\x86R\x8c\x9c\xc3\\\xd0\x1fp\x04\xa0\xfc\x15'</t>
  </si>
  <si>
    <t>b'\xbb\x1beAM\xb6\x9a\x9aL6\x94f\xe7w\x0em\x80\x82\xb5\xa4\xe2\xc4\x030zp\xf3~\x1c\xe8\x00\x9b'</t>
  </si>
  <si>
    <t>b'\xe7\xe5\x8b\x87\xbd\xdfk\xb7?\x86\xb3nS\x1a\xba\x96\x134\xfc\x0cX`\x12\x9a\x0f\xbej(Yy\x8b\xdf'</t>
  </si>
  <si>
    <t>b'\xf6+\x9b\xbeRr\xe7Le\xd5j_\xca(5\xe1(4\x81\x07\xf1\xe3\xd2~$W\xad\xedh\xf8\xe9-'</t>
  </si>
  <si>
    <t>b'(\xfb&gt;\xbe\n\xf2\\c?\xb8r\xeb\x00Jq\xaf\x08V\xa9\xf3\x8f\xbaQ\xe9\xf2[\x95\x94y\xc3\xec\xd0'</t>
  </si>
  <si>
    <t>b'\xearT\xe1\xfa|\x19 \xa6\xe7\xe7&gt;\xe7A\x1duU\xff\xef\xbfp|\x94M\xce%\x87c\xaf\x9a\\\x81'</t>
  </si>
  <si>
    <t>b'\xd1_\xfa\xeb\x91e\x1b\x11\xc1N!\xce\x14\x14\x1dY\xc29R\xb2\x86\x99\x13\x1d\xa0\xb0*\xbaN\xfah\x8a'</t>
  </si>
  <si>
    <t>b'\xe4\\X\x89\xff\xa3\x97\xaf5\xeek\xc0Oj\xcb\x9eC\xa9\xda\x80Ic\xe6\x07\xc6\xfc-\x9a&lt;\xbb\x8b\x1e'</t>
  </si>
  <si>
    <t>b'\x91\xc7Q\xe8J&gt;\xf3\xefR\x8ddZ\xeal\xa4\x07\xf6\xf1&lt;/\xd3}\xca\x17\x13\x7f\xffL_\xd2z`'</t>
  </si>
  <si>
    <t>b'J\xa6Z]&amp;\xea`\x86\x7f\xc83\x85)\xd5x\x9f\xa0|\xa1\xbef\xf1\x0b\x19\x1c4\xa6=b\x9b\x89\xf9'</t>
  </si>
  <si>
    <t>b'\xe0\xc3mx\xa1p\xb9!H%&gt;\xc6\xd5\xf5~z\xdan\x88\xad\xceY\xdb\xf4\xd4\x0e\xd1\xa9\xee\xdc\xbe\x1a'</t>
  </si>
  <si>
    <t>b'\xf3\xea&lt;\x17\r\x93\xd61\xfa0\xf5\x91\x9fY?\xeeA\xc8^,;cST\xf8\xf7\xfd\x1d\xd6\xe5\xe6\xd7'</t>
  </si>
  <si>
    <t>b'\x10w\xcb\xcf\xd3\xc7\xa6\x15?C2\x9b\x05\xd9\xb3W\xd57\xe6~\x1b\xd3+@"\xff\xc4\x01o\xdb\x88\x08'</t>
  </si>
  <si>
    <t>b"z\xce\x1e\x18Y\xc7\x90]\xfe\xb3\xd8\x82\xb3\x00dP\x02\x179O\x19'\x12\x84\x1e\x13a\x9e\x8a\xf6\x9b\xe0"</t>
  </si>
  <si>
    <t>b'D/\xd7`\xb7}9\xba%\xa1p\xa0\x173\xfdo\x8c\xa2(\xb2\x95wZ+\t\xb6\x83XyYeU'</t>
  </si>
  <si>
    <t>b'\xe0\xc7\xd3\xd8\xca\x87\xdd\x04xPx\xd4C~\xb8|B\xca\xfa\xcd\xee\xb0"_\xc0#D\xafJ\x04`"'</t>
  </si>
  <si>
    <t>b'rZ\xa5\x14\xd8\xe9\rr\xe0\xe6\x1d\x96-\xc9_E\xa0\x0c&gt;\x8c\x7f\xff\x89)?7\x01F\rZH\xce'</t>
  </si>
  <si>
    <t>b'\x95\x91\xa3\x00\xfb`"\xe5\xb9\xf8g\xf9j\xf9X\xccP\t&lt;Dz\\%Z\xde\xbb\xbeg*,\xe90'</t>
  </si>
  <si>
    <t>b'\xf6\xe3\r\xd3\x1by,\x9e\xedr\xfa\xcfu\x04&lt;!\x82\xb3\xf3c\xd6C\xa2w\xbb\xc4++\xa9ES\xe7'</t>
  </si>
  <si>
    <t>b'9\x90\xc7|Yf\xdb{F,\x1c\x1e\xe4h\x01^LW\x9e\xea^\x1b:\xba\xfb\xca\x1a\x18\xaa\x87\xf2S'</t>
  </si>
  <si>
    <t>b'[`\xe7#{\x00\x87v\x87-\xcd\xe8`\x1f&amp;H\xa9\xb1sf\xb2\x86\xe7\x1e\xca\xbe\x15}\xa3qV\xc1'</t>
  </si>
  <si>
    <t>b'(\x19\xe8!\xb9GE\xde0\x9dG\xde\xc49StE\xed\x99|\xa0\x9a\x19\x06\xd0\xa9\xd1su~w\x84'</t>
  </si>
  <si>
    <t>b"\x92\x02\xbfYB\xeb\x1f'9\xf3(!\xdf\xad\xd5{\xbc&lt;\xef\x93\xefp\x03\xcce\xf8\x97\x9a\xe6a\xf6\x17"</t>
  </si>
  <si>
    <t>b'\xb9\x0c3\xba\xa1\x19\xcb4\xfa\xda\xd6\xb1f\x04\xd6I\xb4\x9e\xf9\xd9\xfd\xef\xf5n`v\xe0\x91h\x0bxe'</t>
  </si>
  <si>
    <t>b'\x9b\xe5/\x17\x0e\xb3\x80\xd873\xbd\x19\x90\x0baS\x91,\xa2\xb3\xb3\t)\xe9\x9f*4G\x87b\x88v'</t>
  </si>
  <si>
    <t>b'\x8eu3\x0f9\xd2\xcbw\xdf\xd4$\xe5o9\xca\x94g*\x88Sg\xd3@\xfc2\x12\xac&lt;P\xb9\x8e\xd8'</t>
  </si>
  <si>
    <t>b'\xd3\xedW\x1eT\x81}\xf1&gt;\xc5\x8e\x88\xcd\xba\x18\xe2\x8b^k\x95\x99KMjn\xc0\x0b~\x9b\xdc\x14\xe0'</t>
  </si>
  <si>
    <t>b'\xaf:\x12G\xc4x\x991\xc6\xf3[&amp;\xe5T\xa8\xed,,@!\xdb~e\xa1\xb2.\xa6\xf1\xc4.\xa2\x8b'</t>
  </si>
  <si>
    <t>b'C\xac\xda\x0cK\xd0\x9e\x85\xf1Q;\xc9\xad\x16\x01\xa9{\x02\xdbk\xa7 \xf3z\xf5z\xdb+)\xa9\x80]'</t>
  </si>
  <si>
    <t>b'\x07\xa3\x98\xb6+\xbd\xadnp+`\x9d\xc4\xe1\xb8\xaa\xf7i\x1ffG\xb4\xdb\xf8\x8cp 7\xf4\xa6\xbcD'</t>
  </si>
  <si>
    <t>b'$\xfc}\xe3\x8f\xed\xd0~\x08\xad\xa9\xd3|,\x10\xdc]\xf6\x80(s|Q\x0b\x82\xc7\x98&gt;\x9b\xcd\xd1Y'</t>
  </si>
  <si>
    <t>b'\x8d\xc9"f\xfe\x9a\xad\xb3\x98\xc9c\x9d?\x00l\xbc\xd0\xebl\xa3\x0b(.\xd3\xda\x96\xd9M\xec@\xb3\xb6'</t>
  </si>
  <si>
    <t>b'v\x93\x06\x8cBo\xa8\xb5\x94\x81\xf9\xdc\xfch\xcb\xc7\x9do\x94\x8ct\xcbL\xb5.l\xf9\xc5\xea`\xf0p'</t>
  </si>
  <si>
    <t>b'\t\xf4@V\xfaB\xae\xd9\xc1\x14x\xf2\x98\x8c1\x88V\xf9\xc5o\xbf\x00\xd8G\x1fR\xf1\xd8%\xe4X\xa8'</t>
  </si>
  <si>
    <t>b';*\xb9en\xb2\xf2\xa46\x1a.\x8f\xbb\xc0\x17\x80*\x86!\x13j\xc1\x08/Y\xcd\xd0V\xe4\x9d\xdb\xee'</t>
  </si>
  <si>
    <t>b'YI$\xbac\xe5IOyd\xc8\xa7\x8d4\x93\x0f\xabb\xf7\xe6\x87p\x87\x14#\xad\xf4!F\x1d\x10\x04'</t>
  </si>
  <si>
    <t>b'\x93\x16\tv\xa7?\x84\xeb\xdf{E\x1e\x02\xd3\xcd-sgX(\xd4\xdb3\x01Tc\x83\xd9\x1c\xd7\xdb\xe7'</t>
  </si>
  <si>
    <t>b'u\xf9\xee\x0b:\x9f\xe1\x12\xaa\\\x94\xca\xdb\x08\tYa\xc4\xe1x\xcd\x90\xdeKq#\xdb\x83\x9f=\x04\xbc'</t>
  </si>
  <si>
    <t>b'Kng;iA\xacZ\x06\x02\x1b"\x0c\x1f#_vv\xdbW\xf4\x9d4M\xbd\xf9\x90~N{\x00('</t>
  </si>
  <si>
    <t>b"\xc6\x96ci\x97\xbe\x91\xcdtAS'J\x0fX\xd2\x84\xce\x0e&amp;\xd8\xa1[\xbc\xb6\xd9\x87\x12R\xc3\xccB"</t>
  </si>
  <si>
    <t>b'\x81\x8c\xba\x1cA\xdd\x8e\xe7\x8f\xfa\xcf\xd06,2\xe9\x9d\x13\x7f/\xf9\x95~\xdf\xdbh\xb48\n\x81\x82/'</t>
  </si>
  <si>
    <t>b'\x89\xd6\x8b\xf3/\x05\x9eo4\x9aufX\x83\x85\xed:K\x03u\xf4p\xf15\x0b}\xe1\t\xf6\x91\xa1 '</t>
  </si>
  <si>
    <t>b'\xee\xf1\x83\x064\xe9\x8e\xdd\x94\xb9\xc7\xaa\x83\x06\x93_\x03\xeb\xf2\xa2.\x05\xf6sH\xcc\xbc\xb0U&lt;/\xbd'</t>
  </si>
  <si>
    <t>b' \xb7u\xa0&lt;D#\xe78-\x84mIa\x90\x1f\xc8p.\x8b\x12k4\xfb\x93n\xb3d\xa53\x94\xb9'</t>
  </si>
  <si>
    <t>b'%\x7f\xdd\x16\xab\xf1"\xec\xd7\x9aI\x87\xb6&gt;\xf6\xc2\xa9\xc4\x15\xfbBL\xe1-\xc3\xee\xd2?\xd0\x8c\x1d\xe3'</t>
  </si>
  <si>
    <t>b'k=\xd0\xc2\xf2GJ\x94\xed&amp;\x8d\x03\x14\x8e\xcf\xa1b\xffd9\x93;\x9f\xcf\x941\xa9+\xd3\xfb$\x7f'</t>
  </si>
  <si>
    <t>097xx</t>
  </si>
  <si>
    <t>b'\tw\xe2\xbe0FRV0\xc2A:,Z\x05\xbf\x9d\x15\x85\x07\xbd\x95\x9d,\x16\x80\x864\xcd\xe4\xf9F'</t>
  </si>
  <si>
    <t>b'\x1f\x17:\xff\x0b\xd3]t\xcc\x14\x06\xfe%\xeaZ\xba\xf8\xa0)\xcc\xf9o\xa1pI\x9e\xd6j}\x10\xf9\xd7'</t>
  </si>
  <si>
    <t>b'\xc3\x82\t\xbf7Dm\xe7\xee\x83\xf0n\xa4\xb1r\x8fB\x8c\xe3\xfa\xa1\xf3$\xa5\xb1\r\xb5\x1f\x8e?sH'</t>
  </si>
  <si>
    <t>b'\xac\xae@\xcd2\x90\x95\xc9\xe06\xb6\xc0\x11a\xab\xaa_\xf5\xbe\xba-\xa0F\xe7\x90\x8d\xc8\xcf\xe8\xe8\x16\xa3'</t>
  </si>
  <si>
    <t>b'\x8fI\xf4\xd5\xf9\xc7p\x89\xc2\x84\xca\x13&gt;\x83V\xa8\xd0\xdb\xc4\xca\xc4\xe2\x90$H\x95t\xb5_\xe1|H'</t>
  </si>
  <si>
    <t>b'\xef3\x04=R\x84\xa5\xa0\xdcJ/\xa9\xa2\xfd\xf8\xc0B\x0e\x02\x9d1;E\xc2\xfb\x9c\xd9~\x12H\xe0q'</t>
  </si>
  <si>
    <t>b'i\xe4\xb9o@Ds\x10B\x113\xb2\xdb\xed\xf0No\x02\x17iN\x17\xbd\x1a \xb4xU\x864\xd2\xfd'</t>
  </si>
  <si>
    <t>b'\x82#\xe0\xe1\x8d\xdd\xaa3-&gt;V6\x06uU\xd8\xbf\x9a`SN\xab\x04\xbb\x1a\xa4\xa9\xdf9=\x8eJ'</t>
  </si>
  <si>
    <t>b'-g\xce.!\x12\xab\x10\xb0D\xbdn/\xc1\xaf\xe6\xdc\xe0$\xbdA\xb7n\r\x054:\xeb\x98%}\x11'</t>
  </si>
  <si>
    <t>b'\x16\xa2\xa8W\xb2\xdd\x19\xf3\xf5 \x19\xbd\xd9`\x00\x01\xd5\xdd\xba4\x1b;\xc3\xda\xefj\xf4F&amp;\xa2S$'</t>
  </si>
  <si>
    <t>b'\xf5\xa7\x83%-\xb20"\xb0\xc9\x1b\xef\x1fr$\xe4s\xb7\xac-\x8a\xdc^\xc9H\xd1\xb8\xc5\x1a\xe9\x8d\r'</t>
  </si>
  <si>
    <t>b'\x9a\xc9~\xfeeL\xa1f \xfc S\xe3\xcb\x08\xca\xb6\xf9\xbb\xb0\xa0\xa19\x86n\xe6\xa3\xdb\xac\xa6B\n'</t>
  </si>
  <si>
    <t>b'I5W\x80m]\xfbh\xb8\xc3\x17}\x10\xf2YC\x86n4\x8aM=\xa4W\xc3\x1b?\xc9\x12us\x80'</t>
  </si>
  <si>
    <t>b'\x83i\xd2\x01W\xcd\xe4\xc3\xdbQ&gt;\xd0\x16~\n\x06a\xebpP8\x06k\xb5\xa6P@qG\xb8\xe1\x84'</t>
  </si>
  <si>
    <t>b'\x80\xd5\x16\xd9\x96\xf5\x0f\xfc+\x14\xc1\xb39\xder\xbf\xfcO\xe5\xc4v\xaa\x84\xb8\xe6\x04\x19\x15F\x02\xc4\x92'</t>
  </si>
  <si>
    <t>b'\xb0\x15\x8a\x84\xc6\x9aC\xdd9\x0e\xa8\xc8\xe0\x87`t:-\xd8\xea\xe6\xf7\xa7p8\xde\x13LV$\xfc\xf5'</t>
  </si>
  <si>
    <t>b'\xb2\x0b\xef\x81)K,\xdc\xc2\xfe5\xc4\t\xf5\xf5\xea\xb6b\xf9y\xb1\xca\xb9N\xf4\x89\xdc\xc3\xccd\xfe_'</t>
  </si>
  <si>
    <t>b'\x9a\xd2\xd9G\xca\xb6\x1a\xc2\xed-\xf6\x13#\xceEm\xc5\xd42\x935\x8aD^A\x11b6:\xb0\x83v'</t>
  </si>
  <si>
    <t>b'8\x93,\xe3\x15E\x9c\x95\x14\xc0F\xeb\xb0\xbc\xd5\xf0\n\x98\xa9\xf0\xfb\xbc\x81w\x14\xdd\xc49h\x96E]'</t>
  </si>
  <si>
    <t>b'\x81\x0f\x02\x0c}\xe1 \xf6U\x8b\n&amp;\x95\xe1\x90\x07\x80Kfk\xd1@b[\x80\xe9\xfe\xfc&lt;\x88\xf3s'</t>
  </si>
  <si>
    <t>b'\xa0c\xd9\xbe\xec\x9f\xb2"\x81\xd3\xc8\xb8\x8e\x93[:\x84\xf4\xb6\xdf\xc1\x028~\x10x^I\x08\xac*u'</t>
  </si>
  <si>
    <t>b'\xfe\xe8\x9fcI\xc3k\xa1\xf36\x9c3%5\x00\xc9\xb3\xc3\xdc\x91\x99\xeb3r\xd6l\xe4J\xd3h\xf9\x92'</t>
  </si>
  <si>
    <t>b'Gr`j\xcc\x81He\xe0\x0b\xcc\x1f\xbb4|\xad\xcb\xba\xf9&lt;it\x90(%s\x05\x85\xd2\x1b\x1cT'</t>
  </si>
  <si>
    <t>b'\x88\x8d?\xcb\x9c65\xa7\x9a\x02\xd4\x85N\xa5\xc84M;\xb9B\x82\xa4Z\x80\x993\xd5\xba\xc5q\x11\x1c'</t>
  </si>
  <si>
    <t>b'\x03+\x12\xa0\x1e\xb4\xcc~S\x90\xfa\x01\xf8d\xc2d\x00;xf\x9b\x8a=\xcc\xea"\xee\xb3\xa8\xb6\xbf\x0e'</t>
  </si>
  <si>
    <t>b'n\xd0\x9c\xd6\xccz\xa6\xf5\x0c\xd5\x84\x1b\xef\xee\xa2"\xe8\x95f\xa7\xbeZ^\x1a\x0f\xcf\xd7n-\xd0\xf1\xb5'</t>
  </si>
  <si>
    <t>b'\x11\x04\xf8\xfc\xc5\xf8\xff@[h&lt;py\xb017S\xa2\x91K\x0c\xc8\xa5\x13e\xa7a|\xf3\x95Z\x8c'</t>
  </si>
  <si>
    <t>b'O\xe5r\x03\x0e2\x1b\xc81\xe7LE\xf5\x8d\xb1oZ+\xe7\xa6P\x04Xx\x86\x9e\xe2BS\xdd\t\xa3'</t>
  </si>
  <si>
    <t>b'\xc1aX\x99S=U\xf5\x13\x953\xf0=\x1a\xe1\xcc\x05x9\xbe\x86\x14\t\xf9\x9aHr\xa8*\xf4K\x14'</t>
  </si>
  <si>
    <t>b'@\x9a\r\xf2d\xda\xdc\xa3}\xe3\xc1\xf0\x81\xf3\xc8\x9e\xdd\xf1\xd70\xb9;\x0c\xa3\x9e\x8dE\x9a\x08\x14C\xb7'</t>
  </si>
  <si>
    <t>b'K\x13&amp;\x81@\x9dM\x10/\xe3\xab*\x1d\x06Q\xc4f_q_\x83\x80&lt;\xf4\xfd\xfd\xbb\xd3\x0b\xecD,'</t>
  </si>
  <si>
    <t>b'\x10\x05\x06\xc41\ri\xb7\x96]F_\x0cpXV\xfcX\xc0\xec\x10\x1eh\x17\xe6\x99d\xfc\xfc0x\xef'</t>
  </si>
  <si>
    <t>b'\xf2\xf5\xea\xba\x15h\n\xb0\x0cd\xa2\x90\xc3\x0e\x005\xf8\xff\xdc\x92\xfe6\x1f\x80\xaf,K\x8d9I\xc5\x87'</t>
  </si>
  <si>
    <t>b':\\\x9a\xfd\xc4:xh\x92\xe2R\x16\x8f\xf8\xd6\xa1\xcc\xd2\xbf0\xae-p3~\xce\x9c\x02K\xda&lt;!'</t>
  </si>
  <si>
    <t>b'o\xba\xd08\x8f8\x17*\x97\xb9B@p\x14&gt;\xb2P\xdd(}G\x01?\x90\xce;`\xe6\xc34=T'</t>
  </si>
  <si>
    <t>b"\xc0F\x97'\x9c\x01\xa9V\x97PR\x17\x1b6g6\x95l\xd4T\xea\xf2\xc4`R%\x06\xac\x85\xdbi\xa0"</t>
  </si>
  <si>
    <t>b'\xcb\x94K\x8c L(\xfb2&gt;R\xd6\xb6\xfd\xe5\x81\xc8\x0b\x91\x7f\x8a\x95\x82C\x88\x13;\x9bY\xb8\x19\xd9'</t>
  </si>
  <si>
    <t>b'\x92X\\\x8f\xbd^\x05gPjF\x1fH&gt;\xa3\xdfX\x9e\x91p\xf7k=\x9cZ\xdd\x18\xc7\xd8\xa9[%'</t>
  </si>
  <si>
    <t>b'0\x87\x80V\xe2\xf2\xbak\xb2\x9fY_\x071\x7f5\xedI\x00{.\xd1)\xae\x17\xdagi\xd3\xa5l6'</t>
  </si>
  <si>
    <t>b'h0\x93\x8fH\xf4\xfe\xf1=\xce\xb9\x8c-W\xc7\xd7\n\xf0R\x87\x0b\xe3\x88.F58\xd3\x86\xd5\x18v'</t>
  </si>
  <si>
    <t>b'\xbb\xbb(*\xd6F\xa3h\xe8\xfa\xfba\xaf \t\xb3\xac\x7f.&amp;\x11\xb2P\xf9\xae\xf7\x04\xcf\xe5\xd4\xbb\xe1'</t>
  </si>
  <si>
    <t>b'`\xa6\xce\xb6%"0gT\x12FR\xfa/\xc3\xc5\xdb\xf8\x01V\xf41\x84gO=U\xdc\x99d\xb8\xcf'</t>
  </si>
  <si>
    <t>b'\x12\xd3\x1eG\xa0\x1e\x81\xf3t\xe3\xbe\x80f\x97(\xb4\xe4\xe0VZ\xa07\xb4{h@\xbe\xfd\x94\xb4\x83\xce'</t>
  </si>
  <si>
    <t>b'=\x0b\x98\x94S\xc8\xce\x10\x8d\xef4\xf5\x87\x15\x1f\xfaZ]\x9e\xfb\xfa\t\xf7:\x04\x9d\xdb\xf0\xc4\xe2\x01\x87'</t>
  </si>
  <si>
    <t>b'^\x7f \xaa,\xfa\xa2\x81\xb6:$\xa1\xc8\x1eU\xd3T\xcdW\xa2y\xd5Y\xbb7\xee\xd6\xc5\xfd/\n\x06'</t>
  </si>
  <si>
    <t>b'\xfe/i\x0b\x81\x91\xedy\xb2\xcf\xd2\x08&lt;\xdeRu\xea\xd3\nvi(\xbf\xeeq\xec"\xc73l\x95@'</t>
  </si>
  <si>
    <t>b'\n\x1e\xdeCh\x991\x7fO\x9eg\r\x0f\x8f\xda\x90@\xb7_\x9ea\xca\x9eN&amp;\xd9\x8e\x0e\xd0F)\xe0'</t>
  </si>
  <si>
    <t>b'\xdd&gt;\x8dZ#\xfe\xd7;\xb2&lt;\xb2"/\x0c\xfa\xda\x82^\x06\xfb\x9f\x1e\x81\xe7\xd5nX\xb70\xe2\xec\xcc'</t>
  </si>
  <si>
    <t>b'#\x08Kh\xf3\xe2\xe7^\xa8\xdar\x00\xe9\x95\x07\xb1w\xea\x80\x8c]\x08?\x19\xe2U\xbb\x8bd\xedZ\x1f'</t>
  </si>
  <si>
    <t>b'\xdb\xb0\x0f\xdd\x17#\xf3A!\xe8T\xf6#E!\xc2(\x85bH\xb3y\x93\xbd*]l\x85\x08,\x8b\xc3'</t>
  </si>
  <si>
    <t>b"\x84\xb2A\xfe7P\x02\x19AN\xc4x\x05\x8f-\x0c\xa3\xd9k\x0f\x16\xa5\xde\xb1&lt;Z'P\xdae*r"</t>
  </si>
  <si>
    <t>b'\xcd\x8ay1}(\xcf5\xd7\x88\x95H\'9Q:\xd2\xce\xee\xde\x05T"d\x86\xcd\xcfK\x13-m\xe4'</t>
  </si>
  <si>
    <t>b'\xe9S\xd3\xc2\xb6\xbc\x9aa\x9b\xea\xe0M\xfct\x85\xa3\x81\xa0\xd5Y\xfb\xfb\xef0-r{\xe8T\xdc8\x87'</t>
  </si>
  <si>
    <t>b'n\n\xce\xb5@\x83\xf3&amp;@&amp;g\xec;\x88\xfcl\xc3)!\x82\x8aZA\xce\xb0\xa8Ks\x90*fY'</t>
  </si>
  <si>
    <t>b'\x06\x9f\xbd\xe8=\xec\xb1!\x85k:Ax"\x8e\xf7\x9e\xfa\x18U\xbb\xc2\x8aym\xd5\x9a\x1c!I&gt;\xda'</t>
  </si>
  <si>
    <t>b'\xfd\x9d\x1b-\xae\xe9\x08\xee\x1a\xcb\xc2\x88u\xcb\xc3s\x82\x87\xfa\xaf\xed\x004\xd8\xeb[x\x85\x0bgJ\xc2'</t>
  </si>
  <si>
    <t>b'\xa9\xab\xc4w`^\x88\xe6\xc9\x06\xaaY\xf2\xd5\x9f\x97=#d\x15T1l\xdeX\xc6\xa4\x9d\xeeS+U'</t>
  </si>
  <si>
    <t>b"\xb3\xfd\xb7\xa4\x8d\xc8H\x9d'%na\xb31\x19_\xc9m\x07J\xc3\xca\x1b\xab\xf3\x7f]\n@:E\x93"</t>
  </si>
  <si>
    <t>b'\xd89,m\xa8,\xdbU\xc2\xa7\x08\xa9=&amp;"\xf9\xedZL\xaal\xb1[\xed\xd0\xc9\t\xf6\xbaP\x98C'</t>
  </si>
  <si>
    <t>b'\xe6\xdau\x86oP\xca0@{i1\x13y\x0fc\x91\x16\xf1\xcb\xa7\xf8\x01\xd0\x9dva0\xd2\x95\xe6\xb0'</t>
  </si>
  <si>
    <t>b'\x88\x19\x1by?\xeb\xfff\xda&gt;P\x8e\xf3l\xaacU5o\xc20Q\xcf@\xb3\xef8[\xd12\xae\xd0'</t>
  </si>
  <si>
    <t>b'\xac4?:\xea1\xd3P\xba50P\x85\xfci\xb2\xa3|\x8f\xb6\xf1\xf9x/\x95\xb3\xd0\xe7\x02o\x01\xd6'</t>
  </si>
  <si>
    <t>b'\xf8\x1f\xbfbu\xe8v\xa2\x9e\x12\xec+\x1b\xd8\xec3\xe7ow_\xbd\xd9&amp;\x11N\xc7\xf0Xp\x83o\x89'</t>
  </si>
  <si>
    <t>b"M\xa60\xa6\xf1W$\xb9{|\xac\xf8\x14\x10F\xe60('\xcf\x061\xa5Q\xad\xd2\xbf_\xf92*\xf8"</t>
  </si>
  <si>
    <t>b'\xcdD\x0ff!=\x97\x83=rk\xac\xd96\x88J\xf6f\xf3\xd1\xed\xcd\x8e5\t\xe6\xdc\xf8\x0e\x87\x05\xf8'</t>
  </si>
  <si>
    <t>b'\x18+Gxl|G\x94t\xe6\xa2=\xe6\xd2S\xfa\x92og?\x9fY)&amp;\x0e\xb3M\x00\xa6a\x121'</t>
  </si>
  <si>
    <t>b'\x88\xb2\xa1\xf1\xa4\x17\xb2\x1b\x11\xf6\x92\x1f\xb5)H\\\xfb\xe0x\x15\x18\xf7\xea\x1f\xa2\xf1\x15\x87\xce\x8d\\\xdf'</t>
  </si>
  <si>
    <t>b'3QF\x05\x9d\xd1\x0b\xcc3\xf2,apt3\xc3s\xa2U\xca\xa5\x9b;mC\x06\xbe_\x14\xe0V\xa0'</t>
  </si>
  <si>
    <t>b'2C\xb6&gt;Ln\xd0\xbc?\xcb\xe8\xff\xce\x91\xbc\xe9\xd7%6{\xe4\x94N\x1b\xbb\xaf=\xd4?\x12\x9a\x95'</t>
  </si>
  <si>
    <t>b'C\x8c\xe0\xc6\n1\xee\x10o\xbdj@S\xb3\r\xf03\xc5|0@\x0cF?B\xcbiI\xda\xb4LM'</t>
  </si>
  <si>
    <t>b'\x92X4\x1ap\x83\x14\xdcv\xbc&gt;G[\xf0\xfe3\x80D\x1f\xcb\xb8\x82\xd6\xa9\x1e\r\x0e\x8d\xbf\xda\xea6'</t>
  </si>
  <si>
    <t>b'\x91z\x144T\xcc\x07\x0c\xb0P\xb8|\x07\xb0?\x1cRu\xdb\x88Wp\xd5\t?l\x9e\x08\x07\x8f\x84A'</t>
  </si>
  <si>
    <t>b'L\x07\xc7\xca\xc4\xda![\xabIX5c\x8d\xf6]\x94\x0b*\xe15\x03\xd1\xfc\xa5\xf9\xe9\xf4I\xf9 \x8c'</t>
  </si>
  <si>
    <t>b'\x02p|h\xefH\x8b\xce\xe4 \xe6\x93\x15\r\xf3\x15\xcb\x87\x8e\x8f\xf1\x8d\xe2\xda\xc5\xfaw\x1a\xf7A\xaaq'</t>
  </si>
  <si>
    <t>b'Oq\x8e=\x8eh\x8fIIV\x01\xb24\xde0\x99GE\x91\xbd\xf1CT\xee\x8d\xb0N\x88\x8dO\xact'</t>
  </si>
  <si>
    <t>b'&gt;\x93\xcdL&amp;\xf3\xf3\xf3\xfb\x15\x1e\x9c\xd9\xe8\x00eK\xe0\x19\xfc\xed\xf2v\xb1\xd8\x9d\xfe\xad\x9e\xf2\x1f\x02'</t>
  </si>
  <si>
    <t>b'\xcd\x0b\x01\x07\x16\xa8\xa8&gt;\x85\xd04q\xce\xaf\x86\x86\x05^ m\xa8CJq\x99\xc3\x9f\xc1\xd2b\x03\xea'</t>
  </si>
  <si>
    <t>b'LD\x19Z\xbd\x02\x1b\xda\x06\x88\xcb\xeaX\xd1\xb0G\xe9\xb5\xb8\xa8x/\x05\x07@=2l\xc6l\x08\x87'</t>
  </si>
  <si>
    <t>b'\x18\xa4\x90\xba\xa2g\xc2J\xf9&gt;\x84\xe1\xfbNS\xccs\xfbr\xafg&gt;\xe9\xd8e\x03\x89%l]J\xe6'</t>
  </si>
  <si>
    <t>b'f\xd7\xa1\xa7]\x98\xaa\xc7b\x93\xe8\xbe\xbb\xf2\xab}4\xa9Kw\x16\xd0(\x9d~\xd02\x05\x1af\xbew'</t>
  </si>
  <si>
    <t>b'KA\xa8N\xeb;\x8e&lt;\x7fy\xae\x10\xea\xc8P\x16\xef\x96i\x0c\x9e\xb6(\xe3\x97\xab3\x13\xa8\xc6RS'</t>
  </si>
  <si>
    <t>b'\xc7F\xdf\xa9D\xbb\xf6"\x917\x00f\x90\x97\xe8\xe4\x91\xdb\xe2\xe5}o\x1dBU\xacO\x11\xa3\xdd\xb8A'</t>
  </si>
  <si>
    <t>b'\x19\x89\xb7\x9d\x18\x0f5\xea0{OXU\xff\x06\x1bC\xff$\xbf\x149K\xbf\xcc\xeb\xd4\xb6\x03\xa4\x90\xa8'</t>
  </si>
  <si>
    <t>b'\xe0_\x1c\x8cN\xbc2)\x8f\xfdg\x80kZ\xb9(E\xb7\xde&gt;?&amp;\x18{d\xbc&amp;\xb3in\x00\xc1'</t>
  </si>
  <si>
    <t>b"\xb2\xee\xd8%BF\xd9\xdb\x80}\xed\x87\xef\xaaA\x83;\xe4'\xf1;\xe6\x87\xe9v\x9as\xf2F\xae\xdeV"</t>
  </si>
  <si>
    <t>b'k*89"4\x03\xcb+\xdd\xb8\xf2\xd0\x95\x96f\xb2$\x1f_&gt;\xe7-\xe4\x0b\xe3\x0e6\xe7\x9b\xf1\r'</t>
  </si>
  <si>
    <t>b"\x16znB\xa0\x1bWG:\x8a\xb6'\xaa\xaa\xac\x0f\xab\x89\x08\xa3wF\xf1\xc0jIV\xb7Z\x0f\x9f\x05"</t>
  </si>
  <si>
    <t>b's\xd1\xf0\xf6\xe4B\xe0\xc4\x8c\xa3\xcaT\xf9\x10\xec=\x0e\x9cp\xfd*\xbb)\x9c\xc5\xc7R\x9a\xb5\xbb\xa4h'</t>
  </si>
  <si>
    <t>b'\xd4"i\xaf\xa1\xc9G\x95\xa9\x89\xb4\xf7@\x89\x89\xb5\xda\xe5\xaa\xa1o\xe8j\xad\x87\xc5\xe5\xf9z?$\xc7'</t>
  </si>
  <si>
    <t>b'\x18Vt\xfe\xa6\xda\x07\x84\x02\xde]\xdcIG&lt;\x84\xeab6N\xcc\x90l\x0c\x98\xe7}\xec\xcb\xcd\x83\x06'</t>
  </si>
  <si>
    <t>b'\xd6bF\xec\xea\x9c\x1e\xfd\xafK\xf0C%\xf8\x03\xab\x0bI\x01p\xd87\x18\xf3\xd9/\x85\x83|G2\xc8'</t>
  </si>
  <si>
    <t>b'\x0b\xf1)\xdf1\xb2\x96g\xe3z1\x8f5c\x99\xed\xbe\xc6\xc2\x08-\x92\x13\xc0\xaf\xd5\xfd\xfe]\xd4\x13h'</t>
  </si>
  <si>
    <t>b'\xc8C\xba\xa9\xbf\xf1\xa6T%\xff\xcd\xa6\xf6\x00%1\t\x06g\x91\xac-!9#\xd7\x83\xfag\xc9\x0b\xf4'</t>
  </si>
  <si>
    <t>b'\xb3\xd0}G\x19\x14y\x0b\xdb\x0bK\x9c@fZ\xec\x7fF\x03BRV\xcd\x87\xdb\xdc\xcedB\x9b\xed\x9d'</t>
  </si>
  <si>
    <t>b'tB\x0b8\x14\xcc\n\xd3\x84rm\xefv\xfdR\x90^\xeeya\xbf\x80\xb5\x8b\x1e\x7f\xe6\x91\x87?\xb5\x1f'</t>
  </si>
  <si>
    <t>b'\x14-4\xd8\x13\x06\xb7-\x03-\xecf\xde\xf9t\r\xce"\x11\xd8\xa4\x84\x9b\xefi\xe0\x83\xb4\xe5\x80\xb3t'</t>
  </si>
  <si>
    <t>b' \xe91S\xe8k\x1b\x84\xdc=?\x84]\x13\x97\x03\xbd\xfc\xbd&lt;\x8e2\xb8\x01\x93}\xc3\x9b*\xb9\x8d\x92'</t>
  </si>
  <si>
    <t>b'=t\xa2\x91K\xcdm\xe5e\xfc+\x91\xf0\xa1p\xd8q\x90\xe8\xbf \x15\xf0T\x9b\x94\x13\x9ea\x196\xe0'</t>
  </si>
  <si>
    <t>b'\xb2l\xd6\xb7\xdd\x99e\x1b\x95\xb2\x89{\x91\x97W\xa2\xbc\x89e\xc6\xbf\\\xaaV\x96R\x03H|\xae2\xc9'</t>
  </si>
  <si>
    <t>b'A!\xc3\x06\x9f\x1eb,@\xdd\xe1\x89\xa2ay\xc7j\xa9M\x9d\xbc&gt;F\xb6V\xdf\x90\xd2\x0f\x97}.'</t>
  </si>
  <si>
    <t>b'\xbf\xfe\xd0e\xeddD\xab\xbd\xfe\x10\xf1\xd5^\xd6\x1f/\xb1\xf5\xebAV&amp;\xfd{\xed&amp;\xbc\xf8jL\xa8'</t>
  </si>
  <si>
    <t>b" \xb2\xeeq\xb4\xc9\xe7\xdco\xdd\xf9\x02.\xbf\xdc\xa5jc\xcfW\xec\xc3[\x9bS\xc7'\x17\xd0\xad\xd2D"</t>
  </si>
  <si>
    <t>b'\xcb\xa8\xd9\x06Z]\xcdM\x8c\xab\xb1~\xcb\xd7&gt;\xf4\x182\xf1^_\x06\xed"]\xf0"\xd9\x1d\xa7Vm'</t>
  </si>
  <si>
    <t>b'\xf1\xd4\x99\xbf.\xafZf\xd1\xb5\x8e\xfc\xf3&amp;\x9c:\xfd\xcaX\xa7nA\xad6l\xc0\x9a~\xc5\xbfU\x88'</t>
  </si>
  <si>
    <t>b"\x92R\x08\x11\xf8q\xbc\xea'\xe9\xd8\x17\xc6a\x8998\xe2\xe4\xfe!DT\x11\x82\x87\xb7x\xf1\xf3\x8c&amp;"</t>
  </si>
  <si>
    <t>b'\x14J\x15gZm!\xbck\xc0t\xe5Z\xed@\xdf\xcf[N\x91\xe5\xd3?\x1b\x97\x17\x0b\x0b\x08\xaaU\x1e'</t>
  </si>
  <si>
    <t>b'\x1cd\x03l\x15\xad\x0e\x93!\x07\xff\xa7K\xd7\x92\xb2\x935\xc3Q\x8e\xd3i\xc8\xd9\x8d\xfc\xd8\xbb\xb7\xe31'</t>
  </si>
  <si>
    <t>b"\xbf'\xd4&gt;\x99DD&amp;\x18\xa3\x92\xa0\xba\xae\xf3\xf2\xfc\xbd\xa4\xfa\xf0\x0e\xa7p\x02\xaf\x0c\x19x\xc7\xfd\xd2"</t>
  </si>
  <si>
    <t>b'\xe9\xa1`\xf7p0\xa4\xd7\xed\x8fn\x06\x83k\x86\xc2\xdfA\xfbwx}.\rN\x86\x84\x00\x10\x1e\x9do'</t>
  </si>
  <si>
    <t>b'\xa9\x94&amp;\x82\xb2\x1fj\xce\xc3\xc0\xc4\x00:8\xcb\xb9\xeb\xafi\xd5\xad|\xe0T\xe0L\xaa\x05\xc2\xdc\x887'</t>
  </si>
  <si>
    <t>b'\xedP\xf7\xef\xd56\xf6\xf7\x91\xbd\x85\xcc$P\x0b2\x1f\xb9\xe7\xf3\xdfv"H(\xfc\x01\x01]|\x83K'</t>
  </si>
  <si>
    <t>b'8\x1e\xbd\x0e\\\x99\x7fT\xe8\x1c@\xf7\xc1&lt;\x9e\x8c\xec\xd3\x80\xf8\x97\x98\xb3\xa5E\xdf\xa4E\xe1\r\x0f\xb5'</t>
  </si>
  <si>
    <t>b'ZP\xa1\xb0p\xe1C\x91\x86\xd6\xf0\xbf\xa2h\x10\xfe\xdc\xc8\x92\x08&lt;\x89\x89}\x82$\xcar\xdcN`\x92'</t>
  </si>
  <si>
    <t>b'\xb2\xec=\x1d\x89&gt;v\xb7\x1c\xe64\x8d\x0ch\x1a\x9e1\xab\xd0\xc7\x86\xc9\xe2\xc9\x1fr\x15y"\x84\x88\xb5'</t>
  </si>
  <si>
    <t>b'\x85p\xfa\x1a\x86q\x90a\xba\xba\xaf/\xfbC[\x06-\xb3d#Ci\xad\xa3\xc9\x9d\xf5\x893d\x9f\xcb'</t>
  </si>
  <si>
    <t>b'\x16\x18\xdd$3p\xc8\xcc\xb5&amp;\xd6\x90.\xdd\x07\x8e\xd4q\xad\x8c\x81\x86\xc9TA\xf3\xde\x93\xa4\xfc\x06\x7f'</t>
  </si>
  <si>
    <t>b'\xf6\xc0\x0f\xd6\xe7+@\x98S\x87\xd4\xad\x84WW\xa9u\xe6`\xd0\x1a\xd6Y1_\xddQt\x98q\xad\xd8'</t>
  </si>
  <si>
    <t>b'\x82$\xf1\x9f\xa4Q\xd8\x15\x1d\x8d\xaa\x81s\xcc\xcb\x16K9R\x8e.bc\xcc=F\xf2\xcf\xd1\xd5\x9e\xfc'</t>
  </si>
  <si>
    <t>b'Ae\xc4\xb3\xfcZ\xfc\xd5\x9a\xf8\x19&gt;\x8c\x86jc\x82\xe7.L\xf609\xdeN\xf7G\x1b\xc876\xdb'</t>
  </si>
  <si>
    <t>b"yFg\x86\xf7\xac\xe5\x01\xeb\x92\x16\xe9\xb4\tcy'\xc4\x0b\xb2\xddB\x0f\x16\xcbf\xbbH\x10\x81m\xab"</t>
  </si>
  <si>
    <t>b'T\xf4\x15\xd47\x0fT6\xa3\xcc/\xd0\x7fh\x9a\xd7\xbb\x95,k\xfb\xf8 \xd5S\x9bH\xa3\xae\xc3\xda\x95'</t>
  </si>
  <si>
    <t>b'\xfc\xa2\x02\x8a/z\x08\x14\xd89\x1bd&gt;\x8eK\xf6wT\xbb\xbe\x8f]\x01\x97\x03w\x97\xd7y\xf3Lx'</t>
  </si>
  <si>
    <t>b'YI\xa9\xf5E8J\x1a\xd0La\x97\x1e\xa5\xa12\xdaN\x91\xc9\xaf]\xf1\xee\x96q4\xb4\xf4\xc38\xc4'</t>
  </si>
  <si>
    <t>b'\xe8{\x89E\xf3\xa4\x1c\xb1[\xfbT\xad:[\x8f\xa00^\x9e\xb8F\xfe6\\\xc2\xa3\xa16h\xda\xbe\xee'</t>
  </si>
  <si>
    <t>b"\xfc\xe8\xd2E@\xac'\x067\x1c\xe8,\x91\x14\xd6/Z\xff\xce\x80\xec\x9b)|f\xb6Y\x1a@o\x81\xea"</t>
  </si>
  <si>
    <t>b'R\xb5\xe0\xef\xc8\xc3\x04\xba\xd14\x8a\xd31=Ir\xb6\xbcz\xac\x0fR$5\xd6\x19\xdaB\xf0\x88\xb1\x1e'</t>
  </si>
  <si>
    <t>b'g\x03\xd7M\xb3&amp;E\x8a7n\x8d\t\xa4r\r&amp;\xf4\xf1,]7{\x85J\xca\xc9\xb9?\x91&gt;\xedf'</t>
  </si>
  <si>
    <t>b'=\xac%\xa6\xaf\xb3\x12VM\x9b\xf1\x12cp\xda\xc8\xfd\xd5#H*R\xa7DLP\x92c]&amp;r`'</t>
  </si>
  <si>
    <t>b'\x033-\xd9H1\xb4\x10C\xeeDiwr\xbc\xe7:\x1cs\xc3=\x00\x82\xc1\x92\xbfz\x98\xfd`\x8a\x80'</t>
  </si>
  <si>
    <t>b's\x84h\xc9eA3V?I\x91\x11&lt;\xd46\xd0\xc5\xac\xf9u\xf2\x8ev\xd5\x89\xfc\x95.\xd9\xf1\xfeU'</t>
  </si>
  <si>
    <t>b'R\x10s\x1d\xf8\x89\xf7\xb7\x0f\x81!\x83M\xad\xa0\xb9]A\x0fjUpS\xdb\x8e\xd0R\xac\xcb\xf9\xb5M'</t>
  </si>
  <si>
    <t>b'\x95[X\x81=\xc4\x96\xd8A\x93\xcai\x88\r\x15\xe1\xc0\xc2\xb7\xe0\xa9(\xaa\x1a\xb8@\xbe\x95\xdd&amp;\xd92'</t>
  </si>
  <si>
    <t>b"\xbf\x14's\x97\xe8\xfa\x90\x8b\x1d`\xd3\xed\xed\xfc\x1aX\xb6\xd0q\xd8d\xc5\xaa[R\xf8L\x06G\xef\xd4"</t>
  </si>
  <si>
    <t>b',\x16B\x1f\xe5\xc3\x080\\\x06f\xfeO(e\xf0l\xb0\xf8\x86\xf0\xa3\x84\xcb\xca\xeb\x00\x02\x83O=\xe6'</t>
  </si>
  <si>
    <t>b'.\x0c\xfe\x97\xb5\x8f6z\xf7\xefdw\xb2?;\xf4?\xaaW+\xe2n_\xe9\xe5\xc3\xb6\x85\xdca\xdb\xc8'</t>
  </si>
  <si>
    <t>b'\x95\xc8{rc\xac\x05\xea\x08\xcf&amp;.\xfd6\x85\xf7M3\xe8\xe8\xb7D\x19\xc5Pp\xc78\xd1\x8f\xdb\xcf'</t>
  </si>
  <si>
    <t>b'\xe2\x80\x8c\xaa\xb6\x0b^\x1f\x9a\x86\xfb\xeb\xe8w\xb7d\xca]\xdf_\x98[XeD\xd4\\\xd2\xfd\xf8\xe6I'</t>
  </si>
  <si>
    <t>b'\xb5n\xd5\x9d\xadL\x1a\x8e~F\x8a\xa8\r\xf6J\xc3mz\x88\xf7\x07\xc62|g3Y\x06\x84}\xf2\xfe'</t>
  </si>
  <si>
    <t>b'\t][\xd6ckp\xc01\xd6\xb41t\xbf\xf6IcjkK\x9aY\xe1\x8f?\x9d-J\x8d\x07\ns'</t>
  </si>
  <si>
    <t>b'\xba\xef95\xd2X\xe2^\xa93Y\x93\xa1\x10}\xc8\xf1\x9d_B\xe5\xd8{\xea\xeb\xfe\xdf\x0b\x91\x83\x92h'</t>
  </si>
  <si>
    <t>b'\xb7\x0e#\x91f"\xaeT\x06g\x14\xa0\xfb\x9d\xdfZ\xd08\xf6\xff\xde~iD}c(\xcd\x7fs\x94\xf6'</t>
  </si>
  <si>
    <t>b"'\x98\xca\xe1\x98\xa4\xe8\xc26\xfa\x19\xec\xb7\xb1\xdbJ\xda\x1cs\xa1\xf5s\xe4\xea5\xa8\xb1S\xbf&amp;\xc0\xac"</t>
  </si>
  <si>
    <t>b'\xfbA\\yt\x95B9SH\xc4GN\xa4\xceN\xec\xa1\x10wq*\x99TgP\xf7\xaaI\xab\xc7\x10'</t>
  </si>
  <si>
    <t>b'\x0b!\xc4\xd4+~\x14L\x04\xadM\xb5\x0f\xdcm\x88nj\xe6\x1d\xb1\xabyC\xe0\x05\xb9VJ\xe6\x06\xa3'</t>
  </si>
  <si>
    <t>b'\xaf(7\xc3@\x8b\x8bX\x00\x8d\xd5\x8f\\\x7f\x8b\xdd8_5Xo\xb1\x8e4\r\x01\xa7k\x9a\xe0\x0c\x0e'</t>
  </si>
  <si>
    <t>b'\xa5\xa3\xa5\xd0\xdfI*\xfaD\x8e\x0b\xb3\x92dd\n\xafKX\n\xfc\xcb\x01\xfe-\x04\x18\x8b\x13\x1a\xf0\x8d'</t>
  </si>
  <si>
    <t>b'\xe3\xc1-]L\xe1\xf5\xc6\xb2M0\xe0)\x80{xD\xdd\x00\xaf\x0f\xf6\xb4y\x99\xe8\xb6O\xc2\xb9\xf2\xf3'</t>
  </si>
  <si>
    <t>b'\xbc\x9b\xf1 DO\r\xc1\xbb\xf4y\xb1\xffa\r\xe0\xf0w\xf5\xc3FY\xef\xb7\x7f\x88\xf9lv\xac.\xb2'</t>
  </si>
  <si>
    <t>b'\xd1\xe5\x8f\xf2\xcc)\xdb\xfe4\n\xfe\x89\xd4#\xf8\x1f\x05\xc7c\xb62\xbd\xaf\x90[dcO\x82b\xa2\xfb'</t>
  </si>
  <si>
    <t>b'af\xe6rRB\xcdti\t\x8e(%\xcd\xd4v\x9e\xf8\xe7\x87\x84\x83\xce[\xf2\xd0\x13x\xe1HO\x0f'</t>
  </si>
  <si>
    <t>b'\xab\xe90W\x13\x89\xb0\xddIH^\x84\x1e_\xe3\xd4G\x96\x00p\x92z!.E\xfc\xd1\x01\x8d\xdc\xe47'</t>
  </si>
  <si>
    <t>b'\xbe\xbb\xd9u\x9cTm\xbb\x1c\x1b\x8c3\xd4\x05\xfa\x92\xe7\xad\xe8\xf3\xc21\x1a\x12\xfe\t\xdd\xdd\xf5\x00\x19M'</t>
  </si>
  <si>
    <t>b'\xe0]z\xb8\x83\xf14\x9e\xd9:/\xd9|3E9\xae\x1d\xc9\xdfc\x9f\xf3\x00\xdf\x86=\x94\x86\xef\xd4L'</t>
  </si>
  <si>
    <t>b'\x82xT\xe4-hC\xfb4z\x95E^\x05\r\x06jd\xc3FN\xf0]\x11\xd6\x8fN\xb8\xc7\xd7\xd2$'</t>
  </si>
  <si>
    <t>b'\x04\x01\x1aw\x18\x8a\xc2\xac\x05\xc4\x7fT\xb0\x7f\x0b\xf4\x8cZ\x15\xfe\x02\x94\x18\xe7\xa4\x04\x866\xa7S\xa5r'</t>
  </si>
  <si>
    <t>b'\x0c(\xe0E\xa9\xba\xb2&lt;\x96\xf9|\xf1\x81\x0e\x01\x05\xbf&gt;\x8b\xd0j\xc6\x8f\xbf@\x0c\xfc\xef\xcb&lt;\xda\xa1'</t>
  </si>
  <si>
    <t>b'u\x1a\xe9\xa1\x1d\xd5\xdb\x96\xb6\x8d\xb6\x05\xe5\xa6\x12\xbc\xa2\x14\xc1\xc2\x83\xb1\xb2\xcb\x02\xe0\xf9P7\xa4\xeeL'</t>
  </si>
  <si>
    <t>b'Z~^\xd6tkk:\x04\xa4\xe0c\xf37\xa2#n\t\x1a\x13\xb3\xe0\x7f\x83e\xc9\xc3~\x9dh\x10r'</t>
  </si>
  <si>
    <t>b'\x9bxx\x84/c\x1c\xeaZ\xc1,CD}\x9e\x8b\xc6E\x1eW\x18\xacS\x8b\xc4,\x1d\xae\x08\x8c\x00|'</t>
  </si>
  <si>
    <t>b"\xe2\xe7B'\xd7\xa1\x19Y\x0e\xd5\xdb(f\xaa\xa5o\xb4?\x13\tDae\x19\xf8\x8c[\xa0Q\x86wB"</t>
  </si>
  <si>
    <t>b'^}\x0f=\xb8\xbdg5\xac.\xe9\xb4\x16-e\xc5\xa5\x86s2*D\xf4&gt;\xfb\xe0\xb48\xe0\xba\x85\xa4'</t>
  </si>
  <si>
    <t>b'\x8aA\xdc\x00\r\x89ne\x12\x13\x18\x1e\xbe\xb1KD\xf2\xb0I\xfe\xe5N\xf2,J\x0bY\xe1E\x04\xd4N'</t>
  </si>
  <si>
    <t>b'\xdfZ\xd1@\xd7\x10-\xa1\xd2yM\xfe\xe8\xd7Bg\n\x8a\x92:\xab\xc4\xf9\x97|\xebG\x8e\xb9\xd0]\x88'</t>
  </si>
  <si>
    <t>b"v\xcf\xab6\xb8\xce\xc6\xb2\x80*=\xba\x8e\x02\xa0\x16%\xcd%_\xe6\x10\xbfm\xf9D\xa3\x90%'\xa6x"</t>
  </si>
  <si>
    <t>b"\x01\xa2\x91\x85F\xdd^E^}\xf8 '\x14\x99Q\r\x16$\x853\xa9:?\xc5\xe0\x11[p\xd5\x9a\x95"</t>
  </si>
  <si>
    <t>b'\x7f\x90\xd9\xf6[r\x08\xe5\xad\xad4z\x85\x8f\xed\xef-\xe3%\x0bb\x15ZC\xa8n\x90\xb4\xcf\x11\x0c\xa2'</t>
  </si>
  <si>
    <t>b'\xafaC\xd1F4\xdfX\x06\x02\xb0\xdc\xdc[d\x1a\x18\x80\xa3*\x95\x96U\xedz!9trk,\x13'</t>
  </si>
  <si>
    <t>b'm&lt;(\x90m\xa5\xb3\xed\xcd\xa7L_\xcb\xf4e\xeb\\\x9bl\x87\xd9\xec\x0b\x95\x1c\x82\xb2\xf9\xbb\xe5\xf2i'</t>
  </si>
  <si>
    <t>b'\x8f\xd8{\xd0e\xf7\xe2\xc9\xae\x8bS;\xea\xfc_Wx\xc6\xbd\xdd\xd8\x82\x00\x00\xa1\x85\x88c\x05B\xa0\xb6'</t>
  </si>
  <si>
    <t>b'\xb8?\xd6\xe9gf\xc0{&gt;Wq\xb5\xf1\xbe\xb8\xd5\xf5\x9a\x0f\x8d~\x14\xa8\xc72\xc7\xe3\x95\xf6\xd7\x8e\x15'</t>
  </si>
  <si>
    <t>b'\xb2\x18Y\xfc\xf5V\x8b\x0e\xc3\xa1p&lt;cW\x17 +l.`Y\x9a\x93\xc7\x15\x10\x9b\xc0\xe8\xf1\xbfj'</t>
  </si>
  <si>
    <t>b'\xbcC\x9c\xa3z\x1b\x99`\x91^{\x0f\xc6\x08d%\xe8\xe6}p@\xc4s\x1d\xb0\xfc\x83M6\xe7\xed\x02'</t>
  </si>
  <si>
    <t>b'Q\xd2\xc7\x16=c\xd3\xcf\xaa\x9f\xee\x99\xa2*X\xe3\xb5\xd9\xf1^\x86}\xe0X\xb7\x94/\xc3\xd8a\xaf\xc7'</t>
  </si>
  <si>
    <t>b',\x8f\xa4c:\xd66\xbc\xed\xa0\xb0m\x02Y\x12\xd3_\x96d\xeb\x9d\xb0\x98\xae\x0fz.\xe9\xb0b\x9b6'</t>
  </si>
  <si>
    <t>b'\xa0\xef\x8d\xdd&lt;*q|\xc03:\xac\xb8\xf8r\xdf\xcc\xeb\xf7}\xa5\xc4p\x01.\xf7\xa90\xb6r4_'</t>
  </si>
  <si>
    <t>b'\xe9\xb5\xbc\xaej\xa7\xc4{N\x06,AX\xf4\xba!\xeb\xd6!SS\xea\x91\x14\x06k\x8f\xef\xdc\xd4\x82\x19'</t>
  </si>
  <si>
    <t>b'\xf4\xd7Y=\xe1M\xe7n\xe5\x9a\xf5\xc6YS\x85\xb6:C\xfe\x7fo\xf4\xaf\x01\xd9\xc7\xa7H\xd8\xe80\xef'</t>
  </si>
  <si>
    <t>b'`\xc8\xcb\xf8\xb4%\x84?\xee\xd5\x96\xda"\xc4\x93\xa2p\xa9/:\x0c\xfc\x8b\n\x96C\x96\xb2\x19Ud\xf1'</t>
  </si>
  <si>
    <t>b'\x81\xa8\xb8\x85G;Eh\xc5\x02\x98\xaas9\xe0\x97}\xde\x81#\xee\xde\x1cX\xbf2w\xe3G\xc6\xdb\xda'</t>
  </si>
  <si>
    <t>b'\xdcW\x0f\xd8\xd4\xf8\xdf\xb3\ndR|\x05c+f\x87\xf1\xd14[K&amp;WHu\xd1\xc1\x01Q\x8c\x0b'</t>
  </si>
  <si>
    <t>b'\'\xa4\xb5t\x9a_\xd7w\xdb`!1\xe9f\xf91\xe3\xc4)o"\xf3\xe3\x84\x1bhw;\xea.I\x8d'</t>
  </si>
  <si>
    <t>b'\x1e\x86\x10];z\xdd\xcd\xde\xb2\x17\x86\xe6\xc8\xee-:\x8fa\xf2\x07\xf8\xa1^k\x1drA\xe7o?\xe6'</t>
  </si>
  <si>
    <t>b'\x01\xfe\x0f\xf8s\xe4(\x12]\xce\xf7\x98/\xb0\x07\xb1\x84\xfc\x81\x08J\xc0\nH6\x1db\xfc\xddm\xfbH'</t>
  </si>
  <si>
    <t>b'r\xd1\xdf\x94\x85\xc1\x15\xfe\xae\xa4C\xbb\xfe\x9b\r\x01Fg\x8d\x8b\x1c\xce\xf3\xf2)"U\xde9\xf9\xa7\xd7'</t>
  </si>
  <si>
    <t>b'&amp;#\x94[\xd0sv\x10\xe4\x87W\x03\xc7;\xf0\xdcj1\xed\x87\xfc\rLR\npnX\xfc\x9b\xb0\xb5'</t>
  </si>
  <si>
    <t>b'\xa27\xdfXN^\xa3{\x01\xddB\xb0\xcf\xa8\xf6\xef\xc8\xa5\xcdx\xb1EY\x85f5\x8a\xca\xcf+\x9ed'</t>
  </si>
  <si>
    <t>b'\xdf\xac\x02\x89\xef\xaa\xa0\x94A\x8a\x84\xc0\xa8\x80?\x08z\xbf&lt;\x142\xf0G\n\xf3\x0ez\x0c\xf7\xf1V\x8a'</t>
  </si>
  <si>
    <t>b'\x99k1sJ\xdf6\xac\x82]m\x89\x81\x9c@\x0e\x03\xe3d\xad\xbc\xef"t-y+X\x86\xa3\x0fX'</t>
  </si>
  <si>
    <t>b"'\xf6\x9e\xedO\xa8*\xd3\xe4C\x9bs(M\xd4\xd5\xfe\xb1\xd8\xaf\xc3\x13\xa4X\x15\xa5\xff\xc3\x82\x94M\xa1"</t>
  </si>
  <si>
    <t>b'\x8d\xb5\xe4\xd9\xf2\xef_aI8\xe4\x11\xc0:w\xaf\xc7\x14\xd0\xd3\xd9XG\xd9\xbf\xb1\x0e\xa9\xcf\xc6\x9a\xef'</t>
  </si>
  <si>
    <t>b'*6\xbd\xdc\xa306\xad)U\x83z\tP\xc8\xbd6\xd5F\xb0\xda\x82\x184\x81o\x1e\x99\xd4c-\x0b'</t>
  </si>
  <si>
    <t>b'\xd2\x0c\xca\x12\x84\x12Z\xe0\x1a\xc8\xfej,\xf2\x1dtoy\xfe\xaeF$IL(ey\x8b\xbf\xec\x9aO'</t>
  </si>
  <si>
    <t>b'-\xf5\x00N?\x9c\xf3N\x1d\xdbMG\xee[\x1am\xe0b\\\x9a\n\x95\x0e\xee\x95\xaf\xf2wGT1\xc2'</t>
  </si>
  <si>
    <t>b',\x88\xf1L\xef\xeaF\xe9\xbaQ\xe9d\x0eQl3F\xa5U\xcf&lt;\xb1\xda\xe2\xd4\x92\xa7\x98\x18/\xbb\xc0'</t>
  </si>
  <si>
    <t>b'\xad1\xc1\xd8\xfd\xe1t7\xa2\x08\xaf\xafD\xc5c/\xd4&lt;\x1ag\x0b\x8d\xc0\xba\xac\xeeV\xdd"8F&amp;'</t>
  </si>
  <si>
    <t>b'x4p\xcf\x00\xc75\xd7\x04*\x9b\x19\xbf\x8b\x85h\xc8\x1b\xbba\xe4\x892W\x8dK\x03{_"y\xba'</t>
  </si>
  <si>
    <t>b'\x9bG\xd7\xb3\x9eU\x9e\xc4\x95+;;\x06\x03g\xb2\xd4\xe7\xed\x08q[*\x1a\x1c\xf5\x98\x0e\xd5#^\xae'</t>
  </si>
  <si>
    <t>b'\xc6x\xd1+\x81\xc7M/l#\x96\x86\x0e\xafw\x12\x0b\xc9\n\x8d\xfcUg\xa7\x84\x98\x11\x10\x022\xae\xb1'</t>
  </si>
  <si>
    <t>b'\x16*\x10\xc3\x03\xb4C\xda\xc6\x97\xa7vW\x01\xc8\xc0\x0fL\xb7\x88\x9e\x9b\xcc\xc35\xb5\xed\x03\xb9\x900\xe9'</t>
  </si>
  <si>
    <t>b'\xde~&amp;\xf7\xc2\x13\xd5`\xd7\xa5\x9f\x03\x1f\x19\x8acx\x0f\xeb/\xf81\xe6ZK\xc7\xa7y\xafP\x9c\x1f'</t>
  </si>
  <si>
    <t>b'._\x97G\\d\xca\xb1\xea\xaeh7{2!y\xb2\x84Ca`\xb4z\x87\xcb@\xb2\xd3\x80\x95dE'</t>
  </si>
  <si>
    <t>b'\xbfk{\x02EB e\x00(&amp;V\xa8\tL\xf5\xaa\xf5\x16\xe5\xf9o%\xd3\xfd\xe7\x17\x1bf\xe1\x93;'</t>
  </si>
  <si>
    <t>b'\xc8\xfd\x91\x05oc\xbd\xd5\x892\xea\xfbJ\x12\xcf\xb5\x98Z\xf7\xf9\rx\xed\xa28qfZ\xaa\xe1\x05;'</t>
  </si>
  <si>
    <t>b'G\x88\x02\xc5\xcc\xbd@\x04bImI\xbc\xe2\xc2\xf1[9\x93\xe6&lt;\xe9\xfd\x0b\x163h\xc3K,F\xfb'</t>
  </si>
  <si>
    <t>b'\xe7\xf9\xc9\xfa?C\x1e\x12\x89A\x18\x18\xe0\xdf\x9d\x8d\x13\xed\xf5\x02\xbe\x94ZD/Q\xa3\x8e\xe3\xbc\xbc*'</t>
  </si>
  <si>
    <t>b'\xc1\x05\x15\x9d%\x9b\xf6\xff\xc8\xfd\x8fC#\\\x7f\xa4\xc3\xf3\tv\\p\xc1\xc9/\xa5\x0f4\x1e\xbb\xa6\x96'</t>
  </si>
  <si>
    <t>b'\x94}\xc9\xab\x17\x1c|\xc2\xf3!\x0f\x9f\xc1\x80\xf7n\xb1\x0en39,_\xfb%\x8e(\xbdC+\xdc\x1d'</t>
  </si>
  <si>
    <t>b'\x11\xe9Y\xe0\xa4\xdb\r\xe6&amp;H\xa1\xbd\xd6\x99]\xe8_@\xca\xc4\xba\x8f\xd4\xee \xb4X\xa7\x8b\xf9H\xe5'</t>
  </si>
  <si>
    <t>b"\xb6\xb5'\x8c@M%*d\xc9\x02\x9cW\xd5\xe9\xfa\x97\x9b\x00j\x9b\xa4\xecU\xbc\xed,\x95^\xa0?\x9d"</t>
  </si>
  <si>
    <t>b'-\x19\xb3\xfc\x0f\xf7\x10\xe2\x1a/\x90\x88\x0b\t\xd4\x19\x9f\xf7~\xb4\x9bC\xbd\xecd4]\xdb\xe9~\\\xbe'</t>
  </si>
  <si>
    <t>b'.{\x89"m\x995g\x05\xc4\x9c\x8bn5\x14\xc1\xbc[\xd5\x14\x99\x8fl~\x02j}\xc6\x17\x0782'</t>
  </si>
  <si>
    <t>b'\xff\x15\x1b{~$\n\x81\xe7\xea\x0f\x068\xe9y\x0f\t\xa4\xdb\xcb\x9c?\xd6\xd3\xdfY\xf1m\x85\x00\x90\xd8'</t>
  </si>
  <si>
    <t>b'F["\xa0\x8c?X\xb8+;\xc4\xf1\xfb\x84S\x99"\xb9x\'\xd9\x9e\x11S\xdbLH\xd9\xcc@U\n'</t>
  </si>
  <si>
    <t>b'\xa2\xa9-\xdf\xd0\x98\xd4\x0b7f\xdc\x99\xaf;5\xbf5\xcfW\x00dCd\x94\xc9g&lt;\x81:z\x10:'</t>
  </si>
  <si>
    <t>b')\xaf0P\x13\xcdO\x8e\xa9\x1a\xe8\xff\xf7p_\xd2B\xd1qQ\x8d\x1a~\x0bgM\x1ar\x8f\x07\x05\xa5'</t>
  </si>
  <si>
    <t>b'\x9d\xfd1\xabX\x15\xaa\xcf\x9b\x90\xca&amp;\x99H}\xa2\xb5]0.m\xa8\xc7\xf6\x18{Ff9C\xef\x9d'</t>
  </si>
  <si>
    <t>b'\xd0\xe9;\x97\xd8A:7O5\x1e(\xd5F7\x8c\x87u\xf82\xcf#A\xd67?(\xc8\xb8TI\x88'</t>
  </si>
  <si>
    <t>b'"\xcb[\x8a=\xa2sJ\xd4\xff\xf2dvT\xec\x01\t\x9e\x1cj\xef\xf1\xc3B\xd6&gt;X\'*\x9e\xd3\x07'</t>
  </si>
  <si>
    <t>b'\x9c\x18\x110aB\xab+P\xe9\x8a\xaaT\xa2\xe8\xf9\xa2\xe1e\x82\xec04)\xa9,\x97ew\xbe[I'</t>
  </si>
  <si>
    <t>b'\xb7\xb9\x86\xc5\xaf\x80\xe6\xc7\x1e\x8c-\x0c\xf1\xef#\xff\xb9\x80E\x88\x8d\x06\xdcL\x1c\x9c\x82\xae\x92\x16\x1d\xa2'</t>
  </si>
  <si>
    <t>b'q\x18\x81\xec\xe5\x1au\xecQT\xd4\xe9\x8c}\x17Z\xe0\x13\xbb4\xa0\x0e\x0476\x97\xe6ie\x91\xda\x98'</t>
  </si>
  <si>
    <t>b'\xf3b\xa7_\xe2\x0f\x9b\xb0\x86\xfb\x15\xc6\x94\x04\xb6\x08*\xf0U\xed\xa0\xcff\x005\xd0\xe8\xd4\xb1\x94\xe6\x0c'</t>
  </si>
  <si>
    <t>b'\x84@\x9bA\xb8\xa6\x1b\xa5\x1e\xe0\xca\xde\xf42\tX\xd6\x94\x10A\x8b=j\x11\xc1\xd7\xf6\xf7c\x8b\xe3\x99'</t>
  </si>
  <si>
    <t>b"\xb2\xdbyA\xfa\x91\x9c\xa7\x8d7&amp;\x07\\}\x89\xa4$;\xbbV\xfb\x98\xad\xbc\xcc\xad\xa7]z'\x13\x12"</t>
  </si>
  <si>
    <t>b'`\xaa\xe2\x02\x0b\x05\x9ff\x1f\xb4e\x02\xa9@\xad\xbfV\x93\xe2\xcc\xfc\xa9\xf9V\xfeQ\x86e\xbd\x84\xc7\xc4'</t>
  </si>
  <si>
    <t>b'\xeb\x1fe\xae\xda\xa8&amp;\x91\xcb3\x95j\xe0\xc1\xca\xd5GY\xe9\x9b\xcb\x8a~532\x1f\xc0=\xad\xa7|'</t>
  </si>
  <si>
    <t>b'1]6\xe8I\x02\xb6LI\x06Cv\xca\xec\x8dM\xbc\xeau\x9e:][\xc2"Q\xc0G\xfe\xee\xaa\x1e'</t>
  </si>
  <si>
    <t>b'y\x989\x18\x18\x9d\xaf]\xa2[\x10\xb93`\x0e\xd2Bh7\x1e\xe3\xc6\x15\n\xff\xef$\xc3Z\xb3\x9e\xba'</t>
  </si>
  <si>
    <t>b'\xe5W\xf6\xbe\xe8\xa0\x86\xb9\x7f\xd2\xda ^\x0c\x13\xfeD5h\x14\xf9\x87\x16\x93\xdd\xf2\x92,\x88#\x00q'</t>
  </si>
  <si>
    <t>b'\xaa\x16k\xa6\x15[0~\x8d\xff\xf5FUz\x1ep\xff\x1f/\xf6\x99\xba\xd2\x82\x80aV\xeb#m\x96I'</t>
  </si>
  <si>
    <t>b'\xfay!r\xb3\xbcr`%\xf3\xe8\x12\xb4y\xd0\xe5\xb6\xbb\xfcv;\xe4?:\xdcA\x05\xda! \xbe\xf5'</t>
  </si>
  <si>
    <t>b"i\xf5\xb8~\x8c\x06\x97\xc1&amp;$\xd7\xab\xfe'\xa8\x04\xd9\xf8\x17Ug\xd3\xc4\x92\x970\xd2\xc8t\xd6\xf7W"</t>
  </si>
  <si>
    <t>b'\xd5\x86v\xb3\xbc"\x9b\x05&gt;\xc5\xcd\xbb\x86\xeab\xbf\xa6M\xc6\xde\xd0\r\x84\xdc\x080\x04\xf9A1\\\xee'</t>
  </si>
  <si>
    <t>b'\x0e"\x04\xfd\\D\xb6\xf1\xe4\xc0\xab\x9d\xb5\x95\xac\xb9\x92\xa3\xcf\xd7\xfa\xd0\xdf\xc8\x1b\xc7\xf2@\xf7\xa9\xe1;'</t>
  </si>
  <si>
    <t>b'J\xd7\x1e\xc0\x90\x0e\xc3l\xe8\xabP\x8a[\x130?\x18\xf2\x1e%g\xca\x8e\x06K[e\xa8\x10\xf2\xf8\xfe'</t>
  </si>
  <si>
    <t>b"3\x16\x0b\xae\xb1\x01C\xe3\xf7F\xd24d\xb2\xe0\r\xb5G\xb5\r\xf0\xdb\xa0\xdbK\x8b\xddw'\x84\xeb\x87"</t>
  </si>
  <si>
    <t>b'v\xd9"\xf0\x8cM\xcfM\xd8\xe4K\x83^f\x94\t\xc6\xed\x96g\x1a\x8d/b\xd9x\xd85iw\x9a\xae'</t>
  </si>
  <si>
    <t>b'\xf2\xc4\x7f\xb6\x04\xb3\x08;\x88\xcf#6\x0fV\x8dC\x16g\x99(TECN\xf3\x91 -\x89\xf6\x8f\\'</t>
  </si>
  <si>
    <t>b'\xba""\xf1\xaf\x97\xd1\xab]\xc7e\x93\x08\x85\xeaYG\x06\xe9\x97c\xa7\xb1\xf6\x98Xi\xf9\xc1}\xb5\xe5'</t>
  </si>
  <si>
    <t>b'\x1b;\xf3cU\x16:\xa4\xd5\x0es\\\xeav\xb8,\x990\x15\xf0v\x945\xd2\xff:\xac\x03\x19f\x8bq'</t>
  </si>
  <si>
    <t>b"\xdf\xdb{\xa1\xb1\x99\xe0\x87y\x86\x8b\xd1\x84\x1a8\xc0k\x02F\x02'7w\xb2\xb7\xea\x15\x14\x9b9f\xe6"</t>
  </si>
  <si>
    <t>b'\xd1\x06d\\\x8b\t\xe2\x07\x88\xd7G\x0c\xf9\x968Y\xf1\x14\xc1\xc4*\x93,\xa7&gt;p\x9c|\x0fDLu'</t>
  </si>
  <si>
    <t>b'\x00\xbf\x7f\xf4\xa2Y\xca\xc7A\xf0\x1d\xb75f\x80%\x06\x10\xc7\xa4\x13\xb1_\xeb|\x13G\x9a\x10\xb3\x89\x88'</t>
  </si>
  <si>
    <t>b'\x05wH\xfeb\xb9\x1e\xff&amp;\xe2\xaf\x1d\xf0e\x13\xf8\x94-H\x07\xdd\xee\xc3F\x86"\x07S\xfc\xfc\x97R'</t>
  </si>
  <si>
    <t>b'\xd2\xbe\x08\xa5DNV\xdc:\x9f\x1d-\x89\xa3\x08\xe7\xfb\xb0,K9\xed\xa3\x9du\r\xc0\xa4\x88\x83\x96:'</t>
  </si>
  <si>
    <t>b'\nq\x1e\x17\x7f\xa88\xd7\x8fF\x89\x0f\x0f\xe7\x85}E0\n\t{\x8a\xaaY\x8e/\x13\xbb\x7f\xf0!\xe0'</t>
  </si>
  <si>
    <t>b'\xbb\x0b\x81\xba?\xed\x81\xbbe\xabR&lt;\xf5\x1eJ\xf6?\xf8\xe8\xf9e\xa2\x83\xfc\x01A\xde\xd2\xfaK(\x04'</t>
  </si>
  <si>
    <t>b"WGg\xc4\xc6&lt;\xdd\x8daK\x8c&amp;\xc4\xa4C\xb6\x1d\x1b\x86'2\xd8\xe9\xc8\xd8\x96\xfa\xeaX\x15\x1f\xa6"</t>
  </si>
  <si>
    <t>b'\x18"\x8c|\xcd\xc1"\xaft\x885\xf6H\x95\xb2\xfe\xd3\x85R\x04\xfdL\x84H{\xb8\xdaD\x01\x0eR/'</t>
  </si>
  <si>
    <t>b'9\x7f\xb2\xb5\rh\xa1k\x8b\x8ba\xf0\x9c\xd4\xc1\xfc\x0c\x9b\x03\xc9b\xccp\x0f\x95\x1ci\x99\x14&amp;\xaf\x07'</t>
  </si>
  <si>
    <t>b'_\xe1\xceP]\x89\xe7\x95n\x91\xa6\xa2\xfav\x0c\xe7\xa6\x0bWca\x18 \xe16\xe0\xb6\xbae!\x1e)'</t>
  </si>
  <si>
    <t>b'\xb1[q\x06\xc0\x8a\xa1\x84\x84\xbe\xc2\x9a4\x9e\xe9\x08\x11\xf3&lt;\xd1EdoF6jw\x8d\xb2-\x1d\x9a'</t>
  </si>
  <si>
    <t>b'\xdf\xc4l\xbefd\xfed\x8e"\x14z\xed\xff\xa6c&lt;fh\xba\xe5\x92\xbb\xc1\xef\x01GJN\x9e\x04\x7f'</t>
  </si>
  <si>
    <t>b"\xa2\xdb\x1eL=3\xd7\xf57\xc7\x85\x8d \xf1'\xf1\xf5\xdf\xdd\xacq\xbf\xa2\xa3T[\xcd\xb4\x15\xca\xafy"</t>
  </si>
  <si>
    <t>b'T\x19Bz\xc6\x0b0l(\xcbVO\xe3\xd2\x820U\xa0\xbd\x83\xffbB\\C_gP\x01\x8dk '</t>
  </si>
  <si>
    <t>b'\x06\xa6\xfd\xfe\xd2MORq\xc7\x0f%oC\xbd\x88\xcf\xcb\x04\xa0\xd4\xad\xeaWBA\xda\xa8\xab0Y$'</t>
  </si>
  <si>
    <t>b'\n\xbeD\xd7\x0c\n\xd2\xaa\ra\x92SU7\\q\x15\x06\x98&lt;\x0b\x97\xf6/R\xf1\x89\x95#\x19nZ'</t>
  </si>
  <si>
    <t>b'\xd6\xc7\x05\xecm%\x89)\x89\xb4\xb2\x02\xf1d\xdb\xf4\xaf:\xd4=b\xcf\x81\x1f\x18\xca\x0c\x92\x10\\\xed\xf5'</t>
  </si>
  <si>
    <t>b'1\x93%\x9a\x8eXy\xc0\xe3\x82~\x8e\xa7\xdd\xa9\x1a\xccm\xa4\xc1\xd0;\xf7\xcc\xe4\x05\xc0}\xc1\r\x05L'</t>
  </si>
  <si>
    <t>b'\xb0\xfd\x18l"\xb3\x1eq\xef+\x89\x02\xc9\xe4,\x8aj\xda\x8c\x85F\xfb4VoG0\x1f\xa0\x07\xca.'</t>
  </si>
  <si>
    <t>b'\xc3\xf6\x1a\xa52\xdb\xb8g\xb8\xc7\xb9\xa2\x88\xf6\xf3`\xb0(\xf4!\x84L7\x98f\xf1\xf8\xe8\x01\x97(0'</t>
  </si>
  <si>
    <t>b'\xbe\x80\xc1-\x12%n\x1b\xb24\xf0\x0f\xdf\x12J\xdf\xc9\xcd\x80\t\x15\xc8\xe8\xf0\x07\x13!\x1f\xeei\x16x'</t>
  </si>
  <si>
    <t>b'\x87)v\xad\x00\x16J\xb7\x0e\xee\x16h\xc6-\xb3N\xe6\xa2\x8d\x9d\xb9!\xb6{\xbb\x8ffUu\xde&amp;U'</t>
  </si>
  <si>
    <t>b'&amp;\xd5\xc0)\x08]\xa5\x9c\xf9;\x1e\xb7\xe8`\xca\xa7.\xacIi\x8b\x18\xd6\x7f\x04s,V?t\xb2i'</t>
  </si>
  <si>
    <t>b'\xf4\x8b&lt;\xec&amp;\xe6N\xdb\x16\x9f\xbd\xe0\x107E\x13t\xcb\xd4&amp;FC\xe5i\xee\x8b\xccBZ.\x12+'</t>
  </si>
  <si>
    <t>b'\x90\x9e\xe3\x1fWC\x8aq\xca\x83\x88\xfcU\\\x86\xa7\xb5\xdf|\xdd\xb4\xb4\xf6\xc2\xbc\xa8\xe7Z$"i&amp;'</t>
  </si>
  <si>
    <t>b'Q\xd8B\xb9\x9d\xe3\x8dz\xe3Tk\xab\xb2\xd0wM\xcf\x84\rd\xb0I\xca\xb1\x05_\x02\xb3\xc6\x80\x7f\xac'</t>
  </si>
  <si>
    <t>b'L\xcd\x85\x84\xc6x\xd1\xd8)\x1a!Yn\xe5\x8b\xd8(\x16:\x11\xeb\xfa,#\xe8\x18\xc7\x1d\x0bR}m'</t>
  </si>
  <si>
    <t>b'\x98\xef\xdb\x19\xdd\xf3\xf2\x9bH\x80^\x06\t\xb6\xc0\xe0\xec\ty\xa8\x12\x16\xb5%\x8f\xaa/9\x83a+\x9b'</t>
  </si>
  <si>
    <t>b'\xad\xdf\xa1\x0c\xb75\xcc\xcc\x9b\x96\x0e\xf9\xc5c\n\xbar\x89r\x9ez\xd0\x98r\xfel-t\xffZO\x1d'</t>
  </si>
  <si>
    <t>b'\xca\x12\xc8\xcd7&gt;\x04\x0f\x08y\x87v\xa1\xdf?L\x87\x0f0|\xac}\x85\xc7\xccW\x8b\xc6\x18\x8aF\xbb'</t>
  </si>
  <si>
    <t>b"\xdf\xedB\x9d'=\xa5o\xc6b\x01q\xfa\xf0\x8f\xaf\xa1\xa5\xc5\x83\r\r\xc5b\xad\xb72Y\xda\xf8u{"</t>
  </si>
  <si>
    <t>b"\x91BE\n\x02\xa9U\xa1\x13|\xc4\xf8l\xc6c\x08$\xe9a\xde'\x88\x0e\x8bY\x95\xc7\x13[M\xe4\x17"</t>
  </si>
  <si>
    <t>b'j\xa2;E\xf3v\xd10:$\x9a\xc6\xb7k\xc7%5\xb6\xe5\xd9\x06\x18\xfd\xbc\x07\x8c\xf6\xe6\x11vZ\xbd'</t>
  </si>
  <si>
    <t>b'\xce\xe3\xc7\xfb\xe3\xcdGF\xe7dHc\xf8\xba\xce|#\x07\xca&gt;\xe2!\xb8\xc5J!(\xebXA*\x92'</t>
  </si>
  <si>
    <t>b'\x99\xaa\xfa`gN\xe0\x0b\x19\x89\xcc0j5\x96\xde\xa9$$\xe2r\xe6\xa9\x8c\x93\x00\x1a{R\x01\x12\x98'</t>
  </si>
  <si>
    <t>b'\xe4\x87\xb2\x14+k\x04v8U=6S\xc3\x82\xe9\x87\x0b\xa11\xcf8\xac4\xed\x1c\x9fG\xfd\xb5\xaa\xb1'</t>
  </si>
  <si>
    <t>b"\xd3\x7fhH\xc1\x94F\xaf\xeco\xe8\x08\xd4aI)\xd1A }*0\xea&amp;\xc8D\xcc\xcb'\nsr"</t>
  </si>
  <si>
    <t>b'\xda;\x1b\x14\x7f\xe5Y\x14\x92\n{D\xa0\x95\xe6`RFA\xf5]\xac\x1f[\xc8\xe7:J\xd8\xfaQ\xc6'</t>
  </si>
  <si>
    <t>b'\x16\xa1W\xa6b\xc4\xa5T:u\xd5\xdd\xeb\xae\x03\t0\x80\xb8U\xd9\xf3&gt;\x11\xe1\xd2\xe14\xfa\xa3\x80X'</t>
  </si>
  <si>
    <t>b't\x1c\xe6\x8d{\xea\x1au\xe7\x1bD\xd2l\xb0hD\x08\xb4O\x19\xd6$Y\x9d\xd1:\xd9\xe1.\xfe\xe1('</t>
  </si>
  <si>
    <t>b'U"i2\xef\xa8\xef\xd3Zd\x10\xcd\x97)\xef\xc9\xee\xee\xe1\x00\xef\x8cw\xc4Wd\xbaU\xcdc-6'</t>
  </si>
  <si>
    <t>b'3\xff\x9d8+\xce#\x18e\x9cw\x95\x9a\x99\xfct\xf5U\xbb\xed\x15\x97_\x1f\xfa`\xc5\xe4\xcdd7\xbf'</t>
  </si>
  <si>
    <t>b'\xe0wd\xd3\xc7\x90\xbe\xa3\xdf^\x18\x0c\xf5\x8b\xcd\x14a\xc6\x82\x1e{:\xb3\xd1N\xbc\xda\x84\x1bf_\xfd'</t>
  </si>
  <si>
    <t>b'\x0e\xf9H6\xd7\xcdd\xfbt\x1cX\x1e\x12R\x9f\x7f(\x9f%\x18^&lt;\xd2\x04\xb1.\xd6j\x9a\xe0\x9fL'</t>
  </si>
  <si>
    <t>b'\x99@p\x02\xb9\xc3Q\xc5\x8d\xa6\xa5S)\x809G}\xc0\x18\xfc\\b&lt;\x03\x1dN\xe8\xfa\x1b\x95\xb1y'</t>
  </si>
  <si>
    <t>b'^\tX \xfb\xc3\xfe\xb8O\x8b\x9dE+DY[\xcd\xeb\xda\xd2J\xd8\xa3y\r,\xb7~\xe9\x87\xfd\xb5'</t>
  </si>
  <si>
    <t>b'\xb1\xe7\xcb\xd7\xbb\x82c\xc8\xe1K1X\xd1\x87d\xca\x0b\xb3\xe3\x8c6\xd8x\xeb\x8eD\x99\xa1\x1e\xf5\xbf?'</t>
  </si>
  <si>
    <t>b'\xc7\xa7\xc9\x1a\xde\x85\x1b\xfc4\x02\x14\x96\x8fO\xa0\xd5\xd8\x8ci\xe6\xf0\xda\xcc\x9b\xd8\x99\xc1\x8f\x01\x8b\x9c\x01'</t>
  </si>
  <si>
    <t>b'\xd2\xe8\xc4(\xc9\x075\x9fz\xd0\xe8;?\x1a\x06d\xe08\x84_*\x0f\xe8\xdd\xd2\xc1\xe2\x0e\xae\xe5\x89\x0b'</t>
  </si>
  <si>
    <t>b'\x15\x07\xae\x03\x00\x03wY\x82\x05\xe0X\xa6V\xbe\x12\xe0\x9bp\x11\xef\x945\xf8\x9e\x9d\x06\x80\xc9L\x8au'</t>
  </si>
  <si>
    <t>b' =\xb4\xcb\xa3\xe6FUT4Mn\xce\xd5\xf4\xe5x2\xd3\x99\x1b(\xa1\xc5,x\xcc\x1b@\xea\xc6\x96'</t>
  </si>
  <si>
    <t>b'\x9a"^\x9fo\xbc{\xe5\xe7Y\xdf@/\x0e\x83\x01\xab\xed9\xfe\xf3\xb1(\xd2\x10D\xac\xb7t\xc4\xa3\xd1'</t>
  </si>
  <si>
    <t>b'9\xbdA\x0ea\x0b\xca\x98b\xa2E\xa1\xf4&amp;\xb3\x10\xff\xcb\xcd\xa3k\xdc\xb7x\x9a\xbf\xea\xd9\xa6V\xc4\x92'</t>
  </si>
  <si>
    <t>b"^\xd1\x11g{Sb\xef?k\xba\xe2\xf8H\x82\x0c\x8e\xcfz0'v\x06\x1e\x0c\x82\xc1,\xd0hw\x9c"</t>
  </si>
  <si>
    <t>b'\x02\xb5\xb48&amp;]\r\xa0\xe9u\xa4\xa1\xf8\xcd\xdd\xca\xe82\xe6\x9an\xb8\xf8\x96\r\xd4\x8cs\x89\xbb\n\xaf'</t>
  </si>
  <si>
    <t>b"q\xac\xa6\xffJs\x8b\x1c\xe5\xe9\x04b\xb82\x12\xfa\x11\xcc(\x1f\x1f\x11'k9\xcf\xfe\x19\xf9\x85vw"</t>
  </si>
  <si>
    <t>b'\xca7\xa7\xe2\x0c\xfa\x82\x08\xf7W\x1c\xbe\xdfO4[:a\x9d9\x99\xb0\x0c\xcf\x85\xc0\x814LL8b'</t>
  </si>
  <si>
    <t>b'\xa6i`.&gt;\xbd\xee\x9b[c\x14\t\x12\xf4\x9cw9\xebi\xc2h\x8a\x7fLV\xb77\xc9v\xf1E\x1b'</t>
  </si>
  <si>
    <t>b'\x15\xcdJ\xf1Vu\xe9u\xfd\xa1s\x91\xac\x97\x99V\xc0\xddm}\xb3a\xbf\x12`\xb8\x1a\xa3\xf55@3'</t>
  </si>
  <si>
    <t>b"\x90\x8c\xbd2aXX\n\xcd\x9a\x1b\xb4\x12\xa8@|\x95\x04\xa7\xf8\xb6,\x1b\x10\xe7\x9b+\x1a'Z\r$"</t>
  </si>
  <si>
    <t>b"\x110\xb8'\x17=P{\xe7\x9ei\xa8\x84(dKd:\x19\x873W\xa4\x13\x0ex\xe1W\xba[7j"</t>
  </si>
  <si>
    <t>b's,\xc1Oj\x8ds\xba\xd0\xa3Z\xfb\x9f\xec\xa5\xbdN\x82K\xf2P\x9f?y\xed\xf9\xe9\xd62\xf9\x0f\xfe'</t>
  </si>
  <si>
    <t>b'u\xac\xf2\xe5\x17\xb8;\x83^\x9d\xccn\xec\xd2cj\xefgAC\xee\x10\x8a\x15\x0e\xf1~\xc2*\x911\xfc'</t>
  </si>
  <si>
    <t>b'XK\x9b\xa4\x1e\xf3\xa5s\xb1\xfa\x8d\xdd\x16\x95\x89a\xe6v\x94\xa9\xf4\x1a\xccs\x06V\x17\x15\xfb\x83Qf'</t>
  </si>
  <si>
    <t>b'\xce\xb0+\xe3=f\xecK\x89\xe8\xfanZ\xbe&amp;\x00\xc7\x1e\x86aZZ\x98m&lt;I\xf5\xb7\xc6\x0e\x0e7'</t>
  </si>
  <si>
    <t>b"F\x11\xce\xc2\xfea\xe6\x99@\xb9w\x84;dE\xc7\x8a3b\tP_'H\xdf\xc7g\x01&lt;\xc7\xec\x8e"</t>
  </si>
  <si>
    <t>b'\x04\x94F  \x84\xe2I\x19\x81\xa4[?\xb0\x18\x0c\xc64@\xc8J\x8a\xa7~2\xdd\xd1\xac\xf4\xbb\xd9\xf0'</t>
  </si>
  <si>
    <t>b'0e\xc0\r\r\x01A|\xd6\xf2"\x17)\xc9}:ly\x16\xe8Yr\xab\xfc"h\xbctR\xe1\x03\x0c'</t>
  </si>
  <si>
    <t>b"!\xc5\x96\xc5\xde\xa2\xeb\x15\xd6R\r\xc3\x1b/l\x18\xe9\x95\xefX\xb5[\x91\xf4%\xdcj'\xc1\xd0\x9eN"</t>
  </si>
  <si>
    <t>b'o\x96\xc3E\x02G\xc1OHH\xec\xf7PL\x81\xb8\xf8B\xc6\xce\xcd,@\x98\x87=\xea#\xa2z\x80\x03'</t>
  </si>
  <si>
    <t>b'\x8c\xc6\xf6\xd8C43\x84\xf7\xc0K\xe5\xc9j\x15\xd1N\xe1I3\x8cj&amp;\xc8/n\x0bAA&lt;\x89\xc0'</t>
  </si>
  <si>
    <t>b'-\xeek\x95\x03.\x87#\x0e\x9c\x0f\x0f\xa6\xac\xdd\x9c\xcaz\xeb\x91\xfd\xb1\x15\xfc,\xb1\x93\x83\xab"\xe9\x14'</t>
  </si>
  <si>
    <t>b'\x0c\x02`\xe1\t\x19\xb3\xa3\xf6s\xb2\xbf;;r\x11F\x93gC\xe1&gt; _\x93\xd0\x19\xa7\x91D\x16\xdc'</t>
  </si>
  <si>
    <t>b'\xad\xbb\x95\xddYD&gt;NS"\x82\x1cmS\x90\x822\x95\x9dX\xc3\x10,\x83\xf8\xc6\xaa\xcf\r\x12"\xae'</t>
  </si>
  <si>
    <t>b'\xdb&lt;\xfb\xf7a\x96;\x80\x7f,\xf0\xc3*\xf7\xe9\x10Lb\xcc\xf1i\x18\\F\xdfn)\xe1\rs\xb4\xe7'</t>
  </si>
  <si>
    <t>b'G|\x9bKh4\xa3x\xd1\x1cQ\x03\x97\x0f\xb9\xb4\xff(I\xc7\x1b\xd6\x87\x96\xb9\xa3\xa9&gt;x\xa0\x91\xb3'</t>
  </si>
  <si>
    <t>b"o\x00\x86S\xd5$hJJ\xaf&lt;\x08n\x14\xa1p\xac\xdf\x1eL\x1f\x80\x8e'm\xa1\xf4d\xbe\x8caK"</t>
  </si>
  <si>
    <t>b"\xc5\x04y\x1a\xd2\x8a\x00w\x82\x91&gt;\x9fY\x9c\x1f%\x1e\x0c&amp;\xd1\xbd'3vP=\xac\x10+\x91l\xbd"</t>
  </si>
  <si>
    <t>b'\x95Y\x06T\x19gc\x07\xb6#\xdd\x0e\xe4\x84eh\xef7\xcb\xfacc3\n\xa1\xd4\x0cv%-\xa3^'</t>
  </si>
  <si>
    <t>b'\x1f\x93M\xb4\xe6\xd78\xc0M\xdf\x81\xcb`ZO\xf7\xa9\x03\x8e\xea\xde ?\x17\xf3\xdcj4i\x96\x8a\xdc'</t>
  </si>
  <si>
    <t>b'\xbf\x96\xb7\x0c7]\x03\xbb\xd3V\xc1\x83Lc\xc2\ni#\xfa\xdb\xc8\xbc\xd4\x93o2\x81\xcb\xbc\x99\xa6\x07'</t>
  </si>
  <si>
    <t>b'A\xd0\xc3[S\x0cUo\x0b\x91|\x87\xc7K\xc4Z\x13H\xf9j\xcd\xb2\x83\xef\xf8\xd4m\x16L(\x92/'</t>
  </si>
  <si>
    <t>b'\x00\x81\x13\xe3\xe8gX/\xb5Yo\xf9\x0f\x04:4?\xbd9\xcf\xb5|]z\x1a\x0b\x0c\xd0b\x88x_'</t>
  </si>
  <si>
    <t>b'\xf0\xa9\xfd\x88\xf4\xdbx%j\xfc\xa8\x9cAw\xe0;xp\x02`~}\xb2\x9e[\x9eXw\xf3Y\xa1L'</t>
  </si>
  <si>
    <t>b'\x939\xb56\xdd\xfe\xfc\xcfV\x1a\xd3\xb3\xe2\\\x0f(\xcd\x9c\x9d\x81\x95\xf2\xe5Eo!\xfc\xb2\x9b\xbc^|'</t>
  </si>
  <si>
    <t>b'58X\xcfPC\x11\xfcl$c\xb6\x90\xdbHW\xd1\xd7+\xd4\xdc~\x82}|\xb4\x17\x0f1\x02G$'</t>
  </si>
  <si>
    <t>b'\xdfB9\xb4\xca\x9e\xc6^\x92\r\xbfA\xae\xc1\x0b\xf7\xc8U\x8d\xc4tA_\x01\x8e|\x9e;\xdeL\xdey'</t>
  </si>
  <si>
    <t>b' p\xe8\xb6\xdb\xef\x9a\xba\x8b\xc7\xbb\xd9\xa2\xe9\x92\xff-x\xd6\x1f\xf1\xde\x87\xe2\xe1\x01\xbf\xe7W\xbe\x94 '</t>
  </si>
  <si>
    <t>b'S#8\x8f\xe2\xa7)+$ Z\x96&amp;\xb5uXd\x85\x91vT\xa41z\xdf\xa4~R\xa6cE\xcc'</t>
  </si>
  <si>
    <t>b'\xf7\xb4\xc2\x8a]\x0e\xcc;*\xc1\xa3\xe9\x11z\t\x06\xe8\x08\x14M\xe1\x81\xd2I\x89\xf6\xb0F\x0ei3\xf7'</t>
  </si>
  <si>
    <t>b'\xe1\xea@\x16n;\x9d\xba;\x80?L\x01\xc2\xd3W\xbb\x13\xd4\x17\x8e\x19\xfc\x11\xad\x1b\x19\xcc\xb6\x17\x9dz'</t>
  </si>
  <si>
    <t>b'\xf9P&amp;Ic\xdd\xa5\xcb\xa4\x11\x07\xd7*VO\xb9\xad\xab\xe5=\x10\xe1\x9a\xfa^|\x9f\x86\xbfq;\x1c'</t>
  </si>
  <si>
    <t>b'\xc6y\xa43*\xbe\x1a=\xed\x04\xee\x86\xa5$\xab\x8bL\xca\x96\x9e\xb0T\xc0\xcb\xf7\xd3\x1e\x7fm\xd5s\xa7'</t>
  </si>
  <si>
    <t>b'\xf2h\xcb\xcdD\x98\xf6&lt;\xb9w\x86\x8e\x13;aD\xd7m\xcdzV\xe5\x18)\x92s\x96\x99\xfd:\xa8g'</t>
  </si>
  <si>
    <t>b'\xcb\xc6\xc1\xff{\xcb\xe9W\xfdx\x12n\xb6c*Gw\xf0\x1e\x0cO\xf1\xca0\x95\xff\x1ed\x9f\xd9\x19*'</t>
  </si>
  <si>
    <t>b'm\xd7f\xaa\x16K\x92k\x10\xa7\x15y&lt;\xf0\x89\xcd`\x92\xf1\xe7|\x90\xa7\xaf;\xa7)%\xc0\x9f\x12&gt;'</t>
  </si>
  <si>
    <t>b'\xe0\xe0\xd9#\\H&gt;\x1e)\xcc\x11\xf9X\x19\xa4X\xd8\xd4\xbd\x01\xcf24\x1d\x10\xac]\x88"\xfas\x81'</t>
  </si>
  <si>
    <t>b"G\x8d\xc0\xb0ec/\xce\x9e[\x90az\xa9\x94\xc8\x8a'=g\xcb\x9epJ\xe46\n\xce,H\xd8\xcb"</t>
  </si>
  <si>
    <t>b"a\x87\xfb\x9a\xb8\x9aO&amp;x\xf9'\xff\xce\x963\xff\xb17\xcdX\xf0\x08\xb7\x95\xfc\x0cF\xd5\x1d\xbd\x7f\x0b"</t>
  </si>
  <si>
    <t>b'h\xb8\\\x8b\x1fv\x85\x0e)PQ%E\xa2\xcf\xd6\xd6|\xc7Rih\xfb\xdaw\x97gx\x03RG\x99'</t>
  </si>
  <si>
    <t>b'\xe6&gt;\t\xe3\xdfv\xca\x0f\xf8\x97+\x1f\x17\xbe\xff\xa7@[ \xc0+Pq\xcc\xe1\xc4&lt;Aa\x1a\n\x14'</t>
  </si>
  <si>
    <t>b'\x04\x05\xf9\xf7n\x18\xee\x15\xa9\x0bL\xbd\xa09oQ\x88\x7f\x92\x82m\x98\xb1\xb4\xc3\x11\xdd\xd6|\xe4}\xcf'</t>
  </si>
  <si>
    <t>b'\xb0B\x8f\xa3vV\x89\xa2\xb4\xee!4\xa9\x83C,-\xfe\xcc[\xd9\xedP0\xa04u\x02\\!\x85\xcf'</t>
  </si>
  <si>
    <t>b'8\xd0\xe4\xad\x1b\x81P\xa8\xaa\xd7:\xd0\xed\x0f\xd3\x07\xe6K\xf7\xc9\xd4\xae\x9eQ\xff\x953\xcd\x94(\x0e\x1d'</t>
  </si>
  <si>
    <t>b'Fp\xfd/\x03rS\x97{b\x07Q\xbf\xf9A\xab\xa2\xc8V\x18\x85\x1e\x8e\xd1\x8b\x11uR\x0f\xd0\xce\xc8'</t>
  </si>
  <si>
    <t>b'\x06\x87m\x19\xd3&lt;\x06Min\xf6qn3\x82\x97\x97\xea^)\x95*9\x03\n\xf6\x8d\xbcYP\xf0}'</t>
  </si>
  <si>
    <t>b'\xd7zz9\xa1\x0e\x1b\xfb\x88R\xb2\xe7\xf0\xd8\xbd:\x0fp\xcf\x89v\x12D\x1fa\xb2\xd9#\xf5\xdc\x01\x03'</t>
  </si>
  <si>
    <t>b'\x02\x01\xa4\xbf\xb4\xd8\xf5\x9e1\x9a\xb1\xac\x99@\xa1\x9f1\xa9\xf9c\xaf\x93\x83\xd2%\xda\xb1*(V\x08\xc9'</t>
  </si>
  <si>
    <t>b'\xaenI\xb8\x12\xdf\xb4\x18\x87l\xd4=:&gt;\xf0\\*e-\x1e\xbf\xf3\xcc\xd7W\xac\x18\xfd6\x8d\xfc\xc4'</t>
  </si>
  <si>
    <t>b"i\x1d/\x9dH\x8d\xd0\xc3\xcf\xabs\xb3XII\xc3\xf6\\\x95\xa0R\x7f2+eT'\xb7|JmQ"</t>
  </si>
  <si>
    <t>b'\xf6\xcb\xce\x8f\xf2V\xb4aIB\xe3G6\\Q\\\xaa\xc8\xfd\xce\xb4K&amp;MD|\xba\x84%\x8aj\xaa'</t>
  </si>
  <si>
    <t>b'?w\x19\'c\xd2\x81\xacz\x0c(1;\xc7\xdf\xadHc\xe2\xea3\xdd\xea\t\x08\xdf\x85#\xdeP\xb6"'</t>
  </si>
  <si>
    <t>b'/\x07Ti]k\xbd\xc7+\xaf\xa9W\xee9\xcc"#\xdc\x07\x02l\xf78\x94\xf9^\x9cy\xb4\xde\x86f'</t>
  </si>
  <si>
    <t>b'ZFJ\xbd\xe2$\x89\xc51\xbe\x18Gop\xedx\x1cG\x13\xebJ\xe3S\x8fNV-\xb1\xf5\x83y\xde'</t>
  </si>
  <si>
    <t>b'\xf9\xad\x97\x186\x88\x84\xc1\x7f\x9c\xa2\xf2k\xf2;\xe5\xa0\xb3;\xc1\xef\x98\x04\xd5\xb9\xe6Q&gt;D\xa7\x03\x7f'</t>
  </si>
  <si>
    <t>b'}U\x07\xa6aOg\x0e\xbf\x12)?\xc2,\xab\x86W[!\x85\xdc\xeb%\x9d\x9e\xb0\x01&gt;\x82\xb0\x1b\xcc'</t>
  </si>
  <si>
    <t>b'-!Y\x94\x89s4\x11\xe0\x86\x96\x06y\x03{-[&lt;\xc9\xd1\xc5\xf3\x88\xecC\x8b\xb7\xe60\xe3\xa3`'</t>
  </si>
  <si>
    <t>b'\xed\x8a\xd9\x049\xa6X\xef\x97\xe60\x84\x9b\x1e\xab\x1b\xd3\xe5\x8f?K\xcfB\x1d\xde^7S\x8d4c%'</t>
  </si>
  <si>
    <t>b"\xea\x87\x0f\xab\xac\xcd\xa8\xc1M\xcd\xebt\x85\xf7J'~\xa5\xeb\xe3\xf0\xf9\x12T\xaf2\xd6\xadZ\xa9\xfc\x83"</t>
  </si>
  <si>
    <t>b'g\x08`3\x9b\xe3`\xfcr\xd9\xb2N\r\xff\\{\x1a\x8b\xd6\xc2\x1dd\xf0\x8a\xf9L\x05\xb1\xcfp~\x1d'</t>
  </si>
  <si>
    <t>b'T\xa0Q}\xadJTP\xf7B\x0e\xb2Cg6\x11~\r\x05f\x86\xc0\xf3\xe0\xf1S\xb3\xa4d\xe1\xc2\xcd'</t>
  </si>
  <si>
    <t>b'\xcb\x90a&gt;\x04,0\xa3X\xa1\x7f=/\xbbM\xc5\x04/*\xfb\xf3J\xa5\xf5qYrUj\x82\xc2u'</t>
  </si>
  <si>
    <t>b'\xc4.N\x036\x11\xa6`\xbf\xec\xa9\xd67\xdfH\x05o\xc5\xaf\xe2\xa0\xd5\x98\xe0\xecq\xc8\xa6\x8fc\xe6n'</t>
  </si>
  <si>
    <t>b'p\xf4\xa1\xbe\x86\x9a\xd9L\x16;\xa4\xd5\xf4v \x98S\xd5\x8853\xdaH7x\x87\xd0\xc1\xff\x84g\xf3'</t>
  </si>
  <si>
    <t>b'\xcb\xf0\xfe\x86\x86\xa0[^i\xe5\xe6=\xc5\xe6A\x10\xbaK\xf9\x8d\xf6\x8e\xa8\xbe"f5\xa0\xf2:\xb8\xf3'</t>
  </si>
  <si>
    <t>b":H:R\xd5\x18\xceP\xb2\x8acXI\xc1\xb0\x1f\x8e\x06'\xfc\xba\xfd\xfc9\xcb\xfc\x86Xs\xb2t\x90"</t>
  </si>
  <si>
    <t>b"'\x02K\xe6\x88#\xe60k\x8d\xff!Hg\xef\xb3.\xa49\x99\xedK\x18N\xca\n\xb1U\xc1,\xb7\xf5"</t>
  </si>
  <si>
    <t>b"\xa0\x8f:\x08z\x89e\x85\x82_'\xf6`~\xf5\xe5\x87a\xbe\xe0D\xdfx^\x12\x9c\xb4\x01\xa0\x121\r"</t>
  </si>
  <si>
    <t>b'!\x82\x0eR\xbd\xa9\x0f\x8a\x1cW \x9c\x8e\x82\t?R\x06\xc7O\xbeq\xec\x9es\x84D\xf8\xad\xe7\x9c\xf9'</t>
  </si>
  <si>
    <t>b'\x89\xea\x92\x80\xd5\xb3\\g\xabB|\x12\xd2\x1b\x0c\x1e\x10u\xb2\xe5Le\xca9U_g\x1d\x8b*m\x18'</t>
  </si>
  <si>
    <t>b"\x06\xc1\xb4+\x95\x9f\xc8%\x11So\xa4\xab\x0b\xcb\x95;7\xd2\xf1'\x1cq\x9f\xb0YF\x0fA\x03g@"</t>
  </si>
  <si>
    <t>b'\xaf\xa5%\x9e#\x88\x1e\xe5\xd6Q\xf5c&lt;N\x01\x92\xef\xab\x14E{\x0e\x9c\xf6c\xd1U\x00\xc1y\xc8\xf7'</t>
  </si>
  <si>
    <t>b'\x15I\x04El\x06vOw\x02\x08\x18\xcd}F5\xc2\xb5\xd2\x13R!\xd2\x0c\xf7sos\xff\x0e\xb7\xf3'</t>
  </si>
  <si>
    <t>b'F\x04@0\xd9Z\xf1\x86\x90\xb3\x0c\x90g\xe5\xe4\x02\xb1\xaf\xc1\x92~s\x8a\xa6@Y|\xdcBM`s'</t>
  </si>
  <si>
    <t>b'\xa6\xf3^\xf8\xd5r\x968\xc6\x130\xb1]\xa4\x13\x07\xbe\xc1zb\x07\xbcB\x8b\xc5k\xd7\xa8\x0f\xef\xa3\x0b'</t>
  </si>
  <si>
    <t>b'F\ro{|\xc2(\xac\xc7\xbcj\x13z\xfc\x80\x7f\xc1P\x06\xde\x08\xa1\xe2a0\xecs\x03\xd9\xa2\xb3\xd6'</t>
  </si>
  <si>
    <t>b'\xe9\xb0`\x1b\x8d\xa7\x916T\x83D\xd2\xe0\xd2\x80JX69\xf7{\xfd\xbc\xb0z\xaa\x03x\xab\x9f\xd2\xa9'</t>
  </si>
  <si>
    <t>b'osr\x9f,\xa0"\x84\x87\n\xd0\x82\x8d\xf5\x8b\x96\x9dt\xe28\x1b\xa2\xb1NY]Smh"\xe8O'</t>
  </si>
  <si>
    <t>b'\xf2E\x01|!\xe9Q.\x1e\x16\x19\xf92\xac\xa9\x92v\xddQ\x85\xf8\x1f\x81&lt;\xab3?\xa8\x93 A\xaf'</t>
  </si>
  <si>
    <t>b'\x1b\xde\xb0\xa9w\x85D-\xf6\xbe\x89\x18H\xec_1q4\xbb\x9a\xdfM\xfe\xb0\x99\xe4\xfeBS\x9az\x85'</t>
  </si>
  <si>
    <t>b'\xc9\r\x0e\xfc\x83FEI\xd0\x10Co\xdf\xbb\xb9\xdcV\x1a\xfc\x0eJ)\x02D\xfe\x96J\x97\x11\x8d\x8b9'</t>
  </si>
  <si>
    <t>b'tl\xb5\x007X\xdb\x9bJ\x81\x810\xcf\xb3\x7f6on\x1b)\x0b\x1dE\xb1}\x90\xfc\x8bOI\x1a\x17'</t>
  </si>
  <si>
    <t>b'\xf1\xc4\x16\x17\xd7\x1c\x11\xf1\x1b\x0e\xfcbXM\xb1\x10\xfb\xdbfY-\x10fJ\xb7\x01\x97\x8a\x9b\t\x87v'</t>
  </si>
  <si>
    <t>b'H\xe6\x02)^\xe9\r\x13Vc\x818e\xc6\xac\x1a\xccg\xf4\xbbj\xf1\xab\x11,\xf4+\xf8\x1d\x87\x1fB'</t>
  </si>
  <si>
    <t>b'y\xe4\xf2Kf\xe3\x91\xf3_\x1f\xd4/\x03R\xd7\xcfc\xa21\xd1\x89\x15\xf4\xe7U\x00J\x02\xac\x88o"'</t>
  </si>
  <si>
    <t>b'\xb7\xb2\r\x18Xjg\xb7R\xf3a{\xdd\x1c\x88\xd5\xe5\xc9\xed\xa0\x9a\x0e\x14\x96\xe3\xd3d\xb1\xaf\xf0\x82]'</t>
  </si>
  <si>
    <t>b'\xeaA\xf1\xca\xcdG\xf0|?\xac\x12\xe7\xd6\x86\x99F\xb61\xa6\xe8A)SC}\xc5F\x0b\xa5FJ7'</t>
  </si>
  <si>
    <t>b'\xe7\x16\xbe&lt;\x10y\xab\x9a\xc7\xcbT\xd1&lt;J*k\x9d\xff\x92[\xb2\xe8[E\x87\xa6nTW\xbb\x81\xb0'</t>
  </si>
  <si>
    <t>b'\x83\xafzE\x99_y\xbb\xd2s\xfa\x9f\xe4\x07\xd5K\x0e\x9a\xe7\xf5c\xec@\x88\x9d\x91\xe5\xb85\x1dSi'</t>
  </si>
  <si>
    <t>b'\xdf[@\x08L##\xe9=\xb1ko\xb6\xe2\xebY&gt;fU\xae\x89\x14\xc0\x97\x00\xb7\n\x82\x0fd\xe0\xed'</t>
  </si>
  <si>
    <t>b'\xaf\x00\x80\x9c\xc1\xa9\xf0U3\x1e_]*\x8f\xe2h\xe2\x1eNc\xf5:\x9e\xe9\xe0\xebU\xef\xbfu\xee`'</t>
  </si>
  <si>
    <t>b'\xe7\xf4\xcaA\xff\x8bm{\xde\xc5\xd7\xb7\xc4\xaa\x98\xb5F\xcb.\x112\r\x10\x12US\x8b\xd7\x87\xea\xb5\xe5'</t>
  </si>
  <si>
    <t>b'\xd2\x98\xf1\x11\xc4\xe5\xd5\x10\xb5dRxP\x95%y\xca=\xf3j\xe1\xc8\x1c&lt;\xe3\xd67\xa7\x9b*\xdd\n'</t>
  </si>
  <si>
    <t>b'\n\x93\x1a\xfcc\x9d\xae\x92[bs\x8c\x93\xbb\xfc*(Z~\xe3\x0e\x17\xd3\x16\xd7\xc8\x9c\xc0\x81\x19\xb7i'</t>
  </si>
  <si>
    <t>b'yq \xd4\xac\x10\x1a\xbc\xc64\x94\xd6\xb0\xdf%E\x9b\x887\x9e\xf3\xd8\x8a\xc7\x8e\xe2\x1f4]h\xde\xb6'</t>
  </si>
  <si>
    <t>b'\x1e\xde\x86\xae\x974\x1ea\xff\xdf\xe5\x9fM9kW\xb6\xd3\x8c\xa9WK\n\xffn\xd6|.\xd6\x06G\x04'</t>
  </si>
  <si>
    <t>b'\x97\xb7\x9f\x8fY\xc2\x8e\xc6\xbb7\x95\xec\xf6\xd3)4\x14/\xd2\xc5\x81\xd7\x15\xff\xc1/0\x14\x8b\xe8\x07}'</t>
  </si>
  <si>
    <t>b'\xca_\xf4&amp;\xf5\xe1\n!\xa5i\xae3\xb6\xd6=tR\xdb5\xbdVn\xe1\x11\xa7\xb3\x0c\xb4\x9b\xae\xd1\x01'</t>
  </si>
  <si>
    <t>b'\xa4\x04b\xc2F\xc9,\xd8M\xd9.\xce\xee\xb7\xcc\x8e*\xd8\xb9\xd6`\xc1\xabe\xbc3\x81\xd9\x90\x8c\xf74'</t>
  </si>
  <si>
    <t>b'`\x02R\xec\xd6wI\xdd}2d\x84\xe4\r\x0b\x8b\x83]H\xa7\xe7\x93\xd9\xc0\x87\xdc\xf1\\\xd0\x0f\x84o'</t>
  </si>
  <si>
    <t>b'\x99\xdb%\x10\xd8\xf6\xe9m\x05\x12 /\x05;\xbf\xbfH\xb2\xfb1\xb3\xbc\x97A\xca\x13\x9e\xc2\xf0\xe2\x1b\xb6'</t>
  </si>
  <si>
    <t>b"\xd8\x17\xb8\xa3\xbcO\x94G\xd4\xd3%\xc2\xce\x81|\xeb[\x81\xf3\xdd '\xfd\xdc?\xdb\x04h\x1d\xa3z\xfa"</t>
  </si>
  <si>
    <t>b'\xddv%X!\x93\x88\x91 \x8e\xd4^\x87\x12\x0e\xb5\xdc\x05g\xb5\x17\x80fQ\x0c\x8fry\x15\xdd\x9e\xba'</t>
  </si>
  <si>
    <t>b'"\xf6\xde;\xd7\x82GJJ\x8fJ5\xf9J\x94\x12\x9dq&amp;\x1d\xea\x83\x98\xaf\xc5\x99\xed\x9b\x0e\xb7\xe2/'</t>
  </si>
  <si>
    <t>b'c\x1a\xa5\xabO\xbb\xbb\xb8\xfd[\x91\xbf\xfd\xb70,d8\xd6a\x06e\xf6\xbb\x05\xea\x96\x17\xda\xd9\x8e\x97'</t>
  </si>
  <si>
    <t>b'\xc4\xf7\x0c\xf2\x1b\x89\xd8=\x98\xd6D\xcaj\xc9\xe3\xf2\xbaS\x10{\xebq\xc3|\xe8\x14\xad\xe6\xd9\xe0\x11\xf8'</t>
  </si>
  <si>
    <t>b'%\xa9\xb0\x8a\xaf_\x88_\xa3\x93%\x00+\x12\xc7+\xd7\x049\xf81&gt;y\xd9E\x13\xf2\xc9\x02-\xe7J'</t>
  </si>
  <si>
    <t>b'&lt;q*x\xfb\xabE\x1e\xe3\xd0f\xc4V\xe5\x1f\x98\xe0\xdc\xab4\x18\xb3 \x8e\xa8\xf4|.\x89\xdd\xaa@'</t>
  </si>
  <si>
    <t>b'\xda4\xecp$M\xa5\x14\x10\xd2\x075\x9d\x0f\xb9oN\xa0\xc1\xa0\xb5\x02mK_\x84\xcdV\xcd\xa9v\xdc'</t>
  </si>
  <si>
    <t>b'\xfd\xb0\x0e\x9c\xdd\xa6wU\xf3\x82Ge\xab\xf3\xc1/\x0b\xa3\xd8\xff\xaf\x140\xec\xf6\xb1\xab\x11\xc5\x1c\xd1\xde'</t>
  </si>
  <si>
    <t>b'\xc5\xbb?\xebsF\xe0&gt;\xb6\x86i\xb9}J=\x02\x9c\xc9\xdc\xac\xaal\x0fU\x9b\xc0\xa9f\x11\x13\x04\x96'</t>
  </si>
  <si>
    <t>b'pL\x99\x88\xd6\x9a\x0c\xc4 \xba\x91\x9bR\x012`iS\xb1\x88[\x8c.\xa5\x91\xfc\x0e~\x81\x02[8'</t>
  </si>
  <si>
    <t>b'\x1a\xbb\xd0\xb9\xb6s.\xad\xcb\xe9\x0cu2\xdc\xb0l\xe7\xb8YhP\x0bT\x98,\x8d\xf8\n\xb6\xdb\xe5\x18'</t>
  </si>
  <si>
    <t>b'w\x80up\x0b\xea1`\xe4\xac\x8e%|\xd0\x1c\x97\x0c\x0e\xfei\xf4\x8d\xd2\xea@G\x91\xafTR)['</t>
  </si>
  <si>
    <t>b"\x80\x8a\xca ')\xfbbX\xf2^)\t|UXlR\xeb[9\xe8jZ\xb8\xef\xf4\xa7H\\\xf4\x05"</t>
  </si>
  <si>
    <t>b'\xd4\x1d\x89\xf0\x84\xa7\x93\x88\x1b\xc3\xce\xfej\x8f\xc4\xe9ms\x86\xccC\xb7\x17\xf1\xbe$\xf4\x03\x16\xacmD'</t>
  </si>
  <si>
    <t>b'\xaf\xca\x17\x88\xb8\x9b\xc7Q\xee)\x8b\x84Q\x01\x8d\xec\x15\xe6\xb0\x90#\\\xbe\xaaH\xce\xf7\xde\xaf&amp;\xba\x12'</t>
  </si>
  <si>
    <t>b'\x94Hfzy"\x84Uw\xe1b\xa3\x02|\xe6\xf73(\xf5L\xba\xf6C\xad\x13O{\x8a\x91\xf8.\x19'</t>
  </si>
  <si>
    <t>b'\x8d\xc6\xd1)r\xf6\xaf\x1f\xa7\xd6_\xbd3\xba5\x9fp\x9dr*H\xa2\xc6,6&gt;\x0c\xd3[\t\xa0\xd4'</t>
  </si>
  <si>
    <t>b'c\xeej\x99\x80\xa4M\xf1\xb5\x8f\xfe\xbb\x14\x11\xf3#:.]\xca]\xb9\xbeS\xbdv\xff\xeeKH\x8f\xe8'</t>
  </si>
  <si>
    <t>b'\xd3\x10`@\xa2F\x9d\x11(\xc0f\x7f\x16\x966U\xb6\xe0\x05/\xf6/\x1b\x1e`\xac\xf9\xf6\x03\xf8WB'</t>
  </si>
  <si>
    <t>b'\xc4Kq\x80F\xae\xdfd\x03\x19}\x0e`&gt;\xfe\xf3\x10\xda\x07\x9a\x94\xfd\xd7Qd\x15\x8f\xffJ\x0e\x98\x80'</t>
  </si>
  <si>
    <t>b'\rV\x9e\xb0\xd7H\xa9\x9b\x15\xe9\xe7\xb0"\xd0\xf4V\x13`\x86\xbfa\xb6q\x8c\x02\x7f\x97\xb8\x15\xafu\xf6'</t>
  </si>
  <si>
    <t>b'\xdf"k\xb9q\xa4\x11\xfc\xf8\xea[\xb4\xc3\xd5\x96CR\x18\x9d\xb7!\xcfC\xd6\x91\x03R\xa0J\x08\xf2\xf5'</t>
  </si>
  <si>
    <t>b"\xa64\r\x91\xeev\xb8)\xfb\xe3\x1f\xbfZ\xb4\xe8Eo\xda\xbf\x83\xd2H\xfc\xcd\xfbe\x10\x9f\xb7\x80'\x0f"</t>
  </si>
  <si>
    <t>b'\xc2p\xbd\x9f8\x14{\xecm\x04\xb8eV\xd6\xf5\x1e\xefi\x02z\xecn \xcf\xe3]\xd6\xfe\xc7b\xfe\x98'</t>
  </si>
  <si>
    <t>b'\xa1s\xa2\xb2\x04\xfb\xc0\x95\xee\x97\xd9\xcf\x16\xff&lt;\xc9E\xbc\x1f\x05\x190\xe9.\xcf\xa8\x8f\xa0\x05\xc5\xa1\x15'</t>
  </si>
  <si>
    <t>b'\xce\xc6\xe9\xa4\xa3re\xd3P\xee|-\xf2\xf8?*\xfd\xa4\x98\xd0\x99\xcb\xa2\xd7+\xd0E#\xc9]\x04\x13'</t>
  </si>
  <si>
    <t>b'8c\x9d\x7fV\x8a%\xa4]\x00\xe7\x19\xcb\x94\xd2oV\xe6\xd9\xcfk\\\xfd\x8d\x1a\xf5U&lt;J\xe4\x07\x94'</t>
  </si>
  <si>
    <t>b'r&gt;\xdb\xaa\xf1\x02\xd1\xb6\xbaRT`k\xd4\x03\xaf%C\x9a\xafvz\x02p-8\xc3\xe5\x9b\xa0nG'</t>
  </si>
  <si>
    <t>b'r\x05N\x00\xb1\x1aB\x9d\x89M\x8ez\xd5\\M\x88\xc8\x13\xb7\x0c\xba\x82\x9c?\xa1\x15]S\xc6y\xd2-'</t>
  </si>
  <si>
    <t>b'\xd3\xdf\x97\x08M\xfe\xad5&gt;\xc1\xc5M\x0f\xdbf:\xee\xa9\xcd\x86\xa6\xea\xc8\xc69~tm\xa8\xe8\x1d\x9e'</t>
  </si>
  <si>
    <t>b'\x8fjX\x94\x9b\x01\x8e\xc4\x84\xce\x8a#\x86|\xb7o\xce\xf2E\xb2\x12\\\x05\n\xb4\xf7\xaa\x1c\x19\x1c\xa6\xc8'</t>
  </si>
  <si>
    <t>b'1\x11V\x0053\x0f\xba\xb9\xdc\x82W\xc0xWK\xee5&amp;K\xa3\xef\xc8\x1e\x9cy\x92#\xd4\xc0\x081'</t>
  </si>
  <si>
    <t>b"=q\xf0\xd8n\xbf\xb9\x7f!+\x88R*dD\x0e\x087\xe8\xd1\xcf\xee\x01c|'\x13\xa6\xdd\xc6M\xce"</t>
  </si>
  <si>
    <t>b'1\xb2\x17.b8\xe2\x9c\x89\xb9^\x93\xa6\\\xd8\xf7\xff\xeay\x82\x15\xc1\xae\xee\xcc\xec\xa0\n@k\xfa\xa8'</t>
  </si>
  <si>
    <t>b'\x170\x93\x97\x84xo\xd8Tla\x95\x0b\xa3\xca\x80\xb9\x9c(\xb8d\xc4#\x8d\x0b\t*\xfb\xeb\xfd\xbc*'</t>
  </si>
  <si>
    <t>b'\x8f\xd4\xa8\xf4\xf5Q\xfb\xc7\xf3\xd0P\x8aZ\xbe ?[\xab=\x10\x82%\xd4\x99\x8d\xa3\x81^,dm\x88'</t>
  </si>
  <si>
    <t>b'\x88\xe8\xd5\x8b\xe7\x17\x97\x99]V\x10;X}O\x0b\x7f\x9e\xebks\x82\x82\xc8\n\xf9OJ\xc3\xf3C\xbc'</t>
  </si>
  <si>
    <t>b'\xb8\xa1\x9c\xc7\x8d\xa5Q\xb8\x81Tt\xd9\t1\x10\xd0\xfet\xe3\x19P\xd8\xa3\xf4\xe6\xf0xWk+\t\xfa'</t>
  </si>
  <si>
    <t>b'$pqQ8S\xc8\xd0!\x9a\xff\x81\xc2\xc1\x1a\x8f\x8dI\xe0#J1\xd5O\xb1I\xee\xd6\xdc\xeb\xa6\xd3'</t>
  </si>
  <si>
    <t>b'E\xbf\x0c \x98\x12\x0bp^\x18\xff\xde\xb3%Og\x9b\xf0\xac\xdc\x83v&lt;wi=\xb6\xb4\xe7\x86~\xb3'</t>
  </si>
  <si>
    <t>b'\xb7\xcc8\xb0\x81\x07\x10\xf8\xe2`\xb3\xb4G\x10\xcf\xce\x02y\xc1^\x98 7\xe5["a\xff\x0c\x1e\x864'</t>
  </si>
  <si>
    <t>b'n\xf2;\xa9\xc2W\x83\xce\x9c\x14Zk\xc4\xf8\x7fV\xac\xb6 6\xaf\xd4x\x88\xc9}\xfa\x7f\xb2\xde\xad\xf3'</t>
  </si>
  <si>
    <t>b'\xfb&gt;\xad\xceZ\x06Oh\x1f\x14\xf4#H\xd5)\x90\xb1+\xa7b\xcb=J\xd0o\x7f\xba\x97\x1evg]'</t>
  </si>
  <si>
    <t>b'u!\x03\x80{\xde\x92,\xe6\x9f\xaf\xb2F\xd7\xc0x\x88\xcd\xbf\xfa`o\xc8\x0b\xec\xfb\xd1{I\xc1\xb6\x7f'</t>
  </si>
  <si>
    <t>b'\xb7B\xb6i\xee\xc4\x1c\xb7\x9a\x87&amp;\x997cT\xd5\xd1\xfd+o\xa1\xecgDt\xd3\x17\xfa\x8a\xcf\x9e\xf8'</t>
  </si>
  <si>
    <t>b'G84tv\xc2Y\x8b\x8e\x9d?7\x9b\x08\xf7j\xdf\xed\xca\x1d\xf9\x12\xbc\xeb\xfc\x06\xae\xb0\xa4m\x9bM'</t>
  </si>
  <si>
    <t>b'\x0cN\xd0*\xca\x1c\x7fQ\x7fN\x0f%\xd5\xe9\xdf\xfb\xee\xe9\x198\\\xba\x1a9`\x8e\xf6\xb8\xe0^\xe1F'</t>
  </si>
  <si>
    <t>b'\xac\xa1\xfa\xe9\xb8\xe0\xccV\xbdxs~\xc0&lt;\xea\xe6\x12I\x9b|\xe0\x9a\xff\x88\xe2\xce\xaf\xdd\xbc9IY'</t>
  </si>
  <si>
    <t>b'!\x1e\x95\xc6\xad\xdc\xbd\xf4\x99\xda\x90\x8d9\x0e\xfb\xe5\xf64\x00y&amp;\xd6o\x18t\x8d{8\xc5\xed\x16\xd0'</t>
  </si>
  <si>
    <t>b'@\xe9,\xa1\xbf\\#5\xed\xb3\xf0\xb7\x11\x1e\xafMU\xc4\x1c\xfa\xa5u\xd6q\x03\xca\x80i\x85\xe7\x1a['</t>
  </si>
  <si>
    <t>b'y(F\x91\xdc\xf4h\xa9\xdf\xa7O\xdc\x88\xca;&gt;l\xf5Q=\xfa\xe4\x1bESr\x8b-o\x98\xec]'</t>
  </si>
  <si>
    <t>b'YC\xba\\\x92\xb2\xe7?O\xe0\xed\xf0)\xe8\x8a\x96s\xb6u\xba\x10x\x06\xc2\xb7\x9dWQ4\xadLz'</t>
  </si>
  <si>
    <t>b'G^"\xc3\xbd68\xcd,J\xa2R\xb6\r\x9bWJ7/\xea\xd6\xd43X8j\x9d\xa5\xe9M\x1e\x9b'</t>
  </si>
  <si>
    <t>b'#\x99\xa6\xc0%,\xb90\xcaN &lt;PN\xdd\xad\xdf\x18\x1d\xa0\xd8\xba\x07&gt;\x88?\xcfu\x9e\xb1\xaa\x0c'</t>
  </si>
  <si>
    <t>b'\xb1{\x9bx\x17\x1eAY3\xe2\xbc\x8cw\xa6GX\xc1\x94\x94\xa17\x8c\x1d7X9jg\xf9\xe5\xa3\xe9'</t>
  </si>
  <si>
    <t>b"\xc3\xfc\xfd:\xb6\xcd\xa7c:\x9567T\x94(h\xfe\xe9G\xe7\xae'\xd3\x03\xac\xff\x0c'1'\xb3\x9c"</t>
  </si>
  <si>
    <t>b'\xe4:\xfdx\xfb\x7fl\x92\x9a,\xc9I\x12\xae]\xda\xd2\xb1\xcf&lt;\xa0_\xd1\x19ff\x0b\x8aH\xf8\x8e\x8d'</t>
  </si>
  <si>
    <t>b'\x050\x92kG&lt;7\xeb\x81\xc4U\xb2\x92\xc3\x8dJ\xc2\xd6\x9eZ\x14||Ub\x04\x7f#8h\xf0p'</t>
  </si>
  <si>
    <t>b',\xb0\xa5\xc8\xc19\xb1\x94#\t\xc2L\xb5t\xd3\xca\xcf,\xd2\xe2\xe1\xe7\x9d)m\xa5\xb0\xe7I\x91\x03\r'</t>
  </si>
  <si>
    <t>b'l\x1d/+\xc9\xc5s\x15\x85\x07E\xf2\xf1\xf35h\xf2\xca\x87\x8c\xd5\xb0\xd9\x9e\x15o $\xc4\xd9\xe4\x14'</t>
  </si>
  <si>
    <t>b'[\xd5|{H\xa2/\xea_\x12\xa2g\x81*\x16\xd4D\xfax2\xe6\xca\xcb\x16\x9c!C\xa4\xb69\x83h'</t>
  </si>
  <si>
    <t>b'\xfe\xa5k\x93{\xc3\x94\r\xda/\t\xa1\xd4\xdfu\x89a\tH\xea\xa6\x80\xf8\x8e!\xa1\x96_\x8f\x7f\xd0\x08'</t>
  </si>
  <si>
    <t>b'I\xcb\xd2\xb3\x90\\)\x87Q( \xa9\xdb\x08\xc4\xefx x\x17\xdcr\xab\xaf\xe2\xe0\xf6\xbb\xb3o{u'</t>
  </si>
  <si>
    <t>b'vP\xe6gj\xb6\x0cf\xf9\xd1L\x9cM\xcf\x9dg\x9e\xe6\x11\xad\xa4\xc25i\x9a\x15\x97\x08\x80\x82\x98\xe9'</t>
  </si>
  <si>
    <t>b'\xda\x1c\xe1&amp;\x07?\xfc\x18\xfade\xcc6Qq\x94\x93\xb0\x9e\xd9\xee0a\x95\x9e[=h\x13\x85!\xd1'</t>
  </si>
  <si>
    <t>b'rZ!\x16t\xe0:\xd5\x86\xa4\x86\x9b\xa2\x96\xa3\xdf)nU\xe3\x97r\x1e4#ar\x12b\x80q1'</t>
  </si>
  <si>
    <t>b'N\x85\x81h\xf6\xf9\x1e\x1b\xd1\x06n\xfa&amp;\x05\xe1V\xf9l^g\xb8\x9e\x7f=a\x7fMW*\x8f\xee\x85'</t>
  </si>
  <si>
    <t>b"\x07C\xa4^\xa0\xd1\xa8\xbf\xfdM\xfbu!\xb9A9L\xa6P\xb1\x87Q\x9a\xc9-cE'\xb6\x94\xb6\xe0"</t>
  </si>
  <si>
    <t>b'\x19\xb9\x11;\xec\r\xe8\xf9\xe9\xf5q\xfbqP\xdf\x958-+`\xcc\xe5J\xbcI\xf9\x82\xa8\xce,u\xa2'</t>
  </si>
  <si>
    <t>b'y\x83&lt;\x00\xaea\xd5\xd2\xd6~4-\xceU4\xa71e\xea\x0eO=\x91Z\xc0i\xae%B]\xf3X'</t>
  </si>
  <si>
    <t>b'q\x13\xf03\xf26~\xe3=o\t\xe9uo\xc3\xaf);1:\xabT\xc8\x89\xcd8\xea\xa0W\xf8\xe48'</t>
  </si>
  <si>
    <t>b'\xd9\xd5x\x0b=S\x9e\x0f\xe3\xa1\xff\x9f\x1e:\x8b\x959gC\xc5jT\x17\xaf\x13\x88\xfc\xb5\x9a\xe8\x93P'</t>
  </si>
  <si>
    <t>b'\xb4*;\xeb\x8e\xe5\xb1\xe1\x85\xa7\xbe\x0c3O\xd4\xc1\x85%\x88Q4U\x8fo*Y1\x12\xb03\x0c#'</t>
  </si>
  <si>
    <t>b'\xdc\x92cv_Q_\xa2\xf5\xa8\xca\xce\x9cy\xd6F&gt;\x81\xc7\xc7m\x96a`$"~\xa3\x14\xd4\x84Q'</t>
  </si>
  <si>
    <t>b'\xd6\xe7l\xbfj\xc0\xf3\xcd\xe6\xa6\xe8zM\xb4?=\x85\nE#2\x1d\x1eY\xfb\xc3UWE\xcd\xf9\xf1'</t>
  </si>
  <si>
    <t>b'K\x1c\x80~)\xde\x0b\x0e\x9b0\x85\xa6\xbb\x12aH-Fo\xb0\xeb\x15\xce\xd4\xbd\xfb\x8f}\xe8\xfdJ\xcf'</t>
  </si>
  <si>
    <t>b'\x8f\xa1\xdb\x1fB;\xde\xbb\x9ch\xaa\xb4 W\r;HT\xd6\xa51\x06\xa0\x81\x015\xe9\xe7\xe7\xd5D*'</t>
  </si>
  <si>
    <t>b'\xb4\xc3zK+\x81\x06\x0en[\xa9\xa4\x96\xd1\xda]\x0c\xc7\xe3\xca\xea\xfb\x97\xa5\xeef\xad\xad[\xdb\x8b\xb6'</t>
  </si>
  <si>
    <t>b'\x85\x15kj\xae\xa2\xcb\x8c\xc9J\x11?N\xe8X\xd7\xd1\xa1.\xc0:R\xb2\x87\x1b\xda\xa4\\\x01\xaa[\x82'</t>
  </si>
  <si>
    <t>b'[\x98\xed\xeb\xed\x82\xb9L\xb9B\xb5\xec\x96PF\xcb\x8b=\xb9EU\xdboKWv8\x9aK\x7f9\xaf'</t>
  </si>
  <si>
    <t>b'\xcc$\xf2\x0e\x08\x86\xed\xad\xd0\xcf\x8b\x8d(\xad7+\xcaxS\x85&lt;\xa1\x12-\xcbK$\xb1\x0f\x98\xfd\xba'</t>
  </si>
  <si>
    <t>b'b^\xf3\x92\x87y\xcd8E\xc1\t\x18\xc24\xdc\xe0\xd9\xb7\xa8\x84\x8b\xad\xc2\x15\x06\x0b\x87\x19\x9d\xb7\xb2\x1a'</t>
  </si>
  <si>
    <t>b"\x9aE@\xa1\x08\xe2P\xe4\xf0A\xbd=\xd4\x00\xd7\x08\xb6\xaf\x96T\xd9\x82Ea\xc0\xddg'\xfdjjW"</t>
  </si>
  <si>
    <t>b'3\\f\xcf\xf7A\xc4\xcf\xf7\xfea\x06\xa5\xbe4\xcf\xe9\xe6=\xef\xd0@&amp;,\xb3V\xd0\xfa\xd8N0\xd9'</t>
  </si>
  <si>
    <t>b'\x14\x9b\x02\xe8\x19k\xd2\xfd\x8e\xa5-\x99-\x93\xfau\n\xe3\x88*\xfd\xdf.\x1e\xda\x0f\xd6n$\xcdJ\xc4'</t>
  </si>
  <si>
    <t>b'LH\xdeN\xfa\xff\xe4x\xbfm\xfbC\xaa\x83F\xb5A\xa0\xe3E$Wu\x97l\xee\xd6\x8f\xc7\xa1\xad\xfa'</t>
  </si>
  <si>
    <t>b'\xd1\xd4Jl4\xcf\xa36\x0b| \xbe\xae\x17\xa07\xed}\x02n\x19bL\xf8\xb7cd\x1d\xd3:]\xde'</t>
  </si>
  <si>
    <t>b'\xfa\x97\x7fnGV=\xffqx\xa8\t\x8e\x97\x95D\xda(\xcbyH\xe1hS\xabhy\x86\xe9\x9e\xd2\x18'</t>
  </si>
  <si>
    <t>b'?gj9e\xea\x08`\xfaA\x9d\x05\x00.\x971\x9b\x89c\x85\xe7B\x0e\xb2E\xd8\xba\xf4M[\xe9\x8f'</t>
  </si>
  <si>
    <t>b'\x8e\xf7\xe4W\x18/\xdf\xf2\x80X\xcb\xfd\x94\xb6`\x80\xccm\xdc\xc3\x87!Bf+\xce\x01\x07N\x1e\x1b\x8a'</t>
  </si>
  <si>
    <t>b"\xeaf\xaf?\xf4S\x9f\xeb\xcc+\xe9\x84\xa3nP\x9a\x8f'lS\x1e`\xc4i\xcf#5\x87)\xaaw\x08"</t>
  </si>
  <si>
    <t>b'Mmqf`V\x89\xa7U}\xd2oV\xb6+\x8d"\xf4\xc2\xed\x17hLM\xe7\xf2\x99&amp;\xe8\n{\xb6'</t>
  </si>
  <si>
    <t>b'\xf9a\xc1\xd1\t4G\x9c\x95\xc9ie7\xa1\x16R.hA[Yq\x86\x11\xf4\xf9Q\x0f\xcc\xb4&lt;3'</t>
  </si>
  <si>
    <t>b'.{1\xe3\x8e\xe2\xf80\xbcG\x11\xec\xf6\xfc\x9e8u\xbf\x00v\xfb|\xe6\x07\x99\x7f\x19\xedXS\xc5\xe4'</t>
  </si>
  <si>
    <t>b'@\xc8\x18Y7\x92\xff\xe8\x8a\x93\xbf\xb0c\x7f\x13\xab\xe6\xf8`I\xf1\xbft\xa9\xf06V)\xba\x8f\xff\xc3'</t>
  </si>
  <si>
    <t>b'E\x86L\x98\x88\x85d\xb0\xf6\xba\xca\xdd\xfc\x9a\xa6\t)\x8e4^\x95\x08\xa6\xdf\xb5\xc2\x08\x81\x19\xba\xf3t'</t>
  </si>
  <si>
    <t>b'\xdfi\xecF\x9a\xc9\x96L/&lt;;\x06\xa8\xea,\xe1/\xe1\x7f=h\x1c\x9f\xab\x16\xba\xa2 \x80\x91\xa4\x8a'</t>
  </si>
  <si>
    <t>b"\xc0rN\xf0K\xf8f\xc0\xc8\xc8\xafS\xee_\xf3\xfd\x14\xe1\x80\x82\x83\x85E!'\xabtL\x80\xba\x07l"</t>
  </si>
  <si>
    <t>b"\xb9_\xa0\x04LeJ\xd2]-K\xe5\xe5\xec\xb9e\xed\xc9\x15\xedm~ Vpj\x9e$f\xda\xda'"</t>
  </si>
  <si>
    <t>b'N\xaf\x88\t\x1a\xde\xe5\xcbci@o\x18\xfe\x9d\xf5\xf1\x85\x1cg\x1c\x03\xe1)\xc0\xda\x9d6\x87VnD'</t>
  </si>
  <si>
    <t>b'@R\x1f\xb9\x1f2\xe9/\\\xc3\xb5\xf8uT/\xd7k\xadN\xbc\x91\x0b(^G\xfb(\x17|\xbdy\xde'</t>
  </si>
  <si>
    <t>b'&gt;\xd9V28kV\xe5\xfe\xb2\xa0{\xe9\x1b#\xa4\x99JN7&amp;\xe7\x8b\xe9\xe4b\x9e8S)\xa3\xb9'</t>
  </si>
  <si>
    <t>b'\xa7\x11t\xd0cBJ\xbee\xa0\x820\xb6\x82\x00\xd62\x1f\x14\x8a+\x17\xdd\xac\xc5*\x85\r[o\x85\xed'</t>
  </si>
  <si>
    <t>b'\xb6[\xb3\xb4\xf6+V\xfeHf\xbe\x91\xa7{.de\xbe\x80\xa0\xeeP\x82[\xae\xba\xdb\xc8M\x00\x17\xbd'</t>
  </si>
  <si>
    <t>b'"\xe5\x8c\x0e\x9f\xa7P\xc9\xd2Ss\x17\x05\x1et(\n\xfe.T!\xa8\xed\x95\xc9o\xe2\x87XC\n\x94'</t>
  </si>
  <si>
    <t>b'ZL"\ti\\`\x97\x19\x92"\x96:\xf4q\xa5\xeb&amp;\xc9\x1006T\xde\xa5\x96T\x03r\x9fH\xca'</t>
  </si>
  <si>
    <t>b'\xb5\xdc\xe4\x84\xac\xba\xd3!\x05\xc0\x84o\xb8[\xf8\x86\x1c\xda=\x00\xbagHW\xb9\xe5\xa5(V\xfa@\x9f'</t>
  </si>
  <si>
    <t>b"\xf3^\xe0\x11\xb3Y^\xaa\x95L'\x04n\xf1\xe1\x13\xec\xf0\xcd\xdbe%\xf0\xf5\xc9\xec\x1b\xbd\xaa\xed\xbc\xb8"</t>
  </si>
  <si>
    <t>b'%\x1d\xa9\xb6x\xbc\xcb\n\xa8\x7f\xe1\x0e&lt;\xe6\xa6t35N\xd9\x1a+\x88\\JI\x16`\xd2\xdb\xba\x8c'</t>
  </si>
  <si>
    <t>b'h)T\n &lt;\x06\x02\x7f\xd0&gt;\xa6\x9a\xd0\xfci\x1c~-\x15Q\xe98e\x14G0\xd9\xd8\x06#\x97'</t>
  </si>
  <si>
    <t>b'}A\n\xc4\x95\xeb\x87\x1d;pA\xb7\x8b\x01.\xc6\\\xc1+\x04Wa\x87\xa1,`\xfb\x0f\x88\xec\x835'</t>
  </si>
  <si>
    <t>b'ya\xfb|\xa6\x05\x1b%\xf8J\x05\x06Z\xd0\xd5\xef%\x86\xfa\xd9.$\xcb\xf8\x05\xcd\x01\xa5\x1a\x9e\x0e\r'</t>
  </si>
  <si>
    <t>b'\xeb\xbf\x0b\x9c\xa0\xd2\xff}\xb5\x06!\x02\xe1\\\x00.\xa3\xda`\x12^E\n~\xa2\xbd\x99\x16\xf6\x7f\xa11'</t>
  </si>
  <si>
    <t>b'\xaf-u\x170bJ\xc0\xcbl\xf71\xee{y\x80\xc0\x19\xd5\xcf\xe8\x13\x86\xa7\xd6/\xf0\xd3\xc4\xc0r\\'</t>
  </si>
  <si>
    <t>b'C\xa9\x9e\x9c\x96\x94S&lt;\x93N\x0f\x0c\x8f\x83\x1b\xcd\xc9(e\xf6\xac\xb6\\A\xbd\xd2\xca\x96v`\x12B'</t>
  </si>
  <si>
    <t>b'"\xf0\xa7\xe4\x02\xd29\x13\xb7\x1a\x88\xaaV[\x93\xf4\xa3\x0b-\xe5\x9a\x01\x1f\xc7e5\xda\x18_]\x83\x8d'</t>
  </si>
  <si>
    <t>b'\xe9\x90\xff\x08JM\xc38\xde\xb3\xed!\x8a\x0f\xf1F\xb6\xde\x16\xb3\xebv\xeb\xa8y\x0e=\xd6\xf2\x9aI\x00'</t>
  </si>
  <si>
    <t>b"2\xce\xb7\xb3\xb1\xfaf&gt;.\xcbY\xf77\xf7L*\xee\xe6j'H\xeb\xad=!x\x13,\x05\xa8\xf6\xa0"</t>
  </si>
  <si>
    <t>b'\xd97&amp;s3D\xb0cN\x8e2\x81[B\x9e\x92@|\xab\xe9\\\xce\xe9\xb1l.\xd2\x12\x12\x82K6'</t>
  </si>
  <si>
    <t>b'\x0f,G\xd1\x07\xf6\xd1+H\x97C\xe2\xda\x021p\xf5tL\x05\xc5\x08\xea\x80y\x96;\x06\x12\x1f\xa5\xad'</t>
  </si>
  <si>
    <t>b'\xad\xe9\x0f\xdf\x8e\x0e\x04l\xe9\xc7\xb7\x95\xcc\xf0]&lt;g\xa6\xc0S\t\xc9\x8b:\x8f\xbda\xf82BoP'</t>
  </si>
  <si>
    <t>b'_\xae\xbc\x10U\xc7\xbf\x14\x01n\xc7\x13\xe9\xfb\xa2E\x96\x8fG\xf7\xb5\x9e\\\xf83\xc7\xbd5+0\xf5\xe2'</t>
  </si>
  <si>
    <t>b'\x1b\xcd\xd3\xf9\xc1J\xa2(\x0b\xa4^\xa2oW\x9a\x82A\rT\xef\xb3U,\xa9-\xf9\x1d\xf6n\xae\xd1&lt;'</t>
  </si>
  <si>
    <t>b'\t\xa0\x11=\xcf \xf0\x14O\xa6fP\x0f&amp;x\x064)\xbb\xd0\x85xH\xa11\xd3+\xd5\x99\xfb\xc2\xfa'</t>
  </si>
  <si>
    <t>b'\xae\xe6\xd49R]\xe4\x06 A\x91q7\xcc\x14\xf7\xe8\xf2\xccM\xa0l\xf1y\xde\x1d\xcaY\x9c\xcd\xe7\xff'</t>
  </si>
  <si>
    <t>b'x\x9e\x9b\xca\xd3# QA\xb0\xc2\xb9\xc4\xa2p2\x8f\x03\x88\xf4\x17\x7f1\xc34;\x14ZqTj@'</t>
  </si>
  <si>
    <t>b'\xf6\xdb\xc5\xf0\xd5@w{?\xf8\x82a\x1f\x80\xe0R\xe0=\xfdx\x9c\xc4\xae\xc9~\xd4\x1eVt=\xcf\xe5'</t>
  </si>
  <si>
    <t>b'\x1f\xb9\xbe\xec4\xba\xee\x88\xbbz\x1c\x13\xe1\xed\xd3\x9bb\xc1em\x1f\xb2\x86&amp;TH{P\xd1\xc62\xc0'</t>
  </si>
  <si>
    <t>b'a\xbd\xb4\xd4\xe3\x8a*\xdc\xa2\x0f%\xb6\xa2\xaf\x94F\xf3\xdax\xfd`s\x9b\x95{\x0e\xcb\x12%\x0b\xa3\xf6'</t>
  </si>
  <si>
    <t>b'\xf6\xefF\xe7\xeb\xd6t\x19\x8aR=\x90]\x8d\xf6\x08U\x95\\\xd2\xc2\xbd\xa9\xc6\x97\xd8\xb1\x83 i\x0c\x00'</t>
  </si>
  <si>
    <t>b'4\x06\x13\x1b65y\x86x\x8e{^\x02\xca\xd0\x9fd\xaf\x1b1\xea\xbf\xbf\xb7\x87\xdd\x9a\xbdX;\xca\xdc'</t>
  </si>
  <si>
    <t>b'\xb0JzYV\x9cZ\xd2\x15s\xed\x1d\xec@\xc2V\xe3\xef/[k\x98a\x9ad\xddD\x06\xad-MP'</t>
  </si>
  <si>
    <t>b'r\xa7UE\x91)\x91I\xbe5\x7f\xd7\xa3\x88\x8e&gt;\x02\xe8\x9b\x9f\x066\xe5&amp;\x9e\xac\x81\n\xd5\x9d(Y'</t>
  </si>
  <si>
    <t>b'dz\xb5\x93R/\xba\x97\x0b\x93=\x13\xb7\xf3Z*\xef\xcc\xea&lt;\xae\xf2C\xb5\xdem\x04\xee4\xcd\xd1\x8e'</t>
  </si>
  <si>
    <t>b'\xb1\x04\xd8\xc8\xaf\xb4\xcc5\x08_\xc6\xea\x91\xcb\xd4&amp;jS\x17g\xa5\xe7u-xc\xe8\xb7L\xcd\xf2\xcd'</t>
  </si>
  <si>
    <t>b'\x93\xce\xe9\xf1\xdf u\xd4\xb4\xb4\x17\x8d\n\xbc0\xe6u\x1eC\xe4u\xb6L?\xc0\xdf\x86\xa4\xd1\xb2\x8f\x1e'</t>
  </si>
  <si>
    <t>b'\xc2\xd0\x1e\x04\x16\x14S\xe7\x9e\x14\xe0\x1f\xbe\x88MP\x9c\xca\xe9\xfcXMg\x92\xd8\x89\xf5\xd8\xdc\x02`\xb6'</t>
  </si>
  <si>
    <t>b'\xf1\x0f\x0b\x06\x18\xf2&gt;\x9dT\x97\xb9\x89\xbd\x9eSU\x13[Lb\x08\xb1\xa5\x88\xf2\xb8\xec\xac:\xee\x06\x9a'</t>
  </si>
  <si>
    <t>b'\xc7\xfa\xd4G\x9f\n\xfd\xb7\xd7\xca\x9c\xe4\xf6\xba\xc1&lt;p\xa8B\x16\xe2:_\xa7V\xc1\xf9Z\x0f&amp;\xdfA'</t>
  </si>
  <si>
    <t>b"\x86\x03 Ln\x97'\\\xb6\x820\xd1t\xca\xcc\xb1\xc8\xb6\xf3\xc7\xa4\x91\\?\xb6\x92\x07Pjv\xa4v"</t>
  </si>
  <si>
    <t>b"\xfb\x01\xd6\xcc\xdb\x88a\xc8\x84\x84\xd2\xd4\xaf\x99'-\x10!\xff*\xd1\xe7\x10Yawd\xb1\x9a\xad\x19\x99"</t>
  </si>
  <si>
    <t>b'\xd7(\x9a\xce\xb7Q\xe1\x8d\xc9\x94\x10\x1b\x0ci\xcd\xf7p&lt;\\3\xcd9)\x08\xbfJ\xb7wK\x08\x1a\x86'</t>
  </si>
  <si>
    <t>b'\xd4\xab\xdf\r+\xb9\x84\xcd\xf1{\xa4\x84\xbe\xde\xaa~}r\x03\xbe\xaa,\x00\xb6\xf5 \nQ\xf2a\xd8\x9d'</t>
  </si>
  <si>
    <t>b"\xdaL\x08\x81\x1d\xd0\x8d\x9fHDlo~\x91\xd5\x0b\xf8'\xe4z~\xd3\x88\xc4&lt;\xa1\xf2Z\xecR\xf3\x02"</t>
  </si>
  <si>
    <t>b'\x87]\x91rk#.{\x88\x02\xba\t@\xf3]^\x99\xe9&lt;&lt;\xach\x1b\xe12\x11t\x89\x04\x81\x1bn'</t>
  </si>
  <si>
    <t>b'3y\xbc\xa7\xd8\xbe\x8a\xafqglp\x97\x08\x96\x1a\xa3\x0c?\x13\x8e^\xad\xe3\xd8\x9f\xc3X\xfaI\x08\x08'</t>
  </si>
  <si>
    <t>b'N\x8c\x06\xb4\xd23\x84\xfe\n\xc2\xab\x1e\xf8\xb0z\xb3uf|0\x03\x00\xf3B\xf8\x8a\xff\xf8\r\x85\x98\xef'</t>
  </si>
  <si>
    <t>b'\xce\x85\xbf\x91\xb5P\xee\x19&amp;\x029f\xb4\x8bRqS\xa7\x07h0\xe4\xc9\xc1\x91\xc6\xa7y\x1d\xfb\x97\xa7'</t>
  </si>
  <si>
    <t>b"\xaa\x90{\x1a~F\x06\xcbA'\xfcv\xbck\x90\x9c\x97\xaa\x06\xc8\xb9\xd9\x05Gg\x03\x8a,B\xa9\xaaJ"</t>
  </si>
  <si>
    <t>b'\xf2\x90\x80\xf28\xc6yD\xabo\x04\x87R\x96x\x83\xcd\xaai\xf7S\x8f\xcf\xe1\x84\xef\xcd\x14}.Iy'</t>
  </si>
  <si>
    <t>b'\n:\x8c-3\x95\x9e\xac\x0e\x16\xd7\xa4\x86\xc9f\x11\xc5\xf0\xf5\x18\xc8\x93\x97\x89~\xf5\xe7!\xd9\x12\xe1\xef'</t>
  </si>
  <si>
    <t>b'Q\\\x86\x04\xe8\xd4\xcb\x04l\x7f\xe1\x98\x1f\x9c\xbage\xe3\x90g\x15#V\xe8\x93\x86j\x84\x9e\x9f\x8c\x8d'</t>
  </si>
  <si>
    <t>b'W":\xa8\x9c&amp;8%\xe1\x91W\xbav`\xbcU\xaeH\xa5Hs\xb4/9D\x1b9h\t\x8f^\xba'</t>
  </si>
  <si>
    <t>b'\xb7Z&lt;H\\\x81\xe8\x89A\xe87\xbb\xea:\x07\xeb\xdc\x97\xe9\xf0\x02\x9f\x1f4\xf6\xd2\xaa\xb63\xba\x9c\xc5'</t>
  </si>
  <si>
    <t>b'~\xc8c%\x81\xab\x97\xd9\x89\x80\xf6r\xfe\xf9)\xc2\x96\x88;\xd9A\x84\xc2\xfc\xc9D\xc4`\xff#\xb9P'</t>
  </si>
  <si>
    <t>b"\xc5\xacO\xa7\x02\xe3\xb9G\x02\x83\x02\x8f\xef\x1b\xc7vg\xe28\x96'\x01\xf3\xab\x9ar\xc1,-\xc6\xd7\x7f"</t>
  </si>
  <si>
    <t>b'\xb0\x85\x8bKzkg&lt;\xe8\x9d\xbd\xbbI.\x8a\xc0\n\x8cC\x8c\xefb\xad9\xb1\xf6\xdc_`f\xae\x8b'</t>
  </si>
  <si>
    <t>b'o\x96\xb4:\x92\x80\x05O\x8f-\x94\xc8\x96{\x86\xbc)\xcds\xa2\x82\xe6\xafB\x84\xe4\xbb\xc0huZx'</t>
  </si>
  <si>
    <t>b'sF\x07\x13\xe0D\xeb\xc7\xa0y\x86\xef\xae\x8f\xfb\x9d\x9f\xdd\x11\xa1 ?=\x9c/\xe3\x17\x7fH~Xg'</t>
  </si>
  <si>
    <t>b'3\xba\xf4\x0e\xdfk\x92\xf1\xac\xee{\xae\xb6v\xb9w\x96\x9b\xb47\x942\xba\r\xc33\x13\x15=\xdb\xeb\x18'</t>
  </si>
  <si>
    <t>b'\xd6\xbd\xc5\xf50fH,\x05\xbf\x0b\xae\x9e\xb5\xadf\x03\x04\xce\xfa\xe1\x90\x13J\x057\x1f\xa6X\xcb\x9e['</t>
  </si>
  <si>
    <t>b'-a\xf0\x02*J\xe0\x03X\xc7\x81&amp;\x9f4\xcd\xf1\xa7\x9d\xe9M\xb4z[\x87\xa6\x0cu\xff\xe8L!J'</t>
  </si>
  <si>
    <t>b'8\xb6\x97\x08\xe1\x91\xde\xde\xdd\xe6z\xbc\x9f.\xaeZ\x14\xd5\xe7\x86(\xd55\r\x94\x86zE\x84j\xf1\x12'</t>
  </si>
  <si>
    <t>b'#\x15\xdc\xf1\xf9\x8e\\\xad\xccg\xec\xcaR\xc3C\x90L\x80q\xdf\x8c\xa8\x07zc\xbc\xbc\x89P\r\x0ck'</t>
  </si>
  <si>
    <t>b'\x1dr\xbf\xdc7\x04\xaa\x04z\x17\xa9\xd1C&gt;F*\xf9\x8d\xf4\xb9\xf8\xc6\x9c\xb9&amp;HI\xfa\xfb\xe2\xbd\x9e'</t>
  </si>
  <si>
    <t>b"u\xab&lt;\xcb\x9b2$']\x1e|\x11\xbf\xd2d\\\xc9Q\xcc5\x0c{D\xf6\xd8\x91\x9ee&gt;Hl\x99"</t>
  </si>
  <si>
    <t>b'+\xd8\xb7\xe9\xbb\xacM\xa5\x8cl\xf3\xa7\xf2w\x8cPZNr\xd9H\xfd\x13\xd7{\x8a\x11B{\xa4H\xa8'</t>
  </si>
  <si>
    <t>b'\xef\xb7\x9c\xac\xf2K^a\xb4@\x05\xcb[fP\xcb\xc2+g{N\xb5\xef?\x82W\xa7D\x1d}\xaf\x10'</t>
  </si>
  <si>
    <t>b'c\xf0\x99SQ\xc4\xa1~+2\xe0\xa69\\\x00\xb1\xe4\xf3\xc9\x16{\xa7\xd61\x1f\xbfi_\n\xe3H\x8b'</t>
  </si>
  <si>
    <t>b'\x8a\xf3\xfc\x8aT\xb2\x06J\xc3\x8a\x8b\xf4k\x94[\t\xa1&amp;\xf2\x9a\xa7:\xda\xf0\x83\x93\x10h\xb8&lt;\xbb\xdf'</t>
  </si>
  <si>
    <t>b'\xb4sw\x0e\x8e/\x923\xbf\x08\xd7\x1bd&amp;?\x8d\x8d\x1eUy\xa50 A\xa0u2lv\xdf9&lt;'</t>
  </si>
  <si>
    <t>b'q\x1fh\xfar\x81\xe7\x94/m4o\x14\x8cC\x99t\x1a=\x10\xd3\x10pFVw+\xc2+F|\x94'</t>
  </si>
  <si>
    <t>b'*\xfa\x8f\x8b\x95\x10=/\x1b\x8dye\x8e\xc6\x18\xfc+\x14fW*\xa4{l\x00\xc9\xe8y\x07\\\xc1\xab'</t>
  </si>
  <si>
    <t>b'\xef\x07\xd1\xba*Eb\x89\x88\xa5.`\x8d\xe4\xdc\x8b\x99\xd8m\xb6\xea\xa0^\x9c=@V\xc2j\xee&amp;;'</t>
  </si>
  <si>
    <t>b"=\x00'\xee\xe1\x038\x99|\x888\x0c}\xe9\x9dOuZ\xc9\x00@\xaf\xa9\xbf\xd9\xcb\x9bf(\xabf\xc9"</t>
  </si>
  <si>
    <t>b'\xb5jr)\xcf\x8f]\xf5v!5\x0e\x82\x11H5\xe2\xc2\x9f\xfaN\x89?\x0b\xae\x82\xfbQ\xba\xbb\x07e'</t>
  </si>
  <si>
    <t>b'\x99\xdb\xb3\x12\xca4T\x96\x85tw\xeb(+]\x94[\xa7t\x11?\x9e\xed\x90$\xefkBc\xef#\xbb'</t>
  </si>
  <si>
    <t>b'\xaf\xbby{\x1a\x9e\x03\xb8a\x85\xdaoP*\x06\x10\xb1\xf1\xda\xc5Vg\x94\xed?E\x98]E\xc1,\x1a'</t>
  </si>
  <si>
    <t>b' \xc9P\xf1\xef\x1e\xbe\x15N\xeb\n\r \x93\xcc\x08\xff&amp;9gx\xe1\x1e\x8e\xfc\x00\x17{\xb62\x04\xb5'</t>
  </si>
  <si>
    <t>b'\xb2\x9b\xee!\xbd]J\x8b\x9f\x1c\xa2\x05&amp;\xb9y\xc0S5Q\xf9L\x1aJZ\x01\xf3S\xdeC;\xebu'</t>
  </si>
  <si>
    <t>b'/\x93\x84\x12\xd1\x95\xf9&amp;\x1fc:\xb6&amp;\x08\xa8\x83SI\x90K\x81\xd9\xbe\xa9\x8b\xb3\xfa\xea\xfb\xf6\x8d\xa9'</t>
  </si>
  <si>
    <t>b'\xc6\xab\xe6\xaea\xa7%\xb8\x84\xef \xdd\x8cbnuY\xb1@Ph\xe3V\x8b\x978\x89\xba\xf2\xcd\xb0\xfe'</t>
  </si>
  <si>
    <t>b'\xc2H?$\x08hyy\xa6J}\xef\x02s\xb4P\x89\x86\xfdx\xf0\x03\x03\xcc\xb8W\xf4\x01\x95\xdf\x98C'</t>
  </si>
  <si>
    <t>b"k'\x90]\xb4\xf21\xc8W\x99\xe58E\xe8-?K\xecD[\xb3\x8b`\x16\xa9k)\xcd\xc4\xa0\xc8\xfb"</t>
  </si>
  <si>
    <t>b'\x1b\xe8\xcfi\x06\x9a\x8d\x07U\x89"\xdc4\x85%FGbt\xa7\x8f\x9a|\x1f\x899\x14\xf3F\xd4\xf4a'</t>
  </si>
  <si>
    <t>b'\x96\xc7"\xba5L\x8d\xbd\xd1\xba8TO\xcd\x8e\xabS0\x1a\xbf\x85\x00t&amp;\xbf\x94aTY]\xed\xe9'</t>
  </si>
  <si>
    <t>b'g\xf3\x03Kx\x85L\xae1\xa5\xd6\x91{\xdc\x92&lt;|\xce\x85&amp;\x8d\xebH\x1c@$\xe2\xf6C\x1f\xca\x83'</t>
  </si>
  <si>
    <t>b'H\xe9\xe2\xcbt\x80\x12\x9dTN~X\xc1m\xd6\xd1\x03\xa5UyQ\x14a1&lt;Y\r\xeb\xc4]\x81\x15'</t>
  </si>
  <si>
    <t>b'\xe3\xba\x07N\xdd\x1d\x98c\xefC\x7f\xf5ja\xba\xdd\xd8=\x08\xc2c\x1f\x8bg\x1b\xf88\x88\x03u\xfa\xb4'</t>
  </si>
  <si>
    <t>b'\xbf:\xed\x86VG\xea\xef\xea\x84\xae\x13\xddI9\xe8+\xa7\x8dAX\xbd}\x8f\xf0\x12\n*M%\x19p'</t>
  </si>
  <si>
    <t>b'\x85X&amp;&gt;\xd6\xc9\xb9\xb7\xd0\xf2\xbd7\xa57\xaek\xefo]\x0ea$\xa7\xe5\xdb\x9c\xb7\x08nF\x82\xec'</t>
  </si>
  <si>
    <t>b'\xb8&gt;6\x18#\xf0\xa9*\xe80\xfb\xdb\xef\x99\xb2"\xc6fN\x01\x00\xf6zK\x8d;\x1an\xb21\xff\xc0'</t>
  </si>
  <si>
    <t>b'\xc7\x1c\xfe/yT*\xf7\x96\xc1\x9fQ6,o\xbcp\xa3\xa2\xa3\xd2R\xd5\xd9\xf8\x7fx\xedO\xc8O%'</t>
  </si>
  <si>
    <t>b'\xa3\xac\xf3fV`\x04j\xa0\x94\xc7\x8c\x9b\xe4\x8c&gt;\x1c6i"K~\x9b\xf9\xcd\x0e\xaa\xe4\x04\x905s'</t>
  </si>
  <si>
    <t>b'\xeb\x9e\xff&amp;\x9fL\x8a\xd6\ri\x90I\xa2\x9d\xc3\xf6\xf8\xa0\xf4\xc4\x92zBR\xa2w\x03\xb5\xe1\xc2\x1fq'</t>
  </si>
  <si>
    <t>b"'*\x12\xc6\x03w\xd3\x92Rn\xc6,1\xb2}\xa6\xa9\xb6\xbf\xbd_\x8d]\x146?\xf2Z[\xe2\xf4o"</t>
  </si>
  <si>
    <t>b'\x9b\xfc\x0c\xd6q\xdc\x05a\xebwp\xe5\x06\xc9\xb2\xa8@\xd7(}\x00\xdf\xb0\xd1(\xb6Z\xdfE\xd2\x1e\xe1'</t>
  </si>
  <si>
    <t>b'r]\xef\x13\xe1PX\x94\x9f\xe4T\xc3\xb6\r%\xf2\xc9\xedj\xbd\xc9E\xb4\x16\x1f8\xba\x19:"\xfc\x83'</t>
  </si>
  <si>
    <t>b"\x96S#\xd7\x17hL\x00t')p\xc0v*K\xe8e^o\xe5\x9f\xcch\x07\x99\xe6\x83\xbdL\xc0#"</t>
  </si>
  <si>
    <t>b'\xe70\x99tW\x18\x9e\xeb\x1c\xf0\x9a\xf4\xec2\xb14\x83\x8c} H\xd2\xf9\x1c\xf8f\x17\xa5/|f&lt;'</t>
  </si>
  <si>
    <t>b'\x04*\r\xee\x9c\xe5\xaf\xc1\xb9\xe2\xa7{\x90\xd88\xf9\xa1\xca\x0e,\x15d\x11\x9a\xaeS\x0cE\xa2ZB\x9d'</t>
  </si>
  <si>
    <t>b'~\x0b\x9d\xbdx\x8cK\x8b)t\x87A\xbf\xe4S\\b:W6\xb6h\xed\xc8\x13\xbf)t@rp\xfc'</t>
  </si>
  <si>
    <t>b'7~\x06K\x85,]&gt;V\x181\xca\x0cv\x95\n\x91\xbb\xf7mS\xcb\x9f\xfa\t:\x12\xd6\xeb|\xcb\x13'</t>
  </si>
  <si>
    <t>b'\xee\xe1\xb1\xf0\xbad:\xce\xfd\x9f\xafCU\xdfO\xaaP\x8a\xb4\xc6\xb0\xbc\x1e\x1a\xd2\xa9Z9q?"W'</t>
  </si>
  <si>
    <t>b'\xa2oZ\xf3T\xfan\xf8\x03\xc39+\xa0\xbe0\xec\x14\x00"R)\xe1#\x0fd\x931\x9f=!\x87B'</t>
  </si>
  <si>
    <t>b'\xb9^\xb0\x9fCu\x06\xd1\xc3\xee\trw\xea\xa4\xce\x10\x06bk\x9e,\x18\xd7\xeb|\xf3\xaf\xbcL\xef\xcf'</t>
  </si>
  <si>
    <t>b'"\xa1j9t\xfbp\xf1\xe0\xb3\xedR\xcb\x87\x1br\xbf\xb2*bE\xda\xf0%J k\x81//+_'</t>
  </si>
  <si>
    <t>b'\x00\xad\xb1\x1a\xca5+\xbc\x9aI\x1f\xd3\xe2\x97ee/X\xc8.\x08\x99;um&lt;\xfeU\t~S\xa3'</t>
  </si>
  <si>
    <t>b"\x18\xb6\xc2i\xbb'\x9f\xd7\x97\x95\xe1\xd93\xbb\x8e\xf0X\xe2`\xf3G\xaa\xed\xd2U\x15\x13%\xbd\x91\xb7\xcf"</t>
  </si>
  <si>
    <t>b'm\xf97\xf7\x03w\x97l\xaf\xdf\xa2\x8d\x15N^\xcdMG3t-\xe9[\x80\xaew|\x94\x07\x1d"\xb4'</t>
  </si>
  <si>
    <t>b'\xb4p\xa8\x1f\x06\x18c-\x0b\x988e\xc9\xab\xdd\x9b\xc8\xe0\xe9F\xdbM\xba\xb8\xaf\xdb\x15\x18\xf0\xab\x03\x14'</t>
  </si>
  <si>
    <t>b'\xfc\xa3\xa50 \xac\xb1\x0e\x83\xd7n\x86i\xb0\xc2\xd5\xb4)O\xfde\x93Bb\x0fU\x8e\xda\xe0\x92\x8a\xb9'</t>
  </si>
  <si>
    <t>b'Y\xc5\xa4\xeau3&gt;\xa7L\xba&lt;q\xad\x08zda\xe4\x83\x0b\x9b\xdd++\xb3s\xd8\xd0\t\xcdy\xf7'</t>
  </si>
  <si>
    <t>b'\x94\x89\x95\x1dn}Y\x8b\rf;\x94\xcc\xcaZh|\x1b\xf0\xd4\xec\x00\x8c;\xf0\xea\x12\xdc\xe3\xbc\x12\xed'</t>
  </si>
  <si>
    <t>b'(\x1bs\xdd%r\x1eG\xe8\xff\x9ec\xd6\xa7\x12\x8f\x07\x92o\xdc\xb7z-\xcb\xbb\rw?\xcf?\x0c\x87'</t>
  </si>
  <si>
    <t>b'| \x93\xd5\r\x19\xc5\x8b\x90\xc0yE\xef8\x9fM\xb5\x0bt\xd8\xf8\xf3\xceG\x88\x12\xb4Z\xb9q\xea\xb4'</t>
  </si>
  <si>
    <t>b'\xbbZ,\xc73Ha\xe2\x90K0\x9b\x91v\xbc\x02\xecc\xd1\xa8\x85\xcb*\x03.1F\xa1j\xb0\xb2c'</t>
  </si>
  <si>
    <t>b'\x97\xda$\xe9\xbb\xdd\xf8\xfb\x83\xfdQ\xfc~\x83k\x18\xf0\xa5\xe0\x85\xec\xc4\x844\xd2,\xf9\xc6\x14\xb0\x90\x02'</t>
  </si>
  <si>
    <t>b'W;\xb3F\xe7\xd4\x91\x15`Au\x0c\x01\xae\x8d\x03\x19\xb8{\x12\xfd\xf0\x9c\xf2\xcd\x00m\x1a\xe3l\xbb1'</t>
  </si>
  <si>
    <t>b'\xcbFu\xd5\x02Q*\x1cFl\x92p\x13\xe9\x07\xa9\xfc\xbdX\xfb\']\x0f\x18G\xc2"E\xad#W\xa2'</t>
  </si>
  <si>
    <t>b'\xac\xec\xd9\x8e\xb6*\xf2\xe3\xe1\xb4\xf1&amp;\xe6\xd4h\xe0\x0b\x08\xa2\xce\xb6\xf1\xee\xfdc$\x16\x16Ep\xbb\xc7'</t>
  </si>
  <si>
    <t>b'\xcf\x95\xae\x07\xf8\x85\xad\xad\x94\xb9\xc4\xd3\x01)\xe6\xfb\x1a\xcc\x81\x81&gt;\xc1\xb4\x88#\x9aP\x95!\xc6Oc'</t>
  </si>
  <si>
    <t>b'\x85\x94\x99z\xb1+\x9d\xb9\xa3\x98\xf1\xaf\x8f:O\xc9\xaa\xad\xf8\xb7.\xdc\xa2\x05\xaf\xaa\x86w_\xc4\xea\x9d'</t>
  </si>
  <si>
    <t>b'\xf3h\xe6\x11\xc4Zs\x10/)\x19\x0e\xed\x0c)7\x817\x89\xc2\xe2.\xc0?8+h\x7f\xd5t\xa1\xdc'</t>
  </si>
  <si>
    <t>b'\x00;`\xa7\xd0\x91\x93\xf8\x8e\xfc2\xe5\x10Pz\xc6|\xd5\x1a\xceJNs\xe27\x17\xe6\x9bg\xa9\x15\xe0'</t>
  </si>
  <si>
    <t>b'P\xd2\xf3\xcd"\xfa\x88V\xd33\xa2a])\xdb\xf4\xce\x0f\xf7W\xaa\xf7P\x113h\x04\xdd\x91\x83\x96\t'</t>
  </si>
  <si>
    <t>b'\n\x99\xe4\x89\xca?6\xf3\xeepk\xc3\xa7\xd1\x81\xc2/\xbb\x84\xfc\xc7TR\x80&lt;\x01Mf~\r\x16\xad'</t>
  </si>
  <si>
    <t>b'\x9e?\xf4\xe3%\x97\x1e\xc7\xa7cL\x97\x1c\xe3\x84\xd2\x012\xf5\xe7P\x1f\xb6\x92\x1b\xb5\x1a2\xfd=m\x8d'</t>
  </si>
  <si>
    <t>b'\xa2p\xf2\xa5\xf6-\xd3\xf0\x14 \xaf\xec\x94\xd3\r\xa8\x1ca:\x94}I[\xce\r\x87e\xc5\xff\xda6\xb1'</t>
  </si>
  <si>
    <t>b'_u&lt;\xc3t\xf9T2\r#\x11\xf9\xcc\xbb\xb5&amp;-\x0ce\x08\xfd\x1ay\x15\xd6\x1d\x93\xd2A%a\x9d'</t>
  </si>
  <si>
    <t>b']\x14n\x16\xbf\x8e\xf7\xec\xe9Bn\xac\x97\xc3ND\xf4\x06.\xbc\xf7|7\xfa\xe5\xec\xee\xdb\x1dyl\xfe'</t>
  </si>
  <si>
    <t>b".Y\x83'ZmK/\xa7R[2\xb8\xee{\x03\xd6\x11\xac\xda/\xb2\x01Z\xc1&lt;V^\xb2nw1"</t>
  </si>
  <si>
    <t>b"/\xa1\x80\xd2\xb4b\xf3\xa4F\xff5jaYF\x00T\x8a\x98\x08'\xb1\xf9I\xc4\xdaf.\x10\xd3K^"</t>
  </si>
  <si>
    <t>b"\xbb\xbfk\x02\x16&amp;\xf6\xaa\xc6\xf4U\xbf$\x06\xb8K\xcc\x10}\xa9*'\x07\x98~\x85\x8b\x1b\x1d\xcafY"</t>
  </si>
  <si>
    <t>b'\xb1\x1f\t\xa2\x8b\xb2kYbfN\xdc\x8a\x8a\xf3\xd55\x98$\x85\xeeJ!\xfc\xec\xd5\xf8,z\xf5PR'</t>
  </si>
  <si>
    <t>b'\xfb"|&gt;\xe1\xd1\xb9\x845\xa4*\xd0\xd7\x00\x9b\xedqY\xba\x12\xd6j\x86\x8d\xa4z\x9f\xebj\x9e\x82\xbc'</t>
  </si>
  <si>
    <t>b'\xf4]D\xc3\x17\x15\n&amp;&lt;\xce\xae\x81\xeb\xfc\x9b{\xd6(K\x9a\x8e\xe2\xb8\xcd\xd0\x01\xa9L\xb0\xfeA8'</t>
  </si>
  <si>
    <t>b'g\xad\x0e\xaf\xdc\xd9\xaeKApnz\xc1P\x8d_vQ\x92\x9a5\x16\x91s4kv%l\xd8 M'</t>
  </si>
  <si>
    <t>b'A\x12\xe4\xc9\xb4\xe7\x14\xb7\xc5\x00\xe11:7D\x8f\x8a\xe8\xf2yG\x82\xa7I\xc9f\x9dK\x00X\x83V'</t>
  </si>
  <si>
    <t>b'\xfb`a\xeb~\xc1\xb4\xeb\xe2\x01\xe3\xc2\xa6\xf2k.\xd8\x84&amp;"\xc3\x16\xc0`;\xc4r\xbe\x89\xd6Uo'</t>
  </si>
  <si>
    <t>b'\x00g\xd4\xfb\xb5\x83\xc6\xda\xed\xbe\tR\xae\xf1\x93\xd5\xc7\x8at\xfe#!0N"\xae\x84\xfat\xc8;\x11'</t>
  </si>
  <si>
    <t>b'\xbe\x88\xd7\xe2\xf3t\xc8\xc7&gt;\x8d\xa2\xbe\x19\xc4`\x9b\xc0\x9cq\xda\x87\xb6\xe0\x18\x1c\xb56\xb39\n\x18\xe5'</t>
  </si>
  <si>
    <t>b'\x003\xdd\xfe^jX\xc4\x8aG\xb0\xaf\x83K\xdd\xe6\xe5N{H\x9b\xd0\xc2&lt;\xf765\x97\xf1&gt;BB'</t>
  </si>
  <si>
    <t>b'O\xb9\xd4\xd8\x87\x94\x00\x00\x9c;w\x8d\x9e\xd03\x89\xdb\xb8\x8ep\x9c\xce\x0e@\xa1\xa3\xa2\x98-I\x83\xf5'</t>
  </si>
  <si>
    <t>b'\x94i5\xea\xe3\xb9|l\x883\xcc\xe0(p\xa1\xb2\xffbo*`\x0by;\x07\xc3\x96 *\xc8\x9c\x9b'</t>
  </si>
  <si>
    <t>b'\xffy\x96\xbf\x03\x80\x1fS\xe2\xcc`#\xa0\x08\xc9\x1e\x9f\xda\x8d\xa7\xe5\x073\x17\xf2\xf77b}\xc1\x06\x14'</t>
  </si>
  <si>
    <t>b'\xe8\xff\xe4r\xb8Q\xd7\xb5\xf4\xba[2\xc8\x81\xb6\x8c\x1eUF\x82\x8bH\xf2\xbc\xe9\x11&gt;4A\xb4\x1eL'</t>
  </si>
  <si>
    <t>b'\xb0\x0e\x07\xe8\xec\x87\xe0\xdb\x91\xdd\x8f\x9c\xf5\xf1? \xf5\xe6R\x9b\xa7p*%!\x19\xeb\xe9.b\xfc\xa3'</t>
  </si>
  <si>
    <t>b'\xdf\x99\xc8\xe6\\$\x01\x10\xc8Z\x144u\xda\xda\xec\xf2$\xfd\xfb!\xf10\x8e_Z\xc1[9[\r\x02'</t>
  </si>
  <si>
    <t>b'\xechnQWlB\x008\xd1\x15P\xa0pj\xac\xa0\xdb\x8e/\x85\x1c\xe2\xcc\xd9\xbd\xf9\xc0\xc0\xc1\x15+'</t>
  </si>
  <si>
    <t>b'\x92\xde\x1b\x7f\xc8\xfe\x91\x16R\x14\x05\x9e_\xb7\x95|H#\xd1\xa5\x06\xa7\xdc\xe64k&amp;6\xac4\xbc\xb7'</t>
  </si>
  <si>
    <t>b'\xd5e\xdc\xf1L\x92d\x94\xb3\x85c\x8b?L\xe3b\x9e|\xaa\xb0\x84\x86\xa8\x02\xa2!\xef\x9c\xaah\xb3\x15'</t>
  </si>
  <si>
    <t>b'\xe3\x80i\x17PH\xa7B\xd5\xb5\x92\t\x9b\x10O\x1c\xff\xce\xe5\xe5\xb6\xf1v+\xb3\x80\xcd\xf3*fi\xcd'</t>
  </si>
  <si>
    <t>b'\xdd\x00\xd9i\xdf\xa8\x19\xf2M\x13h\xbc\x00\xd50\xfe [\xff\n\xc3\x88\x06\x94c\xb8\xb4\x1f&lt;(\xb6\xc5'</t>
  </si>
  <si>
    <t>b'3\xb6\x8fTSy\x8bn\xba`\x80p0R/JF\xa2\x15\xa3\xdb\xe5\xedp\xcc]UYF\x13\xb1v'</t>
  </si>
  <si>
    <t>b'\xc0v\x9e"\x02\x9a\xcf\xf8\x17\xb00SeL\x01\rp@\xcf&gt;8\x04Sq\xab%\xb6/7\xe2\xfd\x11'</t>
  </si>
  <si>
    <t>b'gL\x0fOC%B\xc5\xa2\xb7]1\xf0QIW\xfb\xa5\r\xc9\xd9\x19\xe4mk\x12\xf2\xf5E!\x10\x06'</t>
  </si>
  <si>
    <t>b'Q/ \x198\xf7\x86\x81\xa2M\xbd\xb1T\xd7Ba\xb8\x92\xcf4\x9bQC\xff\x1d\xbc!\\Z\xae\xb2\xaf'</t>
  </si>
  <si>
    <t>b'x\x9fh\xea\xe6\x1f})[\x99\xab8j\x1d\xd1\x94\x94\x80\xea\\\x13\xdb,\xebT\xa2u\xaa\xf9\xa6Y\n'</t>
  </si>
  <si>
    <t>b'\xb7\xab#\x94\x08&gt;\xce\xf4\x91\x0ce/I,\xd8\x04.Ou\xeeA\xfb\xbbU\xa2\x1d\\\xfd\xe3\x8d\x02\xff'</t>
  </si>
  <si>
    <t>b'\xef\xac&gt;&gt;q\xfb\x16\x83H/;\xfdA\xd39\xb6m\xee\xb0\xc5\x02\x8b\x1bgT\xc9\xca=\xa3\xaa,r'</t>
  </si>
  <si>
    <t>b'j6y\xad)6\xab\x85Y\x8b+\xbfH\x8f\xbaj\x84\xac\xe9\xa1S\x15\xe2\xfcN\x1a=Q\xa9L\xa1K'</t>
  </si>
  <si>
    <t>b'\x13\xb5\x9e\xe6\xf3\xc8)\x8b\xd0\x9d\x1d\x83\x89\x06%iV\xe9\xdc\xe8\xdeZ\x8c\xd4\x8f\xdb\xe1\xd4O\xf8\xad\xea'</t>
  </si>
  <si>
    <t>b"k\xc0Y\xd3\x1a8\xbc4V\xf8\xcd\x94\x1f\xee\xe2vpI'\xbf;\x92#C&lt;{r}Ps\xe4\x9f"</t>
  </si>
  <si>
    <t>b'\x84\x1cv\x9cF,\xcc\\\xd1\xab\x87/\xbc&lt;\xeb/\xd0t\x8ekt9\xdd\x93p\x89\xd2W\xbfA\xee\xe3'</t>
  </si>
  <si>
    <t>b'J\xb4_X1\xe1\xc4\xf1\x0c\x81\x02Q\xfeFK\xa3\xd6\xb292\x02b\xf1\xa1\x1b\xf7\xc8\xeb\x0c\xb5\xfa\xfa'</t>
  </si>
  <si>
    <t>b'\xf9H^\xf1\xec\x1b\xca(\xfc\xd2\x7f\x82\xe7\xe0[\n\x94\xb93\xe5_\xec\x86\xfa\x1b\xcb\x07\xb1\x12\xb7\x8f\xeb'</t>
  </si>
  <si>
    <t>b'\xa0\x1a\xba\xace\xa1\xe9]\xdc[\xee\xba99\t\xfa\x89\x0c\x16Ha#\xb6\x89\x8d,\x1eu\xd1Q9\xe0'</t>
  </si>
  <si>
    <t>b'e\xc4P\xcf\x93$\xa3\x97\x87\xabA\xd5\x80\xb8\x88Tr\xb4Jf\xb7\xc7M]\xbc\xa0\x8d\xb5\x91XMy'</t>
  </si>
  <si>
    <t>b'\xf1\xf6b\xfe\xebL)\x02\x86\xbd\x98\xb7\x91A\xe6\x03b\xae\xff\xb6&amp;\xf74u\x86\xfeW\xf7\x810\x82\xad'</t>
  </si>
  <si>
    <t>b'\xddw\x1a\x00\xbfj\xf3\xa7L_\xe1\x95\x87+z\x0b\xab\xeb$\xd9%\xb7\xc2\xf8\xe7\x8c\x1d\xfb\xc2\xfb\x05\xc5'</t>
  </si>
  <si>
    <t>b'\xbaPB\x97\xd1I\xbf,\xd0\xc99\xa5\xa6\xc1+\xf1\x05\x0e\x92P=\x17\t\x0e\xef\xb1\x1a\xabBX\xd5\xa9'</t>
  </si>
  <si>
    <t>b')\xfbu\xe9`\xb0\xcd\xd2/z]~\xd6v\xa8\x1b\xb7\x81\tjm\x0f!uX\x1e\xce\x19\xca/en'</t>
  </si>
  <si>
    <t>b'1\xe8\xf9\xc1z%6k;\xabg\xdd\x96\n\xf2\xb5\x1e\xcdz\x08\xac\xcbS\x05\xa4\xb0,\xa0@\xed\xd5\t'</t>
  </si>
  <si>
    <t>b'\x05\xa6\xcf\x983\xde\xf0\xe4#\xef\xb5\x86\xdc\x08\xab\xe67\x81\x03\x8c&amp;{\xdf\x03#\np\xf1P\xc3`\xec'</t>
  </si>
  <si>
    <t>b"\x12J\xbd\xb3^\xbas\xc7\x9f\xe1\xdaU$\xb4B\rl\x1f2\x1a\x04\xcez\xb6#\x85\x0bJ\x15S'\xb7"</t>
  </si>
  <si>
    <t>b'\xab\xe3\xea\xb4\x8b\x13\x04A.9~\x8aN\xa8\x9eB\xaf\xfd\x17\xadK\xb8\x04\x05\x85\xc0^\xf5\xed\xb8\r\x9e'</t>
  </si>
  <si>
    <t>b'\xe1\xcb\xd4\x9e\xac\xb7\xe2\xe5\x17\xb7\xbb\x82Y\xa8\xbe\xa0\xc5\xaaM\x86\xa7|\xaa\te}L7\xd0\x04\xefd'</t>
  </si>
  <si>
    <t>b'\xed\tH(\xbf\xc5GA|\xa1\xe2\xfcz}\xcc\xa9H\xff\xc8F4D\x1e\x92g\x0e_8\xa7o\xa33'</t>
  </si>
  <si>
    <t>b'\xc6?L*d3{\x13&amp;\xa0\xec\r\xfcY\xdaw\x01\x15v\x1c\xb3D\x96~\xcf\xd5\x15@\xaa;\x87\xe0'</t>
  </si>
  <si>
    <t>b'\x12\xc7?\x08\xcd\xa3~\'4\x92#"\x80\x00\xb74h\xbfAb\xf0\x0c\xac\x1b\xd3\xd9\x8c\xa7\xc4\x9a\xf5c'</t>
  </si>
  <si>
    <t>b'\x1dnOw\xe9\xdc\xde\x8b\xf5\xd1\x80\xe0\xa7\x17\xb9%\\Gh\xea\xc3\x14\x19\xb0 j\xc9\xb3\x8al\xce&lt;'</t>
  </si>
  <si>
    <t>b'\xb2\x99Ep\x0bKGI:\xe41!\xa0/ \xef/\xe2\x88\x0b7\xe4~\x89\xa1\x8b[\x06\x8fz\x03?'</t>
  </si>
  <si>
    <t>b"\xa9\x94\xb44\x16\x91\x98\x8f\\\xae\x9c\xectP\xa0\x082\x99\x02\x84\x98U\xf0'\x89\xa7\xf6\xf8\x87!U\x0f"</t>
  </si>
  <si>
    <t>b'\xfb\xaa\x85\xbe\xa38N\xde\x9f\xacL][\xcaDn&gt;\x9e\xa8\x91jW$\x95+\xd4\xc9\xcc2\xc0\x1f\x06'</t>
  </si>
  <si>
    <t>b'\x95\xbe!\xcf\xd0\x00\xcb\xfb\nGUC\xdfs~\x101o30\xa4\x82\xe8\x13\x98\x87\xcb:\xaej\x06\xf6'</t>
  </si>
  <si>
    <t>b'~\xd4\x9c\xc89Y$\xe1{\xc4\x8e\xcf\x95_\xa1\x056\x19\xdf%\xd6\x18\x85\x85C\xc1\xd7DS5\xa9\xd2'</t>
  </si>
  <si>
    <t>b'\xf0\xe4\x1e^T&amp;\xaex\xa8&lt;&amp;\xf1\xe6a\xadQm\xab\x0b\x11Hd\x86\x9d\x9d\x11\xc7/\xea\xb7@]'</t>
  </si>
  <si>
    <t>b'\xe6\xdb\xbb\x86\xd1(\x1c\xda{-w\xd1\xa0\x96\xcerW\xc0\x95\xd5\x92\xe2F/~\x92\xfa\xb4\xd5\x18w\x94'</t>
  </si>
  <si>
    <t>b'\xbe\x81\x96\xb7\xf4\x14e\xa2\x9f\xbd\xe6\xdc\xe1\xab\x0b\r\xf8O\x08\xc3\x86\xa9KR\xdd\x1a,\xdd\xf7y&amp;&gt;'</t>
  </si>
  <si>
    <t>b'Z\xc50\x089\xf2\x10j\xcc\xf1\xdb\xfe\x8fw};\xb4\xe6me\xa2\x83_\x962\xe7]\xf0\x85\x97N\x03'</t>
  </si>
  <si>
    <t>b'\x1b\xafE\xe0\x8a\xb4R\x06qj\xbb\xd1\xed\xfc\xc4\xcdh}\x00\xc7\x9f-\xb3\xdeNU\x1cHE\x80&gt;9'</t>
  </si>
  <si>
    <t>b'\xca\xfd1\xd3\xd9\x80qu\xdc\x91b\xdb\xa0\x17\x89\x884(S-i\x0e\n\x00\xac\xa40\x1e\x0b\x0eE\xc3'</t>
  </si>
  <si>
    <t>b'\x07B\x9c8D\x86M-\xf9\x00\x05\xe44\xfc86\xd6\xfe\xa6\x0eX\xdb\x89\x97ca\x89G\x17i\x1c\xd2'</t>
  </si>
  <si>
    <t>b'\x93\\\x1fc,\xfa\x8f\xf7\xd6\x1ez\xd43\xc6\xd8\xd5\xf8f\x96\x19_\x91Wt*\xe3n\xc1/)%;'</t>
  </si>
  <si>
    <t>b'O\x855Vc\x9c\x8a\x81;\xf1\x9f\x95\xb4\xc1\x11\xa9\xf6\x12\xc3\x1d\x8f\xb4\xe1\x06e\x1c\xc0\xea\xda\xfc\xd9\xa5'</t>
  </si>
  <si>
    <t>b'G\xb4+\x8a\x91}\xf3\xe4\x96\x95\xae^8t\xa7\x02\n\xf8N\xc7R\xc6U\xd7\xb1\x1d3\x0ey{{r'</t>
  </si>
  <si>
    <t>b'p\x11\n\xa0\x1b[\xae2o\x0b\xea\x00g\x93\x14\x85\xcb[\xc0\x8bB\x03\x9f\xd5\xb2\xd8\xd4o\x1a\xceK\x83'</t>
  </si>
  <si>
    <t>b'\\\xab\xd7\x13h?\xd7v\xb9\x87\x92\xad\xa5j\xeb\x80\x8f\x97\xb3\xc9C\x1a\xfcG\xb9I\x07\xe8\xccq\r\xdf'</t>
  </si>
  <si>
    <t>b'$\xab\xfeP\xad\xd5^\xad.:\xf5\xa3B\x0e\x01xm\x12(\x1d\xe2\xfb\xb8\xb9T&amp;\xa6\x05\x03\xba\xf4U'</t>
  </si>
  <si>
    <t>b'\x8b6\x15\x95A\xde\x7f\xc7^aX3\x01\xb3!\x9d\xd9\x9e\xd6*D\x1cI-}|\xdd\xb1K/[\xce'</t>
  </si>
  <si>
    <t>b'\xf7\x1dZ\xa1\x89\x9b_\xb3\x82\xb3YS\xce\x8c&gt;\xc0\x0b\x83\xa0\x96\xc8\x85G\xa3Zj2\x97\x8c\xeb\xd8\x07'</t>
  </si>
  <si>
    <t>b':\xb6\x9b\xdeO\xe9\xa7)\x8e\x17\xf6\x163\xc9\x8fp\xc8")zh\x84\x89&amp;\xf5\xf93V\xb2\xf6\xc4\xbb'</t>
  </si>
  <si>
    <t>b'\xf2%\xa2\x8f,\xd49\xe67h\x81\x8cJ;\xac\x93\x12\xf8p\xa0\x93\xc7\xec\xff|\xe9\x19CBW,\xa9'</t>
  </si>
  <si>
    <t>b'\x85\xac\x05\xa4\xc7\xc8\xb7\xcb\xd7\xce\x00s\xb2h\xcd*~\xb6\x19\xe8\xfdA\xb5\xbb\xfc.\x18\xf1\xfep\xff\xc2'</t>
  </si>
  <si>
    <t>b'AGVw;\xbf\x00\xf7\xa0\x9d\xfc]\x0c1\x0f\x89)\xcc\xf8\x81#\xbb\xde\x12g\x87\xddCO\t8\xe7'</t>
  </si>
  <si>
    <t>b']\x80iQ,\x1fv\xd1\x18\xef\xa9N\xbe\xe0\x1b\x0f2^;\xbdW\x7f\xf5H\xd6\xd8\x81\xec\xe4\x8b\xa3C'</t>
  </si>
  <si>
    <t>b'3\\\xe8\x01\xf98\xf6n=\xd6\xe3:\xbd\x1bl\x92Y\xca\xcb\x88\x1c\xd3a\x98\x10\xee+\xaa,\xcb\x0b\xbd'</t>
  </si>
  <si>
    <t>b'\xd25\xd4a$u\xbf3\xbc1]\xa5\xe9\xd1\xba\xa9I\xc6\x87A\xe4\xe0\x069+a\x90\x07`\x081\x08'</t>
  </si>
  <si>
    <t>b'\xc5\\?)\xdb\xbb\xd2\x05\x9e\xc1\xaa\rP\xb4\xf6v\x1b\xdfsB@\x93A\xab\xaf&gt;\x1f\x1d\x924\xb1&gt;'</t>
  </si>
  <si>
    <t>b'\xe9}\xca\xa0\xec\xb4\xcd\xff\xb3\xd9\xc8\xee\x9f\xe8\xe7\x94\x1e\xee\xf4\x8f \xcb/\xa7Tc"\x95\xb3\x87\xec\x8d'</t>
  </si>
  <si>
    <t>b'\x10q\xc8\xc9M\xbf"\xdd\xa9B\x8f\xe7\xba\x8aT+\x1d_{\xbat\x8a\xc6R\x06\xda\xa9\xe8\x0bxx\x8a'</t>
  </si>
  <si>
    <t>b'\xbb\x9f\xcd\xb6\x92\x1a\xf2uDW\xc6\xcf|\xf6i*1\x12u \xb4\xd8\x9f\xd4\xeb\xfa\xbc\xe9p\xa3\xdb\\'</t>
  </si>
  <si>
    <t>b'\xca4\xc0\x1dlw\xce~\xe7\xa3\xbem\xd2\xf5\xb3.\\b\x88&lt;\xf7L\xcd\x9a\xc1\xe7\xe9/\xa1\xc7\xde\xc3'</t>
  </si>
  <si>
    <t>b'\x01Hb\xe4\x87\x86x\xe4\x82\xd0\xc8\xe4\xaf\xf3&lt;\xaeTz\xc9}Xp\xc9\x05.\x8f\x0f\xfa\x82\xbb\xc7\xd2'</t>
  </si>
  <si>
    <t>b'\x8b]\xe1\xe8\xdd\xcbKagT"\x0c}\x96{\xc7\xca\xac\x19\xa4\xf1\x99[ \x01b\xd4m\xd0\xfd\x8e\x95'</t>
  </si>
  <si>
    <t>b'\x17\x1dA*\x8d\xf8\x88\xbf\xbfr\xe5a\xc7\xfb\xb1w\x06&amp;\xb1\x8d\xb38ah=\x91\xc6\x96\x8c\xd4Ws'</t>
  </si>
  <si>
    <t>b"\x1aoG'\x87 \xffB\xc0f\xcb\x84\xa4\x1f\xfa\xa9n\x7fC\x98\xdd\xea\x80\xe1\r\x9f\xa8\xff\x1a\xf8\xceO"</t>
  </si>
  <si>
    <t>b'\x12\xbeojI\xb1ZD\x81@\xd1\x1b\r6\xb2\x96\x07\xb0\xc2\xc9+vP\x9b\xe16n\xe2\xe2\xa3-N'</t>
  </si>
  <si>
    <t>b'c\x9e\xbc\x93\x83h\x19X\x1e[A\x15`\x16\x13p\x9a*\xd9\x9a:\xec\xdeb\xc3\xa0w\\\x03\xc0\xb2\xf2'</t>
  </si>
  <si>
    <t>b'\x98\xed \x8e\xbdv\xa0\x80\xf1F\xde\xa9~\xa97\xf1X\x9b\xc7I\xe5\xc1\x0b\xbaJ\xfa\xd5\xf3\x92J \xf4'</t>
  </si>
  <si>
    <t>b'=o\xa7\x9f\xc4\xa4\xc4(N\xa7\xd2\xb7\xe0"\xd1++5\x0b\xda\xa6E\x1fq4\xec\x18\xce&lt;\xbc\xe7d'</t>
  </si>
  <si>
    <t>b'\x94pj\xcd\xfe\x8e*s|E\x96U.w/g"\x15\x1a\x84\x01Z}\xcd\x00&gt;&amp;j\xe5p\xb8\x9d'</t>
  </si>
  <si>
    <t>b'\x909\xc0\xa5\xa526\xc4l\'\x07\xebA\xb4\xaal\xe3\xb3$j\x04\xd9;\x05\xe6"~$\x94I\x92\xc6'</t>
  </si>
  <si>
    <t>b'\x87\x8b\x06@\xdeX2\xffQ\\\xf3\xab\x16S\xa8?\t\xa0\xbd\x1a\x03\x11\xf2\x86U\x0c\xe6\x1c?\x01rt'</t>
  </si>
  <si>
    <t>b'\xa3\x82w\\\xe3\xecU\xad$;\xac\xb9\x1f\xbe\xd7\xe5\xea\x97!\xbf\x0e\xf5&amp;\x91\xf3\x11z\xf6R\x1a0\x12'</t>
  </si>
  <si>
    <t>b'`\xc3_\xed\x19c\x82\xdb\x98\xa2S\xb2\xcb\xb5s\xeb\x98\xa1\xf1\xf9\xd8kZ\xcaQ\x9e]\xd0\xbaQ\xcc\xff'</t>
  </si>
  <si>
    <t>b'3fx\xf9\x86A\x98}X\x14M\x131\xc5q\xf68ohV%q \x19\x07%a\xc83\xaf\x022'</t>
  </si>
  <si>
    <t>b'B\xfd1\xaa\xe3|\x04o\xca\x1d1\xffF\x99R\xc5h\x10\x85\xafG6\xb9@\xd7?(\n\x89\xeasQ'</t>
  </si>
  <si>
    <t>b'\xc7\x00*\xf1\x1d\xc8\xcf-\x01W\xcf\xd8.\xf8\xb7+\xf0\xd2\xc6\xb6\x0b\xcb\x9c\x99\xcf`\xce\xe7\xcf\xf2?!'</t>
  </si>
  <si>
    <t>b'i\x89V\xacN\xe2\x84\x8e\xe2mV\xa8\x7f\x81\xf6GH\xc2\x88f\xae\xe2\xb1\xb0\xfd\xfc\xd2@\xcc\xfaTk'</t>
  </si>
  <si>
    <t>b"]\xdb\xf9R\xb2\x8fwj\xfdB?\x16\xf0!\x8f\xafeuP\xf9O7A|\xcc\xad\x84'2\x90'\xd8"</t>
  </si>
  <si>
    <t>b'\x00\xd0[\xe7J\xbf\xbb\x84\xa3\x19&gt;cHec\xc1Z\x9a^\x03i\xb7\xad&lt;?@g\xbc5\x93\xad~'</t>
  </si>
  <si>
    <t>b'\x15\xb9\xce\xd1Y2\xaeR\xf7\xbas\xb7p\xd9\xfa\x83:\xe3\xc4\x10:\x03)\xd7\xcb\xb4\xa6a!\x94D\xe4'</t>
  </si>
  <si>
    <t>b'\xcdjv\xa3\xd9\xe1\xcb\xd2\xf38#\x89\x93\x95\x9c\xb0l\xb7\x01\xfe\xceF\x17\\\x81ol5\x91&amp;p\x03'</t>
  </si>
  <si>
    <t>b'\xd0\x91D\xad,\xb1\xa3\x82\xf1\xba1\xa4f\xac\xa1/&amp;F\t\xe3)\x9d\x87\xba\xc1$\xa34\xef\xa0\x91\xed'</t>
  </si>
  <si>
    <t>b'r\xe6T:\xa1\x86\x1c\xbf\x82\x92L\x94\xf5cI\xcd\x88\xcfo\x1e\xf0u\xfd\r\xee*\xc0]|&lt;\xf6Q'</t>
  </si>
  <si>
    <t>b'\xed\xd1\xabF)\xedFy\xd6-\xbek*\xbf\x12\x1a\xab\x81\x97\xdd\x96\xb4\x98B\xdfhf?r!\x9e{'</t>
  </si>
  <si>
    <t>b"\x7f\x88\xe2\xbc\x8f\x00\x03\x9a8\xfa\xf9\x0e\x946\xf5'\x14\xaa\xbfS_\xaf~{\xc9o\xa3\xa5\xc6\x93\x0c\xa2"</t>
  </si>
  <si>
    <t>b'u\x8d\x89E\xe9&amp;Q\xe8\xd6P\xeb\xd5\xf4\x1a\xbb\xd0\x131\xaf\x87\x91T:\x87\xe8\x12\xf5\x9ftX\xadk'</t>
  </si>
  <si>
    <t>b'\xfd\x1e\x93!\x18\xe6C4\xebd\x8a]\xf0\xea\xf6"\xa0\xf0v\x9bLV\xd7R \xd6k\x7f\'\xf5\x8b2'</t>
  </si>
  <si>
    <t>b'\xad\x03\x15\xfc\xfd\xc4?\xcah0:\x89\xe9#]d\xcdvqJ \xd7m\xdaf\x89\xc6\xec\xa6\xa8\xe4\xce'</t>
  </si>
  <si>
    <t>b'\x8by\x96\x19~\x03vP\x8c\xe0(\x99\x0b\xb2\x08sJ\xcc\xb7\xbd\x18\xf1\xd5\xff\xf9\xda\xffX\x1662\xca'</t>
  </si>
  <si>
    <t>b'\x89\xc6]0\x0b\xce2\xa7l\xd7\xe0\xd2$b\xec\xff\xc7\xa3h\xb3g}\xa0\x14\xb3\x7f\xe3\t\xdbm\xee\xf9'</t>
  </si>
  <si>
    <t>b':I\x17\xc9\x9c\xbf\x13p\xd2+\x9c\xbf5bxw\x83\xe1\xfa\x1bq\x95\x02\xc0\xb2q\xca\xab\xad\xa3G\xf4'</t>
  </si>
  <si>
    <t>b'\x0f\x0b\x9bRs%d\x1a\x12\x17E\x0b\xae\xf6\x9a\xd4V\x85\r\xf2\x03n\x95fg\xb5\xa2cB\x92n5'</t>
  </si>
  <si>
    <t>b'b\xf5\xd75t\x86w\x8d+\x0c1\xdf\xd5\x93P\xfes`\x99Yo\x9b\xbc\xe3i&lt;5n\xca\x9b\xf8\x84'</t>
  </si>
  <si>
    <t>b'A\x95H\xa2\x85\x18\x80):v\\\xaaW\x8d\x84h\xb7\x17\x11\xfd1\x1e*\\)\x981\x06\x81\x15f\x1a'</t>
  </si>
  <si>
    <t>b'\xca\xdbc\xbbo\xcd\xbd\xa2\xb8\xd0\xb3\xd5\xe4\xb9rRG\xac\xb6F\xb2[|\x1b`P\x1b\x04\xf5\xcb &lt;'</t>
  </si>
  <si>
    <t>b'\x81\xa6FM\xf0\xbc\xf9\xc2\xf8s\xd6\x92\xbb\x93b+\x1a\x13\xa0\xfa\xa6\x10bF\xad\xdb\x1d \xa6\x91:\x0e'</t>
  </si>
  <si>
    <t>b'\x87,6\xf9\xeb)\xe3ImZ\xdf\x98&gt;Z\x95#1c\x17|\xb6%\xfd\xd4xU\x9ey%:\xae\xc0'</t>
  </si>
  <si>
    <t>b'\x14%\xa4&gt;\x111S\xd46\xceq\xaaM\x89^e\x03\xf2\xc8\x80Sf+\xc5*\x18\x8a\xd4g\xfa\x18M'</t>
  </si>
  <si>
    <t>b'^\x1a\xf8L\xd1v.\x7fA\xe4\xe8\x11:\x9b\xef\x8ah\x15\x9c\xfd~\x82\xa3\x8dk\x06\xe0\x9b\x1a0\x85\xab'</t>
  </si>
  <si>
    <t>b'"X\xe6\x0f\xebP\x10\xa4iv{\xd4\x9f$\xad\xe5\x81o\x81aG\xa8\x06\x10f\xd1\xd2\xbeX\xad\xb6\xc0'</t>
  </si>
  <si>
    <t>b'b6\x1b\x15\xeef\xe1\x1f\xa7H[\xecO\xb4&lt;\xc8f\x16\\b\x85qP\x98\x80\xa3o\x9a \xa2Sr'</t>
  </si>
  <si>
    <t>b'\x18\x87\xb0\x11-!\x1a\xcc,=\x8c\x1a\xb9a\xb5\x1e\xf5\xad!Zow]-\xaa\xf5\x1b\x0b\xb8\x1f\xfd('</t>
  </si>
  <si>
    <t>b'S\x18\xfa\x12\xba/L\x96\xcbs\xad\xd6\x96O\xaf\x13\xea\xfcC\xfe\x8cM\xcd\xbd\xef\xf1M/\xaf\xaf\xda\x05'</t>
  </si>
  <si>
    <t>b'-G\xa3\xf1f[\x97\x84a\xbdX\xdc\xe2\x19\xf1\xf2\x88On!\xb1\x1f\x08f\x80\x86\xb8\xe7\xf9DC\n'</t>
  </si>
  <si>
    <t>b'\xb5J~U9@\x8e\xaf\x03\xd9x\xb6d\xdd\x01\xa7\x01\xd4^"\x0e\xb8\xb0zR\x8f\xda\x9f3\xed\xf7x'</t>
  </si>
  <si>
    <t>b"c\xb6\tA\xabC'X\xab$L\x8a!\xf4J\xe2\xfe\x9a\xb1\x9e\x1f\xb8\xd4\xf3ut5\x8ef\xbdN\x96"</t>
  </si>
  <si>
    <t>b'\xa9@,L:\xff\xdby{/\x99\x83\xda\x9e\xd1HT\xd9w\xc4"g\xc1\x1b\x14\x92\xf8\xdc@\xc2\x94I'</t>
  </si>
  <si>
    <t>b'\xe4\xadaV\xad\xa9|\xf9J\x08\xce\xb0\x13\x06Ivu\xdc\xc4B\xd3\xc4\x0c\xb5mhY\x12\xc0{\xaf\xda'</t>
  </si>
  <si>
    <t>b'\r\xc8\x9a\xa1\xdd\xf6\xe8\xb1\xb0\xf7[\x17\x1e1Cye\xbe\x8bY\x0e\x82\x0c\x84\xdfu\x82w\xb7\x8b\xe9\x8c'</t>
  </si>
  <si>
    <t>b'-\x03\x968$\xc06J8Ys6V\x9a+\xed\xbfu\xbb\x7f9rl#KI\xe2\xb9Qi\xa6%'</t>
  </si>
  <si>
    <t>b'\x8b\xcb!\x01\x99S\xfc\xdc^{@\xc9C\xde\xb7\x9fB\x81+\x1e\x06\x87v\x19\x9d\x98N\x1a\xd3\x12\xcf\r'</t>
  </si>
  <si>
    <t>b'M\xe6z\xaci\xb4\xf6\n\xe8\x848\xb5\xb8\xdf\xe1\x01\xe2\xf8\xe7t?s;\xd9-h\xd4\x08\xf4{7\xdf'</t>
  </si>
  <si>
    <t>b'\x951h\x81k\x8f\x89\x80E\x9e\xbe\xc5\xa7\xd9\x94\xde\xdb\x80\x94\xd2\x97\xdb\x03\xdfT\xa7\x8d\xf0\n\xd1\xec\x83'</t>
  </si>
  <si>
    <t>b'\xe1\xbd\x12\xc3\x02\x93\x07\xde0|\xf1\xfa\x02t\xe2\x16&lt;\x10\x9d\xed\x02-\x03\x8f\x18\xe7\xcb\r\x13\xc1l;'</t>
  </si>
  <si>
    <t>b';\x01\x19\x8b\xf7`n\xd96\xb4\xe4T\xf8\xbf\xc3\xf8\xd9%`9\x08\xd4\xda\x0e\xd4\xd4s\x07 \x9dn\xf7'</t>
  </si>
  <si>
    <t>b'Y\xd6\xa4\xd3\x8b\xaa\xff@\x90\x99c\xdf\x07u\xff\xa3[\x04\xa3rN\xc5\x06\xb1\xff\xed\x0bSJ\x0f\xee\x17'</t>
  </si>
  <si>
    <t>b'6\xe6\xc9\x87\x9c\xb5\xeb\x1d\xe5\x8b]\x81\xcc8OQ\x94\x16p#\xb7\xc2\x91#\x83|\xa0\xaf\xe9\xd9\xa0X'</t>
  </si>
  <si>
    <t>b'\xbd\xfer\x17D\xee\xa9\x17C\\\xd3\xfb\xbeK]\xb1\xd77)\x0f\x1b\x93\x88\xb4\xc3\x1b\xa0\xfbk\xef\x94&lt;'</t>
  </si>
  <si>
    <t>b'\xf2LR\x00\x01MY\x9cy\xd16[\x18\x13\xec\xd9%\x898o\x8e\x8c\xdc\xda\x81\x82~\xe1\xf5\x192\xd3'</t>
  </si>
  <si>
    <t>b'\xa4~\xa1\x01\xb78\x10\x7f\xb6K1\xc0[\x1e\x8b\xe9\r\x1c,\xb7D\xb2\x821|!Uh\x96\xf1\xae\xa1'</t>
  </si>
  <si>
    <t>b'\xdb\xff\xc3\x98`\xb6\xd2jp\xf3\n\x1fs\xdb5\xd6*\x0c\xc8\x12\xb9\xc6\xfcv\x10u\xc4.\x93\xf8\xceR'</t>
  </si>
  <si>
    <t>b'\xd4{"\x0b\x8f\x00\xe4\x1aQ\xa8%\x15\xe5\xb7\xb6y\x11\xdc\xee\x9a\xde\x9e\x8cg\xb4um\xe82m!w'</t>
  </si>
  <si>
    <t>b'MZ5\xc7hL5\x0b\xd5\xc5k\x8b\x8bX&lt;A\x11\x97##\xd8\r\xc7\xbfd\x94\xde !c~\xe0'</t>
  </si>
  <si>
    <t>b'&gt;\xa93\xd2\x1f\xcb\xb0\xc3V\xbb)\x8fbV~*\xe6\x1d\xff\x1a\xa0_\x07\xab\x86\xf2\xe33E\xac\xe8\x17'</t>
  </si>
  <si>
    <t>b'q\x88\x1e\x8f51n\xe4\xf6\x95&amp;\x07\x81v%l2\x03fO\x86i\xe6\xd7/\x07\xcb\xf0\xf1\xfb\x14q'</t>
  </si>
  <si>
    <t>b'?)\xa8BL\xc8\xe7S\xc9\xe7\xa6\xc5\\\x9filO\x87\x99H\xb3\x073\x0et\xaed@\xce/L\xd5'</t>
  </si>
  <si>
    <t>b'\xf9N\xe5\xe3L\xe0\x84\x8f\x83\xc7\x85\xe2\x98\xaa|\xd0]\xb6\xe37\x80\x12&amp;\xfe(~\x03?\xb9X\xd0('</t>
  </si>
  <si>
    <t>b'\x01\xee@\xbe\xaf-\x11c\xf9\x8d?h\xe8J\x89\x01\xebC%\xb5]\xd9J\xfcj+D\xf0 \xb4\xec\x02'</t>
  </si>
  <si>
    <t>b'9\x8d\x94d\x96\xf4\x9c\t\x8c0\xcf\xcf\x89\x9f\xb5x\xe2,n\xf4\x9c&amp;\xe3\xed\x0e.V\xc9\x061r\x87'</t>
  </si>
  <si>
    <t>b"\xa2 d\xda\n|\xbd:\xbe\x82^\xb5+!\xd2\xfa\xc7R\x86\x87\xb7'i\xab\x85\xb0/`\xdc\x96\x91\xae"</t>
  </si>
  <si>
    <t>b':\xb0\x8f\xd8\xde\xa3\x91O\xaf\x0eM\xc3\xa2K\xd8\x0e\x96Z\xd5\xedex\xf6\xda\x95d\xe8\x1f\x04d\xc0\x88'</t>
  </si>
  <si>
    <t>b'0a\xfa\xad\xe11\x8c6\x82\x9c\xb86\xbeh0\xc6\xe2\xf7y\x82\x083\xb0\x0b\x8a!\xe5\x98\x87\x92\xa9w'</t>
  </si>
  <si>
    <t>b'\xb1y\x1a\xe1(\x1a8ZD\xc3YZ\xef\x98\xad`S\xb5\xc3R\x85.\xa8\xff\xc0\x08\xf5x!\x12\xc2\xb2'</t>
  </si>
  <si>
    <t>b'\xb9\x96tu\xc6],\xfd\x9d\x85\xf1a\xc7"k1\x04\xce\xec\xa0\x8b\x16\x8e\xb0\xa9\xf6\x97w7\xcd\rH'</t>
  </si>
  <si>
    <t>b';\xdf\x08j\xb1\x17\xfddzDtMM/\xeb.\xabU\x80\xe8\xe5\xbf\xdc$\xcf\x94\x92d\xe3\xb7*\xe9'</t>
  </si>
  <si>
    <t>b'W\xa9(\\\xea\xfb\xc6\xd4\x94\x1f\x035\xe8\xe7\xcbv\x82bX\x14\xfc\x17\x9b\x00\xe7\xc5B&lt;9\xabX\xb0'</t>
  </si>
  <si>
    <t>b'\x1d\x08\xf7\x1f\x19\xcd_\xc4\xcdX\xf1\xd8\xf6\xe9\xa7\xb2\xd03\x0e\xc6\xb5\xb8Z\xd7\xe8\n\x12\x7f\xc2\x0c~\xcd'</t>
  </si>
  <si>
    <t>b'\xd0v[VI~\xafO\xa2,\x05\x030a\xf1\x8c\x19u\xab\xf2\xc3\xab\x9d\x9fH:xG\xed\x98Y\xa7'</t>
  </si>
  <si>
    <t>b"\xa4o!'\x06x\xf2\x01\xa3K\xfdB\xab)aq\x7f\x04\xf1\xbc\x0b\x94x\x81C\xf5\xe8\x9f\xc8\xc1\x999"</t>
  </si>
  <si>
    <t>b"\xba\x00\x89\x86E\xcd\x93\x10\xed\xe1\xd1%\x97\x1a$\x7f#\x1e\x03'\x9b\xf9\x8c\xad\xb3\xe7\x86\x92\x06&lt;\x9e~"</t>
  </si>
  <si>
    <t>b'b\x16#\xde\x8d(\x11\xc5\xbe\x96\xaaV\x94\x85\xfd5\x06Z\x18\xf0\x01\xb7\xed\xce\xaa]\x1d\xb8\xcf\x0e G'</t>
  </si>
  <si>
    <t>b'\xd4W}}.\xe7G]\xc6\xe2\x80\xa6@C\xed\x0b,\xba\xa9\xb9)\x8b4\x13\xf0\xe7a\xe8G2\xe8\xcf'</t>
  </si>
  <si>
    <t>b'\x8c\xdb+\x8dR\x04l\xcf\xb3E\x8b\xf2\x9c\x92\xde\x07\xb3\xe0\x01,&amp;\xbfP\x02\xd9!\xa3p\xcf\xf2\xea\xbd'</t>
  </si>
  <si>
    <t>b'ew\xa4\xb1\x8aB\xa5\x839m\xcfi\x8a\xf6\x18\\$h\xfd\xc24\xfd\xbfuq\x84\xed\x99\x8b\xff\x0ct'</t>
  </si>
  <si>
    <t>b"_\x13\x82\xff\xafS,\xbd\n'\xf0\x10\xce{\xb3\xad\x9f\xba6os\xd1\xf5a$\x8cC\xaa\xac'\xb2\x9e"</t>
  </si>
  <si>
    <t>b"\xdbH\x1f\xc7r\x88c\xb0J\xbc\xe5R'\x93\xa5\x82\x0b\xedv\x0e\x1f\xded\xf9\xc1\x8e\xe5q\xb1\xc4\xad5"</t>
  </si>
  <si>
    <t>b'\x99w\xdeH\xe7Uk\x0b\xe4\xf8\x1bJ\xf7\xcaB\x86\x87$\xd7\x1f\x7f\xfd$\xdb\xf2\xd0\xb6u\x08\xaa*\xa2'</t>
  </si>
  <si>
    <t>b'\xe4\xd4"\xa8\xf9\xf2\xa4u\xcb\xc3Y\x90\x9cN\n\'\x9d\xba\x8cT9\x91\xdc\xb6\xce\xb7\x05\x8d\x11\x05*\xcc'</t>
  </si>
  <si>
    <t>b'^\xe9\xec{\xfd\xcd\xe8I\xce\xc2\xdc\xc5\x98\x924\xfd\\wQ\xefW\x99oJ#\xd7\xc4R&gt;\xa8\x1f\x0b'</t>
  </si>
  <si>
    <t>b'V\x10\x10\xb7_ZC\x17+\x08\xf1\xafJ\xd7\t\x0e\xaf\x12\xae\\\x11\x9ck\x82\xbfy\xc8\xbd\xd7\x84\xc1\x1a'</t>
  </si>
  <si>
    <t>b'0l%.7&gt;\xafE\xa3\x7f\xf2\xd6\x8e3\xb3\x9e\xd8A\xe2\xcb2\xc9\xc2\x8b\xc6\x150n\tI\xd1J'</t>
  </si>
  <si>
    <t>b'r\xa0\x83\xc4\x9eE\\\x16hT\xac\x1a\xf3Fw\xc5\xb25\xe5Z\xc2\x14\xf1\xe6:\xc6Jt+$\xc1C'</t>
  </si>
  <si>
    <t>b'\x06\x11"\x0fq\x0f\xbd\xb2V\xf57\x7f\x80%\x1c\xfa\xc2\xa0\x13\x81\xbdK48\xa9X[\x83\xaf)J\xb3'</t>
  </si>
  <si>
    <t>b"\xe6\xe0C\xe1'\x87h\x83L\x02\xc1^\x7fI\x15\xcbG\x8b|\xc6\xee=\x80\xbd\xb6\x9ao\xbb\xd2\x07\x9d+"</t>
  </si>
  <si>
    <t>b'i\xa3J\xf7\xf6q\x80q\xbe\x04\xea\xbbF\xc8{\xfa\xac\xe1\xd3\x88w\xf8%\xcc\x07\x1c\xd1_\xd7}NP'</t>
  </si>
  <si>
    <t>b's\xb8\x06\x8fl\x8b\x92\xef\xd7q3\x8e\xc6;Zf,|\x83~\x19\xa5\ta&amp;\xc2\xe9\xe7\xff\x8d\xf1\xd8'</t>
  </si>
  <si>
    <t>b'Uo\xd4\x9d\xeaq\xdeO\xfa\xc9E\x89\x15\xaeI\xf5\xb5I\xd4\x1fF\xaakP\t\x94&lt;\xe3|\xd5\x857'</t>
  </si>
  <si>
    <t>b'\xb8\xc5\x12\x04\x96\xe3\xfcnxG\xe4\x84\x11R\xcc.G}mD`\x03\x96\xf5\xca,N{"8u\xa7'</t>
  </si>
  <si>
    <t>b'\xd1\x0b\xf3#dx\xbc\xcfS\xb7\xeb\xf3f\xcd\xc2:W4)\x82\xa4\xab\xf1\xbe\x99\x1e\xdb\xb0*\x0cC\xee'</t>
  </si>
  <si>
    <t>b'J\xa1\xb4\x8a=}\x90\x1a\xac\xf0\xf6b\x95\x06U\xb9\xa5\xe6\x0bH?\x83\x87\xea)^\xd1\xbfe\x96,\x02'</t>
  </si>
  <si>
    <t>b'\x84D\x8fN\x9d\xc5g\x14MHa\xb1\xb0\xb8\x82\xc4V|Z#\x90\xa4I\xb8\xfdf\x1a\xbe\xb8FO1'</t>
  </si>
  <si>
    <t>b"\x08\x7f\xd3\xe1\xb2\xc8\xd4}w\x83\xfb\x18\x10\xdaGt\x83\xfap@~\xf3b\x9bV~u\x8dZ3'r"</t>
  </si>
  <si>
    <t>b'\xc6|:\xbdD\x9a\xe0\xcd\xc8\x9coLxx~\x1f\x06\xa5y\x18T&gt;\x8c\xd1\xb6\xe3+\xb8Z\xa2\xbb\x95'</t>
  </si>
  <si>
    <t>b"xB\xe5'\x14~+Z\xc0\xfc\xd8\x93\xa0\x85\x8e\xad\xb4u'\x0fC`\xe3t\x84\xf3\xbfx\xd2~\xf7A"</t>
  </si>
  <si>
    <t>b'm\x1a\xe7\x8f\x81\xda=\xcc\x12W\xbe\xf6N.\xdf\xd9\xea\x8c\xcf\xb9\xf3&gt;\xef\xba#I\x87\xb6=*\xee\xac'</t>
  </si>
  <si>
    <t>b'\xba&lt;(\xaf\xf3\xb4|\n\x8a[E\x83\x10K\x0f\x86\xfe\xcf\xf6s0\x1av6\x03G\xd0A\x9b\xe6\xcd\xf3'</t>
  </si>
  <si>
    <t>b'\x9c\x1aVoa\xaf\x03\xbfN{Q\xfe\xd4z\x1c2D\x81\x0cZH\x9a\xb5\xd1\xe9`f\xc1\x83E\x95\x7f'</t>
  </si>
  <si>
    <t>b'@\xc4\xcc\xaaG\tm(\xeb\x83dS\x90\x1e\xac\xa1\xf4U\xacV\x0c\xde\x9ao\x94\xdb\xacl-\xf7P '</t>
  </si>
  <si>
    <t>b'\x98\xb7%A\xf9N\xdd\xaf\xa2^b%d\xcc\xc1\xe9\xb8\xbf\x85?\xe8\xf8o\x81\xee\x1d\x80\xd6\xd7\x9d9\xfa'</t>
  </si>
  <si>
    <t>b'h\x11\xc0h&gt;~\xc7f\xd7\x0f\xad\xd7~k\x9dA\xad:QOm\xed\x9eV\xec\xad\xce\xdf\x0c\x15\r\xd1'</t>
  </si>
  <si>
    <t>b'1~\xbcr\xd5\xb0&amp;\x01%X&gt;_a:D\x9c#X\xb5\x1b\xff98)]TvK\xa1m\x14\xbb'</t>
  </si>
  <si>
    <t>b"c\xbc\xd0w\xa8*#\xfc\xa2\x96\xec\x9e7\xe1\xe7\x03\x9e\xcc\x0b\xe2\x89\xd8V\xa1\x10X'W\x8e\xd2\xb4\x1b"</t>
  </si>
  <si>
    <t>b']\xc5\xef\x92B-\xa2\x02O\xda\x1a\xe5\xd4\xcc]\x87B\xdaQ6\x1a\x86\xf4}\xa6m\x07\xe3z;&gt;\xfb'</t>
  </si>
  <si>
    <t>b'!)\xe9\x12"$7 \xd9\xb9YB\xbc\xabR\x0c\x92]\x13\x03%\x99\x95\xb0\x9b\xc9"a\x16H6\x90'</t>
  </si>
  <si>
    <t>b'\x9d\x01\xd2\xc7q\xe3\x8d\xbd\xa9]X.\x8dg\xdb\xd9S\xe0\xac\x8b\x8eDg\x14\x1eM\x0crl\xba\x1c\x03'</t>
  </si>
  <si>
    <t>b'\xaa\x7f\x81r\xca\xffG\xc2\xe5\xdes\x973\xe0sr\xd3T\\8n\x0e\x7fJ\xb6\xe90\xc9ql\xdc]'</t>
  </si>
  <si>
    <t>b'\xd3\x02\xfd\xf5\xe6\x91\xd4\x1f0\x1fe\x0e~\x13\xd2x\x90\xfc9A\xac\xce6\xe2,\x1b\xd4\xf2\x15\xd3\xab\n'</t>
  </si>
  <si>
    <t>b'\xd6#\xd6\x11\x05E\t3]\xc8\xb0\x1cj\x11\x95b\xd3\x8d\x95Z\xd1\xde\x07s\xd4\xf5fH\x18\xbfup'</t>
  </si>
  <si>
    <t>b'\x06\x16I\xdc\xbf\xf1jv\xf9\xe8b}jt\x13\x98\n6F\xda\xfc\xfe\xde\x0fX\xaf\xb0\xcf\xe8\x18gM'</t>
  </si>
  <si>
    <t>b'}*\x99\xec\xef\x86c\x1d\xc8\xfdI\xde\xbd#l\x03U\x99?\xfb\x88\xed~\xc1D\xdc\xf1\xd6\xd6\x85\x9an'</t>
  </si>
  <si>
    <t>b'}\x1cw\x930\x9b\xb1\xc4\xba\x80n*\xa9\xbc\xbd\xbb-\xf4\x0c\xce\x04\xf0^)\x19s\x111\x16V\xbe\x00'</t>
  </si>
  <si>
    <t>b'r\x1d\xcb\xb9Mfo\x8e\x85G\xbc\xff\xf4\xddj\x07t\x11\xc1unm\xba8e\xa0B\xb0\x81\x94V\x13'</t>
  </si>
  <si>
    <t>b"@-\x95x\t\xa72\x97Q\xd4G/\xc2y\xd2[Y}j\x83\x9d\xb1A\xa67.\xfe_5F\x07'"</t>
  </si>
  <si>
    <t>b'\xf1\x03k\x90HR\xf9\xc9\x1b-[\x1f\xdd"_wK\xa7\xed\x8b;h\xf0\x02&gt;w\xccs@\xa4\xad\xed'</t>
  </si>
  <si>
    <t>b'\xb6\xe1\xae\x0f\xf7\x0f\xa6\x9b\x86\xc5\xef\x06c\r\xaa\xd3\xda\x87\xde\x87J\xa9\xf0Z\xdf\xbc\xb1\xcf\xe2&amp;\x03q'</t>
  </si>
  <si>
    <t>b'az-\xd6\xb1\x80\xc9o\xfcH\x1a0\xdb\x1c\xb1Wj\xf9\xe9\xd4\xdch\xf78\xb5E\xbf\xc4\xe0geL'</t>
  </si>
  <si>
    <t>b'\ne\x8c\xc48\xdb\xdcX\xb5\x9b\xd6\x08\x11\xe0kc\xe3\xfa\x16\xe7\xdc\xe0\x11\xc8\x86\x17J\x10\x1a\xf7\xfaj'</t>
  </si>
  <si>
    <t>b'1F\xa6\xaeZ\x0c!\xd3\xc1c\x1f:\xa7\xd2\x9fr\x12}\xc6\xc7\x16\xd9\xc7\xbb\xd8|\xdc\x80\xf2\xfa\xa1{'</t>
  </si>
  <si>
    <t>b'\x14\x81k\r~\xdd\x0f\x9f\x87\xc7\x8a,\x07=\xecC\x02\xd3\xd3f6i\xff\xfb\xefF\xec\xceu\x87\xeb?'</t>
  </si>
  <si>
    <t>b'/\xba&gt;\xd6\xc9Z\xf4Wc_\xb5\xdfd\x02\x0b\x9b\xb5\xda\x95\xe6e\xd2\xb6}\xea\x8d\xe7\xb3\xca\x18H\xe5'</t>
  </si>
  <si>
    <t>b'\x91\x85\xf5\xe5&amp;\xfd\xd1\x8d\xd0DR6Q.\x1d\x94\x8d5W\r\n\xe4\xb5J+\x9f\xf1\xb9\x94,3\xa7'</t>
  </si>
  <si>
    <t>b'aO\xd8^\xa7\xcf\xf1W\x90]L@D]\xcc"k\xe9$\x0b\xb3\xb9\xaf7\x85\xa8j\xac\x82\x98\xe6\\'</t>
  </si>
  <si>
    <t>b'\xf8A\x00\r&amp;\xfe\xd5X\n\xc1,\xc6\xfeVN\xe8\x93P\t\xca\xc0\x0b\x94\xbdt&amp;\x97\x9c\xa9E\x91\x87'</t>
  </si>
  <si>
    <t>b'\xc7q\xea2)uE\xde#^%\xd4D8KH\xf90\xb2\x19\xf7\xcc\xf5[\xc2&lt;\xb6\xf6\xcd\x0e\xda\x8a'</t>
  </si>
  <si>
    <t>b'\x83\xb5\xa5\x91o4c_t(\xc1\xc4"\xa1q\xd6\x92\xc6J\xa3F\xc61_\xbbR8\xfbqfDP'</t>
  </si>
  <si>
    <t>b')\x95\x95\xbe\x04~\xf9\x88\xfe\x07\x02\x9b\x97\xf1\x1f2\xc4!\x07\xd4\xa9\x98ti\xd8\x13\xbd~(v\xf8\x00'</t>
  </si>
  <si>
    <t>b'\xe0\xd5(\xd7\xbb\\p\x1bVB90\xa6#J\xe0\x9d\xc4\xd9\xd5\xc1nb\xae\xff\x81\xfdv\xa9\x14;\xec'</t>
  </si>
  <si>
    <t>b'"5\xee\xbc\xd2\t\xa1;\xd4:\xb3\x16\x12\xaf"MK\xac\x8fJ\x05AS\xe4E\xfex\xb9\xed\xb4(\xed'</t>
  </si>
  <si>
    <t>b'\x08\xcd;\x03IY&amp;~o\x0eJ\xd8\x14\x0eg\xea\xe2\xeen68!\xc2\x10\xaa\xcd\x95\xfe\x9fY\x05z'</t>
  </si>
  <si>
    <t>b"7\x15.\xe4q3\xee\xb1J\x91\x9d\x07;\xab'o\xa1\r\xeb\n\x07\x16\x10']k\x8b6\xdf\xd0\xe6D"</t>
  </si>
  <si>
    <t>b'2\x97\x8ab\xc2\xef\x9d\x17\xc4\x83\xec\x15\x1b\xa3\xda+\xe2\x9d\xed\xff&lt;_$k\x1dA\xf1\n\xb6\x87\xf8\xf5'</t>
  </si>
  <si>
    <t>b'w{\xffy\xf0[\xff,\x0b\xd3\x02{+\xf9-0_\x9f\x01\xb2y\x13g0\x19\x03\x99\xb0\x00\t\x05\t'</t>
  </si>
  <si>
    <t>b'\xb062Y\xb7\xef\xda\x92~K\xa0\xd9\xe0\xb8\x96\x19\xae\xf9\xb0\xee\x89\x8b\x15t\xd0@d\x9bBC\xb8\xa9'</t>
  </si>
  <si>
    <t>b'2\xf7\x91\xb7\x80\xc5P\x98\xfe,V\xa4-\xa8\x96\xa5\xecd\x08qoH\x00\xbc\x06\x0b\x17\x16\xd5z\xc7\x9d'</t>
  </si>
  <si>
    <t>b"\x92\xda\x8bWI&amp;5\xb6\xba\xd5\xa8E\xaaT~\xbcm\xd9\xd5_\x01\xd2Z'u\xad\xbeT\xb9v\xf4\xbb"</t>
  </si>
  <si>
    <t>b']\xd1M7\xb9\xa4\x05\x10\xe5\x08\xf84\xad\xa1\xfcgnT\xa6\xc9\xa7`C\xd9X\x94;\xa4\xa4G\xd6\x98'</t>
  </si>
  <si>
    <t>b"\xb7\xe63\xecs\xae\rQ\x07bh\xcf(\xbe@\xf0\xc3n\x88\xb0\xd9\xcb\x93l\xd2\xbb\xeeF\xe8\xd9}'"</t>
  </si>
  <si>
    <t>b'P\x87fBZ\x9a\x19\xad\xca\x06\xa5DZ/\x00V07\x97\x88&gt; \x0b-\xe6\xff\x92\x9day|\xec'</t>
  </si>
  <si>
    <t>b'TX\x8eAp\x8b\x9f\x8e\x185\xcf\xa8&lt;I\xb4R\xc9\xd1\xd6\xb2\x1cW#\x9fF\xfd\x8do\x06Y\xe7\xb0'</t>
  </si>
  <si>
    <t>b"'\xb8\xd2r\xb2\xaeo\xff\x90&amp;\x87\xb0\xef\x03[\xa21\xef\x81\xden/b\x1d\x81;\x86*gcz\xa8"</t>
  </si>
  <si>
    <t>b'\xa2\xc5A\xfd\xbb\xc0\x15\xf2\x9c\x16\x02%\\&lt;(\x7f\x14A\xc4yD\xf0TM\x90\xd3\xe3\xb76\xc0\xc5\x9d'</t>
  </si>
  <si>
    <t>b"\xe9\x7f\xf4-p\xb0A\xebf@\xf6\xd5\xc8\xfd\xb8\xe3\x84\xab8\xfb'(\x1f2h/O\x8fmM\x8d%"</t>
  </si>
  <si>
    <t>b"k\x8cx\xd1A\x98\x8b\xee\xcc\x8f\xe3\x97\xfa\t\xdd\x97\xff&amp;\t'c&gt;\x11\x16,\xa2n\xe9\\C\x03U"</t>
  </si>
  <si>
    <t>b'\xa1`Q\xe2\xfa\x19j=m\x9b\xcd\x90\xc3D\xe4S\xe8\x12\xe89\x89\xf8t\x05\xc8\x07\xe1zcd\\\x80'</t>
  </si>
  <si>
    <t>b'\x1d\xfc\xc1\xa7\x0348\xc2\x83K\x83\xa1\xac\xe5\xfb!\xe1\x07t\x84\x95Y\xe39\xf2\x9b\xde%n~6y'</t>
  </si>
  <si>
    <t>b'\xd9\x12\xf8\xc8~\x04\x14a\x83\x9f\xfb\x04\xf3g\r \x1d\x02)\x8dG\xf2\xf6&gt;\xf2\xfa~DBx\x10!'</t>
  </si>
  <si>
    <t>b'\x8b\x88\xd1\xbf\t\xec\xdf\xba\xa9\x03S~n\xc3\x91w4\xa9e\xf3\n\xb2x\x88\xecL&gt;\xc1\xa8\x81nz'</t>
  </si>
  <si>
    <t>b'\xa8\xc7\xbaH\x1fE\xfa{\x15\xf4\xd22\x08\x8a\xb8S\x8fA\\\x81E%\xb3*s\x10\xde\x9f\x04\x96X\xdd'</t>
  </si>
  <si>
    <t>b'\xd1\xe9]qOJ\xc5\xb7\xbaf\x06\xeefKi\x99\xc0\xcaq\xcc\x9dF\x19&lt;Q\x15\x89\xc7\xd6\x88\xf7\xea'</t>
  </si>
  <si>
    <t>b'\t\x19&lt;P\x81V\x94\xa8\x9d\xdd\xf3\xe1\x82\xfcf\x85\x91\xbb\xb8\xc0\xeb\xacf\xdbt4\x80i8PP\xe9'</t>
  </si>
  <si>
    <t>b'\x00\x01\x86\xf1,:e&lt;W7\xe8\x19\xc8\x87\xaf\x0f\x19D(?\xe9=\xd80\xc4\xe8s\xf4PI\x90\x03'</t>
  </si>
  <si>
    <t>b'#\xd8\xec[\xc95\x80\xb4\xb2\xb7\xa7\x7f\x00\x1f\x118F6z1\xef\xa0u\xa9 o@# \xe8\xf1\x84'</t>
  </si>
  <si>
    <t>b'\xdf\xe7\xf2\xf4\xa5[B\xeb\x8do\x01\xe7\x189Q\xed\xf9~\x194\x9a\xfc\x1f\xe8\xb9)`b\xc5\xe3\xb7\xcb'</t>
  </si>
  <si>
    <t>b'\x08\x96Q4\x83\x9a\x04\xb9z\xc9\x8d\xdfm\xf9k\xb7\x01\\\xa9\x95\x15\xd0 \x1e\xf2N\x03\xb9\xe4\xdd\x99j'</t>
  </si>
  <si>
    <t>b'\xa1?\xf0\xe7\x1e5zN^)|\x13\x112\xa8R@\rI\t\t\xf6\x89\xda\xc2\xe3\xf6gl\xb8gt'</t>
  </si>
  <si>
    <t>b'\xd4\xa1&gt;\x7f\xf3\\\x0f\xc3\xf6S\xd5\rz0q\x9e\x00\x9f\xb3\xe8\x9c-\xb6\xc9\xdb5\n\x0f&amp;\xad\xa3k'</t>
  </si>
  <si>
    <t>b'[K:N\xd0\xe7\x89]m\xfd\xdc\x1e\x13\x7f|\xd6_\xd1\xf9\x9cj`\x82s\xbe3t\x9a\xd6\xe3CH'</t>
  </si>
  <si>
    <t>b'\x97\xfb\xd6\x00\xc5\x08\x149$\x12\x8d\xc9\xbb\x8eG[\xb2\xd5\xef\xd8Y\xa1\x1e\x0e\xa1\x1c\xba\x18\xeb@\xb5\x05'</t>
  </si>
  <si>
    <t>b'\x07gN\x11jST\xcc\xb1\xdcIm{\x00\x9cJo\x1b4s\xfch\xa1]\x88\x7fZ\xb8\xad\xa5\xba|'</t>
  </si>
  <si>
    <t>b"\xd5X\xe9&lt;\x91\x12q{\xc4S\xa0q\xad\x93'N\xf2\x9b\x83Y&lt;Kv\x16\xf1\x80.\xd7wR\x18\xc7"</t>
  </si>
  <si>
    <t>b'\x05\x9a)g\xe56u\xc7_2\x1a\x93\x82g\xcb\xce\x8d\xc1\xe1\x1e\xd4f\x0b\x02\xa1uX\xf3F\x06\x96\xf8'</t>
  </si>
  <si>
    <t>b'\xab\xa6\xdf\xe8\x18X_\xe0\x97\xb8\xb2\x0f\xe6\x01P}\xde\x8b\x9d\x08\xfa\x0e\xafh\x055\x8b.\x17\x9d\x83\xf8'</t>
  </si>
  <si>
    <t>b'\x98A\xd5\x86X\xb4u\xa7/\x05dcU\x0cm\xec\xf7\\1\x0c1\x02\xb3\x92\x1dh\x0f=)\xbcR\xf0'</t>
  </si>
  <si>
    <t>b'\xfdXb\xaeR\xcd\x11\x8a}\xfb\x7fM\xe9\xf4gt\xc2\xd7\xd91\xc5\x96\xbb\x00\xc2;%\xee\x91\xbc#\xc5'</t>
  </si>
  <si>
    <t>b"\x92\xed\xc2\xc5\x04\xe8\x9a\xc7\xb4\x14\xdd\xf3\xfb\xb8\x9c\xc0\xf4\x05\x12R\x91\xeaim\x87\xa6'\xe6s\xa1\xb0\r"</t>
  </si>
  <si>
    <t>b'\xcaZ&amp;\xe4\x04\xaf\xc5\xd6\xbbQ8\x87\xe7\x9a\xbc:\xcfL\xb2m\xbc\xf8\xd0\xc5(\xe2\x02IQ\xc5\x84\xa8'</t>
  </si>
  <si>
    <t>b"\xd1\x12\xd2O\xf3\xef$F\xa9v\x91'j\x19\xa9d(w\x9e\xdeo\x99\x031U\xcf\xb5\x96I\xa7\xc9B"</t>
  </si>
  <si>
    <t>b'\\\xfd\xe3\xf4\x02.\x9c\xa4c\xac"\x89\xf5\xa0\xebxW$\xf52\xdc&lt;y\xa7r]\x8b\x9e\x92\xf4z\xce'</t>
  </si>
  <si>
    <t>b'\x7f\xa7H\xf2=\x1b\xa2\xd8\xef\x05\x97\xf3W]\xb1=T~\xb1\xe2Y\xf0 \xc3\rnx\xd4\x9a\xe7#\xa4'</t>
  </si>
  <si>
    <t>b'\x8d\xd2,\x0c\xd6\xd4\xa8\x10\xbc\x17i+\xc8VO\xe7\x17W\xea\xdc\x05\xc2\x19\xe7b\xae\x02\xd7&lt;\x9b\x02\x85'</t>
  </si>
  <si>
    <t>b'y;M\x8b\xe3\xd5\xef\xfc+MN\x99\xfb\x1e\r&amp;9Oq\xe9\xd99\xd9\xee\x12\xcd\xeb\xef\xcc\x91\xe6_'</t>
  </si>
  <si>
    <t>b'mOVd\x89v\xa7v\xd9\xee5\xe5,\x7f\xdc](Lx\x0c\xb0\x13Z*k\x83\xe2Go[\x81\x02'</t>
  </si>
  <si>
    <t>b"\xdb\xee? \x0b\x9ec\xea\xc9\xe1)\xb1\xa8\x02\xacP\x84O\xd1FH\xd2\rf'\xca\x1eChO/\xc4"</t>
  </si>
  <si>
    <t>b'\xb4\xa8\xae=DE\xdbS\x87\x89\xb2\xd9\x00\x0b&lt;_\x89\xe5\x97-\xe4&gt;\xabi\xf6R\xfc\xec\x0c\x81/\x85'</t>
  </si>
  <si>
    <t>b'\xd6&gt;\x17br\xbb"\xd1\x8f\xc5\x13\t)\x8ezk_^ce\xc9p\x98\xbd\xf7\xce\x8fNN5\xa8\x86'</t>
  </si>
  <si>
    <t>b'\x03NV\xbf\x16#{-WtH^\xcbt\x97A\xa6\xb9i\xb1\xae,\xbd\x1a&lt;b\xabE\x02\xaa\x8d\xd0'</t>
  </si>
  <si>
    <t>b'\xce\xaa\xd3\x19-C\xb0;\xfbb\xc9\x10k\x8b\xb0\xbb\x18\x04A\x95\xaf\xe9\x84\xef\xb4\xdc+\xac\xbc\xe4\xf26'</t>
  </si>
  <si>
    <t>b'\x83^P\xe4\xb0&lt;\xf6\x9a\xa9\x048,v\xd0k\xce\xf6\x11&gt;2\\+\x82\xe0\xaeNcv\xacG\xe52'</t>
  </si>
  <si>
    <t>b'w\xf5ZS3\xc6\xd6\r(\x0f\x95\xf4I\x08\xce\x8c\xd4\xf9\xdf\xcc\x87&lt;\xfeh\x81\xfe,\xcbW^\xebT'</t>
  </si>
  <si>
    <t>b"&lt;\xdf7\x9e'X\x7f\xc8A\xafX\xa6D`%r\xd8OT\xb4\x12&gt;\x1f#\x01\xc3\xbf*\xc4\x0eZ\xc9"</t>
  </si>
  <si>
    <t>b'/\xb0\xad\xa8)53[s\xdc\xfe\x856{\xe0\x8ctk\x90m\xe13\xe1g\xcc[&gt;\xe8\xfb\xcb(\xef'</t>
  </si>
  <si>
    <t>b"\x8c\xeb\x97\xcd[d\xdbk\x81'\xa1S4 \x86\xf9(\xfb\xbc\xdfc\xfcT\x01v'\xca\x8b?\x0c\xda\x8d"</t>
  </si>
  <si>
    <t>b'\xbb\x13\xd5\x92\xfa\xdc\xcb\xef\x90\xb81\xafF\xc4\xbf\x11mtEK\xf1\xb8\xd7\xd3\xeeza?\x90\xab;\x80'</t>
  </si>
  <si>
    <t>b'pN\x17Y\x95]\xe0\xe0~\xd2\x84*\xd6\x0c?\x172y\xc7\xe6\x0c\xeb\xcb\x86\x8c^d\xdf\x07\xa7\xfa\xc8'</t>
  </si>
  <si>
    <t>b'\xc9\xe9\x9bT\x11\x98\x13\xab\xb3\t\x8f\x97\x00\xfc)]\xa9\xf7\x82+\x92\xe6\x93\x14\x13a\xd2\xf2\xd4pVO'</t>
  </si>
  <si>
    <t>b'\xb5\xb2V\x0c\xc4\xfaQH\xf2\xa9\x83\xb9\x86So\xc0\xda\xab)\x04\x16P\xe7\xe2kK\x80\x8f|J\xfc\x9b'</t>
  </si>
  <si>
    <t>b's\xbb\xe6[_\x1b\xf0\xc8G\x02=\xf3=6\x91k^\xb2re\xb1:l7\x9f\xc3:=\x12\x03q\xdd'</t>
  </si>
  <si>
    <t>b'\xb73\xe1\xd3\xd4\xa3\x17 i\x81\xbd\xf1\xde&lt;\x97%\xd5`\x03/\x9f\x06\xa7l\xdd\xfc\xdf\x03"\xc9:\xd3'</t>
  </si>
  <si>
    <t>b'\x84.\x0bL\xa6\xb9\x01V\xc7\x94\xe1\xb4\xa4Z?\xce\x17\xf7a\xa1\xd0\x01\xe1\xe7\xa0$\n\xaa?5WF'</t>
  </si>
  <si>
    <t>b'c\xec\xe7b]\xcbh2\xcd?:]\x90\xd9j\xd6-\xce\xedZmf=\x9a\xe3c\xacB\xd2i\xf0\xc0'</t>
  </si>
  <si>
    <t>b'\xc6t,\xf9b\xfdsR\xfb\x9c\xbfxoV\xaco\xe4D\xbe\xef\xbf?X\x81C6\x00\x0eiK\xb24'</t>
  </si>
  <si>
    <t>b'S\xde\xd6\x95\xe2\xc2\xa5j\xe8\x92\x1f9U!N\xc5\xc4\xb0\xab\xe5\xed \xa6i;-\x8f\xe1\xb6\xe1\xc6\xba'</t>
  </si>
  <si>
    <t>b'QxM\xe3\xd9t\x052[\xdaX.\x19\x8a\xf3\xbd\xe5\xbe\xab\xecu=\xe6;\x06\xff\x0cUc\x05~\t'</t>
  </si>
  <si>
    <t>b'\x99\x9fK\t\xe2\x1c\x84\xd0\x86\x01D\x90\xad}9\xc4\x06f\x15\xa1\x00\x91k\xd3|~\xaaIPc}$'</t>
  </si>
  <si>
    <t>b'\xbd\xbb\xb0\xbe\xfa\x97v\xa6X\x9d:pp\x9a\xc7\x12U\x96\xa3\x815+^\xd9\xc4Sv/\xa3S\xd4\xff'</t>
  </si>
  <si>
    <t>b'\xc5g\xf7*\xbb\xc9y\xed\xb3\xc6j\xc0kxw\xde]\xf3H\x98R\xa4\x13DM\xeb\x02\xf1\x08\xf3\xb4\xea'</t>
  </si>
  <si>
    <t>b'\xdc/\xcc.y\xd6a/\xc2f\xa81$\x9f\x0c\x88\xa7\x88\xdc2\xa5\x13\x13\xe2\x9c\x8eEO\x89\xc0\x15v'</t>
  </si>
  <si>
    <t>b'7\xb8J\x02\xe7\xbe\xc6\xef\xa9"q\xbc\xb5\xa4\x9b\x97\x94\x84\xdc\xae*\x0b\xd9%\x006\xc3\x9e\xa1\x07\x9e\x98'</t>
  </si>
  <si>
    <t>b'wx\x8f\xf9^&amp;h\xe6\xf0\xf2\xe0O+\xc5\xc6C\xcc,\xadmq\xa6\xa3\xf4(C\xedo$\x8bz\xd7'</t>
  </si>
  <si>
    <t>b'\x93\xaeXn\x92W\xae\x94\xb0\xc8z\x1e%\x8b\xe7\xf3\x05\x1e\xeb\xe0\xa1\xbd\x89\xb1\xd4\xc3\x03F*\xd7\xf9\xb2'</t>
  </si>
  <si>
    <t>b's\xa5\xe5\x06\x17\x13\xe0\xca\xe0\xea?\\\x90\x03sS\x88\x9e\xde\xfc\x82\xd0\x15\xe2\x1c{;\x97\xb9m4\x84'</t>
  </si>
  <si>
    <t>b'\x83]\xe2\xaah}\xdc\x82\xba\x92\x0e\x10\xc9\xa3\xa6\xc9k\xefx\xa4O\x19\xc0z\xbd0\x9b\xb5\xb0+\x9e,'</t>
  </si>
  <si>
    <t>b'}id \n\xcc\xa1\xf7\xf8\xa0\x07\xb2\xf6_\xc9\xd5\xaf\x1d\xfe:\xa5zM\x99Cc/\xb0[ze\xfb'</t>
  </si>
  <si>
    <t>b'-\x1f?\xe8\x96\xe3\x1a\x0c\xe0e@\x01\x9aE&amp;O[\xbd\xe3y\x8b\x82J\xd1\x82 4:-\x93\xc9\xb5'</t>
  </si>
  <si>
    <t>b"b\xb5Y\x8b\x04\x9fAf\xa0\x07'U{p\x1eu\xdcJX\xe2\x08F\xe9\xaeV\xd7\x97\x14\x026o\x12"</t>
  </si>
  <si>
    <t>b'@\xa7\xba\x9b\xc5\xdcY-\\\x9f\x1a\xac\xe8*\xa0\xb6d-\xacm\xbf:s\xb4++4&lt;xm\xaaW'</t>
  </si>
  <si>
    <t>b'\x01\xc1$\xd8\xb3\x14\xdf\xbe\xa2\x8a)\xdf\x8a\xdd\n\xc0\xbb\xf7\x07\xf3Y\x03\x98\x13\xcc\xea\xfd\x9d%\xfb\x14\x14'</t>
  </si>
  <si>
    <t>b'Z\xc4z\xa1\x94KC\xbe\xaa\x1d\xcb\xdf\x9c\xed\x0eP\xdb\xa3\xd3\xbd\xb4@)\xe0h[x\x00c\xed\xf7\xa8'</t>
  </si>
  <si>
    <t>b'\xbdp\xa5\xf9\xd5\xd4R54Q\xb9n\xc4z\x87:&gt;i\x1b,\x8f)\xce\xba~X\xf24\x96\xa2y\xf5'</t>
  </si>
  <si>
    <t>b"\xf1\xbd\x84Z\xab\x10]\xff8\xa32'\xeb\xc2\xd4\xceZm`\x94\xef\xed\xdc\xa3\xa3\x03$\x18_\xdfP;"</t>
  </si>
  <si>
    <t>b'\xb09\xd8&gt;\x03H\x9d\xe0&gt;\xe6h\x04\xe4\xf0O\x10v\x13\x11\x1c6&gt;P\x81\xac&lt;+?\xc4-\xd9\xcf'</t>
  </si>
  <si>
    <t>b'/A\xb4\x1c\x87\xbfy84\xc9\xe43g\xd8\xde\xe9\xf9p\x8b16Y\xb8!\xac\xb7\x05\xd6,\xd9\xfb\x00'</t>
  </si>
  <si>
    <t>b'\xfe\x06YB\xd5\x98zES\x17y\xfb\xa3\xcf\x81T\xb2\xb0@zF]\x04\xecu\xd9\xcd\n\xdd\xa0\xf2,'</t>
  </si>
  <si>
    <t>b'\xb4M?\xdeW%\xe5\xd3u\x16\xdeR\xdb(t\x82$\x15\x02\x9ck\n\x9e\xee\xcc\xac\x96\x8eq\xa9w\xc8'</t>
  </si>
  <si>
    <t>b'\xfd\xa7a\xb2\xe8\xaa\xa4\xab\xdb\xbd\xe0l=*F \xb0T0]\x1c\x10\xd3k\x8d\x01\x01v\xae`\xc8\x81'</t>
  </si>
  <si>
    <t>b'\xfb\xc5\xad\x82E\xf8\xdcm\xec\x81$\x91\x00\xe9D[\xc6\xf8\xa1J\xf2q\x02\xfb\xad\xfb\x03CHt\x1dG'</t>
  </si>
  <si>
    <t>b'h\xaf\x03\x7f\xfe\x18\x8c\xde\xa4\xc3\x0c|\xf7~\x89f\xe3\x8e6N\xeeI\xd4J2l&lt;A\x1b\xf0\x16#'</t>
  </si>
  <si>
    <t>b'\xe9xa\x81\x14\xaa\x1c\xcc3\x9c\xdf\x0cJ\xc7\xbfi\xb0?A\xc360\xfc\xa7\xf3R\xcb"V\xcb\xa8y'</t>
  </si>
  <si>
    <t>b'\x0eCz\xd1!\xd3\xc3\xca\xf5\xeb\xe4\xef\xfe6u\xa4\xe0\xcd\xe0\xe7O\x82\xee\x91\xb9\xb3p\x02\xa4Z\xf5\x1c'</t>
  </si>
  <si>
    <t>b"i\xb7\x8b\xde\x89\xac\xf6\xb3'xZ\xf0\xceN0\xe5\xf1eh\xb5\x999\x04$\xb4q/h\xf8\xec\x860"</t>
  </si>
  <si>
    <t>b'5e\xbe\xd1\xad\x87r#J\xa5\xaa\x973\xae\xcd\x95\x9d\xe7\xec\x8b\x80\x9bE{3~\xb7\x1c*3I\xa7'</t>
  </si>
  <si>
    <t>b'}[\xee;\x0e\n\xf9I \x13B\xe9\x01\xe3&amp;z\xa9\xb3kd\xbaz\x03\xa1\xa9\x04\xf4\x82:\x176\x0e'</t>
  </si>
  <si>
    <t>b'\xc2EQ%\x11\x15sw\x11\xae\xe6Z \x9b\xd9M\xbfg\xcd0\xfc\x12nX\x9cLEF\xa2/\xd3E'</t>
  </si>
  <si>
    <t>b'M\x01\xe1\x98"\xab\xcdNR|\x8a\xa0\x9d\xab\x15\xce\x8epi\x03\x18\xbfH\xd1\x1f\xcas \xda\x8b!1'</t>
  </si>
  <si>
    <t>b'Z\xf7\xa1%H\xa6\x93\x00\xa2\xa3\xb5.\xd4\x16io\xb4\xf7\xc7/D%\xcdJ\x7f_E\xab\xd7\xeb\xc0\xc6'</t>
  </si>
  <si>
    <t>b'e\xe3\xdf.\x9c\x86\xe0\\\x12\x01\xcc\x1c\x14A\x82\x02\x90\x02O\xad\xf6\x94\x02-\x8fa\xbf\x8cEe\x86\xcf'</t>
  </si>
  <si>
    <t>b'\x87\x86\xd1\xc2R1\xdaF\xbcY\x1b\xd6\xbd\x1f\x02\x19\xe1d\xe6\xef\x994\x0c\xb2z3 \xb6F \xcc\xb2'</t>
  </si>
  <si>
    <t>b'\x15_U\x01\xe2\xa2.\xe3@\xa0\xb1\x12OF\xa3\xc2U\xf6\xbd\x0b\xc3l\x89\xf2\xb9\xd3z\xd7\xfb^\x02\xcf'</t>
  </si>
  <si>
    <t>b'z\x9d\xaf\xbbU,0\x01\x08\xbd\xe9i\xd8,tI\xfb-\xfe\xbf\x9d9\xa4"\x044(\xf00\x14+\xe8'</t>
  </si>
  <si>
    <t>b'\x83\x16\x18\x02\xed\xa82\xc10\xd5\xfa\xd3v\xd7\x1f\xd8&amp;\xaa\x06\x1a\x93\x19\xedH\x89\xec\x8fk\x96\x80*\xa0'</t>
  </si>
  <si>
    <t>b'\xff\x8c\xe1\x10\xb63I5\xde\xa0\x81\xd8|\xfb\x0e\xcbL\x86\xbd\xc3\x8c\x0ew\r\xc4t\xc9\xe4\xfb\xa5\xc1x'</t>
  </si>
  <si>
    <t>b"\x8c\xd0\xbe\x14\xe1\xa6'\x0b\xde\xc1L3e\xea\x02\xf897\xa7)\x95\xe6\x98\xf7\xe4[?\x97\x98w\xfa\x05"</t>
  </si>
  <si>
    <t>b'1\xc02\x16\xe2\xd8I\xc6\x86\xdf\xcc"\xbc\x8c\xe9\x8a=\x96\x809\xbc#76\x1d\xff\xe5\x0f~7lX'</t>
  </si>
  <si>
    <t>b'HX\xe4[\xaf\x8c\xc2\xbf\x80c\xab\xdb)vR.\xc2\xe2\x8e%\xd8\xdb$\xe5\xac\xf4["~h\x8c\xc7'</t>
  </si>
  <si>
    <t>Pilot Expenses</t>
  </si>
  <si>
    <t>b'\xfd%X\xb3WQk\xab\x91\xbe\xfe\xbf\xa8K33\x84~#\xea\xb8\xa2\x03\xed\x0e\xeaK\xe0\xb4Z\xa6\t'</t>
  </si>
  <si>
    <t>b'b\xd8%\x92\xba\xfb\xd0\x9b*Xv/1M\x15\xcf\xe7\xba\xa1\x16\xa8~\xc4\x80\x05\\\x95\xbc\xc8$\x90\x9b'</t>
  </si>
  <si>
    <t>getoutoftown</t>
  </si>
  <si>
    <t>b'\x86\xefE\xd2\x06\xd3\xdb\x97bVN=\xa6$)Zf\xb21\xf0\xfa\x84@m\xb7\xf8\xa4B\xad\x915\xde'</t>
  </si>
  <si>
    <t>b'i\x05n\xa1&lt;\x8aAs\xc3\x7f\xb5\xa3\x81K\xc8\xb1\xc0e\xf9Y\x89\xa9\x17Db\xed\xa2\xa6\xda\x89\xc9\n'</t>
  </si>
  <si>
    <t>consolidator</t>
  </si>
  <si>
    <t>b'\xc3\x99\xec\xfc\x07\x07\xc5\x8e\x83M\x01\x00\x15.V $\xd9~\xadS\x95\x8f\xdd\x82i$\xdd\n\xdb\x1cC'</t>
  </si>
  <si>
    <t>b'D\xdaJ\xc0\x0cJT\x8c\xaf\xe5\x192Z|/\xee\xf3,y\x999p\x1b\xd75\xf6.\xa0\xaa\xe2\xd7\xe3'</t>
  </si>
  <si>
    <t>b'\xfa\x08\x96g\xf8\xa0\x9c\x9e\xb8 \x19\xef#:x\xfa\xd5Q\xc2\xdd\x1d\x9fwb[\xf6}\xd5nb!:'</t>
  </si>
  <si>
    <t>b'\xfd\xaf\x9a\x04\x7fj\xec-\xe1\x13\xdd\x0b\xae\x08\xcf*\xeb\xee\xb8\x08M\x16\xa7\x1f{\t\x8a\x05j\xe9\x92C'</t>
  </si>
  <si>
    <t>b'*\x0f\x90\x8eD\xc5|8\x05U\xb5\xb8f&amp;D\xa4\x19`I\x9f\x1c\x99\x10\xb31\x0f\x05\xc1bj\xf3\xae'</t>
  </si>
  <si>
    <t>Credit card paid</t>
  </si>
  <si>
    <t>b'\xdfuI\x99\x83\n\x92hCT}\xa3F\xe9VKa\xb7\xf7\xae\x97\xa6_\xa9@\x97c\xd3\x9f_\x1fc'</t>
  </si>
  <si>
    <t>b'~\xdc\xf7\xb3)\xa0m\x92eF`u\xf2\xe5\x14\xe1t\x1f\n\x0f\x0e\x19\x1c\xff\x9a\x80\xff\x08v1;|'</t>
  </si>
  <si>
    <t>Saving Time</t>
  </si>
  <si>
    <t>b'\x8e\xf8\x91\xa9]\x01\x18\xdc_\x1b\xcbp7p9\xec\xa0\x1c\xea\xee`r\x17\x97\x9f&lt;6Sp\x97.\x97'</t>
  </si>
  <si>
    <t xml:space="preserve">Knock out my debt! :) </t>
  </si>
  <si>
    <t>b'\xe5\x98\x01d\xf6\xcdr\x8c\xf5\x8bE"M\x94H\xd6\xa9\xac\xbc\xd9t"kV\x0b\x1dR\xfd\xe2\xbb\x80\x96'</t>
  </si>
  <si>
    <t>cardsnomore</t>
  </si>
  <si>
    <t>b"\xad\x83\x9f\xdc\x8a\xc0C\xac\x8f\xff'\x14\x02\x8b\xf5\xeb\xdeH\xec&amp;\xf7\x99\x81n\x85TRm\x14\xdbW\x9a"</t>
  </si>
  <si>
    <t>Pain in my Assets</t>
  </si>
  <si>
    <t>b'\x89\x0f\x93\xf3\xdd\x10\xf5\x8a\x1a\xd5n\xb2\xe6\x0f\x03\xeb\xc2\x8aW\xcd#R\xb4_\x0f\xb5\xa1D\xfc\xa1Z$'</t>
  </si>
  <si>
    <t>b"31/\x8a)\x10y,xv\xea\xde\\\xf92|y0^\xc6\xc6\xa1\x18\x87u'\xd02\x8b\xf66G"</t>
  </si>
  <si>
    <t>b'`\xa04\xf2\xd6[\x11y\xafV\xbf\x1c\x1d\x93\xee\xc5\xc9\x1d\x96\xf8\xf4\xbf\xa0R\xf7\x1fv\x86\xfc\xb4\xff\xe9'</t>
  </si>
  <si>
    <t>Reorganization loan</t>
  </si>
  <si>
    <t>b'\xa4\xbe\xf7y\x10K\xfd\xc7\xe3dK&gt;\xd7k\x9a;7.\xd3\xdf\xad\x98\xefb\xadT\xa7\xc9!\xa7\x949'</t>
  </si>
  <si>
    <t>IRS Payoff</t>
  </si>
  <si>
    <t>b'\x12\x1af\xa2\xd5\xccl\xb5]\xe6\x11\xb8V\xa0xB\x96u\x03h\xfah\x08I\xbex\xa5\\\x16\x8aa\xb0'</t>
  </si>
  <si>
    <t>b"\x18\x89O\xb6'\xf3\x87z-\xf9@2\x1e\xeb\xf6\x17(l\xf5q\xc5\xba\x0f\r\x1b\x03F^\x87\xd5\xef\xe6"</t>
  </si>
  <si>
    <t>b'\xa0\xf5\t\x80\xbbL\xdbm\xebaj\x9d\xdd\xd6\xbc\x1d\x0e\xe3\xd8\xc8\x82\x9a\x85Q\xc3)\rK&gt;wH]'</t>
  </si>
  <si>
    <t>b'&lt;s\xfb\x1c9\x98\xd7\r\xa6\xf7`\xe7b\xa9?4\xdf\x02d\x9e\xcdT\xef\x98!\x89\x94\xacm&amp;2\xc1'</t>
  </si>
  <si>
    <t>Be all, end all</t>
  </si>
  <si>
    <t>b'\xd5R\x16\xd4z,\xf5\xa5\xa5Z\xc1\x11m\xf8N\xbbr\x06W\xec\x1b\xc8P\xd2pwI8E\xdd\x81Y'</t>
  </si>
  <si>
    <t>b'\xbe\xdf\xee1I\xb6X\x02\x01k\x02\x851\xa3+x8&lt;\x91E\x00\x9b@\x95\xaccX\xec\x19p\x8d\x89'</t>
  </si>
  <si>
    <t>b'?\xc5\tx\xb0A"f\x14Q\x83\xab\xb2\x04]\xfeKL\xfbm\xff\xce\x0ba|Rz\xf4\xd0(:&gt;'</t>
  </si>
  <si>
    <t>b'\xf8\xbfw\x06\xb9\xde\xecY\x05\xa8\xba\x18\xd5B\xae\xef\xf6\xb2\xb8\xa5\xe6\xc7\x83\xad\xf7\x04@R\xb0\x9f\xdc\xb7'</t>
  </si>
  <si>
    <t>one and done</t>
  </si>
  <si>
    <t>b'y\xcdxgXf\x8d\xd5\x15\x0b\xfc\xdaC\x9f\xd3\x84\x16\xf5"]\xadl\x97PG\xd1_\xe4\xf9R~\xf1'</t>
  </si>
  <si>
    <t>b'\x14\xfdG\xdd~\x1f&gt;\xec/Y\x074\xb1K~\xd7\xd4.\xd4L\xec\x0e\x9b\xca|\x83n"M:\x15\x19'</t>
  </si>
  <si>
    <t>b'\xfek\xe5\xa5Y\xb9\x0eX\x03\x97\'\xd8\xf9{m\x86G\xef\x8d\xc2\xf9"\x8fsFYY\\\x06\xd7\xdd\xb6'</t>
  </si>
  <si>
    <t>b"\xd4\xf7j\x85i]\x9e\x19$\xff\xab\xa2G'\xec=H~\xbf\xc4\xec\x10\xec\r\xdd\x91\xfa\x9c\x9aG\x84\xd5"</t>
  </si>
  <si>
    <t>Debt control</t>
  </si>
  <si>
    <t>b'Gk\xc1\x0f\xc2\xb1c\xab\x97\x96\xf5\xd6l!\x03)~s\x17\x90&gt;B*\xc2\xaa\x89c\xa9\x17\xdc\xd2v'</t>
  </si>
  <si>
    <t>renewing</t>
  </si>
  <si>
    <t>b'\xd5\x9b~\x9a\xf3\xe0\x80 \xf7;\x1a\xb9\xc4\xc2-\xd0\xafu\x18\xe2H\xaeq\xef\xf6\x19\xd9\x05+\x05\xec\xec'</t>
  </si>
  <si>
    <t>refinance move</t>
  </si>
  <si>
    <t>b'\xac&amp;\xb4\xdc,\x88\xc1\xf2\xc5,Z\xf7d\xb5\x1b\xe3\xd7\xc9U\xb4L,q\xe0ZVTk\x1ci\xb6\x86'</t>
  </si>
  <si>
    <t>b'\x01w\xe8\x1dgt\x84\xb4\x15`\xf6\xda$y\xae\x8e\xef\x03!\xf8O\xdf\xf7\xc6\x1e\xe5\xc7\xfa\xeaMb;'</t>
  </si>
  <si>
    <t>b'\x17\xafXv\xab\xf9$\xcf\xc7\xe4\xae.)\xa5s\xfdz\xabt\xe8a\x11h\x90\xe1\xbf\xe4l\x15o\xcc\xae'</t>
  </si>
  <si>
    <t>b'\t\xdb\xed\x98V`\x16R\xb2b\xd9\xb3\x18\x9dTe\nz\xaf\xe40\xb6\x84\x8f\xc7\xab\x1dl\x14+\x80\xd4'</t>
  </si>
  <si>
    <t>getbackontrack</t>
  </si>
  <si>
    <t>b'VJs\xbal\xbbk\x82E\xef\x81\x1f\x12+\xc4$\xda\xb42\xea\x97&lt;\xcf\x1b\xa3\xf7Q\x89\x8b\x9d\x82\xf1'</t>
  </si>
  <si>
    <t>b'\x004&lt;\x1a\x9d[\x8c\xd8\x96B\xf1\xfa\xa5\x08\xed\x12|\xac\x11\xfa\n\xf53\x0e\xd9\xc6Wk.\x8d\x01~'</t>
  </si>
  <si>
    <t>b'\x9a\x13\x0c\xe4\x11\xd9c\xaaL[!\x17\xaf5\xe4\xc3\xbb\xb32\x88\n\x88 \xa7@\x07\xe9\x08U7\x08\xc5'</t>
  </si>
  <si>
    <t>My Bill Consolidatrion Loan</t>
  </si>
  <si>
    <t>b'Dt\\"\xcf\xb3\x19.\xdf\xa6\x11\xe8\xe5JX\xf5p\xe3\x1e\xd2\xf8\xa1\x05-\x9d&lt;\x8bR.\xda\xa1\x06'</t>
  </si>
  <si>
    <t>Daycare</t>
  </si>
  <si>
    <t>b'7\xfe\x16\x82?l\xe3\x14` \xb2Y@\x9d\xa5]\xc7\xb8\x1b\x03\xbe\x8a\x1e(\xc4\xf0\xf0\x8e\xea\x07\x1c\xef'</t>
  </si>
  <si>
    <t>b'\xb4x\xba\x02dG\xef\x98]\x8a\xe0\xe1{\x1a]\xb8gW\x8e\xdbq&gt;\x93\xec\xfe&gt;\xa9Z\x02d\x94Z'</t>
  </si>
  <si>
    <t>b"\x7f\xad!\xa5\xe7\xba\xc0('K\x12\xd0uI\x04\xe9\xd6\xe4\x90\x08+n}\xf4\x8d;\xd3\x11\xfcb\xc5\xe2"</t>
  </si>
  <si>
    <t>b'\xb0a\xf6)\xcd]\xd9/\x92\xd8}\xb4+R$p\x9f\xf7\xd0\xab\xd2E\x96\xde%\x84\xb7\xaa\xf1\xeb(%'</t>
  </si>
  <si>
    <t>b"\xc0\xf7\x9b=8\xc2'J3\xa7n\xa4\x9erZ\x10\xa6\xac\xa0\xce\xe1\x9d\x8e2-K\xf8\x1b\xbe\x9f\x1d\x90"</t>
  </si>
  <si>
    <t>b'\xd5\xc4k\x0f\xb0s\xb3\x1eQ\xc0\x8b\xf1\xe2\x01\xce\x03W\xcf8\xf6\xa3t"o\xf0\xaf^\x86t\xd8h\xcd'</t>
  </si>
  <si>
    <t>b'}\x98\x89(\xe0\xfc&amp;\x0c\xaa\xc5\x02z\x1e\xcc_\xbdd\x0f\xeda\x9fx\x14\xd1\x86nn\xadBY\x9a\xae'</t>
  </si>
  <si>
    <t>b'\xe3k\xb6\x8f\xbc&lt;\x88VJ\xa6\x9a},\xb0\x89\xee\xadN\xe6\xb0\nv\xac\xcb\x9c\xc8\xc0\x89P\xd1\xa4\x87'</t>
  </si>
  <si>
    <t>b'\x0bM\xa83As\xac\x0cIz5Q\xb9d\xb5\x10\xe6\xbb;&lt;\xd6\n!\xa6\xb5\xc9pu\xdf\x10\xf0_'</t>
  </si>
  <si>
    <t>b'?\xe4\x18\xaf\x05\xb8\x0b\xbe\xe3|\x01\x145\xcd\xe5\xcb\x7f\xdc\x1b\xbaN$1\xd7\x18\x9e\x03\xb1\x8f\xfe&lt;\xd5'</t>
  </si>
  <si>
    <t>b'YKC\xce\xa7g\xdf\xbc$^\x18DS\xed+6\x8a\xc2N}J\xdcn\xe4\x08\x88\xf9\xad}\x9e\x04\x01'</t>
  </si>
  <si>
    <t>b'+Y]\x11\xb4\xbf:\xd2\xd1\x06\xdb\xe6\xe0J\x1d+oa\xb2]\xf9\xe8&lt;\xf7\x92\x99!\xf85\x9e\xa1\xb6'</t>
  </si>
  <si>
    <t>b'O\xb79s\x07\xc25\xb3\xd5P\x0eu\xcc\xde\xa1\xda7\xca}\xcc\xffH\x7ffc\xb4\xcf\x897aO\xc8'</t>
  </si>
  <si>
    <t>b'\x08\xe6\xdc\xaf{\xbd\xc3_(\xc5x\xfcs7\x9e\x11\x07\xd1q\xbe\xf77\xc9\x9a\xda\x87\xdd\x1eom\x81\x1d'</t>
  </si>
  <si>
    <t>b'\xca\x9al`a\x99s\xff\xe7\x88K\x96\x10\xa4\x8f\xc7\xc4\x9d\xc7\xe5\xbf\x06\xb2j\x0eT^\xa7\xe1\xa2\xbe\x97'</t>
  </si>
  <si>
    <t>3 year plan</t>
  </si>
  <si>
    <t>b'c\x1a;\xf0J\x08\x80\xf8\xb8\xf9mDh\xdb\xb0lx"\xff\xb6\xe1\xd3\xd9\xac?\x02\x9b~,\xbc)8'</t>
  </si>
  <si>
    <t>b'\xf4?\xe8\x85&amp;\x8e\x9f\x92\xff\x7f-=s\xee\x19g\xe2V\xf5\xee&lt;\xc9\xa4\x82\xa0\xd0m\xaa\xday^\x97'</t>
  </si>
  <si>
    <t>b'\x12\xd2\t\xf8gL\x0e{m\x8au\xd02K\x1b\xa2\x0e\xc3\x02is\xa4\xf0y\xa7\x02J\x85#9Z\x81'</t>
  </si>
  <si>
    <t>b"\xca\xf4\xfc\xd9'5\xe4W\xa8o\xcf\xa3\x92\xf0@\xf4 2\xa3H\xce\x85\xf0\x99v\x03\x12Z\r\xb9\xa9\x0b"</t>
  </si>
  <si>
    <t>CC payoff &amp; misc. expenses</t>
  </si>
  <si>
    <t>b'u\xf7\xdf\xcb\xb8\\\x89.\x1e\x8d\r\xe0a2x\xaa\xc2\xb6K\x85#\xc6\x8f\x9d$\x00\xbd\x85.\x10\xa7\x81'</t>
  </si>
  <si>
    <t>Moving, Household, Credit cards, Dental</t>
  </si>
  <si>
    <t>b'\xa6$\x8242@.\x0f\x1f4\xc9\x84\x9es\x8ds+\xf6\x92\x1e\xbb?\xe7\xfd%Qi\xf9\xc4gR\x10'</t>
  </si>
  <si>
    <t>b'\xabmn\x8a\x88!\xc0\xee\xd1E\xe9\xdf\xbbS?\xf0\x14Y\xc2)\xb4uP\xc6+MJ\xda\x8c96\x83'</t>
  </si>
  <si>
    <t>b'\xfc\x99d%|\xddj\xdf\x150\xc4&gt;\x16\xeb\xd1\xdfr\x87\xd6\xe0\x07\xb1\x9a\xdb\xb5\xe5\xfd0"\x81\xeb5'</t>
  </si>
  <si>
    <t>paybills</t>
  </si>
  <si>
    <t>b'\x83t\xf8\xdf\xa1\xaa3BG\xf7P&lt;[\xc9\x89D\x85\x91\xdf\xeea&gt;\xd2\xe4^\x8d\x83g\xdd\xce\x19y'</t>
  </si>
  <si>
    <t>b'\xd0:\xf3f\xdf\x0e\x9c\xa5\xd5\xbe\x10\x83e\xb0\xae\x9c\xb0\x97\xbd1\x1e\x1b\xd5\xd0\xa4\x17\x97\x9f\xa3\xc2oJ'</t>
  </si>
  <si>
    <t>b'\xd5g=\xd1\x1a\xa4\xcc\xe6\xbb\x89\xc7Yp\x93iE \xd32\x1a.\x9b\t\xa5[\xb7\xf9\xb9j\xcah\xb1'</t>
  </si>
  <si>
    <t>eliminate debut</t>
  </si>
  <si>
    <t>b'@\xfb\xe6\x0b\xb9\x1b\xc3iM3\xdeT\xbf\x9f\x8239\x01s\xd13\xc4*\x8fP\x90\n\x87:p\xbb\xe8'</t>
  </si>
  <si>
    <t xml:space="preserve">debt loan </t>
  </si>
  <si>
    <t>b'f\x8e\xd7\xb1\x85\xc2\xf1o\x7f\xbe\x9fZr\x16\x06\x83\xd2\xd5\x01F\xaa\xe0\xccHe\xbd0~\xad9\n\x1f'</t>
  </si>
  <si>
    <t>CleanLoan</t>
  </si>
  <si>
    <t>b'.\xbf\xe5)\x95C\xfc;\xe8\x10\xc4y\xfa^\xc3\x9a\x9e\xaalt\x17)u\xcc\x10\xf3\xa2fX\x88\xd2\x9a'</t>
  </si>
  <si>
    <t>loan pay off</t>
  </si>
  <si>
    <t>b'k\xc3\xa9\t}\xa5\x13\xf35\x18\x88t\xe5r\xcb\x8e@\xd5|\x84&gt;\xf6\x1c\x14\xc9\xf9\xa1\xdf\x07Y\x1b\xcb'</t>
  </si>
  <si>
    <t>b'rv\xb0\x98\xdc\xf5\x85n=\xb0ZWGdsv$df\xae\x93\r\x86*\xb0\xa0o\xd68\xc0\x1eQ'</t>
  </si>
  <si>
    <t>b'\xeb\xb51\xd0\xc0k\xa6\xd2\xbeKJ\xfe\xdc\xee\xa2o\xcb\x8dy\x90\xdb\xe8\x93s\xef\x1f\xa1\x02~\t\xc2\xcd'</t>
  </si>
  <si>
    <t>b'\x1a;r\xc2fl#T1\xc5\x13w\x86f\xcb\xb5uJ\x1d\x07R\xee\x0c\xbaWz\xcc\xd3\x02g\xde\xdf'</t>
  </si>
  <si>
    <t>b'\x0c\xef\x98\xdc\xf0\xff\x97\x06\x99n\x02\xe1gy\xf4$\x17\xd0I\x1a\xf2\\&amp;\xb6J\xc0k\xb7\xaa\xd1\xf2\x8c'</t>
  </si>
  <si>
    <t>b'\xbb\xc4n\xe1:V\x9e\xd1\xcf\xd8\x8cI\xb4J\x1e\xe4\x0b\xca\x90pSBp\x02S\xe1?\x9f\x95@\xc4\xf4'</t>
  </si>
  <si>
    <t>a-float</t>
  </si>
  <si>
    <t>b'3\x10z\xd0\xca\xffD\xf7B\xb8\x05\xe9TY\xdcp\x7f\x82\xd7@\xa4m%\x83\xa2?\xc6e\xf0\xb7\xa1y'</t>
  </si>
  <si>
    <t>b'/~\x9d,\xd3\xc6SR9\xa5\xbd?\xddn\xd39\xd0\x0c\xc6e\xb9\xa6\x81\x7f\xfc\xb0\x1f\x0ey\xb9\x00\x87'</t>
  </si>
  <si>
    <t>b"\xbe\x11\xe2m\x98Pw\xa5\xa3\xf9\x020\xf3\xbc\x19CE;'\xb6\xac\x95~\x950\x1b*kW}M\xec"</t>
  </si>
  <si>
    <t>b"\xb9q\x9f\xcf\xca\xb0\xef\xcf\xc1\xc5\x12\xcd\x96\x94\x1d\xbcw\xe1\x94o\xf7\xc0'\x9889\x02\x8a\xb5\x93\xccS"</t>
  </si>
  <si>
    <t>staying in our home</t>
  </si>
  <si>
    <t>b'Y\x10j"\xc1zY\x91\xc3n\x98\xb4\x1b\xf8\xb1\xad\x1d\x08H\x0e\xd0\xfb\xa1\xda*\xd9\xcf\xef\x1a\x0b\x10\xdd'</t>
  </si>
  <si>
    <t>b'\xfd\x8d\xfb\xa7?\xa2\xd3\xfa\xba\xb5\xe49ZT\x91\t$l\x0f\xb0\x19z\xb5[9\x86\xb8\xd8\xcd9\x7f\xb9'</t>
  </si>
  <si>
    <t>b'\xd2q1ntiY\xb8"&gt;\xdf\x18\x19\xba&gt;&amp;\x16\xf8\xfb{\xa3\x95\n\xfa\x98\xd0s\xd4\x8d\x7f\x1c\x9d'</t>
  </si>
  <si>
    <t>b'}\xc0\x90SG\xaej\xe4\xcc\x97\xd0\xf6\x89\x1f\xd8\xd9\x0b\xa5_\x80\xc2\x91.\x92\xbd\xf6:\x98\xd8\xf3u\xeb'</t>
  </si>
  <si>
    <t>versatile profile</t>
  </si>
  <si>
    <t>b'\xb8\xc6&gt;Bb\xf7\xf3\x1f\x97\x80\x90;C3\xbc&amp;\xa8\xbf9e\xc0\xbc\xe7r\xd3\x97\x18\xbb&amp;\xf6\rK'</t>
  </si>
  <si>
    <t>b"\xb4\xf8;T\xefk\xd6:G\xfbS\xed\xbf6kdm~\xde\xc5.L\x03^\x8b\xf0TR'^\xbb\x00"</t>
  </si>
  <si>
    <t>b'1\xbe\xb2Q\xa2[\x13\xcb[7\xed\xd0R@`\xf9?[\x95m\xa4\xf6\xae\x16\xb6)\xff\x98j\x8d{\xe5'</t>
  </si>
  <si>
    <t>b"\xa4\x93\x17\x12\xa6\xf2c'V\xa3}\xc3\xf0\xdeA\xd5\x83 j\xc1\xa8\xaa?O\x88Q\xfe\xd8\x97\xe9\x16\xb3"</t>
  </si>
  <si>
    <t>b'\xed\xf9\x13`\xbc\xc3: aw\xa3\xea\xb3D\xd1L\xde\xa3d\xc3\xae\xb1\x87\x83\xa0N\x9e\xc8\xa1"\xfc\x1b'</t>
  </si>
  <si>
    <t>b'-\x14\xbdL\xa8\xc5\xd4\x88\x86\xd1\xebDF\xf5I(\x8b\x8a\xa2#\xc0\xd4\xce\xf9]_\x8f@\xa6v\xe1\x07'</t>
  </si>
  <si>
    <t>b'\x82\x96\xed\xba7\xf6\x18\xf0#\x08\xf7}\xd9Ze\xb1\x13\x80\rW\x1b\xdc\xc7c~?\xf1FV\xcb\xb0\xbc'</t>
  </si>
  <si>
    <t>b'\xbf3\xd4\x03\xbd\xf1\x02\xf7\xdaP\xa6\x97D.\xcb\x9d\xfd\xb9\x8d\x07uDn\xab\xca\xde\xb3\xaev\xa1\x8e\xee'</t>
  </si>
  <si>
    <t xml:space="preserve">Bill consolidate loan </t>
  </si>
  <si>
    <t>b'Te\n\xdd\x8f\x15\xde\xe8\xda\xad\x9e\x7f\x17\xc2\x90\xc8\x0e?\xd5#\x14B\xeb\x9c\x80\xeb\x14H\xc9\x0c\x1b\xe9'</t>
  </si>
  <si>
    <t xml:space="preserve"> Debt consolidation loan</t>
  </si>
  <si>
    <t>b'H\x13xd\x9f5\x96Yu5\x1f\xd5\xc4\xe9\xef\x8e(\xee0\xcf\x1fv&amp;\x8a\x87xtJ\xf7Xx\xb2'</t>
  </si>
  <si>
    <t>b'\xfd;\xf9.\x9eN\xa6\xf8\xb7M\'"\x89\xa4\x0e\xcc\xd9\xcb0r\xe6\xa0\xc3\xa7L\xfd\xcf\x94\x92\x14\xb7='</t>
  </si>
  <si>
    <t>b'l\xc9\x0ezi)\x17Z\xb5\x94H\x8d=h\xcc9\xda\xd1\xb3z\xab\xafi\x9c\x17\xdf\x92\xd8\xc6\xa0\xc6\x1e'</t>
  </si>
  <si>
    <t>b']0\xa0\x8e\xed\x97,]\x13?\xb4\xaf\xc7\xac\xaf\x9e\xd2\xc3\x83\xb6\xd7\x01{\xff\xe0~\xb4?\xdd\xd5\x8d\xc4'</t>
  </si>
  <si>
    <t>b'\xd1\x01p\xa0]\xa2\x88\xfc\x86nf@\x9b\x93\xc0&amp;\x96\xc9\xa6s\xc5|\xb4\xf6\xeb\xd1{\xb28\xbb\x88t'</t>
  </si>
  <si>
    <t>b'\xa8\xee\x08S\x17N\xd4\xd7\xfa\xe8\xeatYg\x13\xe4TrH\x98\x01\xaf\xac\xe2\xd1\xc3\xc9\xa44\xecp\x05'</t>
  </si>
  <si>
    <t>b'\xbf\xc4\xb7\xb5\xf9+\x0c\x01\xc1\xf8\x04\x83 \xd4\x93&amp;G\xf7\x8f\xb8\xad\xa4\x8dM\x8b \x17c\xef#:\x0b'</t>
  </si>
  <si>
    <t>b'\xd8Z\xa9\x99\xa7\x1c\x13\xf5\x92B`\xd6\xf6\x0f\x01\xc4\x18C?\x00\xfd\x97l\xbcy(\x0eJ\x90\xc5\xd6F'</t>
  </si>
  <si>
    <t>b'\xd8b\xcaC\xe3\x11\xdb\xe8i\xf8\x11\r\xaf\xd8\x866\xb9\xf3\xe0\x84Fg-\x061&amp;S\xd9\x11\x19s\x07'</t>
  </si>
  <si>
    <t>b'\xf5\xcc\x17\xf3\x1e\xb0\xabs\xd4\x10\xa0ZGx\xecp\x0b)\xc0W\xdck\x0c(\xf5\xfb\xea1\x8cjz\xba'</t>
  </si>
  <si>
    <t>Car repairs</t>
  </si>
  <si>
    <t>b'\rY 7%\xd9\xc7\xf11\xd4_*DS:\xd3\xa0\xc5\n\xfc\xaa\xb1\xdfuT\xba\xc9["\xe9\xd3\''</t>
  </si>
  <si>
    <t>b'\xe4KN\xe5u\x15\x84W\x99|\xd2\x03a\xa6N\x0e\xa1\x94\xe5\xb8Ao\xf6Pb\xae(\xf4\xb0\xea\x1b\x05'</t>
  </si>
  <si>
    <t>debt consolided</t>
  </si>
  <si>
    <t>b'\xb6\x9d\xf9b\xe0\xd2\x93\x14\x16\xca/9\xf68\r&gt;\xa8|\xa5B\x19\xac\xb7\xaa\x96\x97\x05)\xf53\xe5\x11'</t>
  </si>
  <si>
    <t>Only one payment</t>
  </si>
  <si>
    <t>b'+!\xdd+a\xf5\xf6v)#{T1\xbb\xe4\xac\xb4\xa9\xf0\xfc?\x94\xf6,\xa5\xe3\x9d\xb5Y\xc9W\x9a'</t>
  </si>
  <si>
    <t>Care One replacement</t>
  </si>
  <si>
    <t>b"\xfe,\xe9\xf3i\xd4{\x82\xc3xrFb\xc4\xe1\xf34[\xfd\xf5\x8a'\x14\xaf\x133S5\xfdt\xff\x0f"</t>
  </si>
  <si>
    <t>b'\xea\x92\x08\xa3\x90\x975!\x94;\x96\x88\'\xf1\x80\xaa\xf2*\x9cR\\"BR\x12\x93\xb5H\x11\xf1\xfa`'</t>
  </si>
  <si>
    <t>finance off</t>
  </si>
  <si>
    <t>b'L\xc8zGI%\x02]/\xa8\xa6\xbd\x88\xe9\x0cx\xb3\x10\xc9\x0f\x19\x81\xfe\xc9\xc9\xf4\x1buZD\xa1\r'</t>
  </si>
  <si>
    <t>b"\x8e\xb9H\xc5\x91\xee\xa0\x00\xa9U\xec\xe83j\xfb\xfd\xf8_\x9dP\x9a\xe2\x07pcLP.'\xba\xb8 "</t>
  </si>
  <si>
    <t>Pay Credit Cards Off</t>
  </si>
  <si>
    <t>b'\x89\xa9\xb7\xae_\xfaW\xde0ru7\x93C\x9c\xfc#\xeb\xd1\xcf\x8fi,\x81\x07\xa1\x92\xefh\xc9*\xe4'</t>
  </si>
  <si>
    <t>Debt Restrucuring</t>
  </si>
  <si>
    <t>b'r\x1eS\xddl\x17&gt;\x90\xd0o\xef\xaa\x16Q\x9b\xe7\x9dt\n\xff(\xdd\xc6\xa3\x11_qI8\x8c\x03|'</t>
  </si>
  <si>
    <t>b'\x9d\xeck\xdd\xed\xa8\x99\x81\xb4&amp;0\xa4\x98\xb0\xf2\xde\xc9G\xf4I\xe2=\xcbrd\xb5#\x0f\x16s\x0c\xfb'</t>
  </si>
  <si>
    <t>b'\x05\x8f\xeb\xa9\xf0\xdc\xb7\x9e\xeb45\xe9\xf5m0\x94\x1a\r\x86$\xcb\xe7r\xf0\xcdm\xd4\xbf\xe4\x98\x95;'</t>
  </si>
  <si>
    <t>b'\\\xdb\x11\x8a\x187\x08^\x9b\xff\xfc\x89\x81\xf68\xd0\n\x89\x93M\x1bi9\xb9\x98u\xeca\x01 \xc1m'</t>
  </si>
  <si>
    <t>b'\x15x\xa4gI\xe5/\x9c\xeffl\x00:\xb9\x89\xbc\xba7\xf3\x0fZ\xcc]\x93\xdf\xae\x91?}\xe7x\xba'</t>
  </si>
  <si>
    <t>b'\xa9 \xe1\x13\xc1\xdd\xb5L]\xde\xd8\x0e\xba\xcd\x0c\xfe\x85\xc50\xee\xda\xe5m\x1e\x1d\xd3\xca\x9c\x0c\x82\xddH'</t>
  </si>
  <si>
    <t>b'\xf5\x1c[\x16\x1d\xe9\x82\x17qM\xee\xb6\xb7-\xe4\xd4\xb7|$\x1b\xcc\x84h_\x08\xfe\x86\x87\xcdGj\xd9'</t>
  </si>
  <si>
    <t>My Get Out of Credit Card Debt Loan!</t>
  </si>
  <si>
    <t>b"\xcc\x0c5\xa0\xb9\xfd\xf8\xf0\x01\x86\x97\x10\x1e\xfa\xf1\xc55MU\xb4(\x91\xfb\x14\xdbdJ'1MB0"</t>
  </si>
  <si>
    <t>Final Credit Card payoff!</t>
  </si>
  <si>
    <t>b'\xa7G&amp;\x1eIM?: \xdak\xf0\xa4\xf2\xd5\x12\xea\xb7\xd7\x085\xe2@\x9c\xad\x99\xd5\xc8A\xb85\xf4'</t>
  </si>
  <si>
    <t>b'`\xd0d\xe6\x8aVaP\xc99Q\x17p#)\x95\x07\xfa5NwlQ\xc1\xe1}\xac\x97u\xb1@\x9d'</t>
  </si>
  <si>
    <t>b'\xb9\xbeD)\x9a\xe5\x16-7"8  \x94\x03y\x8b\x14\xf8$\x06\x92\xac\xd9\x04#\r6\x8e4\xc0\xab'</t>
  </si>
  <si>
    <t>b'\xce\xe9\xf8\x03+,\xaf\xb2z\xce\xe8\xa4\x18|\xd2v\x8fa\xc4\x9cQW\x15\xf0\\\xa5\xc2\xfdv\xc3\x01@'</t>
  </si>
  <si>
    <t>debt consolidation, home improvement</t>
  </si>
  <si>
    <t>b"\x86\r\x8a\xc8\xdb\xf2\xf1\xbe\x17\x8e\x90\x86t\xc3\xec\xe1\xc2\x94k\xc4\x9f\xa0\xaa&gt;\xac\x12x\x86\xf7\xbc'\xb2"</t>
  </si>
  <si>
    <t>Bill  Payoff</t>
  </si>
  <si>
    <t>b'd\x8e\x8dx\xafs\xa8\xc6\x9b\x95+m\xb8{\xb0\xa2\xab\x10\xc8\x0b\x9a\xd6[d\xd3\\\x800\xf5.A\xc6'</t>
  </si>
  <si>
    <t>b'\x88`\xbe\x82d\xc4\xf1\xe6\xc579TF\x034s\xb7\xfd\xccu\xf1\x04\x92\xbfy\xe8w\xb2\x03\xd4\xb2\xb3'</t>
  </si>
  <si>
    <t>b'K\x96y\xe5]/=\x90\x1d?|U\xce|\xaf\xfd\xff\n\x9d \x97\x18 %\n\x1c\xf24j\x8c\x14\xdd'</t>
  </si>
  <si>
    <t>b'\xd4\xee\xa9\xd5\xc4f\xc7x\x18\xfd\xbeC\xf5\xc4\xe6(1Vq\xdf\xbeB\x9fs\xcb(\xb2\xd6\x9c\xaa`\xbe'</t>
  </si>
  <si>
    <t>b"B\xb3x:\xd3\xc9~/\xdf|\x8ene\x9e\x0b\x0fP\xe9\xc6E[\xae\xee\xb5\xe7\xa5\x00\x1b\xf8\xe6\x9e'"</t>
  </si>
  <si>
    <t>Dream</t>
  </si>
  <si>
    <t>b"\xf7'\x94\xc0\xfa\xeb\xaa\xed\x92jH\xdf\xc7\xd4\x91\xed\xd9\xba\xa8\xc3m&gt;J\xb7^\x05A5\xacZ\xa4r"</t>
  </si>
  <si>
    <t>Good Times</t>
  </si>
  <si>
    <t>b'\xf4Y\x05\xf1\xc5\xcfT\x8b\xdfc\x1bYK\xfbl\xb7\x7f\xcdK\x9e\x9e&lt;\xb3\xda|U\xba\xcd@\x82"\x87'</t>
  </si>
  <si>
    <t>b'Eb\xb6k\xe3GS\xb8L\x8b\xce|\x82\xd7J\xf3\xf1\xc1\x1f\x0e\xa2\x85\xc7\x05\xabF\xecH\xad\xc8\xc5\xcc'</t>
  </si>
  <si>
    <t>Credit card clean up</t>
  </si>
  <si>
    <t>b"q\xf8\xca?4\x12\x10Y\x87\xa8\xa4&lt;\xa9\xf6\x92D5\xab'!\x1b1\x05X\xa7\x18\x19G\xe1\x10\xc2\r"</t>
  </si>
  <si>
    <t>b'T\xfc\xd4\xbb\xf1\xc9\x88}\x07\xda\x96\x03\xcbl\xe9P\xe3+\x88\xce~\xb8\xdc\xdf\x1e~\x91\xfd\xd1h\xb6\x91'</t>
  </si>
  <si>
    <t>Home Consolidation</t>
  </si>
  <si>
    <t>b'L\x9c #\xa0\x0e\x87\x97\x06\x94\xca\x1f\x967\xf7R\xaad\x1ex\xd9\xe8\xf4\xe4\xdd\x03\xbf\xe7\xa2n\x1b\x8c'</t>
  </si>
  <si>
    <t>b'\x05\xd4\xcev\x1a\xa9\xdb\x8d+-\xe0]i\x13\xb5~\x8d\x02\xd1\xd9\xb7\xe8fo\x0e\xb7\x01\xe4\xf1.\x9b\xa8'</t>
  </si>
  <si>
    <t>b'\x7f\xe1\xad\x8d\xa1y#\xbfbn\xd8\x81\x8fw\x19Dm\xcdP\xe7[\xca\xe4T\xa3,\xc9c\xd1q1\xb0'</t>
  </si>
  <si>
    <t>dept con</t>
  </si>
  <si>
    <t>b'\xde\xb6{\xb4\x9d\\\x02\xe7\xa0\xb4\x10\xa8JR\xfa\xbe\xa5_r\xc2\xccL\x1e\xb5\xed\x9a\xae*\xb5\xe1m\x1a'</t>
  </si>
  <si>
    <t>b'\x17I!Q:\xc1\x88\x0cco\x84\xe8\xd4\xd8\xa6\x8e\t\xfd\x13s\xbf2\x92\x0f_\x048\x15\xec\xf2S{'</t>
  </si>
  <si>
    <t>b'\xdb\xa2\xee\xfa\x02E\xe0\x15\xb0L\xa0\xfc\xc6\xbd\xc9\x81@\x89\x86Gu\x06\xbe\x93L\x1a\xd5\xa2\xb1\x0b\xfb\x0e'</t>
  </si>
  <si>
    <t xml:space="preserve">Credit card refinance </t>
  </si>
  <si>
    <t>b'p\x9dy}{\x94(\x85S\xba\xeaL\x80\xbf\x8eor5\xb0\x9d\xdf\x1a\xf81\xb5\xcc\t3\xce\r\x94\xb8'</t>
  </si>
  <si>
    <t>b'\xba\xf0 \x96;jZG\xc0\x9e[q\xa0~\xc3\xfbM4s\x16\xcf\x0e\xb4\x9d3\npZ\xbeb0W'</t>
  </si>
  <si>
    <t>b'\xc1e\xeb\xb8S\xfc\xb0lj4\x1a\xf1\xcd\xfb\x03r\xd0\x10[\xf2\xae\x8d\xd2U\xd6\x95\x9bA_h\x88\x14'</t>
  </si>
  <si>
    <t>b'\xbc\x05\xbeX\xa8kcA)D*2\xd2\x1d\xd8\x1cc\x91\x1a\xba\xc2j{\xd1(T\xabq\x00\xa1\xfd\xfd'</t>
  </si>
  <si>
    <t>b'z\xd3\xe3=\xe4Y\xe7\x16Y)u\xdf\x92\xd4u\x82\xc1\r\xf6\xf5\xa6\xd7\xfaw\xfa\x19\x912\xdeU\xb5\x9e'</t>
  </si>
  <si>
    <t>Credit Liberator</t>
  </si>
  <si>
    <t>b'\xa7\x1et\xb3\xaa3\xaf\xf6\xb2x\xd40\xdb\xb4f\x0e\xcf\x91\xaaQ\xc9\x8a %#%.\xe9\xfd\xdd\xbb\xcb'</t>
  </si>
  <si>
    <t>b"\xf6\x07]\xea\x10`\xef\xc7\x90\xea\xf0\xfd\x1c\xf7\x81\x06\x02\xfa'tQl\xcc\xf0\x99\xd4]\xe4\xcf\x0396"</t>
  </si>
  <si>
    <t>Graduate</t>
  </si>
  <si>
    <t>b',\xa9\xcb\x0f\x9e\x03&gt;\x06;\xcf\xc0\xf5v\xf1\x89s~\x8b\x0b\xf99U\xfa\xb6\xdd\xc6n\x0b6\xdf}\xe5'</t>
  </si>
  <si>
    <t>b'p\x99\xbd\x05v\xe2\x84{p\xb8\xc3\x12^\xa6\xd5+G\x9f\x1b\\g\x997\xc1\x1d\xafU_F\x1fM\xe8'</t>
  </si>
  <si>
    <t>b'\xca\xb3\xb1\x0c+\xba\xc5\x8bO\x8b\x9b[\x05Re\xf5\x85\x91\xdc|*pt\x11\xb1\xfb\x1f%y\x91Xb'</t>
  </si>
  <si>
    <t>Debt Conso</t>
  </si>
  <si>
    <t>b"d\xa5\xdf\xae\xca\x7f\xd3\xd2\x074\xdb\x8a+\xfa\xd2\x17\xc5\xe5\x0e\x17H\x93\xb7&lt;\xceR\xd5\xeb'\xd4\xf2\xf1"</t>
  </si>
  <si>
    <t>b'\xc4\xe6!L\xab\x95.\xc9I&lt;/F\xf3\xb9S\xd5p:m:D\xe1\xbb\xf2\x03kn\xef&gt;q\x07\xd9'</t>
  </si>
  <si>
    <t>Bill Consolidation and Home Improvement</t>
  </si>
  <si>
    <t>b'\x8fr\x04X\x00\xe5{\x01B\xcf\xf2\r\xeb\x87\xe5\x9d\xa2\xc4\xf1gn\xd9\xe7\xa5\x1d%\x10\xd3|\xe6=v'</t>
  </si>
  <si>
    <t>b'\\m\x93\x8b\xea\xa0=\xc3\xe3\xc7\xf2b$\x02nl@\x94 \x96\xd3\xdc\xd4nZ5\x18J\x0bG\xbd\x15'</t>
  </si>
  <si>
    <t>b"*\xea\x1b\xa3\xdb'\x8a\xb3\x8d\xac\x1e\x98\xf0\xb5&lt;cZ\xd4;\xfeY3i\x1c\xfc\x93\xfdY\xd3\xcd\xf3\xda"</t>
  </si>
  <si>
    <t>The Big Fix!</t>
  </si>
  <si>
    <t>b'\xd0A\xe3\xb5g\x12\xd5\xc2\x93\xe3l\xe7\x86\xfd\xdb\xb4`\x86\n5N\x18 \xaf\x8e\xb61\x9e\x04\xed\xa3\xc0'</t>
  </si>
  <si>
    <t>b'\xc4\x83E\xc3\xed\xe5\x8a\xbe\xbf\x8fO\xef\xf9}\xa1\xf7B\x8aC\x10\x1b\x85\x80\xefD\x96m\xa4\xa5\x94t\xd4'</t>
  </si>
  <si>
    <t>Emergency Move</t>
  </si>
  <si>
    <t>b'\xd5\xf5\x1b*\xc9E\x13M\t\x7f\xf3\x17\x17\xe2\xf9\xae\xec#o\xd1\x85\xbc\x03\xbcq\xf1\xbe\xa7-\x16J\xae'</t>
  </si>
  <si>
    <t>Screw's Loan</t>
  </si>
  <si>
    <t>b'\x95bH\x11\xca\xdb\x13\x96\x15\x0c\xe8\t\xf1Z\xc0\xfb\x87\xa44\xefT6~\x0e&lt;\xa0\x99\x94Q-\xc0\xb9'</t>
  </si>
  <si>
    <t>b'S\x84h\xaf\xf9\xeci\xae\xc1]g\x97KM\xa9U\xa6\xf3\x89Vuj\xd3;m\x83\xc0\xf9R\x8a\x87\xe0'</t>
  </si>
  <si>
    <t>b'\xce9\xb5\x9c\xcc\xd2G\x8fi\x05/a\x0e\xfd\x85\x88\xf9\x9f\x08m\xb0\xdb%\x9b\x0fI\xd7\t\xd3\xca%\xd2'</t>
  </si>
  <si>
    <t>b'\xd6\x91\xce\x9a\x00i\xa4\xd1\xeb\x7f\xd0gS\xc8\x1c\xbf\x8a\xe9\xf8B\x81\x99\x8d\x1c_\x8cJG\x158\xa6\x05'</t>
  </si>
  <si>
    <t>b'\xff\xe2%\n\x1c\x1a\x1c\xd3\xb3D\xc4O\x1a4\xc4\xe1\x03G\x8d._\xb9\xc8\xb8}-\xd0\x01\xde\x01\x85\xb4'</t>
  </si>
  <si>
    <t>b'\x1f\xd5\x16\x15\x16@@\xb9s4S*\x80\xcf|e\x9dA\xb5`\x9f\xc4+\x80\xd2\xbb\xc1z\xba`\xde\x8e'</t>
  </si>
  <si>
    <t>b'\xd4\x07\xe18K\x12\x01\xc0\xc5\xcd@\x13\x14\x08\x0bM\xb7/\xef\xf0\x00\xd7A\x06\xd1J\xf9\x8f\xe1:}A'</t>
  </si>
  <si>
    <t>b'\x06\xeaE\xaf\xa2\x0f\x83\x06eE\x182\r\x9b\xbe\xc6Z\xd3\x07\x92[\xf6\x10\xda\xd5\xaf\x91B\xa7?\x86\xd5'</t>
  </si>
  <si>
    <t>my special loan</t>
  </si>
  <si>
    <t>b'\xb7k\xd8dU\x84\x81\x01\x04,#\x1e\x9e\xf8a\xbcX\xc1\xd8VsM\x83qq\x8ak}x\xf2\xf1#'</t>
  </si>
  <si>
    <t>b"\xfdP\x8d'JC\xa3s\xc1\x7f\rCF\xdc\xfa\x92\x9f\x84=JG*,@\xf0\xba\xb2\xb4\xe5JU\xad"</t>
  </si>
  <si>
    <t>MUSTANG</t>
  </si>
  <si>
    <t>b'O2\xb99R\x0c\xc2Z5#\xdb\x81\xe7BW\xbf5\xeba\x1b\xa21\x17\x8e~\x1d\xd0\x1b\x82|\xc4\xbf'</t>
  </si>
  <si>
    <t>Payoff of Personal Credit Cards</t>
  </si>
  <si>
    <t>b'\xf7\x13\x18G\xd5a\xbbKG=R\xee\x91\xf8\x88x\x93~\x97P\xec\xa4-+\xd81\x80V\xf0|w5'</t>
  </si>
  <si>
    <t>b'b\\\xa0n\xc1\x0e\x07\xfd\xbd\xd4=Q/y}\xed\xfd\x94\x89#\x02Y;;m\x11[\x1dG\xf3\x1a\x93'</t>
  </si>
  <si>
    <t>b'g{r\xa4Q\x0bI\x04\x01F\x08\x9cO\x84C\xc4k\xe3\xd6\xf8$\xcf1N\xa2\xf2\xe0\x05\x8e\xe2k\x11'</t>
  </si>
  <si>
    <t>b'\x00\xb4\xa9{\xccTO\x0c\xe1\xbd?\xecZ\x81\xedZ(,\xfe\xfd\xf5{\xb3\xf8i\xa6\xb1g\xb8~\xc7$'</t>
  </si>
  <si>
    <t>b'\xc65\x0e\xd8\xf3V\xc8\xb4\x11\xeb\xed\xf6\xc0D\xe8\xd8bI\x19\x93\x8e,\x9b\xc5F\xe5;\xfa2\n\xb1\x1f'</t>
  </si>
  <si>
    <t>credit card refiniancing</t>
  </si>
  <si>
    <t>b'\xec\xcc\xfa\x15\xcca\x807\xee\x18\x92\x86\xef\xd7"\xb2\xc8\x7f\x07@\xfe\xf5$\xccx\x15\xa90\xfb\xb7&gt;\xa4'</t>
  </si>
  <si>
    <t>b"\xd6\xe9\xe6O\xac6X)\x08f\xc2O'@3\xe74\xe08\x8b\xe4\xa2\xa6\x02f.\xbebp\x13w`"</t>
  </si>
  <si>
    <t>b'&amp;\x1a\xd4S\x02\x16w\x00u|[\xc58q\xa48I\xfau\xe0j\xc4\\\xc3YS3g_\xd2\xa3b'</t>
  </si>
  <si>
    <t>Get Out of Debt - No More Credit Cards!</t>
  </si>
  <si>
    <t>b'\xf3,A\xd4\xa4\x90\xe0\xa3\xb1\xcf\x96[\xd3*d\\&amp;\xa7h\x9a\x9cO|j\xd3A\xeb\xdf\x8fJS\xbc'</t>
  </si>
  <si>
    <t>b'\x03\x9b\xfb\xd2\x89\xb8S\x8e\x1a&gt;\xc8\xecB\xdd\xb0t\xd0#\xbe\xc6&gt;K\xc1\xeb}\xc3i\xe6/\x84\x0e\xf2'</t>
  </si>
  <si>
    <t>b'\\\xac:[x\xc8D#\x19\xf6v\x1d5Fu\xdav\x1f\xe7t\x0e\x19CJ\xf1\x19\x0e9P\xfb\t\xde'</t>
  </si>
  <si>
    <t>b'(Id:\xef\xd0\xa8C\xf6\x9e\xa0\xa9\xb6\x8b\x9e\t"\x06\x8a\xc0\x82\xd84\xd7\xb6\xadC\xd7G^)\xba'</t>
  </si>
  <si>
    <t>b'\xbe\xab\x88\x05\xedZ\x14\x99\xc6\x1d\xef=\xcb\x1a\x82\xacJ^\xd49\xc3&amp;\xd0%.\xeba\xc4a)\xb1\xad'</t>
  </si>
  <si>
    <t>get out of debt and be high interst free</t>
  </si>
  <si>
    <t>b'b/\xedIA\x00\xe5\x00-S\x0ey\xaa"\x9a!\x15\xa1&amp;5\xb0\xefK\xfbv\xe0 \xc0\x89\x8d~\x93'</t>
  </si>
  <si>
    <t>b'N\xc9n\xac7\xaa\x7f\xae\xe133a,\xbd\r\x83\x1b\xa0\x9e\x9dI\xc4\x1dx\x95\xba\x94Gm_8c'</t>
  </si>
  <si>
    <t>debt money</t>
  </si>
  <si>
    <t>b'F\x80\xa7o=\xa9T\xc0U\xfc\x87\x9dd#A\xf3\xca\xc4!\x82na\xb3\xe2B&lt;\x1a\xd8\xefCh\xa3'</t>
  </si>
  <si>
    <t>Electrical fix for house</t>
  </si>
  <si>
    <t>b'\xaa\xec\xb8\x80\x0b\xbd\xe9jt\x98q#\x11\x1a\xc9H{u%\xe9\xeb+\xa9\x03\xe99\x1e\xe5\x00\xff\x9e\x0b'</t>
  </si>
  <si>
    <t>b'\xbfd_\xee\xecr\xbe\x9a1\x07U\x04\xb3\xf3\xf1\x8f\xb9\x1f\xfc+\x9e\xaa\x95\xdb\\-\x0c&lt;\xb0\xcb\xda/'</t>
  </si>
  <si>
    <t>b'\xaf\xaf=\xcb\xeb!\xd0v\xec\xc2\xbd\xf6\xde\xf1\xec\xda\xc5\xe5\t)\x0b\xd4\x84\xc9\xed\t&amp;8\xa8\x10\xa8\x17'</t>
  </si>
  <si>
    <t>Please Help</t>
  </si>
  <si>
    <t>b'\xb6\x15y\x85qr\xcf\x14T\xf6A\xbc\x97\xfa\x00t\x0b\x85U\xd9\xaf\xcf}\xef\xeeo\xaf\x08\xdbn\xb0H'</t>
  </si>
  <si>
    <t>b'\xb6y\xcfv\x0f^2\xa8\xebe\x115\x9f\xde\x1d\xe5k~\xbfF\xb1\x17b\xe7UX\xbe\x1eF\x81A\x1d'</t>
  </si>
  <si>
    <t>b'\x00\xb3\x85\xcbr\x99(\xa9\x85R\x04)M\x17\xc9N_^&amp;\xe7l\xb1\xe7\x87\x18Q8]\xabz)\xf7'</t>
  </si>
  <si>
    <t>b'\x88\xdd\xf7\xc6\x92e\xd3\x05\x84\x15\x86\xeb%\xcf\x95\x04H@\xa6\x05 \nO\x86\xe1\xa0u\xcec\x0e\x838'</t>
  </si>
  <si>
    <t>b'.\x1f\xba\xaf&gt;\x1d\xe7)\x05\xf5\x18\x93\x1a\xd0\x10\xc7\x0f\xbf|\xc4\xf3f\x8e\xe8!D=R\xc8[ \x97'</t>
  </si>
  <si>
    <t>b'\x08\x87PM\xc8g\xeb\n\xbc\xcb?\xaf\x11\x08\xf0\xb9\xba\xaa\x86\x13\xf5\xa9\xbd\xbf\xe3\x1d\xb4\t\x89f8\x94'</t>
  </si>
  <si>
    <t>b'Ck\x15\x81\xb7\xe7&gt;i5*D\xb0bkD[\xfbO\xea\x81z(\xf7)0\x8fg\t8\xf2\x9e\x1e'</t>
  </si>
  <si>
    <t>b',\xcaa\xa35\xf9\xb9Zh\x8b\xf7HI\x17\x02c\xf1S\x00\xa0^\x08S\x8c\xa3\xa6\xb8A\x86\x80\x86{'</t>
  </si>
  <si>
    <t>Home Purchase Down Payment</t>
  </si>
  <si>
    <t>b'\x9b\x08\xaa\xc6\x1e\x9d\x9c\x1d\x14y+;@\xdb$\x11\x98\xd2\xaa\x85\xe7\xd5\x18eG8\x025w\xe2N\xa3'</t>
  </si>
  <si>
    <t>b';\xe32\xc8x\x00\xf0\xcb=\x13\x914\x81\x18TY\x1fR\x88V\xa1\x7f\x08\x89x-\x1e\x16N\xb8\x85v'</t>
  </si>
  <si>
    <t>b'\xe2\xec\x07\xa4\x17\x9dp\xceM\x96ZQr,\x01\x15\x9b}7u\x85\xa0j\xf5\x87q8G\x82\x01+\xfd'</t>
  </si>
  <si>
    <t>consolidation of debt</t>
  </si>
  <si>
    <t>b'\x04\x9d\xcf\x1a\x990\xbb\xba\xff\xa8\x01@Yv\xf5F\xd2YT\xfe\x12U\x96\xc4A\xa51\xb2\xbal&lt;\xad'</t>
  </si>
  <si>
    <t>b's\xa0\x04\xbe\xd3z\xc2\xdb\x83\x02\x8d\x9b\x00\xdcTa \x9b\x84\xa7\xa0\x81.{\x14\xa5do\x01\t1N'</t>
  </si>
  <si>
    <t>b'\x97\xce\x15\x18H\xe3be\x0513\xcc\xebq\x02\xa1,5\r\xa4\x08\xfe\x93_g\xef\xb0R`onG'</t>
  </si>
  <si>
    <t>Life Saver</t>
  </si>
  <si>
    <t>b't\xd1fb\xcf\xb2\x1fK\xc1\xda{c\xbf\xe3\xd6\x133\x0e\xb9D/`\xaf\xecg\x14\xd7\xde\xce\x89\xe5\xca'</t>
  </si>
  <si>
    <t>b'\x10\xfcbv\xc5\x88\x17k\xd4\x84I\x8aq\xce\x9a\x14L\xd2\x13\xaa\xfb\xb9\xd9?\xe9/\xff\xe7\xd6\xcen\x0f'</t>
  </si>
  <si>
    <t xml:space="preserve">moving </t>
  </si>
  <si>
    <t>b'\xc1!@\x87v\xb0&gt;\xfe\x18\xbd&lt;\xda9\x1d&lt;\xbe)\x85\xca&amp;Ig\x1e[\xde\xa8\xcb\x19\xee\xa3.\xb2'</t>
  </si>
  <si>
    <t>b'\xf9\x1e\x9a \xee)\xa0\x81\x80p\x95\xe1\xa4\xd7\xec\x9b\x06\xc1\xd5%\xb4\xd4$m"\xb2\xe9K\x9f\x19\x95\xc6'</t>
  </si>
  <si>
    <t>Road to Freedom</t>
  </si>
  <si>
    <t>b'\xe4\x87\xc3\x16\xf6"\x9c\xd1{\x7f\x07\x02\x1b\xb5\xf8\rxk\x0c\x9c\xba@A\xb1\xae\xc0\xff_o\x07\xfb\xb1'</t>
  </si>
  <si>
    <t>b'u\xea\x9d\x0e_\x8e`q\xd36T\x8b\x9d\xf4{2\xb3\xd8\xfa\x95\xee\xa8A\x95\xafdt\xfc!\x02\x81u'</t>
  </si>
  <si>
    <t>b'?#/\xe0o\xf9]&gt;\xeb-\x06\x81\xd2/C\r5\x92\xed\xdf\xd5Y\x00w\xa7\x04\x04\x90\x91/&gt;\x04'</t>
  </si>
  <si>
    <t>b'\n}J\xd2\xd54*\xc3{V6m\xb9&amp;\xceL\xect\x1c3\x8e\xf6\xed\xba\xfaf\x91\xc6Uv\xef\xb5'</t>
  </si>
  <si>
    <t>Daylight</t>
  </si>
  <si>
    <t>b'\xb6\xf5\xaeB\xbd\xc7\xe4\x14@\xd3\xe7\x14V\xa4\xb2\xdd\xf1)5uW\x9a\x07\x98Z]}\x08\xbd\xf3\xe3\x8a'</t>
  </si>
  <si>
    <t>b'\xf9)\xd0\xf9\xef\x88,\xa9{Y/\xd5J\xbf \xc9\x1aU\xe8p\xc8k9\xc9=\xe9\x8b\xe0\x19\xb0j\x97'</t>
  </si>
  <si>
    <t>b'\x04|\xb0\xe2\x01\xd7\xfc\xe7\xa5*\xed\t\xc3\xa2p\x1f\xa4=|\x98\x16\x02\x0f\xf5O\x84.\x0bb\xbeu\x82'</t>
  </si>
  <si>
    <t>b'\x9f\xc4&amp;\xa2\xf9\xdb,\xa7:,\xaf\xdb\xfb\x85U\x91\xe64K\xea\x19\xa3 \xf9\xd2\x00X\x0f\xd7G\x8c\xcc'</t>
  </si>
  <si>
    <t>b'z\xfc\xac\xd4h\xf1\xab\x85xg&amp;)\x13\x12\xb7j\xe6\x0cQ\xa3\x1eQh\xec#\x92k\x99\xc1\x85B\x1d'</t>
  </si>
  <si>
    <t>b'\x03s\x87X\x84\xba\xa3\xe4\xcf\xaa{Mlj\x1f\x9c\xfb\x8d"\xa4Wo\x11\xac\xc1\xee\xcf\xe42\x99\x13C'</t>
  </si>
  <si>
    <t>Clear Debt Relief</t>
  </si>
  <si>
    <t>b'4\xa8mg\xaf\xfcL\xf9\x90hM\x97C&gt;$\xedC\x80U}J\xcc\xbd\xae\xa6\x07\x15]ZDW,'</t>
  </si>
  <si>
    <t>b'\x89\x01\x13u\xa3\xd08"d\xaa\x0b\x16\x0b\x18\xfb!jR_w\xe2N\xf9?\x92+n\x0b\xab\x07\x01V'</t>
  </si>
  <si>
    <t>b'\xe0\xc26\x17^\xe4\xbd,p\x0c\x99\xaf\xba\x89\xbb\xfc\x1b\xedB=\x1brG\x17L\xd9\xa3\x81.\xff\x0f\xa1'</t>
  </si>
  <si>
    <t>b'\xc6k\x08\x04\xbd\xdf\t\xd6HS\xdb\xe8\xcd:\xf1_$Z\xc2\x89\xf8e\xf3i\x89\xcc\xf1\xfd(\x90\xc4\x8e'</t>
  </si>
  <si>
    <t>b'\xde\xd9\x97\x1c\xac\x0b\x01\r\xdb}\xe9\xd8F\xd3\xc7.K\xc2V\x1f\x9f3g\x13\xd3\x99\xa1\xd0\xb0\xae\xdcD'</t>
  </si>
  <si>
    <t>b'.$\xfd\xa8\xbaO&amp;\xcex\xb3\x9d)/\xc9\xa3\x98\xae\xca\x0e\xcf\x03\xbe\x05\xbe\xe6 D\xe0N\xfe\xd9\x14'</t>
  </si>
  <si>
    <t>b'\xb3\x0fKq9\x821\xa0\x02*\xd7WQ5u\xe52\xa5\x8aB\x90g\xc4R\xfe\xdcL\xec\x84\xff\xc9\x9c'</t>
  </si>
  <si>
    <t>b'\n/C&amp;]\x94\x9f7\xdc\x1b\xcd$\\\xa3\n\x8af0\xb4\x1bA\x05\xbe\xdb\xd9\xdf\xa9\xefd5\xdb\xa5'</t>
  </si>
  <si>
    <t>b'\xc8\xa6\xe8\x83B\x97N\xcf\xf2\xf15}l\xc7\xed\xbf\xdap2\x89\x07\xfe\xfd\x8f\xae*\xbd5\xb8\xb6@\xc1'</t>
  </si>
  <si>
    <t>Consolidate Now</t>
  </si>
  <si>
    <t>b'\xcf\xdd\x9agh\x81\x8e\xd8\xfaq\xab\x98\xbe\xa9!\x80\x87\xb3\x91\x88\xa0j\xf2h\x1b\xb1h\x1b\xc3B\x82h'</t>
  </si>
  <si>
    <t>b'\x13\xc4\xe4\xae\xfc\xde\x93\xad\xa87\xa6\x92c\xb0A\x9e\xf0i\xf2\xa6#\x0e3\xd4K\xbc\xf4p0\xf8\xa5\xe3'</t>
  </si>
  <si>
    <t>debt reconstruction</t>
  </si>
  <si>
    <t>b'\xf1\xe6}r|-\xd8\x13N\x88\xc5\xbe\xd6\x01\xd7\xce\xbeJ\xb3\xdf\xb5\xb6\xcb7\xce9 c\x04\x8e\xfd\x91'</t>
  </si>
  <si>
    <t>My faster debt payment</t>
  </si>
  <si>
    <t>b'\xa4#\xa1\xc1}\xa2{\x94\x9c\xc9CZ\x0c\x81Y\x92D\xf6g\xf1\x9b\x11_\xff\x88x[\xe5\xbap\x85r'</t>
  </si>
  <si>
    <t>b'\xd9\xb7\xbc\xe6V\x8f\x19di\xc2\xac)I\x927\xceV\x12C\x97\x8f\xa4\xff\xe7]Wf\x82Ug^\xd9'</t>
  </si>
  <si>
    <t>b"\xf8,\x0b\xb6b\x82\x05\xd7\xda\x1c\xee,\xa96\x84\x88i\x84\x93\xc3W\xe9V\x10T\xe5\xbe\x8f\xdbM'\xee"</t>
  </si>
  <si>
    <t>b'?\xb9\xb2]\x90\xea`\x9e\x04\x1cu\xe6\x06\xfc\x1a\xcda\xa9\x08\xb0\xcb\x16\xcd\x00~\xf8\x87\xb3yG\x82\xa9'</t>
  </si>
  <si>
    <t>b'\x83o\xceJBR\x96RK\xf9t\x80\x1d\xe4\x7f#!\xf4\xd9_\xba\x167z\xaa\x0c\xc5\x17\xa5\x10\x99\xcf'</t>
  </si>
  <si>
    <t xml:space="preserve">loan consiladate </t>
  </si>
  <si>
    <t>b'\xf4P\x1e\xa3\xfd\xed\xd49\xaf@sD\xe5g\x83\x9d\xee\xe8\x02\xfe\xf6fC\xde\xb8V..B\xec\x99\xea'</t>
  </si>
  <si>
    <t>Back on track to success</t>
  </si>
  <si>
    <t>b'\x98/\xb9iT\xc7\xe4\x05\xbe\x89\ri\x9f\xb2\x1a\x08\xe0\xbf\xe7s\xc4\x1b&lt;\xe666\xce\x17H\x19\xfdR'</t>
  </si>
  <si>
    <t>Credit Card Debt Loan</t>
  </si>
  <si>
    <t>b"lj\xfb\xbb\xf2IA\x95\xfa\x91h\xf8\x82E\x0bpWM\x83gNKJ'\x10\xdag\xef\xa8\xb8\xf4\xfe"</t>
  </si>
  <si>
    <t>b'3\xa1ozl\x98fj\x91\xf8\xe6\x044[\x91\xb5\x13\x95p\x0eE\x83\x86\xba\xf3\x16&lt;&amp;\x9eK\xfd\xb6'</t>
  </si>
  <si>
    <t>b'\xa3\xec/\x86\x7f\x18\xfa:\xf3\xd7\xe5S8\xd9\xb51\x8b\x1cW \xbd\xaa"h\xf3$kK }o9'</t>
  </si>
  <si>
    <t>clear out accounts</t>
  </si>
  <si>
    <t>b'S\x80\xa5\x17\x8bAZ\xb9+\x87P);i\x12\xd0\xd1\xf6\x1a+\xea#$\xa9\xc7-G\xcb\xcfXCz'</t>
  </si>
  <si>
    <t>Discover Loan Refinance</t>
  </si>
  <si>
    <t>b"\x00 \x16\xb6u\xc8qp\xa4\xad\x82\xae\xe1\xda;E\x0cF@'\x1a\x94\x0e\xfc3\xa5\x16 \xc8\xe5{\xc7"</t>
  </si>
  <si>
    <t>b'\xee\xaa\x1c\xa6\xd1\x9e7\xa9\xe4Z;\x9f\xe9\xd4\x15\t\xd0\xfc|P\xc9\xe3\x93f\xf2\x9f#\x19\x19\xe7\xeaf'</t>
  </si>
  <si>
    <t>b'\x7f\xd0 \xdbA\xe6\x06\x89EoM\x1a\x1br\xa2\x90\x06Yk\xf2\xb92\xae\ty\xbf\x83b\xc9\xa8\xe4Y'</t>
  </si>
  <si>
    <t>b'\x1dM\x8480e\x88a\xdav\xd90\xbdF&gt;,\x96\xe9~\x80};\x06\xe6G\\.#\xe6i\x19\xeb'</t>
  </si>
  <si>
    <t>b'\xee\xffs\x1a4?\xf0\xd9f05\t\xbem/\xa1d\xb6\xc7\xa7=\x17\xacD\xaa\xeeWB\xd7\x95\x9c0'</t>
  </si>
  <si>
    <t>Short Term Car Loan</t>
  </si>
  <si>
    <t>b'6\xe6\xa8\x8a\xfeG\x855iSe\xe2T\xfc\x06\xde\xf9lQ_\x96\x8b\x18\xf8=\xd4\xce\xbb\x7fp\x83H'</t>
  </si>
  <si>
    <t>b'"\xb9yOO\x8c&lt;\xb8\x9d(\xcf\x8e\xc7\x07\xa5o\xb0(\xa9B\x1c\x0c\xe5\x06%)\xb2\xab\xa6I\x19\xf5'</t>
  </si>
  <si>
    <t>b'f\x1ag\xe7I\x18ob\xbe\xd3\xbf\xabPR\xbeCYf\x99\x84\xc5\xd1\xcc\xdf\xcc\x8e O&lt;J|.'</t>
  </si>
  <si>
    <t>Loan Consolidation!! Thank you!!</t>
  </si>
  <si>
    <t>b'q\xd2\x86\x05\xcfm*\xab\xf0@|W*\xc6)\xc9\xf4\xc4\x0c\x125\xe0\xa7\x8aQ\x02\x15\x8db&amp;\xf9\x96'</t>
  </si>
  <si>
    <t>debt consolidaton loan</t>
  </si>
  <si>
    <t>b'n\x967kw\xd5]\x8b\xcf\n\x9a\xbe\x19\xa7\x8c\xc8d\x01\x8a\xc2\xf4fC\x99q\x13B\xe0\x96\xfd\x12\xdd'</t>
  </si>
  <si>
    <t>LIFE IS EASIER</t>
  </si>
  <si>
    <t>b'\x9a\xe3Hyg\xb7\xb5J/^\xf0=\x1c\x06.\x00a\xb9\xae\x1b\x0e\xd4\xf4&lt;\xde\x966]oi l'</t>
  </si>
  <si>
    <t>b'`\xabH\xc9\xd9F\x83O\x1a\xb3J.\xee~\x14t\x97;Xh\xddtml\xfaZ\xd0V\xd3&amp;HC'</t>
  </si>
  <si>
    <t>help me stay sane</t>
  </si>
  <si>
    <t>b"J\xc9R\xac\xf1a\x845\x7f\x8c0\\'\xc1q\r\x1d/\xaf\xf1&amp;)\xbe\xd7:\xaf\xb4C\xd5\xa0\xc9\xaa"</t>
  </si>
  <si>
    <t>b'\xadA\xf7\x9c6=\x02\x8e{\x93\xf8\xa9\xa2Eb\xdf\x0c\xc7\xc2\x02\xc6Ub\xf3(w\xe4\x062\xc5\xc0\x8e'</t>
  </si>
  <si>
    <t>b'\xc8\x148\xe9\x7f\x1d\xf0h\xd7\xe1\xf8A\x18\x90\xa7\x04b\xe5\x1eJ\xb1\xeb\xb9\xd7\x9a\x11p\xd6\x89\xbc\xe6\xb4'</t>
  </si>
  <si>
    <t>b'0\xeb=h\xbc\xa1\xe4d\x1b\x11\x07mI\xaf\x93\x04\xba\xc3f\xcc@ i?\x8f\xcfa\xa3t\xec\xe6\xd0'</t>
  </si>
  <si>
    <t>Once and for All</t>
  </si>
  <si>
    <t>b'\xb6,\xcf\xc7|\xbd\xad4\xf8\x13J\xe4\x8fq\x88A\xbaa\x13\x86`\xb7\x8a\x83\xe7\x81\xc8\xd8\xde\x05S\\'</t>
  </si>
  <si>
    <t>b"\xc8L0\x0fr\x8e\x94\x0f\xe19\xcd\xcax'\x1eW;=\xdf\xc3Xn\xe3\x83\x0bu\xc0\x9bj\x12\xbf4"</t>
  </si>
  <si>
    <t>b'\xcd4C\x16\x0etRI\xa4\x92\xe9k\xad@T\xfc\x03&gt;f\xea\r\x8b\\~&lt;\xe7\xbb;\xaaW2.'</t>
  </si>
  <si>
    <t>b'\x99\x81i\xb4\xc8\x81\x9e\x9d\xb3\xa9\xc8\xb4\x80\xa92\xe7\xe5\xd1\xfb\xd0a\xaa\xfc\xf2$I\xdf\xc6m6u\x1e'</t>
  </si>
  <si>
    <t>b'\x9a;o\xea\xac\xaf\xaf&lt;)s\x8c\x19]\xd0\xe6\x18j\xf7\xf3\xc8\x13\xd0]\x1eY\xdbb\x1b\xa7o\xc7\xc1'</t>
  </si>
  <si>
    <t xml:space="preserve">Short Term Debt Consolidation </t>
  </si>
  <si>
    <t>b'\xb3\xe0\xb4\x92?\xfd\xeb\x85\xc6\xaf\x0b\x82\x86z\x90\xc6S\x02\x15\x84\x06\xf4\x00\xa6pmO\xb2\xb3\xb8\xe0\xe4'</t>
  </si>
  <si>
    <t>Never Missed a Payment</t>
  </si>
  <si>
    <t>b'\xe1\x12[\xea\xe4\xc89\xd7:&lt;/_#xmk\x1dD\x9dvJ \xfa{\xa0\xdc\xba$\x1c\x8a\xba\xd3'</t>
  </si>
  <si>
    <t>b"\x8c\x00\xbc\x9cQ0\x03\xf1_\x02\xee\xfa\x93\xa8\xbb\x98Lo\x9c\xb6x':\x879\r\x15\xc1\xe7 i\xbe"</t>
  </si>
  <si>
    <t>FRESH</t>
  </si>
  <si>
    <t>b'\x91\xac\xd5;g\xac]\xc0/$\x97VF\x1b\xcd[\xc1\xc1\xd8\\,\xdf[\xe9*u\x14\x0e\x8a\xd4-\x8d'</t>
  </si>
  <si>
    <t>b'\x06g\xbb\xb3\x05NS]\xd2\x0fh\x8e\x9b9\xf1\x0f\x16\xf7\x8dv\x81~,P\x90\xcd\x8c\x7f\xb1\xb1\xa3\xd4'</t>
  </si>
  <si>
    <t>b'j\x19\xdeAn\xe5\xf04\xc4d\xa4T|\xcb\x97\xd0\x10\x07\xc5\x97\xf0\xfe\x03$\x80\x04%\xedG\x1f\xa6\xf6'</t>
  </si>
  <si>
    <t>b'\xeb~\x91\xef\x8cj\xd9\x06c:?w\xb9y\xd8\xdd\xbb\x1e1\x85\xcc}\x8b\xc0t\x0f\x15j\x7f\xf12\x95'</t>
  </si>
  <si>
    <t>b'y\xb7;sE\xa5zZ\x03x\x10\xd4\x7f\x93\x98\x1b\x80\t\xcd\xf1\xd4\xa0\xc2\x0e\x07?j\xb7\x14\xe8\x0e\xbd'</t>
  </si>
  <si>
    <t>b'\xf4k$\xfd^\x95|\\\xee\xed&amp;\xcfl\xa4k\x1d\x98B\x19\x8d\x8f9\xde/\x122\xbc\x008\x8a\xab_'</t>
  </si>
  <si>
    <t>Brighter of Being Debt Free!</t>
  </si>
  <si>
    <t>b'\xf4\xa9.s\\\xdf\x9d\x05N9\x15\xac\xbd\x10n\n\xfb\x8e\x95\xe4]\x9f\xa2\xbd\xcb\xd7|&lt;\x0551\xb7'</t>
  </si>
  <si>
    <t>b'3\x86`\xf6&amp;\x0e\x19\x01\xb5M\xd0t\xa2\xab\xb7_\x95\xbd\xd2W\xfcl}\xa0\xceiW\xff\xa6\x16\xce\x03'</t>
  </si>
  <si>
    <t>Out of the Hole</t>
  </si>
  <si>
    <t>b'\x9f\x1b\xe7k\x8ax\x1d\xa4\x10z\xbacd\x8ak\x16\x021\x15NR\x18*}\x13d6\x99\xe2=\xca\x91'</t>
  </si>
  <si>
    <t>b'uo@\x173\x92aOp\xbf7\xeaC\x02&amp;\x8cy\xe5\x1c\xe1\xd8@Lg\xf5\x85\x04\x03[Fn\xbb'</t>
  </si>
  <si>
    <t>consolitation</t>
  </si>
  <si>
    <t>b"\x0e\x19i\xd5\x9e\xcd\xb7F\x97Y\x822yUr\xf8\x8c\xf4n\x92\xb1\xab'JqLv\xea)\x8c\x85Z"</t>
  </si>
  <si>
    <t>b'\x0fC\xe5\x13\xad\x13\xb0Yo\xd3\xf8Cm\xc3\xa8\xd3\x8e\x1cn\xee6\xe8\xeb\r\xc4Cc\xe1\x9c\x95\x81\xf1'</t>
  </si>
  <si>
    <t>b'\xcd9h\xc2\x0f\xe0\xdcB/dH\x1d\x1at\xa40\xe0\x83\x05\xd5\xe5/\x8fG\x9bs\xaa\x8d\xf4\xf2\x8d\xa1'</t>
  </si>
  <si>
    <t>b'0=8\x91I\xf1\x8a\xba"\xf62\x8f\xf76t\x98\x9a\xb0#\xce\x1ewT\xc4\x96\xddf\x85^X#,'</t>
  </si>
  <si>
    <t>Unexpected Debt</t>
  </si>
  <si>
    <t>b'_\xb5*F\xf5oX1[\x87\x11\x87\x9a\xcbO\xf4\x9c\xccB\x80?$\xbdO\x9f\tC|D\x9a82'</t>
  </si>
  <si>
    <t>no</t>
  </si>
  <si>
    <t>b'`\xb6\xe4\xf5\xc3K\x12\xd7\x9f\xe6Ij-\x0e\x16\x8a\xd9\xdaTC\xa7\x1f\x1dx\xaa\x1eF\xcc\xf9\x9a\xb5\x05'</t>
  </si>
  <si>
    <t>Weekend Getaway</t>
  </si>
  <si>
    <t>b'O\xc3\x83\x9a\xd9\xc3\xa7\xd5\xaa\x10~\x16\x0e\xabQ\xc8\x0e\x0c@\xb7e\x19x9\x8e\xf5Yg\x81\xdf2\xbb'</t>
  </si>
  <si>
    <t>b'~\xde\xef\xaa7\x8f@\xdc\xc34y\xf8@\xbe;?=YVB\xca\x9e\xd9~sm\xd5\xb4M\xd7\xcb\x8c'</t>
  </si>
  <si>
    <t>b'\xfe\xceX\xc4\xfdL\xe0\x9d\\c@:\x83SgK7\xd1l\xd2\x851\xc3c\xabK\x8c\xaf\xe7\xd6\xda&lt;'</t>
  </si>
  <si>
    <t>b'\x88\xb4\x1eL\xac\xf9\x00\x8a\xc3\xe3\xf0\xecR\x0b\xbf\xfd\x14\xee&lt;\xb5i\x1fq\xa7\x04O\x80\xc7\x05\xdas\xca'</t>
  </si>
  <si>
    <t>b'0|B|\n\x88\x95\xc1\x96\xe2#\xae\xb6\xa1\xd4\x1e\x8e\x06l\x00\x13\x12]\x8a\x87P\xb1!\xffVFL'</t>
  </si>
  <si>
    <t>Consolidate Remodel</t>
  </si>
  <si>
    <t>b'\xfaX\x0e\xec\xc5\xeb\xc1~w\xaa\x00\xce\x9a\x0f\xf6\xc5u\xb2\x11\xe9\x19\xc2\xf2\xd0i\xcd\x8ao\nL\xecJ'</t>
  </si>
  <si>
    <t>b'|\xa7J\xf3\x0f\x0e\xf7&gt;\x7f\xe6$\x08\xcaq\x82M\x19s\xda\x9a\xe7q\xd1:\xb6$R\xa6\xb1\x12\x85\xac'</t>
  </si>
  <si>
    <t>b'3\xafr\xb5w\xf6O\xf9O_s?\xa9L[\x19u\x04\xba\x0br\n\xaf\xfa\xaf\x1fjW\x05\xdfj\xf5'</t>
  </si>
  <si>
    <t>b'\xfa\xfd\x7f\xb62N\x06\xa8,\xdb\xb3\xda\x84\xb7\x07|\x94\xcfW\x8cx\xaa\xf8\xcf\xbcm\xc9\xdcuL\xef2'</t>
  </si>
  <si>
    <t>short tem loan</t>
  </si>
  <si>
    <t>b'M\xc3\xee\xe7\x1aD\xf9\xcd7\x0c}\x0e\xafW\xdc\x10\x9a\xa0\x8f\xd2\xba\xd3\xb0SN\x8e\xee@\x18\xa9\x94\xa5'</t>
  </si>
  <si>
    <t>b'\xa0\x9aL\x13\x14Zl\xf1C&lt;"LI\x1f9X8J\xb1v.\xb7=a\x17\xcc\xc38c\xb5\xf2 '</t>
  </si>
  <si>
    <t>b'\xd2\xa8\xa3\x07RP\xac\xbd\xff\xa1\x91U\xd8\x9b\x9f\x1d`\xc6\x87bM.-hd@\xee\x87\xb9\xbf\xf0\xf0'</t>
  </si>
  <si>
    <t>b'l\xa3o\xc2\xd9\xc4\x90\xb1\xc0\xcc^\xf8b#\xd1S%\xd6\x01H\xed\xea@z\xe7b\x8d\x11\xb6\xd4\xff\xca'</t>
  </si>
  <si>
    <t>Property Improvement</t>
  </si>
  <si>
    <t>b'\xd5\xed\xd8\xae\x9e\x04/OD\x83`r\x06\xa2\xdb\x9d\xe5\xe6t\x8f\xea\xedE\x7f\x8c\xce\xf0Z\xb4\x99\xb8\xe2'</t>
  </si>
  <si>
    <t>Debt help</t>
  </si>
  <si>
    <t>b'\n\xc5\xab\xfc\xa2\xbd\xc9\xe4,\x8a\xc6\xf4\x8c\xae\xdf[\xd9\xb0\xc7\xac?\x1b\x94\xdb\xedE\x1a\xe3,\x19\xb7V'</t>
  </si>
  <si>
    <t>b'+\x90R\xcfT\x1b\x13\xf2m]\x1a\xabX+\x02\x1c\xd79\x19Bi?\xf8\xaf\xa8.\xd3\x06\x81\x16\xe4\xd9'</t>
  </si>
  <si>
    <t>b"\xc89\xdc\x8b+u\x93V\x0fG\x83\xaa\x8aH\xa2\x1d`\x03\xf2eq\xf0\xb5'p\xa8\xf2\xc0\r\xec\x95\x84"</t>
  </si>
  <si>
    <t>b'J\x1c\xc1h\xc6P?\xf0I\xce\xdf!\x89+\xf2\x8a\xd3\xb9\xb6U\xc5\x83X\xd3}xN&amp;\xcb\xbc{\x9d'</t>
  </si>
  <si>
    <t>b'\x8b\x15\xff5\xd9h\xd3\xbd\xfe\x01\\\xc0\x00\xbd\xc6\xfa\xd9\xe5\x99j\xb6\x87\xdaP\x96-\x1e\x9a\x93\x15b\x12'</t>
  </si>
  <si>
    <t>Reduction</t>
  </si>
  <si>
    <t>b'`\x16\nN\x9e\x9f\x8c\xa1\x006\x85\xc3B\x94hH\xdaf\xcb\x18\x8a%i\xae\x9d\x9ad7F\xbc\xc5\xee'</t>
  </si>
  <si>
    <t>b'\x1c\xbb\x83U\xb0\xb0\xcf\xec\t\xf6\xe9w\xc2\xc5\x0b.\xae\t\xd5\x00\x9d%I\xcf\x8f\xc6\xd3\x80\x00\x18OL'</t>
  </si>
  <si>
    <t>Lowering Debt</t>
  </si>
  <si>
    <t>b'\xa2\xdcw\xe9\x0e\x0f\xf8\x0cy\xb6\x12\xeb\xd0\x9c2\xb92\x9b\x83\xc0\xe8a\x13e\xf1\x99\xc7L\xa3v~R'</t>
  </si>
  <si>
    <t>b"\r\xb5{\x8eQ(4\xd9\x8c8\xb3\xf4(\xf9\xc5pO&amp;4\xde/3w\x85\x86\xf5Dl'\x1fv\xd4"</t>
  </si>
  <si>
    <t>b"\x01\xe39\x8a7\xb5\xc1\xb5\xac'\xa3\x1b\x07C\x81\x95\xd6\xf5E\x08\xd8\x0cl\xd6\x14P6Q\xc6|\xd5\xc8"</t>
  </si>
  <si>
    <t>b'\x01\xb1\xe7\xc3\x07\xf8\xa9\xc0\xbe2\xb3E@\xb0\xc5`\xb3F\xdc\x08b\x05\xe1\x03`\xc9}B\xb6\xa5\xd5\xf2'</t>
  </si>
  <si>
    <t>b'#\xe2\xdb\xd6\x06\xbd\x1b\xb0_\xcc-\xc4\xca%J\xeb\x84\x87\x1a=\xc5\x7f\xe1%\x0f\xe9M\x16\xcf\xbaf3'</t>
  </si>
  <si>
    <t>MAJOR PURCHASE</t>
  </si>
  <si>
    <t>b'`+\x15\xd1N&gt;\xc6i\xc2sf\x1a\xe4\x83Bh\xd9$\xcdrh\xb1zz\xac\xeeX\xc6a\x96a)'</t>
  </si>
  <si>
    <t>Dbt consolidation</t>
  </si>
  <si>
    <t>b'\xef\x7fQ\xbd\x7fs\x1d+\x9e\x18\xb1\xd7\xc6\x96L\xfe\xc8\xd9\x86\xd3\xa8\x99d\x8b\x8f\xa4\xe4\xe2\x97\xa9~\xfa'</t>
  </si>
  <si>
    <t xml:space="preserve">Cleaning up </t>
  </si>
  <si>
    <t>b'uZ\xd2B\x8a\xc7\xa8\xbe\xd9^u\xa7\xed\x9d\x1b\xa9\xbeI\xe7\xbf+/\xf3KN_Ae\x03\xbe\t|'</t>
  </si>
  <si>
    <t>b"4\xebIkz'OG\xa6qu(m\xe92\xe5\xcc\xcfp\x7f@\x17n\x90\x08\xfcg\xd55\x8e\xaa\xbc"</t>
  </si>
  <si>
    <t>b'/\xed\xa1e\x8cQ\xe4\xc8Jrf\xaeK\x8f\x110\x16n{1\xd0\xed\xaaA\xd4\x87\xb1\xbb\xc2,n\xd2'</t>
  </si>
  <si>
    <t>b'\xe2\xdb6@\x9b}\xb0w=5j\x19\xd1\x82\xc6\xc2\x81\xb6\xfb\xc9h0\xf5\x81hXT\xbc\xfb\xf9\x9b\xea'</t>
  </si>
  <si>
    <t>Consolidation of Credit Card Debt</t>
  </si>
  <si>
    <t>b'q\xd9\x85\xb1\xb4\xcd\x86\r\x91\x92\xf1\xf45\xe1?\xcboF\xed\x9e_\xf5{\xc3\x1fw3\xa5\xc5\xb79)'</t>
  </si>
  <si>
    <t>iLoan</t>
  </si>
  <si>
    <t>b'r \xf8\xea\xc4\xbf\xf1\x92r\xef)\xb9\x94F\xb7\xc2\x81=\xf1f_\xe0\x12\xcf\xda\xa1\xe3g4\x8cBS'</t>
  </si>
  <si>
    <t>b'O\x9f\x7f!\r}Sm\x99\xf3\xd9\xab\x0f6\xef\xf2\xda\xdaZ\x07\xfa\x12\xe6\x9c\x95R\xe4\xa2|\x937H'</t>
  </si>
  <si>
    <t>b"\xd8$o\xe2\x07\xe8\xe2\xa1r\xe2\xc7\xe2Rom\x85\x8e'x\xa5\xc2&lt;)\xd9\xd4\x19\x1c\x18Q\xee\x1f\xa0"</t>
  </si>
  <si>
    <t>b'\x18\x8f\xe8fA\xe0\xd7\xa8y\x8a\xc7\xef\x17\xd9\x91\xb89C\x16o\x86=\x93\x17f\x08\x81v\xab\x1c\x1c\xb6'</t>
  </si>
  <si>
    <t>b'\x88L\xa5\x84=\xc1\x1f1\xb7\x01M\xa0\xf7\x98\xfey?\xeb\xaa\xcc\xa4\xc6,\xad\xacv\x9fZ{ \x927'</t>
  </si>
  <si>
    <t>PEACE OF MIND</t>
  </si>
  <si>
    <t>b'p\xaa\x898&lt;&amp;\xf0\xad\x01\x06\xc3\xa8\x98\xc6\xce\x8e\xf6/[s\xb2\n}\xbd\x82.\xe9\xb0\xb9?\xe1\xa8'</t>
  </si>
  <si>
    <t>b't\x10vP\xc1\xed\xb9\xac\x18\xd2\xab\xd6|\x82\x12\xcc\x83\xf2\x17\xc9\xac\x1d^\x06\xd2m\xa7\x96\xe0a\xee\x99'</t>
  </si>
  <si>
    <t>b'\xfdE{\xa6X\xbem\xff\xc9\x13\xc4\xde2\x03\xa7\xbe\x9f\x1ce\xad\xe2\xe7\xa0\x80\x81b\xdc\x190A\xbb\xe1'</t>
  </si>
  <si>
    <t>b'\xbb\xd4K\xf2d.%\xb6\xdcEO8\x1f\x19Q7d\x19\x83\xf2\x9f\x17\xa0{\xcar(1OG\xce\xfa'</t>
  </si>
  <si>
    <t>b'\xb6\x16\xec\xe9\x15\xa5\x9dId\xa0\x99TjH|e\xd6\xf5K\x08z{\x18\x12@\xb5&lt;\xab\xc4z\x17\xa7'</t>
  </si>
  <si>
    <t>RELOCATION</t>
  </si>
  <si>
    <t>b'\xeb\xd7\xc4\xab\x90h\xa2Gv?\xdee\xb7g\xff\x8c\xbf~\xf8\xb1/\xe5\x8b\x91e\xd1t\x94\x9dm\x07a'</t>
  </si>
  <si>
    <t>b'\xaf\x0bC\xd6\xceoD\x18"%%\xbb\x82"\xea?\xf1\xb7\xc5\x1d\xb2&amp;\xf3\xdd\xa77\xf4d\xc1"\xdf\xae'</t>
  </si>
  <si>
    <t>b'&amp;\xe6\x03\x8a\xa0\x88b|\xfdO\xd1\xd3u\xefp\xed\x07y\xb3\t_\xbef\xa6\x01\xc2j\xfd9\x96\xe7\xa6'</t>
  </si>
  <si>
    <t>MYBILLCONSOLIDATION</t>
  </si>
  <si>
    <t>b'\x94G\xc6\x95\x0b\xc9\x9cTe\xf7\x0e\xc8\x16\xe2\xa6\x87h6*%G:d\xba\xde\xb7\xb3\xfe\xf5{&lt;Z'</t>
  </si>
  <si>
    <t>Cards Payment</t>
  </si>
  <si>
    <t>b'\x14|\xf0&gt;\x92(\\\x80\xab\rq\xe4\xb1\xa5\x9f\x80\xb6L\xd8|\xc9\xd9\xa1\x15\xa7\xb0\x1c\r\xa6Mf\xab'</t>
  </si>
  <si>
    <t>hopeful</t>
  </si>
  <si>
    <t>b'\x82\xc1\xbc\\\x17\xb1G\xda\x14\xb0J\xf8R\xd7K\xf4X\xb1|\x13\x81\xb7\xb3\xec\xfc\xf2\xee\xb5\x83\xfe,\xa5'</t>
  </si>
  <si>
    <t>b'.\x9fs&gt;\x9c\x02\xdb\xa7D\r\xc0LZ\xf9\xf4\x11k\xa4\xd08\x15\x04\r\x15\x94n\x94\xbb\x17\xd2\x98\xba'</t>
  </si>
  <si>
    <t>b'F\x80q\xfd\x04\xa7&amp;\x8fdUG\xb5\xdc\x8f\xf6C!\x8a\x82\xd1\x9d\xa8%\xdcD\xf9/\x9dM\x1b\xc8\xcf'</t>
  </si>
  <si>
    <t>b'\x8a^\x02\xaa\\\xc6\xf0Ccs2\xce~\xe2\xee\xea\xacl\x8d\x08\x1a\x87\xc6\x18\xeb\xd7\xb7JhE\xa0\x99'</t>
  </si>
  <si>
    <t>b'7\xcd\xde{1\x9d\x16\xb7\xd9S\x1c\xc6\x9e9\xb3O\xdale\xcb\xbc\xa1SWOrl(~BV\n'</t>
  </si>
  <si>
    <t>b'\xe5LG\xe4\xd5\x81\x8d\xd4\xedNB\xe7\xc4uCc\xebb8h7\xa6{\x8f\xf4\x8e\xca\x83\x88\x87\x9a\xb0'</t>
  </si>
  <si>
    <t>b'6\x10K\xf5\xee\x88\x10=\x16R\xd6\xea\x15 \xd1\xe9\xce\x98\xdbw~WE\x86\tO\x8d\x10x\xe1\xf1\xb9'</t>
  </si>
  <si>
    <t>Debt Reduction &amp; Family Vacation</t>
  </si>
  <si>
    <t>b'Y\xe4\xab\xb8\xa5\xff\x94\xb8\x95w\x87\xea\x87\x16J\x1b\xe4\x82K!\xa7\x82\x19)q\x89\xff\x8e\x10\x1f\xdcB'</t>
  </si>
  <si>
    <t>b'\xd4\xae\x0c\x9f}\x82\xa0\xfb\xc0Vo\xcen\xcc\xa1K\xde\x04\x81\x8d\xae\xdfy\x9a\x10\xc7Wq\x88\x1dH\xf3'</t>
  </si>
  <si>
    <t>Just Once</t>
  </si>
  <si>
    <t>b'\xb3\xa3&gt;\x0e2\xd3;~PE\xc2\xd4\x15k?\xa5\x15\x83\xac\x84\xa8$\x1b\x86\xfe\x0cnf\x0cb}"'</t>
  </si>
  <si>
    <t>Home Improvement-Kitchen</t>
  </si>
  <si>
    <t>b'3\xf5@o]\xf2]\xec\x08\xa9G\x1bG\x96l\xb5\x93\xb5\xb0\x04\xbe:\xa9B\xedb\xc1Fh\x8f\x86/'</t>
  </si>
  <si>
    <t>b'\xb0\n\xf2+\xa9\xf8Ti\xfd\xdcm\xb5fo{\xe2\xc8\t\x86\x8b\x0e\x14\xa8\xfe\xc5Yh\x10\xcf\xcc\xac\xa3'</t>
  </si>
  <si>
    <t>Credit card wipe</t>
  </si>
  <si>
    <t>b"{5U\x1f\xed'\n\x03Ws\xb1\t6\x9a\x1e^}W\x8dj&gt;\x93\xa7\xd1\x14\x86\x81k\x06[\x03p"</t>
  </si>
  <si>
    <t>b'\xba9S\xc0S\x80\xb9NY\xf6~\xe3\xca#\xec\xf4\xe6\xee6\x7fD\xa8m\xacFt3?\x18,\x194'</t>
  </si>
  <si>
    <t>b'\xecSZa\x90\xd2\x98\xd5\xbd\x92h\xf9M9\xa6\xe5\x19\x9dU\x80N\xdd4.\x0c\xc1b\xa5I\xab\x0cy'</t>
  </si>
  <si>
    <t>b'\x9a\xb3@\xc9\xa1\xe4b\xd0\xd7\x98\x11(\xa6\x96\xfb\xc0K\x99\xcb\x03\xac\x10|\x98mp\xafYr\x97\x99\x85'</t>
  </si>
  <si>
    <t>b'C\xf3\xcbe3\x89n\x0c\x154=\x92\xc3\n)\x9a\x83bi\xb9\xb6\xe3\x1d\x7f\xba\\"\xf6b;\r\xbe'</t>
  </si>
  <si>
    <t>b'dp\xc5\xc3\x8b\x87\x1b\xee\x01=d\xbe\x9bm=\xef\xb6\xdf\n\xc5\x89\xaf\xa6\xcfo\x0e\xdbc\x9b\xef\xb6\xf1'</t>
  </si>
  <si>
    <t>b"\x8c^\x19\xc0\xc1\xda'\x1e\xe8I.\xcbdW\xd4\xbfC\xaf\xcc\xd5\x8c\x8d\xc0\xabf\xee[\xac\xd7$\x0e&gt;"</t>
  </si>
  <si>
    <t>New beginning</t>
  </si>
  <si>
    <t>b'4\xd8%\xd4\xd6\x07\xf0\xb3W\xcck\x13D \xc7\xe3\x81=)\x124\xe9\xbb^C\xa6\xe5\xa8\x1c\xa5o\x8c'</t>
  </si>
  <si>
    <t>b'\xd6\x05\xc0"\xdf0\x8e\xdd+Loe\xd0\xc5\x83\xe8k\xb4=Z\xc5\xe6\x87A\x9a7|E\x06\xdc\x02\\'</t>
  </si>
  <si>
    <t>b'\xd8\xabJ\xaf\xae6\xb4\xd7H\xb0\x87F\xe9\x8d\xcb"\xcd\x1dJMr\x82\xb0%\x8d\x98\x95\xe3ZJ\x81\xa2'</t>
  </si>
  <si>
    <t>Getting rid of my credit cards</t>
  </si>
  <si>
    <t>b'\x88wP\x9b`\xa44Y\xe49\xde\x03\x0cLZ\x92\x18\xb9\\\x18\x01\xdc\x8e`\x88u9\x80\x94\x0e $'</t>
  </si>
  <si>
    <t>b'\xa0\xebd\n\xbb\xb7\xcb7#+m\xd0\xd6=\xfa\x0e\xac\xbb\x9d1p\x18\xf2r\n\x9e\xb4]\n\xcaeI'</t>
  </si>
  <si>
    <t xml:space="preserve">Medical consolation </t>
  </si>
  <si>
    <t>b'`\xb5\xe2%\xac#&amp;d\xb2Xdk\r\xd0\x81\x18-\xd7\xf5\x88\xe2\xe8\xb4\rt\xafb\x90zcNw'</t>
  </si>
  <si>
    <t>CapOne</t>
  </si>
  <si>
    <t>b'vX\x9c$8\xaf?\x1ds=\x93\xe4\xc3\xdb\xbb\x8d:k\x96\xae\x04I\x05\x7fVB\xbf\x1d~T[\xe3'</t>
  </si>
  <si>
    <t>b'H41\x90\x14&gt;\x8c8\x89\xa8\x7f\xef\xd2\xfe\x9d"d\xa1)\xcdV\xb1gr$wm~\t\xab\xc3f'</t>
  </si>
  <si>
    <t>b'O#,\xf0\xb7r,(-O7=:\xcaM\xd4{\x0ej\x97w\xcf\xa1\x18=\xbbZ\xcc\x00\x9a^\xd1'</t>
  </si>
  <si>
    <t>b'\xac\xb3\xd8\x8a\xa5\xdf8\x81\xc1-\xfeF)\xb2\x9b|sw\xd6\xec\xfc\xdf\xf7nN\x1f+\xd2\xd0\t&amp;\x13'</t>
  </si>
  <si>
    <t>b'\re\xd8IHi68\x9bh\x9a\xef\xcc\x02\xf9\xadU\xb4\t\xc0\x88lv\xc8\x8f\xeb\x9b[\x9b\x07\xfe]'</t>
  </si>
  <si>
    <t>b'\xac\xfd\xab\xf5(\xee5\x1fBg\xcaA\x18_\xcc\xd9\xbc\xd4\x9e\xd8\x14\x85\x8d\x87\xab\x03T%C\x1e\x0b\x00'</t>
  </si>
  <si>
    <t>b"\xcc\xa5\xac\x9a\xcb\x9b'Bk\x06h\x00P~\x98\xcd\xf5\x90\x0c\xa0\xad\x91p8\xa8\xa4\xedzX\xe8\x0b\xa7"</t>
  </si>
  <si>
    <t>b'\xc6\xa1\xec%=V\xe7[\x17\x95\x8e\xca\xc0\xc7[\x19$\x10aq\xd7\xf8w\x05\x8b\xa1o&amp;\x16\xf6\x16@'</t>
  </si>
  <si>
    <t>b"\x00Yn\xc3N\xe3\xe9\x90r\xbe\xe8\xbbj\xa1I\xbaL\x8f'\xc9C\xde\xb3v\xa8\xe6\x13\xcd\x0f:\xc6{"</t>
  </si>
  <si>
    <t>b'\xbd@\xec\xec\xf6\x08/\xc9\xf4!I\xd04\x84\xda\xe7g\xd4W\x8b/u\xdb\xbf2\xc3\xe7\x7f\x03_\xbdc'</t>
  </si>
  <si>
    <t>b"s\xaa!6\x10\xb5\xc5\xbeR\xda\xb2Zl\x1c\xb5z \x80\xda\x85\xd9\x1b'\x0b\xf2\x06\xf5\xd7m\x82\x1a\xb1"</t>
  </si>
  <si>
    <t>b'&amp;\xc5\x80\xc5X\xa4\xc6\xb8\xe8BBb\xf0\xd5g\xc9\xda+\xe7\x03\x93N\xbdB\x82\xb6/W\x90\xdb\x05\xbb'</t>
  </si>
  <si>
    <t>b"\xb1\xa9-\xff\xf3\xddI\x8f%\x93\xb4\x9a\xa3\xb8\xa6p\x1fw\x1c\xb7\x92\x08\x0e'\xfd\x1c\xb5\xa0\x168OU"</t>
  </si>
  <si>
    <t>b'\xb5\x02Y\xcd\xaa\xfa\xb0\xb8\x85\xb5/\xc5A\xcb4\xb02D\xf6\x1e5\xb3\xb9"2\x9e\xe3 E]\xa9c'</t>
  </si>
  <si>
    <t>b"\xe2&amp;S\x98\x0e\x9aC}\xabWC'\x9f\xe6W\xe2\x16@\xbcR\xa2B\xd6\x94\xf7\xf4\xba\xccg\x9f\xf2\xb8"</t>
  </si>
  <si>
    <t>Thank You for Helping</t>
  </si>
  <si>
    <t>b'\x81Fs@\xc7?\x86+\xfa\x9c\xce\xb8\xeb\xf2\xf0&gt;\x8e6\xd7\xe26\xd2\xba\x05Z1\xcdy\x0e&gt;a\x10'</t>
  </si>
  <si>
    <t>ccrefi</t>
  </si>
  <si>
    <t>b"\n`i\xc2;,;\xd8;e\x04\xad2\x80\x04t!\x92\xdd^\x17\xa56\x91Ax\x19'\xfc\xd5\xb0\x8e"</t>
  </si>
  <si>
    <t>Refinancing a credit card</t>
  </si>
  <si>
    <t>b'\x9e\xa3S\x86;\xf59\n\xd5\xc4\x9b\xe8|\xb3\xc5\x93\xcao\xa1U\xc1\xc7\xf9&amp;\xe8\xf21\xee]\xf6\x0c\xf2'</t>
  </si>
  <si>
    <t>b'\x13\xf0%\xfd\xe5I\x10\x8en\x1d\xddQ]\xdc\x12\x0c\x8d\xda\xf5\x88r\xe1\xbcy\x91\xdc\xe5\xcc\xb4\xf0\xd2\x97'</t>
  </si>
  <si>
    <t>Furnish New Home</t>
  </si>
  <si>
    <t>b'-/A\x9e\x84\x8et\xaf3\xa2\x19\x89\x89\xc4\x0b\xb8\xff\xda\xcbm\x11xPW\xce\xef\x8f\r\xc5\x97\xac\xf9'</t>
  </si>
  <si>
    <t>Grown Up and Time to Pay off Debt!</t>
  </si>
  <si>
    <t>b'x{\xe3\xb2\x8bk\xbd\xc2C\x95\x97 \xf6\xe1/&gt;\x9a\xd28\xa7\x05\xca\x07\xdf\x8dV\x07t\xbf\xd3\xd0\xfb'</t>
  </si>
  <si>
    <t>Credit Card Loan Payment</t>
  </si>
  <si>
    <t>b'R\xf73n\x990\xfd[3\x8e\x94\x01\xdbZ\x95a\xd5-\xdd5P\x83P H@c\xb0\x04\x8cGy'</t>
  </si>
  <si>
    <t>Credit Card consolidate</t>
  </si>
  <si>
    <t>b'!\xb5S-\xf2\x02k\xcefr\x0c\x94\xc1\x9d\xb0^\xcd\x1e\xf6\xc5!\xae.v{(\xa1\xc3\xdb\xe2ds'</t>
  </si>
  <si>
    <t>b'\xf1\x868\xbb\x19`\x8a\xad8\xe5\x9f\xd4\xecE\xfd\x848J\x82U\xec\xfaL\xe4\xd2\xd4\xae/0\x80F&gt;'</t>
  </si>
  <si>
    <t>debt consolidtion</t>
  </si>
  <si>
    <t>b'\xef\xf3\xf9\xcbe\xc6\x9c\xbc\x91\x86\xa2\xe7\x1f\xa4\rI\xfb&lt;\xf7\xf9v\x89P\xb5\xa5W\x93C\xcdo\x8f\xb3'</t>
  </si>
  <si>
    <t>to pay personal stuff</t>
  </si>
  <si>
    <t>b'\xf99iD\x8e\xc9\xf8\x0f\xdd\xcf\x89\xc7\xeb\x0cq\x94\x9cV\xa6\xcb\x02\xd2T\x7fb\xfa\x18\xfeC?\xa0\x98'</t>
  </si>
  <si>
    <t>Be Debtless</t>
  </si>
  <si>
    <t>b'&lt;\tw\x90|RS\xda\xb98\x84\xfa\xae\x1d\xea\x96\x84\xbe\x13#\x9bq\x81\xed\xc9\xe4\x84\x11\xb2\xcf\x9ci'</t>
  </si>
  <si>
    <t>Pay debt</t>
  </si>
  <si>
    <t>b"\xd6\xac\x14J'\xd3\xcd \x0c\x18\xaf\x8f\xacS&amp;~\xca'\r!;0\x06:\x946\x14\xe8\x99)\xc5\x1e"</t>
  </si>
  <si>
    <t>b"h\xf9\xc2\x9b'9\xc6\x13\xb8\x8e\xe6WX\xc0\x87\x1b\x07\xcaa\xf8\x9b\xb6\xae\x1fKO\xb4\xdf \xe6\xd4\xd8"</t>
  </si>
  <si>
    <t>b'\x93ec\xee\xf8\xcaH\xa8*\xcfO\xdb\xee\xcawy\xc4\xbfe\xf5\xc1N7u\xa3\x80\xacc\x9b\xc0\x94\x85'</t>
  </si>
  <si>
    <t>Seeing the light at the end of tunnel</t>
  </si>
  <si>
    <t>b'\x92\xa9jY\x17\x9a3y\x82\x96\xb3\x98\xb0}\x08T\x94\xdb\xe4^\xe1Q\x8b\xab\x99\xb4\x9d\xaa\xf6\xd9\x9ae'</t>
  </si>
  <si>
    <t>b'\x12\xb8xs\x91t\x89-\x18f\xec?\x16\x88e\xeb%\xf6\x15;\xbc\x1c&amp;\xd6\x16@\xaf\xc1\x82\xe1\xb0\xa5'</t>
  </si>
  <si>
    <t>b'o\xbcce\x87\xc8d\x90\xe6\xf5\x81\xa7\xce\x86q;\x07\x81\x8e\xc0O\xebH\xfe\xc1\xa0\x89C\x82 \xe7\xa6'</t>
  </si>
  <si>
    <t>b'G\xc2\x00\xa1\xb1\x9b\xfb\xb5\x81\x897Y\xcb:E\x83\xca\n\xade\xec*k\xea\xf7\xb3\x97kY:\xf3\x0b'</t>
  </si>
  <si>
    <t>b'\xbff&lt;qd\x7f\xc3jk\x19\x9dL;8\xd9\t`\xe6\xff\xd7=\x1apO\xb3_\xa8\xb8=.\xf1@'</t>
  </si>
  <si>
    <t>b"\x8d\x96]u\xe9\x19t\x8c\x91\rg\x132n\xd4$}\xb9\t\xda\xfa'\xecL\x80\xa6+VJ!sp"</t>
  </si>
  <si>
    <t>b"EC\x9c\x85)'\x98\xe8\xe1yDB\xe3\xd8\x9f\x07E\x89\x0f\xdf\xea\xad\xf0\x92\xd8NB\xaa9l\xad\xa6"</t>
  </si>
  <si>
    <t>b"\x8c\xce\xcc]\x88\x86Pp\\\xbb5V\xad\xb0B\x83,\x11d\xff-\x16\xbd\x95\xba\xc7F\x83!\xad-'"</t>
  </si>
  <si>
    <t>b'$),\xe4\x91\x10k\xa8,\xa9\x8f\x8c9O8/\xf2\xfb\x86~\x08DZ?\xdfF\xfd\xefx?w\xd7'</t>
  </si>
  <si>
    <t>b'\x99|N\x1d\xe0\xfd\xaf[\t\xb7&amp;\xce!\xde\xed*\xdf\'\xea\xdb\x9d\xdc\xa5P\x95\x14-"\xc9\x7faL'</t>
  </si>
  <si>
    <t>b'Lg\xf8\x93\xf7\xef\xc0\x8c\xce\xa5\xc8\x98/P\x1dm\x93\x16\xac\x8a\xceB\x1c\x9db\x7f\xca\xc6\x81*\x83\xcc'</t>
  </si>
  <si>
    <t>b'\xfd\xe41\xa4\x94$\x12\x8cgc&amp;\xb3\xf5\xcd\xed\xa8\x83{t\xf7(\x0e|\x7fP\xa1\xfc\x86\xfa\xe4\xb3\x06'</t>
  </si>
  <si>
    <t>b'J\xf5zh\x81z\x8c\xc3\xef\xdd\xf0\x02]$p\x03\xf8f\x12AL|9a\xc5z\xdfwD\xb9\x1fF'</t>
  </si>
  <si>
    <t>b'M\x8a5\xdb\x92a\x96@\r,\xc5o\xd5\xa2\x8b\n\xa6\x85OF\x0e\xab\x03B\x94]\x12\x03\x93,1\x88'</t>
  </si>
  <si>
    <t>b'\x15l\x86\x95\x87\xa5@+\xf6\x91t\x05EF#\x17\xcf\xd9\xee\xfdEb\xb1}\xc5&lt;\x9f\xa9\xb3 \xb9\xe6'</t>
  </si>
  <si>
    <t>b'W\x1dR\xbd\xea\xc3P\xdc\xc5\xa3\x10j2\xfe\x92b\xd7\xb0~\x81\xf4R1\xfa\xfa?\x19\xb0V\x05\x90\x96'</t>
  </si>
  <si>
    <t>b'{^\r\xd9\xb5\x8d\x0f\xf7\x1e\xd5&gt;\xe8(\x03\x97D3\xceg\x91\xd7i\xc5\xb2!\x10O\xbe\x13\xee\xe7\x0f'</t>
  </si>
  <si>
    <t>b'\xaa0\x1dK\xf3"\x90\x98\xd8\xf0M\xe8(p6\x05\xa5\x8b\xcd\xa5\x8b\x9a\xb8zE\x95y\x94y\xe7\xa4\xe4'</t>
  </si>
  <si>
    <t>b'D\xc8N\x05c"\xba\xb9\xb0\x95:\xa5{\xbf\xb0\xb8\xa6\xc6\xc5]\x1b^&lt;m\xc2\x90\'$%YF+'</t>
  </si>
  <si>
    <t>Home Loan Improvement/ Debt Consolidatio</t>
  </si>
  <si>
    <t>b'\xa5\xc5y\xa0\xc4w\xf2\xa7\x8aM,\xa7\xf1g"\x11Y\xe4?i!\x02\x81\x824Z\xab\x18\x9e\xe4\xe6\xc9'</t>
  </si>
  <si>
    <t>consolidates</t>
  </si>
  <si>
    <t>b'}\xb7\xbc\x97\xf0\x7f\x8e\xf8\x88\x9e\n$M.\xbd\x05l\xf6bW\xea\x12\x1a\x9eJ;\xda\x88\x8a\x0e\xf2^'</t>
  </si>
  <si>
    <t>lower my payments</t>
  </si>
  <si>
    <t>b"P\x9f\xa3\x8b\xbe0GX\x11\xd0\xb8Q\x08\x90\xae\xfa!\x0c\x14\x8f(\xc5_\x96\xe8\xa9\xfd\x81'\xb5&amp;`"</t>
  </si>
  <si>
    <t>b'\xc1^\x184\xb5\x8d\x00K\xad\xe8]&lt;7\xfd\xfc\xec\xdcV\x13XQ-\xd5\xc7\x01g\xe3&gt;\x13\xa05S'</t>
  </si>
  <si>
    <t>b'\x97\x9b\x9f\xc4(us\xcd\xf7\xe1\xef9a\xf12\xe0s\x10\xd7\x98\xba\xd9^\xe1U [M\xb0\x1do\x06'</t>
  </si>
  <si>
    <t>b'\xd7\x89\xb7\x1f\xf5\xe2\xf0p\xf9\xfb\xabs\x02\xc6_2\xb2\x8b\xeaM\xf4z9\xbf\x9b\x86\xf8\xdb.\xa6\xdc7'</t>
  </si>
  <si>
    <t>b'\xc0\xa7M\xd9\xc0i\xe2\x02\xb8D\xf3U\x08\x80\n\xc1\x07@\x03\xc9\x0f\xc2DK\x00\xfa$\xdd\x95\x1ex\xea'</t>
  </si>
  <si>
    <t>b'\x1a\xf5\x9c\xb9M\x99P;\xf0Bxrl\xa2&amp;\xee\xfaq(\xc8\rk\x14\x96\x91\xd2*\x0f\xfd\xf0\x1c@'</t>
  </si>
  <si>
    <t>b'd\xa5\xcfrk&gt;\xd4+\t"\xea\xfa\xf6\x14\xf9\x06g\xa5\x91g\x0c\xdb+\x9c \xdd\xc2t\xaf\xe5W\x81'</t>
  </si>
  <si>
    <t>b'9\xc4\x84\x10\xc8\xcb\xf6/\x01~pF\xc8\x8b\xabx\x8c\x99qokwa\xbf\x9e~\x83r\x9f\x9b\x88o'</t>
  </si>
  <si>
    <t>Cleandebt</t>
  </si>
  <si>
    <t>b'd6|\xa8Q\x06\xd0#\xba\\\xee\n\xf3eY\xa0\xb9\xdf\x87\xd8D\xf7\xaa\xeda\xa7mD\x13\x92\xd2\x9a'</t>
  </si>
  <si>
    <t>b',\xcd.\x13X\xe5\xf8\xeb\xe2\xb6\xec\\3\x966\x81{\xa7i7e\xb9\x07&gt;k\x0bw\x15\xa9\xf3\xbe\x10'</t>
  </si>
  <si>
    <t>b"\x11\xd1\xb7Z\xb1\x16\x19\x18']\x9e=\xb8\xcc\xcf\xec\xc2\xcf~\xa3\x90H\xaf=\xe7\x8a\xb8\xe8\x82v\x1fZ"</t>
  </si>
  <si>
    <t>b'i\x1e:4\xf2\xab\xca\x81BYO\x02\x8f\xb7\xb9\x81\xf4q\xcfv\x17\x96\tO]na\xf7\xe2@\xf0\r'</t>
  </si>
  <si>
    <t>Paycard</t>
  </si>
  <si>
    <t>b"C\xc5\x86\x85\xf4M\xa1Zf\xdf\x00\xeced\xaf'Vx\x18\x82X\xcb]\x98\x15\x96\x0c@\xa2\xb3\xac;"</t>
  </si>
  <si>
    <t>b'=\x8cM\x02\xed%\x96HY\xa0\x9f\x17a\x9cg\x16{\xd4\x08=0X;%\xb2\xd6\x95\xf3_fY3'</t>
  </si>
  <si>
    <t>Cards-1</t>
  </si>
  <si>
    <t>b'\xb7D0lI\x0cS\x98\xaf\x95\xc3\xfax\xc3\xd87&gt;:r\xe7\xc57\xe4,\xd5\xd6M\xb3w\x99\xff\x87'</t>
  </si>
  <si>
    <t>b'{)&lt;.\xb7\xee\xa0\xa1\xd3\xa5\x848k3pi\xb69K0\xdczV\xd1\xb1x\xb0S\x05\xea\x1e\xa5'</t>
  </si>
  <si>
    <t>b'\x95\xaa\xc3o\x98B\x0f\xc51\xaf\xb8\xb8p\xdd\x9f \xce\xc8\x93\xb5\x1dH\xb8\xb9\xc0Q\x928f\xfb\x80\x02'</t>
  </si>
  <si>
    <t>b'\x1aB\x9f=r\xaeD\xca\x912\xaeSP\xaaQ\x0c\xcd\x8c\x17o.\x04\xb6\x7f=b.\xf0\x05G\xfbs'</t>
  </si>
  <si>
    <t>home  improvement</t>
  </si>
  <si>
    <t>b'\xf9\xd9w\xd4\xa4\xc2\x04&amp;Q\xc4\x88\x03\x19\x19e\xe1\\\xa5{i]J\xe8\xbe\xf3\xc1\xf4\xaa\xf1S\xfa\xf0'</t>
  </si>
  <si>
    <t>Boat</t>
  </si>
  <si>
    <t>b'\x95\x98\xe2\x80\x89\r\x83\x8a%\xe0\xca\x83\xaa\xbe\xd7\rAc\r**\xc0\\\xe9\xd7\xa2Y-\xfa\xdb\x0bU'</t>
  </si>
  <si>
    <t>b'"\xbc\xe0\xb40\xc0\x1f\xab\x89\x9c3\xff\x8f\r\xdd\xec8f\xeeF^\xeaa\xccE\x8a\x00\x1b\xbd\x9b\xd3:'</t>
  </si>
  <si>
    <t>b"bdMRr\xfe\xdar$l\xa7S\x86\xc5e\xf8\xe6\xd2\x88\xde'\x01\xf4\x98\xcf\x16\x86p\xbd\x06\xec\xc6"</t>
  </si>
  <si>
    <t>b'\xacc&gt;4\xf22\x13\xc3\x1b\xf5%\xeb\xafy\x92\xdd\x00\xac4W\xb7\xb6\x04\xc97\xc1\xda\xbf\x02Pw\x84'</t>
  </si>
  <si>
    <t>b'\xe9\xf9^l\xa6T\xd4\xe9\xb8\xef=\xa2\xc7\x03&lt;\x8e3\xfc7.\xc2.\xbd\xa0\xcc\xf4\x08\xef\x94\x15\xc3\x13'</t>
  </si>
  <si>
    <t>b'CQ=\xa6g%\xfbgF\x84\xfd\x88h\x03\xbe\xfe\x1bv\xf7*\x9aq8\xa7e7%\xfc@\xcb\xe9Q'</t>
  </si>
  <si>
    <t>b'i\xa7\x96\x1b\x02!\xdb\xe8C\r\x8d\xddm\x8b\xb04 \\\\\xda\x93-[\x10\xea\x83\xb4\xe6\xca\xa94\xc2'</t>
  </si>
  <si>
    <t>b'bTF\x87p\xb5\x1f\xfd\x83V\xbbe\x9eqq\xd5\xa9\x82z\xb0\x03\x84\x8d\xa7Cn\x89DI)\xb8\xbb'</t>
  </si>
  <si>
    <t>Be gone bills</t>
  </si>
  <si>
    <t>b'*\xa0&gt;\x1b\xc44\xee+\xb8\xf2\xd8P\x06F\x8f\xc8\xaeJ\xee\xbf9\xbf\xea\x9a\x90?\xbc\x97\x9a,\x10\xe4'</t>
  </si>
  <si>
    <t>b'\x8dS\xca\x1e:-~c\x05\xd8K\x8d\x10&amp;\x82\xdf}\xb7\x9c\xed^m=\x82\x18\x94\xa7\xdej\x97\xd2\xf4'</t>
  </si>
  <si>
    <t>b'\x9fY\xbeN\x8e\xa2\xaew\xa5\xca\xeca\xa8\xefJ\x06\xce\xc9\xcaH\xb6w\xa5\n{\x08\xe4[\xdbG=\xfa'</t>
  </si>
  <si>
    <t>b'\xadS\xf1\xcaG\xff\x8a\x19\x01}\xdf\t\x9c\xfb\x9d.\xc9IW\xd3)\xaa\xfd\x0e\xf5\x8bh\xc9\xd4\xdc\xd5\xc9'</t>
  </si>
  <si>
    <t>b"Xu\xb8\xfcn\xfeC\xe6\xc7_\xc3!\xf9\xae\xe4\xe2\xa9_\x92W\x0b\xc7\x1e\x0e\x92\xa1\xc3\xf0\xb9\xe6\xea'"</t>
  </si>
  <si>
    <t>Freedom come</t>
  </si>
  <si>
    <t>b'\xd4\r\xacjZ\xe5\xb8UE9P\xf5\xb2\xa6\xd8tf\xb0\xb8x&amp;\x92\x97\xc1\xe7\xdb\x10-\xa3\x03\x87)'</t>
  </si>
  <si>
    <t>b'&lt;r\x86C;m0b\xf4,@\xfaX\x7f)\xe5-OO\xf7\x9e\xc8\xf9\xc1\xab\xa9\xe6\x7fi(\x8a\xb5'</t>
  </si>
  <si>
    <t>Make you money verses Discover</t>
  </si>
  <si>
    <t>b'D\xd7\xff\x94\xde\xa4\x05\xb0\xd1\xd7\xab\xd1\x0e^dP\x9a\x97\xca"&amp;\xe6\xe2\xdf~\xe7\x7f\x93\x10\xf6n\x8c'</t>
  </si>
  <si>
    <t>Getting My Life Together</t>
  </si>
  <si>
    <t>b'\x84\xd1y\xf8\xce%\xfcd&gt;=\x89E%e\x90JN\x0f\xa9\x03G\x03\xa8B\x92\xc5_\x085LLZ'</t>
  </si>
  <si>
    <t>b"\x8b'\xe9\x12\ni~h\xfa\xb0\tqT\n\xfc\x8d\x15\xa3\x1a\xa0\xa5\xeb\x1f\x98\x1e\xd34\xcc\x8fn,^"</t>
  </si>
  <si>
    <t>CREDITCARDS</t>
  </si>
  <si>
    <t>b'\xafP5\x87\x1a|v\x86\xd06\xe0\xea\x16\xbfd\x88\xecj\xd3\xe2\xbe\xbc\x89E\x93\x0eT\xa4\x1bA!\x14'</t>
  </si>
  <si>
    <t>Flooring and Paint</t>
  </si>
  <si>
    <t>b'\x17\x9e\xd5\xc4N\xd7\x00\x1e\xcf9*$y=\xd8\xd6\x8f\x8d\x89KS\xc9\xe3\x1b\x142\x8f\xf8\x85z\x04H'</t>
  </si>
  <si>
    <t>b"v\xe64\xf1\xefvV\x8a\xed\xb4Xg:'\xa5\\CI\xfa\x8a\x8f=\x13\x8d\x99\xe1\xd2\xado\xf2\x11\xfc"</t>
  </si>
  <si>
    <t>b'n\xea7&gt;\xfb\xfc\x99\x96c\x86\xbc|\xa9\xc1}8\x8cE\xe5\x13\xae~n\xcc\xf3Y\xc61/+\x05\xcb'</t>
  </si>
  <si>
    <t xml:space="preserve">Credit Card Payment </t>
  </si>
  <si>
    <t>b"\xc48\x91\xe0':l\xbbQ\xe6\x0e\x04l\xa8\xb6\x83\x9b\x1axT\xc6\xfdo\x90\xe8]\xdfQm\x16\x11\xc8"</t>
  </si>
  <si>
    <t>b'\xb8\xf6\xa6(\xf33\x1e[\x08\xc5\xf0\x8co\x08\x0c\x1c\xe8\xef\xdaa\xcdv\xe7.N\x86#&lt;\xff*\xc8\xdc'</t>
  </si>
  <si>
    <t>b"\xa3\x90\x06\x9d\xe45\xe9\x9e\x92\xc9\xe0.x\x05\xa5\x01S\x11\xc8'\x0c\x80\xa4\x07r\x90\xa2\x80Uw\xc5\xf2"</t>
  </si>
  <si>
    <t>b"\x9e\x96\x80Z\xcee\x1dFu\xe2m\x19\xcf\xfbt}\xac\xf7\xd63\x8bm\xf6'\xda\xbc'?\x92\x16$`"</t>
  </si>
  <si>
    <t>Room to breath</t>
  </si>
  <si>
    <t>b'\xdd\x81 \xff\x17\xeb4`&gt;\x8aV\x07\xea\x1e*\xf3\xd6"\\\xeaS\xf7\x81\x8c\xe5\x9a\xebQ\x07\x9fa\x87'</t>
  </si>
  <si>
    <t>horse trailer to help rescue</t>
  </si>
  <si>
    <t>b'\xd9\xae\xa1\xc6jt\x10\xf4]\xf0\x9d\xd6\x0f\x9b\xe9\x9d(\x8f\xd2\xe4\xc0Ee\xd2\xaa\x8b\x1c(U\x85D\x93'</t>
  </si>
  <si>
    <t>b'\x05X\xe3\xb7%\xf2\xef\x8d\x07\xa0\xc8\xdc\xca\xb4\x95\xe0\xd2\xef\xa2\x036\x03i\xe9xL\xc2\xe1 R01'</t>
  </si>
  <si>
    <t>Save me money!</t>
  </si>
  <si>
    <t>b"\x9eC\xafK\xc6\xfdo\xc3\xba\x06\x18\xe1:\x0c]\xa3\xcb'Uj\x99\x14E3*\xd4\x9fo\xe6q\xadB"</t>
  </si>
  <si>
    <t>b'\xe8\x01&gt;\xae\x82g\x83\xfc/\xb7\xa7\xc0\xc5t)\xd0\xef;Z\xec\x11\xa9\xbdE-m\x14-=\x0f\x94\xf1'</t>
  </si>
  <si>
    <t>b'?1\xdb5\x95=\xf9@V\xd4G_\xc0\xca\xf0$\x93\x94\x8d\xc2\xb3\x9e\xde\x00\xffY\xd8w&amp;1C!'</t>
  </si>
  <si>
    <t>b'\xd0\x893ef\x94\xc4\x93\x87\xd7:\xefw\xe1\x83\xd3\xde\xb4\xaa1\xbc\t$\xf2\x89\xf8A\x94\xbdF\xee\xc1'</t>
  </si>
  <si>
    <t>b'\\_B#\xf6\x89y\x17\\1\xb7\t1\x00\xa1\xbc\x96\n\xf9\x1aFw\xb2?Z\x9f\x02\xc6\xe1:WK'</t>
  </si>
  <si>
    <t>b'&amp;\xa9\xf8\xa1\x0bb\x81\xd8\xdb\x00\xf9\xa9\xe2`F\xca=\xb9\xda\xb6\xf7=\x1f\xa2\xf4]a\x9b\xf0\x7f\x87\xfd'</t>
  </si>
  <si>
    <t>On the way to great credit</t>
  </si>
  <si>
    <t>b'\x12\x965G\x99\xb6\xbf\xec\x88dx-\x92\xdc\xe7\x93\x96\xa6\xfei\x7fXk\xf5\xf1\x91M\rC\xf6\xa4\xd3'</t>
  </si>
  <si>
    <t>fun fund</t>
  </si>
  <si>
    <t>b'\xd1a\x85z\x96\xb7\xe8`\xf9mi4\xd6Pr\xba\xdd:N\xb9\xffiB\xe0Ss\xbc\xd3\xee\xfa\xab5'</t>
  </si>
  <si>
    <t>Payoff One Main</t>
  </si>
  <si>
    <t>b'`\xe9GCBQK)\xc5\x82.C\xcb\x86P_\xf2*X\x9b\x8f\xaf2\xc3ju\xa9u\xfc\x11\x02('</t>
  </si>
  <si>
    <t>b'\x81\xd4`S\x14\xd6\xfcz6o\x85\x97\xd8s\xd49/\xae\xd9\xc05h\x06\xc52\x0c\xfb\xd5\x01&lt;h&gt;'</t>
  </si>
  <si>
    <t>b'H\x85\xaa\x15Z\xe5e\xc5[\xce\xfak\x8az\xd2*C\x97\xfe\xb4\xe2\xaef\\g\x18\xec;\xa2\xe9\xd6\xf3'</t>
  </si>
  <si>
    <t>reduce my debt</t>
  </si>
  <si>
    <t>b"\xd32q\x89.2\x81*\x107\x17\xfe\x8cS\x10\x18\xf0r\x00\xa0\xdf!\xe2SP\xee*\xe5'\xdc\x1f&amp;"</t>
  </si>
  <si>
    <t>b'\x81RU\xaa\x88\xa8?\xd8Q6C\xcf\x8b\x85L\x9d\x98&lt;\x1a\xc0\x86p{N\x9a\r\xdd\x850\x0fV\\'</t>
  </si>
  <si>
    <t>b'\x90\xc1-\x10[\x98.Y\xcay\xb9s\x1c\xf1X\xf3\xfd\\\x05\xd2\xa1\xbc\x10\x9f\xe4\xfc]"\xfak\xf5\xd6'</t>
  </si>
  <si>
    <t>b'\x8c\x1a\xaaD\xac\x01\xabv`\xaaQ\x1e\x80)\x14\xf5\x94\xd2\xcb\xe2\x19\x96\xc7m\xd6\xb7p\xff\\w\x88\x1b'</t>
  </si>
  <si>
    <t>Quality</t>
  </si>
  <si>
    <t>b'\xdb\x98U\x9bZ\x11%\xf5\x12Zy\x9b\xb7\xe1\x88\xbc\x12\xe4\x1b\x1a\xdb\xef\xd2-&amp;\x01\x8f|o\x9f\x03\xcf'</t>
  </si>
  <si>
    <t>b'\x93\xec\xffQ\x13T \xe5\x96O\xe5\xe3`\xe2\xeb,\x86\x0br\xce\x081\x130\xc2`\xdf8\xde\x15\xeb\xc2'</t>
  </si>
  <si>
    <t>b"\\\xd8\xb6e\xb4\x9c\xca\xb4\xcd\xff\xdad\xa6\xc8\xe9\xb1\xbe'\xb5g\xc6\xb3\x0b\xdbH9S\x16\x0bY=\t"</t>
  </si>
  <si>
    <t>Credit Card Consolidateion</t>
  </si>
  <si>
    <t>b'\xe1\xc9\x14F\x8ca\xb2P\x80\x82\xb3\xfc\x15\x17\xbf\r\x00\xaca\xd8\x82S\xcb\xb9UA\x94\xaf\xd6\xe0f\xf8'</t>
  </si>
  <si>
    <t>b'\xba\xa2\xa5\xe7\x08\xe1\x9ad\xf7\x9a\x0f\xff\xd4\xfd\xc7x\xd4`17!\xeb=\xe4\xfa\x92\x1d\x9e\xb4p\xcb\xcd'</t>
  </si>
  <si>
    <t>b'\xcdY\xe485\xfa\xdbD\x92\xd9\xf0d\x8c&lt;\xe7\x88\xa3t\n\xe7\x19\x03\xf0\xad\xe9\x84\xb5\xea\xa6%\x84E'</t>
  </si>
  <si>
    <t>Clear Credit</t>
  </si>
  <si>
    <t>b'\x83R\xd8 \xd45\x1c\xbc\xf6\xa1\x84h\xa1\x8c\xc00\xf7\xfa\xfb\xf3\x9bk\x9e\xe8e\xc6\x8fc\xcb{\xdd\xb1'</t>
  </si>
  <si>
    <t>b'\x89Y\xc7\xa3\xb6\xcd\xeb\xf3\xfd\xfd\xfc\xb9^\xf5\x97\xa3\xb5\x03Z\x9f\x1e\nv\xa1\x9eLg\xfe\x92\xed\x93D'</t>
  </si>
  <si>
    <t>b'\xac\x0e\xbc\xb90\xbd\x9eE\xdec\xd7\xd4"\x85\x1agW\x90\xf8\x99\x82\xeaK\xb5\x93\x98\xd7\xdd$\xf8e\xc6'</t>
  </si>
  <si>
    <t>High Interest Credit Card Refinance</t>
  </si>
  <si>
    <t>b'\xa9\xa8\xd5\x8e\xe9\xd0\x1cX0\xd7F\xe5\xc5\xa2\xf93\x18L\xa8\xdc\x14\xc1c\xd1m-\x9b\x8b?y)Y'</t>
  </si>
  <si>
    <t>b"\xa4\xfa\xcb\x93.\xdd\x14\x96\xe2nd\xcc~\xc0B\xfb\x03\n\x9f[:'\xec\xb7\x1c\xd6w\x9311\xf7\x1f"</t>
  </si>
  <si>
    <t>b'\xef+Z\xcb\xe1S\x04\x98\xac+\xb3\xbd\n\xcf2\xa8eK\xf4\xb5\xaf\x9c@\xea\x17\x92\xbebV\x89`\x93'</t>
  </si>
  <si>
    <t>b'\x01\xee\xa6\xe5\xb1\xe8\xc0\xa0}\x1d\xfd}\xb9\x9e\xc5\x07J\xa0:\x0b\xdcx\xdb\xedG\xa9+y\x03;\xb5\x82'</t>
  </si>
  <si>
    <t>b"\x9c\x03\xd9\xfb\xefJ?\xe3\xf4$0RZ!3\xad\xc7\xb6\x1dQ\x9e\xc5an\x91\x89Q\x11\xc9IL'"</t>
  </si>
  <si>
    <t>b'\x8f\xa7\xb7CKi_{\xa2W\\B\x90\x93\x05^\xf5&gt;5?\x99\x90\xdb\xa7\xdb\xb0.!\xf3\x14\x88\xe0'</t>
  </si>
  <si>
    <t>b'\xc8\x81^a\xad\xfa\xff\xcf$\xee\xed?\xf6\xe1\x8bd\x14\x01\xb2\xef\x01\n\x9e\x17\xad*\xdc\x10\x9d\x9e\xa70'</t>
  </si>
  <si>
    <t>b'\xffG\n+\xfa\x1f\xb9\xb2\x95\xc4\x1c\xfb&gt;J\\\xdb\xf5\xfa\x90*j\xc2 oX\x95\xa2+\x98%\x93\x13'</t>
  </si>
  <si>
    <t>b'KM\xde*\x04\x99\xee\x9bo\x0ff5\xb0e\x80\xd8l g\xc9\xd4\xc3\xc2\xda\xb2%j\x1fH\xcf\x1a8'</t>
  </si>
  <si>
    <t>b"M\x84}\xa4|`\xedixj\x04\xeb;\x043\xcb'\xde#\x14&gt;j \xc2\xc7K\xb9\x01\x1f\xcb?\x84"</t>
  </si>
  <si>
    <t>Consolidate it.</t>
  </si>
  <si>
    <t>b'\xb7\x85\xac\xeb\x87vy\xad\xe5\xcb\xbb\xb0\xa2:\xcf\x1f\xf8\x87\xe8\xef\xc8\xf6\x92V\xf1yV\xd1\x8d\xb1|`'</t>
  </si>
  <si>
    <t>b'X\x9e\xe8\xae=%_?\x9fJ\xbf\xc6/\x81\xf4R\x8fv\x99\x8c\x17\x1c\xab\xb0d\xe1\x1e\t\xa3?|\xda'</t>
  </si>
  <si>
    <t>final credit card</t>
  </si>
  <si>
    <t>b'\xa6Ag0\xbd\xb7\x8c\xae\xc2\x0c\x84\x0f\x05h2\xe7\xeb\xb3\x85ka\xbe\\\x0c\xb4ob\xa9\xdc\xbf6:'</t>
  </si>
  <si>
    <t>b'\x92\x10\xfa\xd9\x8f\xb3\x1f/\xbe\xf6a\xbc\xc6\xc7\xbb\xa9\xd3\xd4\x928\x8efv\xb5S\xbbt\xd7SFU_'</t>
  </si>
  <si>
    <t>b"c\xc3\x0e\x15p\xe1j\xc8\xee\x9a\x9bc\xf9\x8c\xbe\xd7-O\x171\xebh\xfc\xbb\xfe@!\x93n}\xc6'"</t>
  </si>
  <si>
    <t>b'\xd8\xedf\xcb\xb7 \x8e\xe1\xd0\x12\xfcb)\x83\x85\xa6}\xec\x1f\xe6\xec\x06^\x85\x99\xd7\x95\xbf\xa6"\xda\xb0'</t>
  </si>
  <si>
    <t>b'\xdbY#Q\xb0\xc3h]6\xdc]\xbdI\x08\xd0\xb6Fm\xe0\xe9\x89\x80cz\xc2\x8e\x00\x7f[a\xe7m'</t>
  </si>
  <si>
    <t>Grad Expense Consolidation Loan</t>
  </si>
  <si>
    <t>b"\xaf^&lt;\xfd\xf9\x97\xe0\x0c)u\x91q\x0c'\xedmi\xbc\xfau\xc1\x93\xbaH'\x07.\xd1\x03'\x1a\xf0"</t>
  </si>
  <si>
    <t>b'\xa9\x80b\x9b\x93\x0f\xf3\xe5\x1dt$ \xa5\xcf\xa9\x10\x89\xae\xa0\x19\xb5\x11\x98\xbbQ\x83:Q\xc0s\x8d\xa3'</t>
  </si>
  <si>
    <t>b'reY(,!=\x13\xae\x12^&gt;g\xf2 \x01\x97C\xfb\x7f\xc4e\xcc\xa8\xd4\xd6\x85\xa9i\x0fh\xfe'</t>
  </si>
  <si>
    <t>b'~F\xa9H\x01.\xaf\x1e\xa9\x9b!\n\xcd\xfd5R\xac{\xdcp\xa4\x0e9Gxwh_\x816\x9f\xc2'</t>
  </si>
  <si>
    <t>Billsbegone</t>
  </si>
  <si>
    <t>b']\xf2jbs/xn\x800\xa1z\x8d\xf6\xe6\xd7\xa194F\xc7\xe8\xd3\xcf;fS\xd0[\x06\x19\xef'</t>
  </si>
  <si>
    <t>b'\xb9\x167\xe0&lt;6\xad\xcc\xb0\xa68\x9a%\xd2\xcf\xf5j\xae\x91\xce\xd0\xca\xd7\xec_\xae\xdf\xb7\xe7\xba\xdf\x01'</t>
  </si>
  <si>
    <t>b'mx\xac\x9c\xfdX4\x8c{\x00R\xca3p\x91\x15NGd\xb6;\xb5%g\xea\x7f!#ChJ\xe6'</t>
  </si>
  <si>
    <t>b'V\xae\x85\xd3q\xfb\x91[\xca+\x01\xdf\x8c\xa9\xcf\x874/\x9dO\x00\xca\x06\xdc\xd30\x99H\x9e\xe3\xdb\xe1'</t>
  </si>
  <si>
    <t>PAY LOANS</t>
  </si>
  <si>
    <t>b"\xc9\xa4\xecX\xcf\xa1\xf1j\t\xe9\x0f\xdf`\x03\xf09\xc9\xb5\xed=\xaa\xbd^\x9e\x88\xd1\xcd'\xad\xe1C\xae"</t>
  </si>
  <si>
    <t>b'K\x99\x99Xlv5\n\xe1\xd6\xa9\x18\xe7\xa6(V\x80\xd9\x86P\xf9\xa3\x0f\xcd1.\xdd.N\xc3\x95S'</t>
  </si>
  <si>
    <t>b';\xe12\xe1\xb6\x87^\x8f\n0\xd3Z\xa2*o\x18?"q\xedM\x9c\xac\xe3\xe3\xa2\xb5o[\x0b\xc5\x8e'</t>
  </si>
  <si>
    <t>b'\x93\x96\xc7\xb6-$U\xe0\xf4\xde\xbe0\x8c\xa3\n\x9ev8c)\xe9\x88vz\t\xdd\x85\xc01\xef\rE'</t>
  </si>
  <si>
    <t>get this paid off</t>
  </si>
  <si>
    <t>b'0\x18\xfdkmQ\x1dY|\xbc\x7f\x8f\x9c:\xddr\xff\xa0Cp\xf6\x11\xbf\x9d\x9b\xbc\x0cs\xb2\xfb\xbd\xeb'</t>
  </si>
  <si>
    <t>car paydown</t>
  </si>
  <si>
    <t>b'\xed:\xb4$\x1a\xa3\xf8n\xbe\xb7\xda\xb5@\x8f\x04\t\x8b\xd0v\xdcl\x11\xd8\xfb\xe0\x85\xea\x02\xf8\xd8\xb4\xc2'</t>
  </si>
  <si>
    <t>Want one payment a month</t>
  </si>
  <si>
    <t>b't\xc0(%\x8c\xb9)\xcd\x84\xdb\xddrF\x8dng^\xf4\xcb\x12]B8\xfb\xb2\x9f\xf6&gt;\x8e\xd0\xefu'</t>
  </si>
  <si>
    <t>b'Z6\xec\xc9o3e\x001E\xc3a`k\xd7\xbd\xca\xd5\x87 8\xde\xc8H\xc1\x1f\xf1\x96\x1f\x92P\xc0'</t>
  </si>
  <si>
    <t>land loan</t>
  </si>
  <si>
    <t>b'r\xe7%^\x1f\xff\\\xe3\xa56\x13\xbe.n\xf1&amp;\xb4\x96n\xb0\x91\tZ\x8f(\xd7&amp;\xd1V\xb2\xf7\xc5'</t>
  </si>
  <si>
    <t>b'.\xee\xe5\xdcvJ\x9eQ\xb9r\xbd\xfc)\xd3\xf7\x83b\xb0\x8f\x99H\xa3cA\xe9H\xa0\xd5\x87JJ\x8c'</t>
  </si>
  <si>
    <t>b'+\xedv\x06\x94\xe3%\xd8\xf3P,\xad\xdb\xaejX.\xa7\xe9\xf6\xbbG\xf4\xf4"\xaf\x8e\n\x8dD}J'</t>
  </si>
  <si>
    <t>b'\xa9T\xc7G\xfe\x92L\xc0\xf9\x0f\x05\xa9\xcb\xb6\x01Q\x92rr\x89\x8a\xa8\xe4\xfc\x12X\xce\xc3\xba\x17\xd4\xb5'</t>
  </si>
  <si>
    <t>b'qJ#\x06\xca\xc1\xadH$i\xaev\x9c\xd2\xadW\x14\x1d\xfauL8\t\xe8\x13\xb3\xfb\xf1\xef\x05\xb0]'</t>
  </si>
  <si>
    <t>saving number</t>
  </si>
  <si>
    <t>b'\x9di\xc5AxiL\x88\x8f\x87G\xe3=\xc3\x1dt\xb2\xd1\xc4-9\xdf\xde!c\xf7\xac\x05\xf9\xd3\x82\x13'</t>
  </si>
  <si>
    <t>b'63\xc6c\xab\x98@\x94\xdb0\xa7J\xf3B\x01\xb2\xea\x9dIz&gt;+8\xear\x03\xb8d\xedX\x8c\x0f'</t>
  </si>
  <si>
    <t>b'F\xd9+\xfc\xf6Y\xdbX\xf4 ?\xe2\x81.\x93/\xf5\\\xf9\xb4\xb6b\xd7\xa4\xd8\xa1}\x96\xd7\x0b\xf4l'</t>
  </si>
  <si>
    <t>Consolidation Debt Free</t>
  </si>
  <si>
    <t>b'\x94z\xeb7\xdbOg\xe1\x1e\xa1M&lt;V\x97\xf4AI\xc2\\\xbc(\r\xe9\x8c\xdc\xe8\x8fd\xbcLV\xcc'</t>
  </si>
  <si>
    <t>b'\x19\x15P\xc7\xc5\xe5C\xf1\xe55\x07\x9e\xe79\x8fU\x84\x16\xf7J;\xc6\xc5SE:\xc9\x89\x91[\xcf\xed'</t>
  </si>
  <si>
    <t>b'\xd0\xb4@\xadz\x0fQ\x8e\x04/\xeb\x01&gt;\xcd\xf1\x9c\xca\x91\x1b\xf3\xd3m$\xbfVj~\xc8CO\x18\xd2'</t>
  </si>
  <si>
    <t>b"\xf3\x9d\xd0\xce*\xe1!4#*\xf7\xe2\r\x1eP-&gt;\x1f\xce\xc61\x02\xc4'\xd0\x01S\xa6\x07E\xf9\x17"</t>
  </si>
  <si>
    <t>consolidating loan</t>
  </si>
  <si>
    <t>b'\x0e\xd8"\xaa\xe8\xc2\xf8\xdf\xecH,\xc0|\xeb\xb4\xd6_\x916\x8f\xef\xd2\xc4B\x10.-\x11\xec\x87p\x8e'</t>
  </si>
  <si>
    <t>b']\xc3\xd6\x9bV"k\xaf\x93\xc7\xd2)q\x91P\xeb5\xc5\x00\xdf$\x1b\x95\x11q9\xe0[\xb1C\xeeK'</t>
  </si>
  <si>
    <t>b'\xa0^\xf1\xbfq"\x00f\xa4&gt;\xee\xbe\xea\xac\xa6\xcb\xaeP\x99?!\xbdI#\xdc\xa7\xb6y\xd9\\\x17&amp;'</t>
  </si>
  <si>
    <t>b'.8s\xa5\xfd\xf7\xf1\xc4Jf\x8f$t 9\x83SN\xb2\xfd\x7f\x1aa\taP.O\x8ai\xbfx'</t>
  </si>
  <si>
    <t>b'\xd3\xa1V\xfc\x1b\xff\xe6k\xb83\x9f*l\x13\x94\x12Nw6\xbb/p\x8b\xe4m\x10\x14\xec\xe3L\x924'</t>
  </si>
  <si>
    <t>unique</t>
  </si>
  <si>
    <t>b'\xb0\xdbKg\xa2\x89\xb8\x0f\x18]\x88\x1cLD\x8c$\x0e5L\x8f\x19\xcdH\x0e\xbd\xa3\xbb\xeb\xc6\xe5\x11\xd1'</t>
  </si>
  <si>
    <t>b'\x83ay\xb8\x9ax\xabe\xed\xc40e1\xbfL\xd2\xd7\xf5\xb9\x93\xc0\xc0\xf9\xd0\xa2Wuo\xfeP\x8d{'</t>
  </si>
  <si>
    <t>b'a\xbdba\xbco\xc5\x19\x12\x82\x94\xe8\xe3RN\\l`\x0b\xdeH\xc7\xe7\xe6\xd4\xfa\xeddB\xf1\xaf\x10'</t>
  </si>
  <si>
    <t>b"\xd46\x8b\n\xf1\x97x\xe1\xc3K\xddq\xcf\x84\x1e&amp;\xde\x85|c'\x1b\xaf/\x88\t\x9c\xa8?{PZ"</t>
  </si>
  <si>
    <t>b'\x8d\x01\x18\xba=\xde\xae\x94\x89\xd1\x0f\xe0\xe7\xe9\xebQ\xbei\x1e\x8d\xfa\xdboA\x18k\xc7wTq\x95\x99'</t>
  </si>
  <si>
    <t>b'\x03{\xa0\x7f+wf/\xecM\x977\x9b\xcdZv\x08\x1ex\xac&gt;;\x90\xd6\xc2\xb5\x99X\x1e\x8f\xed\x18'</t>
  </si>
  <si>
    <t>b"C'\xc3%\x9e\x0f\xc0\xf5H\x98\xc0n\x11\xd1\x08)\xed\xc19d\xef{s\xa9&lt;I[\xe9\xca:\x90\xe9"</t>
  </si>
  <si>
    <t>b'\xffm\xfa\x12\xbd\x07\xf7`\xfa\x8a\xfadP^P\xf9\xbb/g\xcc+\x17\x836y\x82x\x12\x18\xefa\x87'</t>
  </si>
  <si>
    <t>b'\xde\x89\xcb\x04\x8b!c\xeeO::\x1c\x9e\xc4\xbf\x90\xd8\xefk0\xc7h\xaa\xdf\xf8\xa5\xad\x83\x9ej\xfd\xe0'</t>
  </si>
  <si>
    <t>b'\xe4eN\n(&amp;9\x04\xe7i\xaa\xf4\x90i\xfc\xb9\x93\xf7\x12\xe3&gt;~\x87\x1d\xe8\x19\x83\xa2\x8e\x7f\t~'</t>
  </si>
  <si>
    <t>b'\x13f*k/\x0e\xebIJRx\xae3\xf0D\x0e\xe4\x90\xde\xfe\x81v\xb9\xc9Z_\x95\x8a\xb9:G\x10'</t>
  </si>
  <si>
    <t>b"'$\xc7Wh\x0ex\xd5\x918\xf9\xd5\xc6a\xff\xb1\xa9\x8f\xe1\xee\xecN\xf6\x84\xc2\xcb\x81\xca\x04V\xd1D"</t>
  </si>
  <si>
    <t>b'\x1f\x89\xaam\xde\x95(\x99\xa6QM\xd5N\x971\xa5\xf6`\x9e\xf4UW\xdd\x08\x8a\xc1Q\xb0\xbb\x937\x99'</t>
  </si>
  <si>
    <t>Paying off debt</t>
  </si>
  <si>
    <t>b'\xa7\x86]]\x14\x868I^\xfc&gt;\xab+\tk\xde!\xc6N\xe3\xc1\xea\xc2cV/\xd3\x1f\x11\x0b\x0eQ'</t>
  </si>
  <si>
    <t>b'w\x86\x9d\x8fAG\xfbxm\x045\xf7\xe5\xc8\xdc,t\x0c\x8en3\x1f\x9c\xeb8\xc06*\xe2\xc0\x8f\xcc'</t>
  </si>
  <si>
    <t>live safer</t>
  </si>
  <si>
    <t>b'\xa0p\x1f\x10\xa0|\xef@P\xb6\x9f\x1d7\xce\xc3\x1e\x90\x8a\x1aB\xcd]\xf2\x1a\x04\xe5\xa3\xc5\xb7\xa8\xa6\xe9'</t>
  </si>
  <si>
    <t xml:space="preserve">Debt loan </t>
  </si>
  <si>
    <t>b'\x8f\xa2`\x125\x81\xff\xd6I\xbe\x0c\xe3\x9d\xfc&lt;Yic\x92\xdc\x1bADXR\xfd\x9a\xd9\x01i\xbd\x18'</t>
  </si>
  <si>
    <t>b'\xe1\xf8\xce\xf4\x9d\\|_\x88$\x1e\x947\x94\xcdI\x08\xc6a\x97\x9c.v\xa6\xaf#\t\x99\xd8\xae\xb7!'</t>
  </si>
  <si>
    <t>outtadebt</t>
  </si>
  <si>
    <t>b"\x9d\x04TM\xdcpGz\xfb@\xe0\xe8\xdb\xb4'\xb1p\xb1\xb6\xd2\x97\x04\xc3\x996\\ )\x87)\x01H"</t>
  </si>
  <si>
    <t>b'\xacEM\x93\x1ez\xd9y\xe8\x9a\xa8\xbf\xf3\x11\x83I\x15Ic\x9e\xe7LbE\x06\x8e\xe5\xd5\x99\xe6\x0b\xba'</t>
  </si>
  <si>
    <t>b'\x80\x8a\xf5\x06=b\x8a\x86\xa6@\x01\xd6\xf6\x05\xd3\x8a\xc2\x05\xf8\x98\xc8\x05\xfa\x98\x03\xe8\xd2\xc3:\xda\x18\xf8'</t>
  </si>
  <si>
    <t>get out of depth happy</t>
  </si>
  <si>
    <t>b'x\xf6\xb6d\xa1\xfd*\xaf\xe7[\x80\xbe\xaer\xf7j\xff6\xe6\xa0\nx\tpT\xa1\x07\xe0#\xab\xe5&lt;'</t>
  </si>
  <si>
    <t>landjeep</t>
  </si>
  <si>
    <t>b'\xcct\xb1\x1fe\x1dU&gt;F\x8c8e\x9e\xce\x04I\x9e4.0\xee\xed\xd9\xd1@\xe3\t\xab\xa6\x11Zw'</t>
  </si>
  <si>
    <t>b'[l\xe0\xcc\x8dEhN\xfd\x0c\xf7\xf79\xff\xc5\x08\xd5*qTK\xa1+\xe7P\x05\xff$\x9d/\xbe9'</t>
  </si>
  <si>
    <t>money for a new car</t>
  </si>
  <si>
    <t>b'_\xaduP\x15f\x06+\x1df\xff=GP\n[\x16\x92cx]\xe7\xda\x91\x0c\x0eW\xdb\xdc\xc0\xf3\xa1'</t>
  </si>
  <si>
    <t>Wedding Deposits</t>
  </si>
  <si>
    <t>b')kMp2\nI\xed/\xf8l/\xbc\n~v\x16\xd8g\xa2\x9d\x03\x8d\x8c}\x87mc~\xbd5J'</t>
  </si>
  <si>
    <t>b'\xce\x80\xff\xb7\xe0\x0e\x82\xbb\xf3l\x14\xe7%\xe7\xe9\x9c#lf\x12\xe1l\xeb-\xbb\xab\xfc U\xa1\x98\xee'</t>
  </si>
  <si>
    <t>b'|*0\x86\xb1Y}B\xaeC\xa4\xb2\x05\x81\x8a\xa4d\xcd(v\xdd\x06\xd4xE\xcc"\xe8\x87\x1feD'</t>
  </si>
  <si>
    <t>b"i:x\xf0N\xb1'\x95\x1drY\x0f\xca\xfemO\xca\xedU\x8c3Z\xb3\xb9\xec\x9cIU\xd2\xcce\xab"</t>
  </si>
  <si>
    <t>b"\xdd\xa8\x1b\xf8\xb2\xcb{\xcd\xfdz+K\xbe\x12P\x8e E\xf9\xff\xc2d\xc8\xd7\xaa'K\xad\x0f\xe0r\x1b"</t>
  </si>
  <si>
    <t>b'\xb5]\xa3\xfb\xa7\x83c\xcd\xb4\xe6K(\xcdp\xefYn\x1b:\xb0@\xb0Z\x1b\xa8\x0fXq"\x90\x15\xff'</t>
  </si>
  <si>
    <t>pay off  high rate cards</t>
  </si>
  <si>
    <t>b'\x8d%\xc8L\x9d\xc0\xf5\x11Im2\xac\x92\xe4\xad&amp;\x17\x06}\xdb!\xf0\xc2\xa30\xfe\x12Uh\x9e\x0c\x84'</t>
  </si>
  <si>
    <t>Working hard to get out of debt</t>
  </si>
  <si>
    <t>b'\xeb\xae\x11\x81P\xb3\x10\xca\xd7X\xbc\xd8~\x91c0\x8d\x01wS\xec;\xff\xc7f$\x99\xc8\xd64\xdb{'</t>
  </si>
  <si>
    <t>b'\xb5\xae\xe6\xe0\x04\xe9Z\xe7\xe9M\xd9\xa2|\x9d\xfb^\xbfk"\x88\xd5u\xa0\xf5{\xf8TE\x9f\xd4Z\xc7'</t>
  </si>
  <si>
    <t>b'\xffVx\xa6\xd0C\xe6+\xd3\xd3\xfb\x13\xe1\xb5Z|\xec\xa9\xa9?\x86\xf5\xdbh-/\xc1\xb2\xa0K\x8dL'</t>
  </si>
  <si>
    <t>b'\xf4\xaf\xc8E\x8eT\xbfW\xe6S\xc6\xf6\xa2\xe6~\x99\xadu\x85\xc4A\x86\x0e\x98o\x0c\x1b;Z\xaa\x96\xdb'</t>
  </si>
  <si>
    <t>b'\x1a$\xa6\xd9\x17\xdc\t#q\x0f\x14;r\xab\xbd\x04\xfd%\xaf\xc3\xb9z\xf0J\x98\xc4\xab&gt;\xbf\x1a\x01\x99'</t>
  </si>
  <si>
    <t>b'O\xe9\xf4:pC\xff\x1e\x1atX\xb7\x05#7\xc8L=\xcf\xb0\x85\x8b+\n\x08\x9f\xb0\x18\xa3\xf3\xc6\x94'</t>
  </si>
  <si>
    <t>b'\xb4:.\xe2\x1f:\x1et\xbc\xa2h2B$\x15\x98\xd1\xfd\x9b\xdc\xb7\xc2\xe84E\x04\x06P\xe2DR\xbe'</t>
  </si>
  <si>
    <t>b'\x8e\xd2\x89\x13\xe3\xe6\x98\x95\xd4\x9d\xcdaD\x1e\xc2u5\t\x98t\xa9\xc3\x05\xbd\x8e\xe4l\x17X\xef\xb3\xb2'</t>
  </si>
  <si>
    <t>b'\xdc7W\x90C\xae\x99\xdf\x11}\xcf6\xaf\x97\xdb}\x19E\xfdh!\x88["I\xd7\xe9\xe3 \xb2q`'</t>
  </si>
  <si>
    <t>Debt Consolidation - Wedding/Credit Card</t>
  </si>
  <si>
    <t>b'7\xa5\xd0\xce\x91\xf5h\xabQk\x1e\xe0\xe7D\x19\x12=\xafm\xff}c\xbe\xc2\x06)9v\xff\x82\xc6\x8e'</t>
  </si>
  <si>
    <t>Worth your investment</t>
  </si>
  <si>
    <t>b'\x82\x10D\x7f\x8e\x05T\xa8\xe1;\x15s\xcf\xb8\x9d|\x9e\x91C\xa0\x82\x18\xb6\x8a\x05\xcd\xac\x85\x91\xe9\xad\xeb'</t>
  </si>
  <si>
    <t>Doing Dave Ramsey Backwards</t>
  </si>
  <si>
    <t>b'&lt;\xb6\x7fvN\xf2\xc6\x98!C\x07\xb5+\x08{]\xf2\xf6\x80Fq&lt;\xc4J\xd9\x9d\x07\x11\x1d\xc8\xfa\xc6'</t>
  </si>
  <si>
    <t>b'\xd6\xa6\xa0\xdb\xa1\xd4\x05\xce=\xe36ap\xb1\xad\xe9K\xfa@\x99\xc6|\xbf!\xea\x1a\xbb\xd8\xe2\xa69\x8d'</t>
  </si>
  <si>
    <t>b'}\xf49J\xaa\xcc%\xba\xbf\xe3J0\xcb\xfe\xb7\xb9(Macj\xfc\xe2q\x95\x8f\xef\xcf\\\x96@\xee'</t>
  </si>
  <si>
    <t>b'\x8fO(k\xcc(E\x14\x14\xbe\x19o\x84i\xcba\xcfk\xc1\xa1\xfc\x0bc\xb6\xb9\xf0\x92\x87%\x85\xb1k'</t>
  </si>
  <si>
    <t>b'\xae1|\x0e\xb9[\xa4\xc5tz\xddv\x93"\xc7*\x13a9\xd1\xefW\xa7\x1a0\x160s\xcb\xed\xe6\xa7'</t>
  </si>
  <si>
    <t>b'\x97\x0cb\r\x0cY \xf6\xbdL\xa2\xb1\x13B\xf4\xc3\xcdH&lt;\xba\xa9t\xcb\x08\xe0\xab,o\x88x\xcd\xc7'</t>
  </si>
  <si>
    <t>debt &amp; others</t>
  </si>
  <si>
    <t>b'n^o.\xb1\x84|\x95\x17E\xf0\xfe\xe8\x8e\x9e\xd2I\xc8\xc3\xeb\xe2\xdc\x16\x0f\xcdb3\xe9\xb9\xa1dp'</t>
  </si>
  <si>
    <t>b'\xb5!hxL.\x19\x15\xa4\x0b\x16]\xc7I \xc2/x\x9aJ\xc3\xf9B\xd5\xba\xa5\xa5p_\xab\x1d\xe7'</t>
  </si>
  <si>
    <t>b'\x10\xc5s@X\x8d4n\xe4\x8f\xccUyS\x1c\xe4\xc4\x89\xce\xb6~\xf8W\xbc\x9d\xe6\x8a\xca\xc6\xf2 \xc9'</t>
  </si>
  <si>
    <t>b'P\xc4l\xc9u\x90Kz\x9d\xce\xdc\x8a\xab{Mc\x04\xb0[\x18\x88\x18\xdd\xacs\x01\x0c=\xc5.\xdd\xdf'</t>
  </si>
  <si>
    <t>b'\x83)\x91\xdd\xa1\xc6)\x83&gt;\x89\x8eruz\xbd\xe92\xbe\x0c\x17=M\xfdWX\x93\x02\x15\xc8e\xb1}'</t>
  </si>
  <si>
    <t>Pay off Credit Card</t>
  </si>
  <si>
    <t>b'`i\xceex|\x07\xadYy\x12q\xc6/\x8d\x92\xd7f&gt;Z\x00z\xcf\xc8\xcdv\x012\xb3\xe2\xfd\x0e'</t>
  </si>
  <si>
    <t>b'\x86D[\xfc\x9a\xdd!\xec\xcc\xfa\xc5C\x91p\xd6\xeb16\x026OXd\xa2\x8a\xcb4\xdc\x87\x96\x99\xc8'</t>
  </si>
  <si>
    <t>b'6\xe1\xadz\xff!\x96\x08I\xd3\xaf\xcc9\xa4\xef\x9b\xf4\x86H\xdbI\xaf}\xa0)zQ\x80\xd5\xd7Y\xc7'</t>
  </si>
  <si>
    <t>b'pw\x84\x1a4(\xa3\xc3a&amp;\x8a\xfe4Lj\xb4Z\x9at^=7\xba\xfa\xc9g\xca\xa8\x8d\x8cU\xfa'</t>
  </si>
  <si>
    <t>b'1\xeb\xda\x19\xd8\x16\xf9\xbd\xccx\xe1\xa7\x1ff(\xdc\xc9\x18"l/\xeb\\Wv?s7\x16\x19\xa6r'</t>
  </si>
  <si>
    <t>2nd Mortgage Payoff</t>
  </si>
  <si>
    <t>b'R\x16vpT\xa2\x99A3\x96-]\xdd|\xdd9{\x83\xe9\xbc\xc5WW\x11\xbe\xcfLP&amp;\xd8\x08\xa8'</t>
  </si>
  <si>
    <t>b'\xe7\xfd\xaf\x13?7m\xc8U\xed\x1b\xcb\x11\xe2\xc8m\xd4\xc7\xee\xa5\x03\xf6&lt;\t+7` \x0e\xf5 \xe8'</t>
  </si>
  <si>
    <t>b'\xb4/\xe2\xb3\x7f\xc7Uv\xd3M\xe9\x0c\x9c\x9d\x9c\x00\x84Y\xf6\x11\x01Mjy\xf9E\xf2\xda\xed^\xb0I'</t>
  </si>
  <si>
    <t>b'\x16\xe7{F\xacw\xb6p\x02\x0b\x00.\x14\xaa\xeay\x8b\xf6\xdf\xb23|8\x03\xdf\xb9U\xd7\x8c\xe21\xb1'</t>
  </si>
  <si>
    <t>b"]\x04Z\xec\xbb\xcd]\xbe-\xbf#L\x81\xa7\x9a\xcb\x01\xca^Sq5\x05\x8b\xcd\x9e'?\x9d\x0e!8"</t>
  </si>
  <si>
    <t>b'}\x8c\x01n\xb76\xf2\x9b\x17\xd7pG\x01\x95\x07EK\xa2A\x19A\x03#)2\x9aU\xa8\x05&gt;p\\'</t>
  </si>
  <si>
    <t>Paydown</t>
  </si>
  <si>
    <t>b'\xbe\xf0A\xa7\xf0\xe9S\x0b5\xcd\xfb\xd8\xbdb\xfeO\xba5wP&amp;\xb2\xa4\xc1\xbf\xe4lj\xea\x0b\x7f\xab'</t>
  </si>
  <si>
    <t>debt consolidation pay off credit cards</t>
  </si>
  <si>
    <t>b'\xdf\x18\xc20d\xf4x6\xae}\x15\xfbO\\((\x9d\xa6&amp;\x1d\n\xa2\x9f\x17\x00\x03\xafW=\xdar\xdb'</t>
  </si>
  <si>
    <t>b'cp\xe4\x16C\xec\x89\xd9\xfd\xf3\xa5\x9aEw\xf6\xe5\xa7\xa2\xf1\x90S\x05O\x8e\xdfO\x93\xc9\x982?m'</t>
  </si>
  <si>
    <t>Free me please</t>
  </si>
  <si>
    <t>b'\xf3\xc6\xdc\x91a\x04\xcbk@\nR\xb8\xb5\xaa\xb9\xeeS(c_\x16\xac\xfe,\xa6\xa4R\xe2O&amp;\xf3}'</t>
  </si>
  <si>
    <t>b'\xc1\xfd$\xd9\x14\xb9UP\x10\x88\x84\xb2\x85\xc0\xc1x\xd5\xbfk\r\xadf2\x16p\x98\xfa\xd6\xd5vt0'</t>
  </si>
  <si>
    <t>Chase and Capital One Refinance Loan</t>
  </si>
  <si>
    <t>b'5;?\xce/\xa73C\xc8T\xf3A\x14)\xf5\xff\xabXx\x16\xb7&amp;u\xc1F\x02\x93\xf1d\xa0\xbfv'</t>
  </si>
  <si>
    <t>Bills Paid Off</t>
  </si>
  <si>
    <t>b'2}\xfe\xe8z\xb4\x13\xd3f\xb8\x7f\x9a\x19\xde \xa6\xa3w\xf08"\x99\x06\x9a\xa8\xcf\x96Z\xbf\x17\xbf8'</t>
  </si>
  <si>
    <t>b"\x0b'\xde\xceb\xc9Y\xd4L\x16\xe0\x87\xfa\x1b\xcfF5\x03O\x1b\xe1J\xb5\xa2e_*\xa2}\\Z\x91"</t>
  </si>
  <si>
    <t>b'\x1a\x07\xa3\x04\xa0\x14\xb1X\x8a\xbc\xd1\x91\xad\xcb\x16\x86\xeaLx(\xda?th\x0c!u\xc2\xcb/\x85\xb4'</t>
  </si>
  <si>
    <t>b"\xdb\x88,\xff0\xa8C\xf1\x88\xd6\xe8\x00\xd3\x92P}M&gt;!\x839\xda\x8f'z{\xc0\xe6\xc2\xc3\x80W"</t>
  </si>
  <si>
    <t>need help sometimes</t>
  </si>
  <si>
    <t>b'&amp;\xd9\xe0\xc2OF\x122}\x8c:\xa5}T\x08\x80C2\xa5\xa5\x88"x\xfe\xb0\xfc\'\xbd\x8d\xf0\x9b\xa1'</t>
  </si>
  <si>
    <t>Consolidating - Prep for Student Loans</t>
  </si>
  <si>
    <t>b'b;\xd1\xf8_~\x7f\xad|}\xc5F\xa7\xd2\xa3%`\x02\x04\xc7\x06g\x8d&amp;\xc7(\xe9T\x19t$\x8d'</t>
  </si>
  <si>
    <t>b'\xb7\xee\x8d\xe6\xfd\xc5\xf9Vw6\xb7Y_R\x9d\x82\\\xd7s\xa2\x18h\x11\xed\xd9\x00\tH\x04\r\xa4\x99'</t>
  </si>
  <si>
    <t>b'\xc60\xef\xf0\x18G\x9c\x95\xfc\t\xe2M\xcf\xc3j\n\x88\xa4\x8a\xc9s\x96\x96\xbcqB3\xd6\x80\x15\xfb{'</t>
  </si>
  <si>
    <t>b"\xef$'x\xa3\xa0\xda^b\xb5\xfd\x81,\xd2m\xfab\xcbtz!\x98\xb5b\x94\xa6\xff:l\xc2w|"</t>
  </si>
  <si>
    <t>b'\x8f\x97\xd4\xe6\xfd\xf0Lq\xf4\xfd\n\x7f\x91\xa7\xf83 \x0e\x00\xb1\xa9\xf6\x92\xcd\x11\\S)\xed\xeb\xf3V'</t>
  </si>
  <si>
    <t>b'`\xdc\x9d\xea|s\x04}\xc1\xe4\x17\xe1\x10\x81)\xb9\x14&lt;\xd6\x8e\xa2\xc6m\xe6\xf2&gt;\x14\xfe\x9f\x9d\xdd\x12'</t>
  </si>
  <si>
    <t>b'\xe4H2QP\xd3\xa0t"\xc7/\xc8\x8aJ?c\xc7\x0c\xf9\x8a\xd8\xcc![\xb3\xc6\xd6\xcf~\xe5\xc5M'</t>
  </si>
  <si>
    <t>b'\xb7\ru\x94\x0bs\xa58\xd5\x91\x92\xc5(\xd2\xcf\xcb\xd7Yg\xc8\x1d=\x85*.2\xd5.\n\xb6\xb4\xcb'</t>
  </si>
  <si>
    <t>Good By Credit Cards</t>
  </si>
  <si>
    <t>b'\xae\xa9\xbaK\x14\xe1V\xf4\xd2\x9d\x7fY\xa8pOc.\xa7\xec\xc3\x8a\xf5\xe0Y\x82\xd3gv^&lt;a\x81'</t>
  </si>
  <si>
    <t>never give up!</t>
  </si>
  <si>
    <t>b'-\x1an\xd5\xa5\xbe\xe0\xa4\xa4X1\x89\xc5M&gt;\x87\x93\xb5\xe0\r\xe2\x07M\xecH\x11\x0f&lt;R\xc2r\xe6'</t>
  </si>
  <si>
    <t>Lower my Interest please</t>
  </si>
  <si>
    <t>b'z\xec,\\\x90\xf7\xac\x86\x8dhb\xb8L\x82\x11\x19\xc6\xab#5@\xea\xc3\\x\xe6\x00\x96}Ek\xce'</t>
  </si>
  <si>
    <t>b']\x82\xc6\xa5Z\x8e\x89IIs%\xdd\xcd\x07\xcd,\x04\x9c@\xa3\x03\xc7T\xf8\xca\xf6\xd9k\xf7[\x8e~'</t>
  </si>
  <si>
    <t>Debt Relief In Sight</t>
  </si>
  <si>
    <t>b'GG3\xa3\x9f\xdd?\xfe]?\xf1\xbb\xc1\xa9j\xe8\x11\xe8$\x1b\xca\xe4\xad{J/#3\x14\x02\x96\x94'</t>
  </si>
  <si>
    <t>b'S\xbb1\x8f$\x06\xb6|\x82c\x80rO\x96\xaf\x0f\xf4\xddh\xff\xa6\xc4K\x93\x95\x02|\xb4\x87+3\xe6'</t>
  </si>
  <si>
    <t>b'\xa2v\x0e\x95\x84It_\x9e\x1b\xb2YQ\x1f\xcf\xfd\xd4\x81\x82\xdb\xbe\xae9\x9cA\x91\x96\xcd\xb93T\xde'</t>
  </si>
  <si>
    <t>b'\xc7\xbcu\x85+U\x7f\x9bY\xee&lt;\x17\xdc\xb0\xe2\x98\xcap\x84\xf7\x1e\xde-\xb3\t\x1d\xdc\xed\x7f f\x94'</t>
  </si>
  <si>
    <t>b'\xe0\r\x0bU\t\xc1\xa2\xc48"_\xbfa=\xfd)\x0c\xacW\xf2\'\xfbv\x937\x8fI\xc7\xf7X\xe1q'</t>
  </si>
  <si>
    <t>b'\xfb\xa7f\x07\xe4\x8eR\xf0_@\xb9\xbd9^G\xe8Z\xa5D\xdd1D&gt;$\xf8\x16\xa9Y\xab{\xaa\xe1'</t>
  </si>
  <si>
    <t>b'\xc9jit\xf0\x96\x8e\r\x9a\xfe\xa8\xba\x95\x90\x933\xd9\xeca\xc9N\xc4[}`\x1ac4\x1d\xbb\x1f@'</t>
  </si>
  <si>
    <t>quickfix</t>
  </si>
  <si>
    <t>b'\xbb\xe1\x15\x1e\xd3\xd5}\x80\xff)\xe3;\x9bf\xe9U_\x0b\xdcWxX\x0f\x02\x1d\xdbV\x82\x1c\x8c\xf0b'</t>
  </si>
  <si>
    <t>b'\x0c:U\x02\xe7\x18\xd7\xc2\xa7\xa5b\xe2\\\xf7&lt;\x12\xf2\x85Fx\xe8]1\x8c\xbe\x1a\xadW\\\x0e\xe5\xfd'</t>
  </si>
  <si>
    <t xml:space="preserve">NEVER HAD A LATE PAYMENT </t>
  </si>
  <si>
    <t>b'\xc6\x11\x06\xaa\xb5hNm\xe1\xd3D&gt;\x8a\xec\xbe\x0c\x7f\x87\xcc\xf2\xb9\x81\t\x1e0\xbd}\xffy\xe9\xb6\xbe'</t>
  </si>
  <si>
    <t>Get rid of CCDEBT</t>
  </si>
  <si>
    <t>b'\xfd\xe8\xcbJ\\-\xf1\xc3m0\xeb\x01ehc&gt;\xfb\x9a\xe4\x1c\x9fuXP\xed7a\xa0u\xa2\x19\xa2'</t>
  </si>
  <si>
    <t>For house</t>
  </si>
  <si>
    <t>b'\x19\x8du\xd9\x9d\xdcq\xf3j \xad\xaa\x8b\xc7Ac\xc6(u\x061\xd7\x1cTk\x13\xb2\x02 h\xb6,'</t>
  </si>
  <si>
    <t>b'\xc5vc\xc5\xcd\xbe\x9d&gt;\x9d\x9f\x16\x89\x1d\xe8)\x1d\xf3\xf3\xfc\xb9lY9\x87\x11b&gt;\xb7\x1bC\x9c\xbe'</t>
  </si>
  <si>
    <t>The smart move</t>
  </si>
  <si>
    <t>b'\xfd\x92LJ\xc8\xe0\xb0\xf1\xdb\xed\x16t\xc9&lt;\xda\x973\x92\x8c\x81\x01\xcc\x0eH\x9a\xed\x7f1\xae\xae\x96A'</t>
  </si>
  <si>
    <t xml:space="preserve">Designs </t>
  </si>
  <si>
    <t>b'e\x05\xa6\x99\x03!\xec_\xe8-\xdb\xd0;kl\xc8\xe5\x8c2e\xc9\xf8\x15\xa1$\x9e\xab\x9bEn\x8e&gt;'</t>
  </si>
  <si>
    <t>b"\xe4&gt;\xd3P\xab\x9a7\x7fG\x94\xf9=\xee'\x19\x0e\xe3\xe0Z\x8cq-,\xccF#\x04\xe2A\xc6\x15\xf4"</t>
  </si>
  <si>
    <t>b'\xbd\x8f\xdbF\x18\x99W\x80\x92l2\xc4&amp;\x81Ivz37\xf8\x15\x9b\x19&lt;RbQy\xcfs\xd2\x01'</t>
  </si>
  <si>
    <t>Citibank Card Refinance</t>
  </si>
  <si>
    <t>b'\xc3\x84q\x8fi\xed\\l\xd1\'\xc7;\xbb\xad\xe1\x00"\xcb\xc7\x01\xc4\xfdi\xaap\xf7\x04\\\xd6 \x18\x90'</t>
  </si>
  <si>
    <t>Planning for the future</t>
  </si>
  <si>
    <t>b'\x1b\xd9\xc9\x85\xab\xf3n\xf2?1\xe3u\xcd\xec\x96\xc9\xbb\xc4-e\x90\xa9\x9d\x92\xd2f\xb6\xa0\xa63Az'</t>
  </si>
  <si>
    <t>b'\xe0N\xbbp\x93O\x98\xcd\xc3\xce+c\x9fN\xf4[\x87a\xfb\x90t\x02\xb5aW\x83A\x98"\x91\x8c&amp;'</t>
  </si>
  <si>
    <t>The Help</t>
  </si>
  <si>
    <t>b'\x08\x8d.\x0cIf2\x00K\xaf\xe9\x8e\n3\xf8%\xe8|K\xf5\xa8\xc2\x8dC\x03\xb3\xe6\xb1\xa5\x03\xbc\xba'</t>
  </si>
  <si>
    <t>Home Remodel and Consolidation</t>
  </si>
  <si>
    <t>b'\x1du \xda\xc9\xc8N\xf4\xb0\xc3"\x06\xe8\xf9\x1b\x1f\r\xef\xd0q\xb9\\8\x84\xfcB\xc4\x9a\x8cFAQ'</t>
  </si>
  <si>
    <t>b'\x98\xc4\x8f(\xb6/\xc7\x9f\x17\x00\x05\x97\xba\x0f"\nut\x11`CN\xe8z\xfb\xda\xa1n"\xdb\x92\x8c'</t>
  </si>
  <si>
    <t>b'g\xa7a7T\xdb\x9f\x8e\xa4\xa3\xc0\xe5SK@\x05\xc7\xdc\x11\xd9\x0f\xb6\xa4\x01)\xa5\n4z8\x8b\xfc'</t>
  </si>
  <si>
    <t>b'4\xc0\x92\x1ep\xef\xa4X\x84u\xcb\xf4\xc8A\xb5\xda\xa7\xc1\xec8a7\x17\x8a\x1a\xf6N\x88h\xbf\x08\xb1'</t>
  </si>
  <si>
    <t>b'6\x9bH\xcd\xd6\xb0\xc38\x1c\x1a\x0eHK\xc9\\\xf3\xfe\xaf\x8b\x9c^\xc7\x17:\x87Q\x99s\xcf2T\x8b'</t>
  </si>
  <si>
    <t>b'gYn\xb6M\xcf-p\x14\xd3\xc6q\xbf\xcbQ\xc5\xe5\x8e\x838\xd3\xc7\x07K\x94:\x1e\x98tjk\xed'</t>
  </si>
  <si>
    <t>b'\x91Z\xe1\xbe\x86\x07X\xb4\xe4\xc57\xf1\xb1\x99O\x00\xd0\x08{\x10*\xb1I\xefG\xf8\x1d\x05\x1b\x08\xf0+'</t>
  </si>
  <si>
    <t>b'\xb6\xff\x9f~\xdev\xde\xc5\x99A\xc18:\xa2G{\t\xc8Q\x05J\xb1\xa6(\xa4k\x1a\x96\xc2\xf2\xefF'</t>
  </si>
  <si>
    <t>b'\xf8\xba\xd4B\x1dgn\x91\xe8\xcd\xf8\x91\x92X\xd0C!\xd5\x1b\xd2u\xa4tU\x9d\x02\xf7P\xff\x07\x0c\xef'</t>
  </si>
  <si>
    <t>b"U\xae\r\xdf\xd7\xc4\x1a\xb39*\x88\x87bdu\xa7\x0ed]\xe0\x14\x1d\xa0\x8d\xc9w4p\xf7&amp;\xed'"</t>
  </si>
  <si>
    <t>b'\x86\xd4\xe5q\x9c{&lt;\xdby\xa0\xd2zl\x90\xd5\xd9?\r\xe6\x07t\x9f\x84\xeb\xb0\xfaX$z\xd5\xe9\xe3'</t>
  </si>
  <si>
    <t>b"\xf6\x11&amp;&lt;V\xfa.\xae\xb3\x05\x8b\x1e\xe9\xe1E\xa9f\xe9\xf2\x82[c'y[wm\x8a\xfe\x1c\x0e\x1f"</t>
  </si>
  <si>
    <t>b'\xc3\xed\x88\xfa\xab\r\xadla\xc6!\x82\x8c\x0f\xca\x81\r\xc1\xbf\xc6WB\x15k)\x05\x92\xc4\x90]z\x04'</t>
  </si>
  <si>
    <t>CUTTING MY DEBT</t>
  </si>
  <si>
    <t>b'\x1at\x91\x01\xb9_\x861\xa3\\P|\x86\x9d6\xe2\x9e\xad\x8a\x12\xcb\xdd&lt;w\x16o6\x89\xb5\xa4\xb8\xf9'</t>
  </si>
  <si>
    <t>b'\xd5E\x86B\xdf\xc5\x83e\xf8\x9d\xef\xc0\xa3/\x99\xa7a\xd7\x1bf\x1a\x00\xec\xa5\xcd.c\xc8f(p]'</t>
  </si>
  <si>
    <t>b'O\xea\xa8\xe3\xa2"\x07\xbc\xf7\x03\x1b*\xae\xca\x8dd\x9ci\x1dt,c\xc2\x99\xd8\xbbH\xbd`;\xf0\x95'</t>
  </si>
  <si>
    <t>b'dA)\x0f|&amp;\x03\x9bz6\xf8\xe4 \xd0}=\xba\xd2\xec\xb8\x981\x98d\x04\xc3\xa5\nB[\x86\xf1'</t>
  </si>
  <si>
    <t>good by debt</t>
  </si>
  <si>
    <t>b"\xbd'S'\xa7\x1c\xc3Px\xcf!\\\xadN\x9e\xc8\xcb\xf7$We\x00\xa2\xe2\xcd|D_\xde\xd7\x06\n"</t>
  </si>
  <si>
    <t>b'\xf05\xa7w\xd2\x916n\x08\x04\xebZs\x96\xaf\xfac\xe9\xb2\xac\xf65\xb6\x89h\xe5Z|\x19Mj@'</t>
  </si>
  <si>
    <t>b'\xda\xc4%D\xa6\xbcIy\xe2`\xe6\x10hP\xdaUn\xa9x\x973R\xcdY\x13\xd7\x88QD\\\xd6"'</t>
  </si>
  <si>
    <t>b'A,\x17\xbf\x9e\xb9\x7f\x06\x89\xcc8\x91\xf9`\x19K\x93\xe9`\xdb@"\x08]\xa9\xafA\\W\xc6\xbb\xfe'</t>
  </si>
  <si>
    <t>b'\xe5\x92{}\x8d\x905\x0f\x0f\xdb\xaa\x96\x99\x88\xcaD\xee\xabtp\xccZ9\x84\x8a3h:\x9e2\xcb['</t>
  </si>
  <si>
    <t>b'\xe7e\x0f\x91,\x8aS\x98U^%e\x91L\x0c\x81\xec\x8f\xa1\x1a\xb0|\xac:4m\xc2\xf7\x9e\xebpO'</t>
  </si>
  <si>
    <t>0myloan</t>
  </si>
  <si>
    <t>b'\x8b\x8c\x91\x92a\x97]\x80\tQ\xc5\xc3\xc4.\xfb\nr\x96m\xc3\xbd\x0fC4\x89"\xf5\xfaL\x84\xb9\x0f'</t>
  </si>
  <si>
    <t>PAYOFF BILLS</t>
  </si>
  <si>
    <t>b'G\x1bw\x9c{\xd96";\xcd\xcd\x9dsMef\xca\x91\x10\xff\x97u\xacq[\x0cZ\xef%\xdc\x8bd'</t>
  </si>
  <si>
    <t>b'\xf4N\x81\xc3\xc5\xff\xb93Z;\xcfQ\x00\x889f!\x19:\xa5k\x015\xf9\xb6\xcf#\x1b\x9c{i\xd1'</t>
  </si>
  <si>
    <t>b'\x96b9\xda\xb7=\xf1@\x1e\xba\x0fa\x8d\xa509\xb43\xe3\xe9\x1f\x87?\x167j\x8a\rU\xd8\x0cz'</t>
  </si>
  <si>
    <t>b'g\xc8I\xabD\xdf[\xccv\xddC\xef\xa7R\xa6\xd4\x9c\xec\x05\x9e&amp;\x0c\x15\xd0\xc8\xfd\x7f\xbc\xc0\xaaI9'</t>
  </si>
  <si>
    <t>All in one payment, better interest rate</t>
  </si>
  <si>
    <t>b'j@\xe2\xb0YX1~\xc4Gl\x88\x1c\xd7\xd9\x047\xc9\x8d\xe7\xa8\xa06\tJ\xa8\r \x96\x7f0\x1e'</t>
  </si>
  <si>
    <t>b'n\xa7\xb6\xe7\x0f\xc6\xf3\x0ckb\xf9\x1d\x01,\x8a@\xc2Gd:_|\x9b\x1aF)\xce\xe1\x9c0\x1d\x86'</t>
  </si>
  <si>
    <t>b'9\x81&gt;r\xc5.A\xb7\xa8\xbdZy\x95F\x9e1\x03\xcf\x8b\x80U\xdfQ=Fo0\xf7Q{\x1cq'</t>
  </si>
  <si>
    <t>b'\xde\xfcB\x9c?\x8e\xc7\xfb\xbaT*\xb0\xc9\x8e;TO\x87\xa6/\x8c\xea_@%\xfe \xb5\x16\xc2\x0e\xce'</t>
  </si>
  <si>
    <t>b'\x95(*\xfa\x199\x966\x85\xfdT\xbc\xb4\xc0G\x15\xf0T/Ap1\xd7\x8b\x1a\xa0b\n\\\xbb\\\xe7'</t>
  </si>
  <si>
    <t>The loan saver</t>
  </si>
  <si>
    <t>b'\x1c\x0c8m\xb5*6C]`\xc5\x00\x8a\x83\xee)5\xdb\xfc\xc0\xce\xa1h\xa4\xdf\x1f\xf2\t\x18[\x0f:'</t>
  </si>
  <si>
    <t>b'}\x9eM\xbeYB\x98\x89Hw%\x85\x14\xa5qZ#\xae\x06\xf5\xab@\x86Yd^\xaf\xa9\xc1\xc0,&lt;'</t>
  </si>
  <si>
    <t>b'p\xc6Oz\x9bH\xdf\x03bi\xe4\x9a\x98\x83\xf7&gt;\xbe\xc3/\xc0\xd0\x92@\xc8\xbeh\xed\x05\x0fx\xf8\xf8'</t>
  </si>
  <si>
    <t>b'\\\xf1-:V\xa6\xb1A0\x7f\xb1\x88 \x91u\xb5\xbc\xcc\x0b2F\x02\xa85\xd1d\x0f\xa6\x93}I\xd7'</t>
  </si>
  <si>
    <t>b'}ov&amp;\xab\xb4\x82\x93H\xce}\xc1\xa6\x89&gt;T\xdd\x12GV\x03\x0bW=\xf78\xd8#\x8c/#C'</t>
  </si>
  <si>
    <t>low intrest card</t>
  </si>
  <si>
    <t>b'0U!\x1c\x9d\xa2"\x9a\x8a\xc8\xdd{\xac\x92\x1a\xd6\xd6K\xaa\x9eA\xec\xc51Q.\xab\'E\x83\xa8x'</t>
  </si>
  <si>
    <t>b'\x84f\x10\x912\xcd&amp;8\x15L\xe5\x02mY_mUm\x9b\xd8\x89\x17\xbb\xe2p\x91\x82\xb6Ly(\x9c'</t>
  </si>
  <si>
    <t>b'r\xc2\xa9a\x9a\x01\xc0\x069\xd9\xa9\xe2\xba\xcc9@\x87&lt;\x88r\xe7\xe2W\xef\xf3\xa9*\xb1\x02\xf4\xa8\xa3'</t>
  </si>
  <si>
    <t>b'\x1a\xd8\xc4\xdb(\x1f\xfa\x10z\x08;}\x1c\x10\x89\xf5A\xacs\xaf\xb0\xf6MRP\xb1\x92v:lm\x15'</t>
  </si>
  <si>
    <t>b'\xc3\t\x981\xae\xa3e\x9d\xb9\xac\xbai\xba\x12x\x949D]xX\xd4\x97N\xe3\x89o\xc8\x90\xf0\x06\x06'</t>
  </si>
  <si>
    <t>My lender</t>
  </si>
  <si>
    <t>b'\x178\xd1\xadC_\x92\xab\x9di%Nw\t\x07C\x06\x03\xae`ho \xa6h\xe6\x08\x12\x8d)N\xb2'</t>
  </si>
  <si>
    <t>b'\xc9\xffSm\xb3mK\xaf=\x9a\xec\xa2\x1f\xb9\xa7\x11\xc8\x9e\xebLD\n\x97x\x9fV\x94\xa3\x1c\xbbS\r'</t>
  </si>
  <si>
    <t>b'\xe91\xadD\xc0j%_\xc6#T\x9c\xbf\xc1\x08%\x1d\x1d\xaa\xd7\x9b\r\xeb\xc74\xcd\\9|\xfb\x83\xc5'</t>
  </si>
  <si>
    <t>b'x\xf3$1\x0f\x02\x837\xd8\xb2_F\xb3(%\x93\xd5\xb22\xe8\xd4\xc5fP\xc9\xcf\xcf\x1e/d\x89\xe9'</t>
  </si>
  <si>
    <t>b'\xbb@\x18\xab\xcf\xcaJ`\x9ds\xd4C\xe1l&amp;\x85\x99\xb7\x8c\xa7-\x8d\x9e\xd6*\xc0\xc1\xeb*l\xc2\xe8'</t>
  </si>
  <si>
    <t>b'\x1c\xbc\xee}\xd7\xfe\xcc\xaa\xde\x9f\x13N"\xbdF\x14uK\xa8(i"Q\xc8@\x01\x8f\xa1\xb6\x88\xf3\xc0'</t>
  </si>
  <si>
    <t>b'\xa7&amp;\x9f\x08\x83f5\x10\xa6\xa9\xec\x82\r\xf5\xf8\x97{\xb8\xc1x\xbcCBB7\xab\xd2\xa4;D\xc0\xc8'</t>
  </si>
  <si>
    <t>b'\x90\xfe\xe1e\xcbU\x892\x8d~U\xb2\xf7Bo\n/\xb5\xc2&gt;\xc9\xa2HZ689\xd0\x9d\x17\rP'</t>
  </si>
  <si>
    <t>b"'\xe7\x80\x97\x800KeL\xe3T\x04D\xc5e\x88\x04!\x06\x9cJ\x1c\xee\x05\\\xb35\x90L\xf7\xa3\xf4"</t>
  </si>
  <si>
    <t>b'\xe1\xb2\x04FF\xff\xad\xcc\xda\xbfBw\x99]G;u/\xf7\xb9\x0f\x11\xbc\x87\xf6\xf1\xbc*\x1a\x1d\x14\xad'</t>
  </si>
  <si>
    <t>b'\x95}\xf3\xbd\xf3+/\x82\xf3\xc1w\x12\x05\xe5\xd5\x92\xff\xcaa\x0f.\x84\xac\xbfd\x8b\x97\xfac!\xf8\xfa'</t>
  </si>
  <si>
    <t>Consolidtion</t>
  </si>
  <si>
    <t>b';\x85\xbboh\xcc\x0f":\x19\xdf\xd8\x899\x7f\xb8z\x80\x83\xe7\x82?\xacP\xd4{\x7fT1\xfc\xeb\xa6'</t>
  </si>
  <si>
    <t xml:space="preserve">Addition/consolidate </t>
  </si>
  <si>
    <t>b' \xe4K|\xe5\t#thK\x8e\x93\x96|\x12[\xf6\x18s\x15)I3\x04\x1dJ\x9c9\xc38\xf0w'</t>
  </si>
  <si>
    <t>b'\xd6:Z\x02\xe2M\xcd\xb4\xdf\xf5\xb8\xed\x0e\xccj\xa1\xf1\xcdy\xeef\xd8%\xc0\xc0\xbc^&lt; \xae&lt;5'</t>
  </si>
  <si>
    <t>Debt B Gone</t>
  </si>
  <si>
    <t>b"\xeespY\xf8\xe8\x1c\x96\xab\xce)a\x93\xa0N\x15IX\xd4\xd1]\xa8'\xae\x0c#\xb8\xcc\xf1I\xf4\xd7"</t>
  </si>
  <si>
    <t>b'\x94\xc7\xa5\xdf\xc6\x93#\xf2\xe9\x1eH\xea\x90xh\xc9\x1b\xbc\xfe\x8b\x8fbA\x9fr\x91\x94\xc4B\x8eB/'</t>
  </si>
  <si>
    <t>b'\x1a)*\xca\x1b3g\xe2\xb3Of=B\x14c\\@\xa2\xd7\xfa3&lt;\xecW\x8b\xc7|\xa3B\xce"*'</t>
  </si>
  <si>
    <t>b'\x11\x8d\xef\xf6\xb2:\xe5u\xb6\x1c;E\x15\xb9\xa8h\x17{E\xc0\xde\xb7\xd8H\x14\x987-\xbe\x9a\x9fV'</t>
  </si>
  <si>
    <t>b"m\n/\xeb\xa6'\xdb\x14\x1c-\xb8w\xda\x96\xe4s\xeatr\xeb\xbd\x95\xb9\x1dt7GF\xb3h&amp;O"</t>
  </si>
  <si>
    <t>b'\xb9xcK.]\x83\xeb\xd1T\xf0\x1dIqu7\xe3uvVpx"JL\xc6 \xf6\x16\xaa^o'</t>
  </si>
  <si>
    <t>Debt Cobsolidation</t>
  </si>
  <si>
    <t>b':N\x0c`\xe8\x7f\xf2|\xb5\xf8m\x94\x9d\xf2\xdbd\x00z\x80\x1e\x1cY\xde\xac\xaa\x01s\xf0\x1e\xf9\x939'</t>
  </si>
  <si>
    <t>b'q\xf06\x86\x8b\xea\xa8\x03\x1f\x91o\xcc\xf0\xc5\x99\xe1\xc6n\xdb&amp;\xc7\xb9,\xe2W\xfd\xd60\xa7\x7f\xf1n'</t>
  </si>
  <si>
    <t>pay credit card off</t>
  </si>
  <si>
    <t>b'=qI_(\xf6\x03\xd08\x98\x10a\xac!\x05\xde\x91.\xaf\x823\xd5\x8c\xd1\x84O{\x17\x0c\xe3|\xa4'</t>
  </si>
  <si>
    <t>b'\r\x0f\x17gl\xaa\xacJp\xc3\xf1\xec\x86\xfb\xc5&amp;+W\x1bOS/\x81\xc3\x11\xc5\xca\xd5\xf1\xa5\x913'</t>
  </si>
  <si>
    <t>b'~\xff,\x03\xed\xe90|\rLi\rt\xbeh\x08\xb3Q\x1d\xe0\xd3\x07\x01\xf3\xfc\xc1\xe1\xabg\xc5%%'</t>
  </si>
  <si>
    <t>b'\xdfP"\x0e\xf6\xc5hr\xf4pi\x17\xf1\xbc\xe1|\x0eo\xb2\xab\x1a\x7f\xb8e\xfd\xd6o\x0c\x03\xba\xe3V'</t>
  </si>
  <si>
    <t>b"\x83\x01\x06\x96@\xaef2&lt;\x95Rw'\\:\x7f\xeb\xdeEdb\xef\xc9\xe1\x02\x7f\x1e\xa0\xe4\xeaQ\xe6"</t>
  </si>
  <si>
    <t>b'hZ)\xa5Qe^\xc2&gt;dY*/\x1a\xe1{B\xf63{\xd6\xbdGa\x08\xc4.\xf4w\xd3\xc0\x98'</t>
  </si>
  <si>
    <t>b']gy\x08\xe7v\xfbv\x94\x8bAfL&lt;k\xacTd\x0b\x8eq\x0f&amp;\xad\x10\x81\xedr\xf3\xeeL\xd5'</t>
  </si>
  <si>
    <t>b'\xf3\xb3@i\xae\x15\xd4\x96\xd1\xb2g\xc2N\xf8\xbd+\xbc.\xdbuo\x89\xae\x93\x9a\x12\xbf\xb9P\xea\xe0\x0b'</t>
  </si>
  <si>
    <t>b')\x12]\xc4s\\\x8e\xe1\xe5\xd3\xcb\x11\x18\xb2\x81Iqb\xaa:T\r\xcb8\xbd3-\x89\x04\x8a\x91\x00'</t>
  </si>
  <si>
    <t>supersaver</t>
  </si>
  <si>
    <t>b'\xfb(\xce}d+\xb5v\xa3CMZ\xe5\x98:\x14\x87\xdc\x93|\xa9\xb7^_QW\x1f\x8e\x91\xb5\xcd\xb5'</t>
  </si>
  <si>
    <t>b'Ox\x13\xfc"\xa4n\x15\x10\x0e!\xde:\xb7\x9c\xef\x94q\x8c~@\x06i&amp;nw\xf7\x1c\x7f\xb2\xbbU'</t>
  </si>
  <si>
    <t>Consolidating Debts</t>
  </si>
  <si>
    <t>b'"\x1a\x05*\xb3\r\xa7\x9d\xdf\x9f\x88;\x94~x\xb9\x9f\xbaK\xbdy\xd2Z\x82\xc19n\xe9aN_Z'</t>
  </si>
  <si>
    <t>b"\x8b\xf8\xe6\xa2\xc8\x10\xa3\xbb\xefC\x8fZ'\xfah\xe3\x11\xa3#\xd0Wg\xa7P\xden*d\xf9*^\x82"</t>
  </si>
  <si>
    <t>b"\xf4\x1b&amp;\x1e\xc0!\x081\xb8\xe7\xe6'\xf7gA\xebO\xb2\xd1'\x00\xb1\xcc/F1Y\xdd\xa7={\xb5"</t>
  </si>
  <si>
    <t>b'\x0e\xe7\x0eO\xf9;\xedO\xb6T\x1a5-\t\xe02\x18\xaeG\x95g7_\xcd\xb4\x1f\xd64\x99\x0f\x08\xe5'</t>
  </si>
  <si>
    <t>b'n?f(\xf8\x0069TU)\x1er)\xdf*\xc1\x06~\xbeO=\x8e\x8f\xc4\x812\x18\n\x0b\xa2_'</t>
  </si>
  <si>
    <t>b'\x14h:\xaf\xea \xa3\xd4\x9aa\x1e\x8a\xa4\xc5j\xe7\x07\xf1\xc48\x89@\x13\xdd\xa7\xe8\x92HuJg\xbe'</t>
  </si>
  <si>
    <t>b'\x04\x07\xb1#\xae\xd2B\xd7\x92\xcb`\xfc\xf5\x87RxmK\'l\xae\xbfu&gt;\xb7\xb2\xdc"v\x99\x14\r'</t>
  </si>
  <si>
    <t xml:space="preserve"> Loan 2</t>
  </si>
  <si>
    <t>b'\xfd]V\x00S\x8f\x1b\x0b\xbbiz+\x99\xbc\xb4\x14\x0f\xfc\xdc\xf0D\xbe\x12O\xd6\x8c\x9b\xbc\x0b\xc0n/'</t>
  </si>
  <si>
    <t>Payoff PP</t>
  </si>
  <si>
    <t>b'`_\x882d \xbc\x0cFqn\xfaJ\x1d6;\xceU\xcag\x16\x95\x1a4\x07\xb9\xf1)P\x8fF}'</t>
  </si>
  <si>
    <t>refinance n tires</t>
  </si>
  <si>
    <t>b'N\xf8%@8\xb6MM\xab\x1c\x1c\x8cf\xb7\xfc\x7f\xc4{\x9ev\x05\xe9\xe7 \x0c\xc9?4\x9c3\xa0e'</t>
  </si>
  <si>
    <t>b'^\x1e\x96\xc2\xc7\xba\xd5&amp;\xa7*\x8b\\7\xa5\x82\xc0\xa7?\xa2\xf9Lv\x18u\xf9\x84Y]@\x1e\x97\xa1'</t>
  </si>
  <si>
    <t>b'\xa0\x84\x8c\x9a\x82\xd8\x96\x8a\xb52\x9c\r\xcd\xa6\x0b\x1ae\xa8\x9b\x916\xa8\xc9$\x8ex7\x0e\xf5\xcea\x0e'</t>
  </si>
  <si>
    <t>b'\x0b\x90\x10\rfU\x7f&gt;+\x10\xa0\xefJ3\x1f\xcd\xdf\xac\xd8\xf9A\xd1\xcb5\r\xc3\x1aP\x17T.\x03'</t>
  </si>
  <si>
    <t>zero balance</t>
  </si>
  <si>
    <t>b'\x075\xbc\x0e\x9a\x18\x0c\x03\xebx\xfa\xb4\x8d\xd4F\x00\n\xbc~\xaa\xd4\n:Yp\xe2Y\x97\xa9,\xed\xd0'</t>
  </si>
  <si>
    <t>b'\x88(U\x81\xdf\xf0qB9\x19!\xd0p6b`\xf3&amp;\xf3\xd9\xbf\x16(\xf6j\xeb\x03\xab]b\x83\x19'</t>
  </si>
  <si>
    <t>b'\x85y\xd5W\xd4\xf0\xa29\x1ch0\x03\x9c=\x99\x17\xd6|\x96\xd5\xe3j\x8d\xf4=\xff\xbb\xd2\xe2\xaa\x9d\xea'</t>
  </si>
  <si>
    <t>b']\x8f\n\xdaF\x10\x9c\xebG\xccj\x92\x15\xb4\x90/\x18\x95@\xc4\x82\xb8]\xd7\xf0"P\xb1~\x99\xca\x9b'</t>
  </si>
  <si>
    <t xml:space="preserve">freedom at last </t>
  </si>
  <si>
    <t>b'H\xe28\xcc\x08e\x1f\x89\xe5H9\xebq\x98pv2\xa0;X\x7fM\x07\xea\xb9\xab\x9a\x1f\xdfQ\xc99'</t>
  </si>
  <si>
    <t>b'\xed\xb9?\x9c\xbb\xec\xf7}\xa6\xfe\x95\x00\xe7\x843\xa0\x10\x7f\xecr\x8c\xe3mw9$b\xd0\xe5,\x00\xb1'</t>
  </si>
  <si>
    <t>b'\x02~\xf0"\xb7\xd8\xdb\xefF\x9e4\x91G\xda\xb5;\x1cn\x12\x82&amp;\x1a\xa9\x95\xb0\xd9\x99\x99\x93\xa6\xcf\x10'</t>
  </si>
  <si>
    <t>b'\xc4bJ\xa5\xb3\xa7\xb9\x16|\n\x91_\xb3z(5\x0e^+}\xd5\xf2"\xcbZ\xb7\x13\xde\x0f6_v'</t>
  </si>
  <si>
    <t>b'\xb8\xafE\xca\xc3\xa3\x07.\xd5Ig\x842\xb1\xcd&gt;d\xbd&amp;G\xa5\\:p\xc8\x84\xa8Y8X^\x08'</t>
  </si>
  <si>
    <t>b'\xed\x90\x07L\xc5\xa6\xb7\xc0\xb6\x9e\x8b"\xe1W\x8a\x1dus\xedR\x8e^8\xdb\xf4\xf3\x11\xcd\x122\xfe\xd7'</t>
  </si>
  <si>
    <t>b'\xa4\x843lJ~l\xfc$;\x94\xf33\xff\xf9\x96.8\xadj\xfb\xe1\xdf\x1ceP\xbc\xde\xa3Rl\x9e'</t>
  </si>
  <si>
    <t>credit garbage</t>
  </si>
  <si>
    <t>b'aCW{H\xdd92\x01\xdb\x072\xff2J8l\xa5\x8bQ\xe9\xa9\xc0\xd9\xca\x9e\x9f\x8f\xaa\xc7\xb6S'</t>
  </si>
  <si>
    <t>b'y\xe5\xb0\xa2\x0e\xbeMh&gt;{K\xa4\xf9\x99_\x03#\x13\x04wK\x84\x87\x04I\x9b}\xa0V\xd6}q'</t>
  </si>
  <si>
    <t>Make life easier</t>
  </si>
  <si>
    <t>b'uxu\x0e\x12\x1eW\x02]\xf2\x90\x96\x1d\x87\x9fz.\xa0\x7f\x13.\xf4P\xce\xce\x00\x18^^\x11 \xcd'</t>
  </si>
  <si>
    <t>b'K%k0\xea\x86,\xe1\x1f\xe4\xf7S&gt;9\x1c|\t\xed\xc6ND&gt;\xe7\xa3^\xa6\xda[\xdd\xda\xcf\x81'</t>
  </si>
  <si>
    <t>3 Yr Plan to Ditch High Interest Debt</t>
  </si>
  <si>
    <t>b'\xf8\xfdZo\xdd\xe9F\xb2\xa5\xb1D\x1f\xe8\xbe\xad\xff\x042\x99\xb4\xaa\x984\xeb\x96\xd9\xc2\t\xd7\xb9\xe6\xee'</t>
  </si>
  <si>
    <t>Medical Bills/Consolidation</t>
  </si>
  <si>
    <t>b'\x80;p\xdai\xb7n\xdc\xf1\xa9\x0c\xfa\x12M\x10Wp.7\xa7!\x0b\xae\x99\xc6A\xe2\x95\xce\xcf\x95\xdc'</t>
  </si>
  <si>
    <t>kitchen</t>
  </si>
  <si>
    <t>b"\xd0\x80\x95\x910\xafM\xbd'\xdf\xf4\xae\xb0p\xe0/\x9f\x08\xaf]3;\xb5I:\xdbg\x06\xf7*$\x13"</t>
  </si>
  <si>
    <t>conloan1</t>
  </si>
  <si>
    <t>b'\xe9\xe7\x96\x93\xa9\xeb\xbb\xf3EQ\x03\x191\xe2As\xb5*\xa0\xbb}{d\xca.\xbc\x9d\x8a\xd2\xe2\xe31'</t>
  </si>
  <si>
    <t>BetterLife</t>
  </si>
  <si>
    <t>b'\xc8V\xb5\x1aM\x0f-\xd1\xb6+\xe0Yi\xd2\xab}\x9cb\x0c\xfb\x94\x07S\xfe\x8bS3\xb6\x15uu;'</t>
  </si>
  <si>
    <t>Debit Consol - home improvement</t>
  </si>
  <si>
    <t>b'\x98N\xedatW\xb9\xcb\xb5\r\x844\xd8\xc5\xb4K\xd0^\x94\xd5\xc8\x03L\xa3\x1f\x08s\x07J\xc3\xea\x82'</t>
  </si>
  <si>
    <t>b'fR\xa6\xcb\xfewc{\xc1\xf6\xd7\x8a\x8a\x81K~SCq\x9f\x076\x8f\xf1A|\x1d\xbd\x8e\xdc\x92P'</t>
  </si>
  <si>
    <t>b'\x16\xb1\x9a\xed\x8aaLi\x04\xb4\xbf\xa5\xe5\xa7e\xdb\xcb\xa0\xa8\x9c\xfa3\x1aY\xdc\x93G9\xdc\xe3\xd0\x8e'</t>
  </si>
  <si>
    <t>debt eliminator</t>
  </si>
  <si>
    <t>b'4\x90\x888\x86\x96\xde\x8c\xfeB\x86Er\r\xa4\xddR)]\xfe\x90\x1a8\x1f?\xba|\xed\xe8\xc8\xf4.'</t>
  </si>
  <si>
    <t>Harley Loan</t>
  </si>
  <si>
    <t>b'b\x82\x94W?(H\xd9P\xf2\xac \xa5Y\x0b8f\xeeW.HFF\xb1Q\x0f\xc4H\x99A\xb2\xf7'</t>
  </si>
  <si>
    <t>b"CJ&gt;\x0c\xa65'\x02UK\x96\x95\x88\xdfE\xe87/{\xbbB\xf9B\x82\x98\xdb\x03\xbb\xb5\x99\xd3\xdb"</t>
  </si>
  <si>
    <t>b'9b\r\x93\xc20\xe7\xe7\xa3\xef\xa9\xa4]\xd8\xe1\x86\xe9y&gt;\xe4\xf0\xceD\x15\xd2\t}\xb5\xdcw2\xbb'</t>
  </si>
  <si>
    <t>b"\x0e\xf2Q\xe0w\x08\x9f\xb2aN1\x87\xe5\xc22\x049`\xd5o\xe8\x9b\x05\xf8\x14a\x13\xb3o\xf7'\xc6"</t>
  </si>
  <si>
    <t>b'f\x16\xd2\x06\xf3\x98\x9a\xa7\x94\xadW\x94\x81C\xb0s\xda4^H7q\xde\xc3$~!Q\x94\x15\xc8l'</t>
  </si>
  <si>
    <t>b'\x03\x0cN^\xca&lt;\xa6\x13\\\x0c\x81\x93#\xc98\x9b\xa6\xeda\x98\x90\xc8\x02\x82(\x060\x8aJ\xe4\xd0\x8b'</t>
  </si>
  <si>
    <t>b'\x15y\xd0F\xc9\x0ef\x18\xcb\xda\xc9x\x80\xb1\xc6\xa8\xe8KN\x08\xd4\xf8K\xcf\x94\x9cZ\xdf\xe8Y\x80y'</t>
  </si>
  <si>
    <t>Payless</t>
  </si>
  <si>
    <t>b'\x9e\x16\xa2#\xb5\xda\xec\xd0&gt;\xe0\x1a\xb1\xd4\xab\x9c)y\x1esw\x95(\xa6\xe7\xa0C\x93\xdb\x89\x0f\xdb\x11'</t>
  </si>
  <si>
    <t>b'7&gt;\x94\xe5\x8fo\xa0g\\V\x90Z,*\x12\xf9#\xabf`B@g\x1f\x85\xb9\xb1^\xff\x83Y$'</t>
  </si>
  <si>
    <t xml:space="preserve">Student Loan/Debt Consolidation   </t>
  </si>
  <si>
    <t>b'\xf5\x0b\x13\x17\x837\x8a\xbe\xb3\xa1qeS\xb3\xe1\x89\xbf#\xe7\xd6\x08\xb7cQ\x8d\xdd`\xc7\xe5bC\x8d'</t>
  </si>
  <si>
    <t>b'\xb1H\xd3,\xdb\xde\xc8\xb5\x12\xe3(\xa6,\x17@l"\xe3\xbf\x08\x14d\xbb&gt;\xf4\xc1\xb1\xe5\xaa\xad\x9e\xfd'</t>
  </si>
  <si>
    <t>b'\x1d8\xf5G\xb1\xa1\x19\xa5\x9ak\x8e\xab\x87\xeeoe3p\x0c\x85B\xe2\x8d\xffWiEd\xc4\xe1\xc7\x94'</t>
  </si>
  <si>
    <t>b'=\xd0I\x82\xecM\xda\xbf\x1c\xfa-9\x10\xc3\xcb:p\xfd\x9d@\xa1\x8a\xa0&gt;\xd286N\x1aq\xad\x88'</t>
  </si>
  <si>
    <t>b'\xcd\x84\xcf\xe8\xa5\x85\xd4\x94\xd59\xb6\x12^\xb3\xd1\xfb\x8c\x88\x8e\xf8\x90K\xb5\x87H4\th\x88j\x8c\xae'</t>
  </si>
  <si>
    <t>b'\xd0h\x1d\xa0\x1b\xf3\xc0D\x0b\xb3\xb3\xa0F\x8c\x95\x05Um&lt;\x81\xb4\xdaz\xc3\xb4\nL\xb4\xd6&amp;\xe1\xf2'</t>
  </si>
  <si>
    <t>b"\x91\n\x85\xd1\xa9\x9c\xfe\x1e\x01\xf2%\xb0\xa3V\x9c\xf5~\xdeD\xc5\xb5&gt;\xb4j\xcc'\x94`\xab\xfa3\xec"</t>
  </si>
  <si>
    <t>b'5"9"\x9ef\x00m\x9eb\xa0\xd4\xaf\xd7\x1a\x84\x81\t\xa1\x1c\x15"\xfe\xc1\x9d\xbf\x17_J\x8e\xa8]'</t>
  </si>
  <si>
    <t>Consolidation &amp; home repair</t>
  </si>
  <si>
    <t>b'\xdb\xd5\xd6{;\x91y\xd0=]aaa\x127\xe5\xd7f\x98\xc8\xa9\xd7n\x85\xdd\xe1P\x02\x1a\xf2\xc9P'</t>
  </si>
  <si>
    <t>b'\xe7\x99\xf7\x04}\x19~\xf4I\xbf8\xdcy\xd1\x99\\9?$\x98\xd4\x1a_h\xc8\xc7\xb5\xa0\xd1\x95\xc7\xae'</t>
  </si>
  <si>
    <t>b'\xd0b\x94|\xb3k\xef\x87&lt;\x15o6l\tQ\x1dB\x8f\x9d&amp;\xae\x9b\x08\xd5D\x81J\xe1\x9a\x13!:'</t>
  </si>
  <si>
    <t>b'H\xf2M\r\xfd/\xba]x\x0c\x0b]&amp;\x999\xf4\x94\xab\xfa\xd6\x87\x04\x90&amp;&gt;#\xe5M\xec\xf1\xc7\xbd'</t>
  </si>
  <si>
    <t>b'\xebsU\x0e\xd0\x0bI+\xac\xa2_\x93\xaf\x91n\x8c\xca\xa3\xee\xa6\xca\x019#\x8d\xb3\x17\x8e\xc0A\xb3\xd2'</t>
  </si>
  <si>
    <t>b'\xc9a\x87\x0e\x13\x1b\xab}*Hs0\xb3\xf6E\xdb\x1c\x9a\x1c|\xeag\x07SJ\xa5\x16\x92\xc4\xef\xa5\x99'</t>
  </si>
  <si>
    <t>Consolitdate and Close Credit Cards</t>
  </si>
  <si>
    <t>b'\xde(C\x16\xdf\xe3%\x18\xd0\x94a\x9f\x12t\xe3\x86\xd7\x89\xc7\xb8\xe0x\xa5:\x82\xa3o\x9c\xb4\xed\x16\x14'</t>
  </si>
  <si>
    <t>b'\x05r\xd5\x00\xd2\x13\xd7\xb9\xff\xb0\xef\xa1a$*\x1f3S&lt;\xf2\xf6{\xbd\xf4\xb7\x7f\x14\x07\xe6;\xc2 '</t>
  </si>
  <si>
    <t>Goodbye Cards</t>
  </si>
  <si>
    <t>b'-\x93@_\x03\xe5\x8d\x17\x88\x9a\x82`\xe4=S\xdd\x04\x1d\xac\xe2\xa8/"&lt;\xcc.-\xd4g\xd8\xc0\x9d'</t>
  </si>
  <si>
    <t>b'\xdb;U\xbe\x1b\xa6\xd3(\x9a\x1b\xb6\x94a\x03\xc5=\xbe\xf8jv\xe36N\xcc\xd1\x1d\x1b\xd2MeC^'</t>
  </si>
  <si>
    <t>b'\xcc\xccr\xbe\xc3\xd7\xf2\xee\x19\xcfw\x0f|\xbf\xec\xe7\xa7gN\x84\x03e\xed\xbd\xd6\x81A\xcc!\xda3L'</t>
  </si>
  <si>
    <t>b'\xd1\xce\xac`\xdd\x12\xba\x0232X\x17\xf1\xea\xd8\t\xcc\x1e\x0c\xba\x1b;&lt;\xb3\xdc\x16\xfaaTO\x11\xae'</t>
  </si>
  <si>
    <t>AC Unit</t>
  </si>
  <si>
    <t>b'oQ\xe7-\xa5\x94gV\xeb\x88\xa1}|N\x95\xb1Tx\x0c!\x86E\x90\xd9\x8c\xee$\xfd\xe81V\xd7'</t>
  </si>
  <si>
    <t>b':#O\xddz\xb6\xf0\xf0"\x1e\xa0\xb4j\x8c\n]\xd3e\xed\x80\x9e\xcf\xac\x08\xef\x8c\xb4\xeb_\xe9u\x06'</t>
  </si>
  <si>
    <t>b'\x03\xd7\xe6\t\xa6\x08\n):{t\xe1\xd9.::#V\x15c\xa41\x1b\xab\xf9\x00\xbd\x03\xfe}\xa2-'</t>
  </si>
  <si>
    <t>b"\x88\x81\xb9,\xdc\xa1\x18\xc7j\\'\xb1\xafvz5\xd3\xd6\xe9h\x8at\xf1 \x98\x94\x88\x1a\x85\xc2\\\x7f"</t>
  </si>
  <si>
    <t>Control Again</t>
  </si>
  <si>
    <t>b'.\xdeA\x8ftL\xcf\xc2=\xb3V\x1bW\xfd/Z\xe60\xe4\xad\\h4ba\x00\x80\xfcHd\x15"'</t>
  </si>
  <si>
    <t>b'\xda\x12\xae!\xe4\xe9\x089\xfd_\x91\x19\xde\xfb\x15&lt;\xe9\xcd&amp;T\xb4\xe9\x7f\x9b\xae\xf6\xfa\xd2\x9f\x14= '</t>
  </si>
  <si>
    <t>b'\xd0\x81p\x148\xe0\xc7\xda\xa5\xe9\xf2\xce\\8y\x91b\x01\xa9\x1d\xe8i\xd3gyu2j\x02\x037\t'</t>
  </si>
  <si>
    <t>Debtconsolidationloan</t>
  </si>
  <si>
    <t>b"\x8c\x06PE\x02S\xe3w:e\xa1\x8c\xaa\xd7\xf2 +\xaf\xd9V\xc9\x86\xe8I'\xbd\x82\xa2\x92\xe5N\xf6"</t>
  </si>
  <si>
    <t>b'&lt;\x15_\x08\xf3\x98\x8eY\r\xd0\x0e:\x1f\x9di\x1c\xbf\xb3\x8c`\x1aZjk\xe3z\x89W\x98%\xf7P'</t>
  </si>
  <si>
    <t>b'\xd4\xc7\xed\xe6hH\xd6!\xd5t\x91="\'F1\xd8\xc0\xb6\xe0\xc5\xfek\xa7\xc9\xe8`UHs\'x'</t>
  </si>
  <si>
    <t>b'\xec\x14\xe9\xd3\x07K\x9b\xd2zi\x0fH\xbdw_\x11\x91\xec\xd9\xa4\xdd\x08\xdb3\xa56\x05.\x90\xe2)\xe1'</t>
  </si>
  <si>
    <t>high interest loan pay off</t>
  </si>
  <si>
    <t>b'\xce\xb2\x02\xc1Gk\xdb\xa6\xe8V\xe1\xf2QS`\r\xf0\x0bT&amp;\xe3\xd7\x8e\x1f\xf9\xf1\xa6"\xd1\x12)\xc7'</t>
  </si>
  <si>
    <t>b"\x18\tL\xc0\xa3\xb0\x06\x82\x94\xd4a\x07r',lV&amp;\x90\xb1MG\xcf\\\xe6\x97\x9f\xbe?\xfcj\xce"</t>
  </si>
  <si>
    <t>b'z\x00R\xfdw\x1c\xc0\xe9x\xf5\xa5\xd3\x03"\xc6o\xda1\xc9\xeaS}0b@\xbb\x02jP\xf9d\xc9'</t>
  </si>
  <si>
    <t>b'\xb4h\x19\x8a\xba5\xec\x966\x0f\x9b\x98\x92\xa2\xc0Y\x9c\xac_\xdb\xee\xe7\xa7\xd04\xdf_\xc1&lt;:\x0f\x14'</t>
  </si>
  <si>
    <t>'Cut the Cards'</t>
  </si>
  <si>
    <t>b'\xf8w\x16\xd9\x1d7\xc5\xcb\xc2\x85\x92\xc5\x8d\xa3k\x92R\xdestd3p\xdd:\xcd\xd2w\xa3\x17\xd4\x8e'</t>
  </si>
  <si>
    <t>College Prep</t>
  </si>
  <si>
    <t>b'\xb1&amp;\xd4\xb3\xc9\x9d\x07E~y\x81\xcd\xd1\xb8\xb0\xbbx\x7f\xc4\xa0\xc5M\xb5\xfa\xce\xad\x14g\x0b\x85~\x0f'</t>
  </si>
  <si>
    <t>Pay Off Quick</t>
  </si>
  <si>
    <t>b'\xcc#l\xb1\xb8[\xbe\xa5\n\xe9\xe5\xfa"z\x96\x08a?\x19v\x84[\x8a(m\x0f\x8f\n\xf2\xc3\xd0\xe6'</t>
  </si>
  <si>
    <t>Sunshiney Day</t>
  </si>
  <si>
    <t>b'\x1f\xfc7\x02\x9c\x03\xe5\xc4\x16\xf2\x95\xff\xa2\x03\xb6\x86\xff\x1el;\xcb\xca \x8c\xfc\x8fP7T\xeb\xff\x8c'</t>
  </si>
  <si>
    <t>b'M\x94|u\xba\xc0\xf7\xb6\xe3\xf4\x1c\xa4\xff\x83\xe7e\xdcD.]\xe0\x97M\x84J\xef\x0b\xb1\xe0\xdd\x93\xec'</t>
  </si>
  <si>
    <t>b'\xc4\x80\xf8\xcd\xb5=\xbaR\xe7E\x83\x9csWz\xb0\x19\xf1/\xd5\xb2\xca\xcf\xe4\xee\xe6\x80$~"\x99\xf1'</t>
  </si>
  <si>
    <t>Debt consol loan</t>
  </si>
  <si>
    <t>b'\xf1\xd9\xbe:g\xd45:\xb1bw\xedUk\xda\xf8u\xd7\xc6\xc2c\x93\xff8\xe4\x1b\xfep\x1c\xbb\x0bS'</t>
  </si>
  <si>
    <t>b'\xb2ZR\xd4\xb4\xb1\xa3\xc6C\xf1\x18\xcb;\xbbgM\xf0\x1c\xb1\x91V\xd4I\xbd\xb6\xd6-\xf1\x94\x02p\xe4'</t>
  </si>
  <si>
    <t>Debtconsolidation</t>
  </si>
  <si>
    <t>b'&gt;V\xa8\xc3\x95\xad\x18\xa43\xc1\x0c\xc9\x00YU\x10\xce\xebq\x86\xd5\xf4(\xf6\xf23\xd1(Fa#\x12'</t>
  </si>
  <si>
    <t>b"c\xe5a^J\xc4\xd1Ua\x17\xc4\xa4i\xbf\x0b\xa8\xb0\x87-:w}\xc4\xd6\xf8Y\xc7=['X)"</t>
  </si>
  <si>
    <t>Debt consolidation after home purchase</t>
  </si>
  <si>
    <t>b'\xee\x86\x01\xa2\xd9H\xd5\x18\x80\xdd\xdaXI\xdbu\x04A\xbb\xbb\xb8\xa6u@:\x95\xfc\x9e\xb7\x04\x9e\x95\xcd'</t>
  </si>
  <si>
    <t>b'\xd6B\xa3\x05\xc1\x1fE\xe3\xb1\x00*`\xf3\xe0\xcd3&lt;\xbe\r\x8f(_~(\x0f#\xd7t\x8b\xb8\x1d\xb2'</t>
  </si>
  <si>
    <t>b'K\xff\xcf\xa2\xe3i\xe7\xe5@\x04\xc4\xdf\xc0\n\xa4\xe1\x19\x0e\xa8\xcdbms\xe4\x1er\x948\xb6\xfb\x02\x10'</t>
  </si>
  <si>
    <t>b'\xcf\xa1a\x85\xab\xccA\x12s\xb3\xf6/\x08\xe1\x051\x11=7\xac}\xa8\xc0\xbbQ\xb0\x9f`o\xab\x06D'</t>
  </si>
  <si>
    <t>DebtRemover</t>
  </si>
  <si>
    <t>b'9\xb7\xad!\t\xd7\xfa\x91\x98\x1e\x1a\xfd\x9e\\\xe0\xa3\xdc\x1b\xe7\xab\x1a\xcd\xb3\x06A\x15\xfe\x1a\x91Rh='</t>
  </si>
  <si>
    <t>b'"\xeb;d\xcd\x109\xce\xfabZ\x9b\x0c8ci}\xc1\xeb^\x82\xed:pc^\xe1g&lt;\xa9\xba\xaf'</t>
  </si>
  <si>
    <t>b'd\x99uA\x97\x94%\xd2\x92\x89\x19\xcf\x9e\xd2TN\x96\xfd\xc4#\x7f\xda\x98\xbf\xe1\x8b\xa4\xd4\x90YA\x9c'</t>
  </si>
  <si>
    <t>b'\xc03mb\\n\xab\xd7\xe0$\xb9\x86\r\x0bO%\xb0\x7f4\x9c\xa5\xda^\xa7\x06n\x00}f\xea\x1aY'</t>
  </si>
  <si>
    <t>b'\xe7/9&gt;\x17Cl\n\xbcS\xf0Zp,\xde\x98 \x91p;\x92\xf1\xf7t\x949Ql\xb5.\xbfE'</t>
  </si>
  <si>
    <t>b'C9*\xf4\xfd^_R\xc0\xed\x94\xa2\xd0\xc9\xb7\xe4D\x1a\xfe\xf1a\xe7\x1d\xea1\x91\xd8s\xe0K\xb8\xf9'</t>
  </si>
  <si>
    <t>b'q\x1f\x85$\xe8\xf5\x073\x19"\xbb\xbf\x98\x8f\x04\xf7M\xdcH?[}6\xbc\xeb\x1af\xda\x94V\xde\xd2'</t>
  </si>
  <si>
    <t>b'\xa6\x93`\xf1\xc2\xf0\xae2\xf8&gt;0\xe5\x97\x93A\x9d\xce\xff\xe9\xff\x0b\x19s\x0f6\xcb\x10\xa1|\xfe\x9a\xe3'</t>
  </si>
  <si>
    <t>b'\x14\x9f\x07w\xc8\nxE\x1c\x91o\x1aM-(\x8c\xf7\x01\xa8O\x1c\xf4\x96\x82\t\x83\xf4\x01Q\x95\x12\r'</t>
  </si>
  <si>
    <t>b"\xd8\x87vX9\xe0r'^je\xf7T\x8f\x84\x98\xaaekf\x12\xca7d\xe7\x0ce\x92\xf8~\xc0R"</t>
  </si>
  <si>
    <t>Pay Amex</t>
  </si>
  <si>
    <t>b"\xb9d\xfe\x86\x81\xe9\xf4'\xe4\r\xc7\xc9\xf8\x83u\xb9\xa6x=\xaa\x9c\x9c\x9d\xf2\xaf\x15Xnb\x14#\r"</t>
  </si>
  <si>
    <t>b'\x83\xabD|\xca\xb9Gk/\ra\xf2\xa67\xfb\x01\x97\xc5\x8b\xc2\x1d\x0fB\xe3-w\xf2!\xc6\xe9&gt;\x9f'</t>
  </si>
  <si>
    <t>b'\x0fg\x7fC\xe5J\x83\xf1\xd6w\xfb\xb0Wh+\xeaN\xe1V\xe1\xe7\xed~f\x80*}\x86d\xb7\x97\x94'</t>
  </si>
  <si>
    <t>Debt Free in 3 Months or less!</t>
  </si>
  <si>
    <t>b"\xc4\xa2\xad\xac'9\x1d$\xdb\xc0\x12\r\xf3@\xbe\x83\xb8&lt;\x86\xe1\xfd\n\xcbPnaU\t\xb1J\x1a\xb2"</t>
  </si>
  <si>
    <t>starting fresh</t>
  </si>
  <si>
    <t>b'0\xf4$\x10\x81_P\x81p]\x90M\xc2o\x15Z\x9f\xa6\x86;3\xda\xech\xd9\xec\xbf\x9a\xa2\xec\x8a\x94'</t>
  </si>
  <si>
    <t>b'P\t\xe9\xc6\xdd\xdcN\xb5|\xb3\n\x15%v?\xbeOw\xae\rH\xf0E\tXJ\xdf\x8cJB(w'</t>
  </si>
  <si>
    <t>b'a~\xc6\x91\xc8\xdai\xc7\x97I\xf8U\xde\xef\x82\x04\x90\xed\xf4\xd0\x99\xc5\x88\xc7\xef\x08\x8am\x12\xc0\x8a\xe2'</t>
  </si>
  <si>
    <t>b'\x96\xc9\xee0f]i\x11\rr\xd58\xd5\x11\xabih\xf8[}(z\x17\xed\xf3-{\x95\x94z\xda\x9d'</t>
  </si>
  <si>
    <t>Paying the bills.</t>
  </si>
  <si>
    <t>b'6K\xac:\x10~x\xb4%\xac\x04&amp;d\x0e\x9c\x13\x1a\rv\xea\xa6\xba\x9a\x8e\xe2\x98\xad\r1\xf2`\xfd'</t>
  </si>
  <si>
    <t>b'&gt;\x1c|\xd5\x9b\xe6\x9c\xb8\x93\xae\xfa\x1bp\x08\xb75\x10\xfd\xef\xb2\x8f\x16\xf8\x1e8\xba\tB\xfa\xbbY\x01'</t>
  </si>
  <si>
    <t>Basement</t>
  </si>
  <si>
    <t>b'\xf1\x015\xd3 \x1c\x87\xd8\x83w[)&gt;\x00N0\xc5\xc2\x1bep\x02\xcd\xc6\x11\xca\xe8~\xbb\xa6\xd48'</t>
  </si>
  <si>
    <t>b'\xb1\xd9\xf8%Q\xc9{\x83P\xd3-\xcc\x1c\xf1\x0f\xf3}\xca\x80\xfe\x98\x13\xba`\x1c\x90f|\x91\xc4\xd9\xd6'</t>
  </si>
  <si>
    <t>b'%|{nx{\xa0\xe9|D\xeb\xae\xad\xd2\xaf\xfc/\xf5\t\n\xdc\xd4\xf1\xdc\x84\xacR3\xe5\xe3\xcc\xa0'</t>
  </si>
  <si>
    <t>b";kP;\xd2\xf7Q{\x9fUhh\xb4\x11*\x1d\x80\xa3\x93\x95\xef'\x10\x00\x8e\x85\xebBB\x11v\xc0"</t>
  </si>
  <si>
    <t>b'\xe2\x19\x8dl]\xf6\x9aGP\xac\x87\xdd\xa5\x12=\xc5\xf2H\x17\x18\xb1\xbe\xce\xc3|\xb00\xc1\xb1\x16\xc7\xa2'</t>
  </si>
  <si>
    <t>b'\xf4\xe5^0\xf0:,\xeb\xa0as\xe6\x04\x15\xdd\xa5\xc4\xa6?c\xcac\x0f\x1d\xf9\x83T\r`\xbe\xea\x98'</t>
  </si>
  <si>
    <t>Truck Repair</t>
  </si>
  <si>
    <t>b"\x9f\xe2\xd0\x1bp\xa1\x81\t'{\x1ar\xe7CZ\xb3\x96\xd4E\x9fR\xd6\xc1\x89g\xd0\xe6\xb8\xcag\xb5\x87"</t>
  </si>
  <si>
    <t>b'\xd6q\xf6\xfeu&lt;\x0b@\x10\xc535\xbfR\xe1\x8dx\xc4\xa5Q[\xbd0 \xac*\xda\xfc\x82CS\xdb'</t>
  </si>
  <si>
    <t>help me now</t>
  </si>
  <si>
    <t>b'5\xeb\xd9\xe4\xafg\xad\xf3=\x99?\x15!\x17&lt;\xd9\x8fG\x04`?\xf4I\x83wBl0{\xd8_\xe8'</t>
  </si>
  <si>
    <t>b'A"\xd0\xfeb\x93\x89h2+19O\xd4\xc1\xeev\x00q\xdb\x10F\x18f=T\xaa\xceN\x1f\xe4\x18'</t>
  </si>
  <si>
    <t>bill roof</t>
  </si>
  <si>
    <t>b'\x87f\xe90\xe7\x15\xfbl\x86\x7fY\xc8\x9b\x82\x80\xdd&lt;\xb0\xc2\x80\xbdB\x94}\xae\xe6\x94,\r\x81\xf8-'</t>
  </si>
  <si>
    <t>b'N\x85\xd7\xa3\xe6\xa4s[G\x14b\xb3\x99j{}\xf0\x92@\x19/\xc7n\x8d\x929Q\xbd\xab\xbfEJ'</t>
  </si>
  <si>
    <t>work vehicle</t>
  </si>
  <si>
    <t>b'-\xe7\x18\x88E\xa2qp\xb3O\x9a\xafH\xbc\x9c\xd1\x8c\x07\x92V\xae/OQo\x07=\x94\xdf\xf4\xe8\xf3'</t>
  </si>
  <si>
    <t>b'\xea\x95\x87\x87\x1a\x81\x01\xb7\x06R\xb4\x8c\xe5\x11\xf1\xc6qi*\x14\xef\xe3F#R\x15P\xc8Dh\xbdt'</t>
  </si>
  <si>
    <t>b' \xae\x17c\x07O\x17\xf2#E\xfe\xf1EH\xf9\xe9\xda\x81\x8a\xc8\xf8\xeb\xe2\xb2c\xbd\xd0q\xdf\x9f#"'</t>
  </si>
  <si>
    <t>b'%T@\xffO^\xfd!AG=]\\;pm*\xa25\x00?\xd5\xd5\xed\xb6\xd1\xb4\xc6d\xba\xe5\xd2'</t>
  </si>
  <si>
    <t>get debt free</t>
  </si>
  <si>
    <t>b'&amp;n\xdd\x84c\x93\xc7\xf9\x84\xf1\xf6m\xe5\xcd\t\xd8\xff\x90\x11\x9b+\xe3\xee\x03s\xa3\xd5\x8d\x8ab\x01?'</t>
  </si>
  <si>
    <t>credit.card</t>
  </si>
  <si>
    <t>b'\xfd\x98$\xb4?\xb9\x07\xd6\xc7\xef\xa8\x0f\xea.\xf97\xb6\x9dDi\x99J\xe6\xc9a\xdd\x0f\xdf|Le\x82'</t>
  </si>
  <si>
    <t>b'_$L\x0f\xa1\xbd\xabJ$e\xceh\x8e\x0c\x9d\xdb+\x93VoY\x92\x8e\xc7\x87}Xf\xb2\x12\xb0\xd3'</t>
  </si>
  <si>
    <t>b'p\xee\x80\xab\xf4\xcf\xa9.\x04&amp;Vu\x81\x96\x9c\xd6n\x8bD\xed\x91TP\x05F\x0fz\x90n\x98PX'</t>
  </si>
  <si>
    <t>b'qn\x87\xb3\xa7\x7f\xe4\x9bN5\x8a-\xa2{-u\x9e\x8d\\\x82\x9f\x89~\x08\x8d\xe3t\x16\x05C\xe1\x86'</t>
  </si>
  <si>
    <t>b'V\xf3\xd7\xa7\xe6\xcfC-\xccn\x1c\xa7F%C\xf3\xfa\x8f\xd4k\t\t\x8d\xeb\xad\xebu\x8fi\xc3\xcc\x16'</t>
  </si>
  <si>
    <t>b"6F\xfd\xecF\xfdhX\xb1\xee\xd8\xd8\x8e\x1f\x97z~(\x8d\xf1\xbe \x9am\xe4P\xbf@\x90'#X"</t>
  </si>
  <si>
    <t>save me money</t>
  </si>
  <si>
    <t>b'C\xdeB\x99\x0e\x0c \x1d\xb3+\xd8\xcbB\x81\xf60\x9a592se\xfa\xea\x8c\xd9\xf3\xeej\x9d\xc5\xf8'</t>
  </si>
  <si>
    <t>Paid my credit card</t>
  </si>
  <si>
    <t>b"U\x97\xd8\x15\xf2\xa6\x1d\x8d\x93\xebj\x92\xfb\xaa\x08\xc3\xeb\xee\xd38\xc4\xac\xb0g'Z\x96\x13g\xe3u\xa1"</t>
  </si>
  <si>
    <t>b'\x06\xc0\x82y\xfc\xbee\xd7\xe5Z"=\xe6\xdd\xb6w\x8dU\xaf\x84EHZ\xb9\x95\xb7\xcc8xWC\x9a'</t>
  </si>
  <si>
    <t>b',\xf3\xca\x1b&lt;\x80\xa3So\x1a\xd0\x0bb\r\x1a1&gt;N\x16\x00\xb6\x9c5:\xc5\r\xcf\xfe+s\xaf&amp;'</t>
  </si>
  <si>
    <t>b'U\x7f|\x06\xe2d\xfb\x0f\xcb)\xb9f\xa0\xbf&lt;\xad\xa2\x8d\xcb\xf8\x01\xd4H\x9f\xfe-A\t\x82\xa7\xa0\x9b'</t>
  </si>
  <si>
    <t>b'\x862\xae\xfe\xea\xd5\xb7qlW\xd7\xbb\x1f\xac\xec\x06-\x02\xdc\xbdU:\x89\xd1X@\x99\xf6\n\xff\xbd;'</t>
  </si>
  <si>
    <t>b"\xd4\xeaL\xdb\xb9\xc2\x1d\xff\x82\x00\xa5\x08\xbf7&amp;+\xfaz'\xd8\xdd @O\xad\xf1\x07\x05\x84U\x8d\x90"</t>
  </si>
  <si>
    <t>b"\xb5\x0f\\\xa8p\xfd\xcf`\xf5\x02\x8a\xc1\xd2F\xab\xdd'6\x8fd\x89\x1d\x8c\xd7\xc5T\x95\x90\xcaV\x18|"</t>
  </si>
  <si>
    <t>b'W,#\xad.\x8c\xbeU"\xc9\x02\xc3\xa3&lt;:\x95\x035!\xdb\xa3\xc0\x89\xfd\xe9\xe0\xddwm\x13\xd4\x98'</t>
  </si>
  <si>
    <t>b'Q\xd8\x84\xad\xae\xab\xabl\xb8\xb5\x06\xfbG\xe9\x8eu\xa7\xd6+\xb6\x11jL\x0c\xeb\xbd\x96\x93\x96{\xbe\x12'</t>
  </si>
  <si>
    <t>b'\x9f\x94K&amp;\x89\x10\xac\xbd&lt;\xd0\xff\x87\x99\x14\x10*\xbfa\\\xb4V\xa7[\xfb{\xac\x070i=\xc2\xd4'</t>
  </si>
  <si>
    <t>Consolidation - LC</t>
  </si>
  <si>
    <t>b"\xcc\xbd\x89\xfa#g\x04f0\xc8_\xc4\xba\x1ea(\xd1z\xf0\xe4Q\xae6(:\xb2\xe2\xa3'\xf8\xf5q"</t>
  </si>
  <si>
    <t>b'\x8e\x18"\xab\xc7\x9cS\xea\x81\x9da}/\xc3\x95\x92V\x19DX\xd0\xa0\xf6]^\x02\x1a\xf0\x86\xb3\xa6\x8a'</t>
  </si>
  <si>
    <t>Excess Card Debt relief</t>
  </si>
  <si>
    <t>b'.\xba\x1f\xb3\xe9\x96\x81\x80\xc1\x990&amp;\xe4F@\x9f\xcf]\x0f\x8e_\x93\xb1\xe2V!\xb6\x8a\xd5\x05\xc9q'</t>
  </si>
  <si>
    <t>Building Purchase</t>
  </si>
  <si>
    <t>b'B\x10\xae5U\xd6\xcdp\xa3\x87\xf8\x82\xad\xdb\xd3\xa2\xa5\x93\xdc4M\xce\x05\xa0\xe4\xfbk\xd8\xc4\x16N\xcc'</t>
  </si>
  <si>
    <t>b'\x7fn\xb8\xd9\xc8\x16J\x0bV\xe0\x0c\xab\x9boRLJg\xca\xca\xa7"B\xe0\x96\xd2&gt;\xfe\x9e\xcd\xf1\x93'</t>
  </si>
  <si>
    <t>b',BALBJt\xec.V\xe6\x86\xa7X\xf4\x9fx.\xc1\x8f\xa9\x93\xde\x06\xd2\xad&lt;1mEn\xaa'</t>
  </si>
  <si>
    <t>b"Fg)/IX\xab\xc2\x070\xbe\x04\x17\x1f\xd6\xf7'\x0c\xed\x11\r\xf5\xc5\xdc\x1ar5xe\x94A\xfe"</t>
  </si>
  <si>
    <t>Vacation without using credit cards</t>
  </si>
  <si>
    <t>b'\xb9\x89{{e\xd7\x0c\x0b;\xfd\xa9\x0e\xb9G\x08\xe5\xa5\xe7v\xa4D\xad\\\x8dNp\xf4\xfbg+[\x19'</t>
  </si>
  <si>
    <t>b'\xe3dU8$\xebS\x805\xa3\x00\xeb\x01\xe6A\x16/\xa2\xcd\xc3Vh\xe7\x957\xd2eW\n\xec*C'</t>
  </si>
  <si>
    <t>b'#Q\xde\xf0}PG\xe3&amp;\x97\xe4s\x03#\xcb\xa0S\x11\xa6\xe4\x1byV#_\x15\xf5|\xe3k\xdc\x84'</t>
  </si>
  <si>
    <t>b'\x1dO\x99\x0c\xf85\xf8\xc9\x96\xe8L\xccC\xf4\xaeb\x14\x16\xda\r(\xdb\xac\xa4\xcevu\x9ad\xf9\xce\xb8'</t>
  </si>
  <si>
    <t>b'\xc1\x0e\x88\x00\x9a\xa4\x06l\xd4\x94\xb6\xb3\xd6\xb6\xa8Y\x8e\xdb\x9a\xf4\xab\x7f\xf2\xc9\xa4\xfd\x0e\xf0&lt;\x85\xd2\xcf'</t>
  </si>
  <si>
    <t>Hot Tub Loan</t>
  </si>
  <si>
    <t>b'EH\x8b\x01P\xa5&amp;\x12\x94_w\xb7\xe0\xcf[3\xcc\x98\x86\xcaC\xf1\xd7\xb5\x81\xbeM\x00;AX\x0b'</t>
  </si>
  <si>
    <t>b'\xc2\xd8\x06\x9b)\xcf\x89\x04\xf3U\xa9\x93r\x16Q|\x1b\x1d`-\xc5\xa7/\x87B{\xfb\xb9\x05\x80hL'</t>
  </si>
  <si>
    <t>b'\x10\xa0\x0f\n\xda\xdfG\xb3\x83\xb0\x19~V\xa6ut\xcc\x9c\x06\x81\xbb\xec\xb5j\xc9\x83O^\x82X\x99?'</t>
  </si>
  <si>
    <t>b'\xf7K{\xc3\x14\x9fB\xc7^\xa5\xec*\\j\xa1\x1cN\x1e!T\xcf*\xe5\xc0)-\r\xa9i\x06\xbe5'</t>
  </si>
  <si>
    <t>Cut up all cards looking 2 get debt free</t>
  </si>
  <si>
    <t>b'\x1a6\xb2\xf1L1\xd7!\x15U-\xf3q\x85\xd8`nu\x7fYs&gt;%\x11P\x1el\x1b\xbc\xbe\x8cz'</t>
  </si>
  <si>
    <t>show me the money!</t>
  </si>
  <si>
    <t>b'\xfaZc&gt;\xfa(a\xcb\x88P\xa7:\xc9\\\xf7\x0b\x12\xf7c\x08\x9b\xf7H\x04\x8a\x0eq\xe8H\xc6;\x18'</t>
  </si>
  <si>
    <t>CCPayoffLoan</t>
  </si>
  <si>
    <t>b'=(\xe6\x14\x19\x03"\x93\x88\xa2g\xa1\x15P\x1b\x7f\x82?^Hy\x807K{\x9c\xc9!\xed\x92r\xfd'</t>
  </si>
  <si>
    <t>b'\xc3@\x06C\x08C\xf1M\xec\xc3OU@\x911\xf5\x00\x8ci:\xec.\xf8"!\xf4\x99\xb3\xd2\xcc\x15T'</t>
  </si>
  <si>
    <t>Debt consolidation needed</t>
  </si>
  <si>
    <t>b'\xe5\xcc\xd1_\x94\xd5\xb5\xf9t\x16\xb6#~/EZ\x8cF\xc8\xd2\xe2TS\x13\xa2\xbbs^\x98\xbb\xbb\xda'</t>
  </si>
  <si>
    <t>b'~\xc7y\xbc\xe3N\xfa\xf8\x8a\t\x84I\xfb\x96@\xf6\x00hoqm\xc2Y\x99\x18\xc8\x14&lt;\x98\x00\xeeq'</t>
  </si>
  <si>
    <t>b't\xdb\x9ds\xe4\n\xa8ZM`\x0fi\x82\x96\xdf#K\x97k\x8c\x1f\x1e\xf9`\x9a\x98\x06Jg\xfa\xa8D'</t>
  </si>
  <si>
    <t>b'\xa0\xd1\xc6Ygo\x1c3P\xea\xd7N\x93\xff\xbc^\x99*\x81\xe5\x18\x17\xcaz\xce\x08`\x01\xbc\xf1)+'</t>
  </si>
  <si>
    <t>Property Land</t>
  </si>
  <si>
    <t>b'\xda)\x18K\xdb\xf6\x08^\x1e\xde6Z\x02]\xc8\xc3\x9a9\xf6|(-\xd2\xc9\xb9\xa2\x90\xf9\xe6\xa5\xe9\x85'</t>
  </si>
  <si>
    <t>b'\x84\xad\xfc\xc5o\x1a\xaf\x92&amp;\xdet\x96\xdd\xf9U\xaf_i\xbep!J\x80\xb1\xbd\xd4^\xd8\xb4\x84U"'</t>
  </si>
  <si>
    <t>b'\xe8\xb7g\x1f\xd7\x81\x1b\xef\xd62\x95\xc2A\x9b@\xdc\xb9{\xb80\xa7\xce;{\xfc6\x9d\xf9 \x8a\x0b\xa4'</t>
  </si>
  <si>
    <t>b'F\xd4Yv\xdf%h&gt;&gt;\x0e\xcf\x98`\x99\xc8\xdb\xfc\xe5\xe2\x17\x03\xe1\xa6\xfa&gt;\x0f\xf0\x05t\xf5\x03\xc1'</t>
  </si>
  <si>
    <t>Vacant Land</t>
  </si>
  <si>
    <t>b'\xadc\xf8\x85\x1dO\xbb\xfc\xfe[\x8cP4\x85\x88\x00Z\xd7\x1fq\xbc\xcf\x13\xe1\xcf\x93N67s+\xa3'</t>
  </si>
  <si>
    <t>b'\xf7\xc0\x18\xe5\'\x92\xbcw@\xdb.&lt;\x9d"\xea\r\x0cV\\tS\xfd\x00X\xa9\rlw[m\x11\x17'</t>
  </si>
  <si>
    <t>b':\t\xaa\xb0\xc1\x08\xa0\xf5\x87\xe8\x9c\x08zG\x00\xb3\xc3\xaai\x03[F\xa9\x94\x9e\xb6\xd6\xfa\x03\xbc\to'</t>
  </si>
  <si>
    <t>b'\x1d/\xb0^\xb9\xa10\xff\xdc\xf7\xd0cK\xd39\xceeJ(J*g\x07\x98\x7f\x06\xdc\xb5}\xe0He'</t>
  </si>
  <si>
    <t>Bills to pay</t>
  </si>
  <si>
    <t>b'\xe1L\x1b\xb6\xdb}\xe9\x82[G\x8bgVI\xc1\x94%\xf0\x83\\t7\xb8oK\xbc\xf0\xa3\xd9\xea,m'</t>
  </si>
  <si>
    <t>lump sum</t>
  </si>
  <si>
    <t>b'\x91\xb1\x06f@\xbe\x0c\xc7w\xa8\x0b\xdf\x82\x11\xa1\xf0;\x1b\xfeaM\x98H\xfa|\x84\xba\xa5Yah\x93'</t>
  </si>
  <si>
    <t>b'\xeeBwjo\\&amp;\xed\x07xji\xf6-%\xe9\x94\x81_GfYo\xa0\xcb\x8ar\xcfwf\xf6\xe8'</t>
  </si>
  <si>
    <t>Car repair, wedding</t>
  </si>
  <si>
    <t>b'\xca\x17\x81\x9fa\xa6\x85\xfe!E\xf4\t\xe2\x92\x9f\xe0,Eu\x0f\xceL\xcd\xcc\t2\xafY+;\xde@'</t>
  </si>
  <si>
    <t>b'&gt;6\xd9\xb9\x10\xe1\xf2\nq5\xc0&gt;\xd18K\x9a!\x86\xa9*\xf4h8\x97N\xda\x0e\x04\xd6\xe2\x95\x08'</t>
  </si>
  <si>
    <t>b'%\x1fx?05T\xcbp\x92\xd0\xca\xee\x88\x0c/\xf0\x8e\xad9&amp;?\xbd\x8c\xbf\xc6\xfe1\xfc\xcd\xfe\xae'</t>
  </si>
  <si>
    <t>b"\xd3\xbf\xdc\x16\xd7=\xddj\xde\xd7\xa2\xee=\nU\xff\xd0C\xab\xa1j\x1f'J\x11\xeaHw\x15\x19\x85\xe1"</t>
  </si>
  <si>
    <t>b'\xa5\x91]\t\xc7\xc33\xe4\xce6\x11\x99d\x13\x18\x8d)\xaah\xaf\xa4\xd1\xb3K\xfb\xdfp\xdaVJL\xbc'</t>
  </si>
  <si>
    <t>Strengthen loan</t>
  </si>
  <si>
    <t>b"\xc6\xa1\x85\x86I'\x1ds\xdeq\x9fC!\x81\xe4\xd3\x1b\x07HO-\x89\x06\x02\xbf\nG\x9b\xe7\xec\x15\x9b"</t>
  </si>
  <si>
    <t>b"t\\p\xe7\x8f[8\xf4\xf7\xaaH7T\xff\x9e\nC\\\xf5\rl&gt;'.\\\x97\xb0\xc7e\xd0\x97~"</t>
  </si>
  <si>
    <t>b'\xd3\xdb\x1b,r\x80\xde\x0c,b\xf4\xb70\xca\xea{#wV\xfeb\xcf\x041\xe9\x88\xfa\x08\xccKQD'</t>
  </si>
  <si>
    <t>Help At Last</t>
  </si>
  <si>
    <t>b"m\xa9\xef\xb2\x96'Xth[c$\x8d\xcc3\xb8\xb8\xc9\x90\x0b$\xf6`\xccN\xf9\xdf\xa5\x7fL]\xf7"</t>
  </si>
  <si>
    <t>b'D\xad\xb5\x1a\x12\x93C\xeet\xed\x98\x0e3\xf8x\xd2\xe6v\xf2x1\x9b\xca4)\x18\xc1z\xe5\xab\x06\xbb'</t>
  </si>
  <si>
    <t>b'\xb8\x05kD#\xf7\x8e\x99p\xa2!\x14\xe8\x1d\x9cA\xc6I\xbb\x9c\x9d\x96m\xd9\xbf\xfcw\xe0\xad)\xd7\x9e'</t>
  </si>
  <si>
    <t>b'\x9cn\xdd\xde\x90\xb0\xb5*b\xbe9\xee\xb0\xce\xd3x\x8a\xa9P\xdc\x19#\xb4\x1d\xcd\x199\xf7*]"\xaa'</t>
  </si>
  <si>
    <t>b'D\x86U\xe8\x85\x85\xa1[\xbb5Fp\x1d\x7f\\\xf8\xcb\n\x13\xe3g\xed\x11t\x90\xcb\xc3PN\x10\x80\xfd'</t>
  </si>
  <si>
    <t>b"\x8e\xd2B\x8f/\x8e\xe9\xacwW\xe0\xad\x94\xd5\x8b\xd1+q\xe6To{`\x9a'\x16\xdb\xe9\xf4\x91\xc7S"</t>
  </si>
  <si>
    <t>Debt_1</t>
  </si>
  <si>
    <t>b'\xfc\x1b~\xbb\xd54{4\xe5\xe3\xfcM\xcei\x8e\x1f[\x03\xfc%\xc6\xb6\xcb\xd6\xd2b\xf2\x17T\xa2\x91\n'</t>
  </si>
  <si>
    <t>My gift to me.</t>
  </si>
  <si>
    <t>b'x\xa7I\xa2\xc9\xbd\xa4\xa8@\xa1J&amp;Z\xae6R\xee|\xd8l\x00]g&gt;c\xe5\xcd\xf5\xec\x08r$'</t>
  </si>
  <si>
    <t>b"\x99\xdd\xcd'\x05\x91[\xf0}\x97g\x98\x8c\x15L^&amp;\x9b\xc6ica\x19\xd0%\xd9\xf7$\x8d8^\xdf"</t>
  </si>
  <si>
    <t>b'\xc7\xde\xbe\xa8\x14]\xd8H\x95\xe4\xfaB\xf50 4\x92\x9eR\xa1\xb7\x1e\xcd\x85\xbb`\xc7\xc3hu\xb6C'</t>
  </si>
  <si>
    <t>b"\x00Hd\xac\x1d'\x11\xe6\xb8\xad\xb9^\x83\xa0\xf2|0S~\x92\xf5xZ\xc7\xcb\xe4\xab\xebOU\x12\xe9"</t>
  </si>
  <si>
    <t>b'\x97\xa9\xebl\xc5\x9b\x8b\xf7p4\x9c\xda\xe6\xb0\xccpjN\xbd\xdeB\x94\xb9\xcd\xc1,\x9f\xbb\xbd\xfd\x99\xbc'</t>
  </si>
  <si>
    <t>heatingandair</t>
  </si>
  <si>
    <t>b'z\xa3\x18\xab\xc1\x12\x9b\xcc\x1c39N?A\xb9\x9e+\xe5\xde\xed-[\xed\x0ez\x97\xf0O\x13\x0c\xda.'</t>
  </si>
  <si>
    <t>refresh finances</t>
  </si>
  <si>
    <t>b'\x9d\x0e0^\xf9\x8d9\xa7u\xe2\x10\xb8|\x95\xcd2\xeb\xcc\xc9jG\xe5\xf4q\x1eTN:9|\xbd\x8b'</t>
  </si>
  <si>
    <t>b'\xee\xbaE\xf6\xd2P\x86\xffu]\x7f\xe1\xb3\xe2k\x80)+\xe5\x00\x83&gt;\xaf\x07\xdbFq\xf3\xa9\x9f\x83\x9c'</t>
  </si>
  <si>
    <t>b'^;\x98??\xc6\xd2\x17\xe7\x93V"\xaa\xbaY].\xea}\xc7%\x05\\u\x1d\x18o\x11\x89=\xcc0'</t>
  </si>
  <si>
    <t>help debt</t>
  </si>
  <si>
    <t>b"-\xf3\x7f'.\xea\xc2\xec\xc8\x8b\xb7\t_\x11\x08\xab\x02\xef\xa9_CP\x8e.Y\x95,\xc3&amp;p|\t"</t>
  </si>
  <si>
    <t>b"OD\x90\xed\x0fP$'?\xa4\x0e\xf1l\x8d\xff\xa2\x91\x16\xc9e\x9c|\rQ\n\x87z_\tu\xf1O"</t>
  </si>
  <si>
    <t>b'u\\7\x9b\x80\x18\xe69"v\xc6\x92j\xa9\x93\xa3 \x9f\x9e\x14\xf4\x1b\x0fb|\xa88\x02/2\xae$'</t>
  </si>
  <si>
    <t>b'j\x1a$\xa3s\x0eUl\x10\x16\xb9\x15\xc5\x07\xb4_;9\xbc\x80\x8ca\xf0\xca\xd0Iy-\xa0\x1a\x9dQ'</t>
  </si>
  <si>
    <t>bank of america pay off</t>
  </si>
  <si>
    <t>b'\xb87P*\xca\xcc\xb0\xed|J\xadr\xa5"\xd0Ji\xbf\xfc\xe0#G\x85\xdf&gt;i&amp;s#4`+'</t>
  </si>
  <si>
    <t>Credit Cards To Close</t>
  </si>
  <si>
    <t>b"\x18\xff,\xac\xffC\xe6\xcb'\x03X\xa6_\x86\x04\r\x07Q)p\\\xb55/\xd0\x99\xcd8\x01\x8a\x97\xc2"</t>
  </si>
  <si>
    <t>b'\x19\xe9(\x9f\x9a\xac)\xd6\x83\xa3]\xb2\xac\xdc\xf8\x8f\xfd\xf4\xea^\x8f\x14\xfc\xf9\x99t^\xdaC{\x11&amp;'</t>
  </si>
  <si>
    <t>b'\xb9\xa2\xa8\x08\x91+`x\xe7/\x8at\x8e\xc0\xd4\xe5\xd8\x91Z\xf2\xcf\x92\x9d\xef\x84\x00U2\xaf,\x93\x15'</t>
  </si>
  <si>
    <t>b'\xfa\x88]\xbd\xb3\x84\xb5\x84b\xce\x0bp\x99y\xe4\x88\x10\xa8\xd0\x82\xb9W\xe1\x01\x92}\x8fu\x95\xfb\xe3\xef'</t>
  </si>
  <si>
    <t>b"\xe1\x05kfFpVBbOy\xcd\xde'\xf8\xed-%\x18\xe7[IS#\xd3Ev\xaf\xf9\xd5\x1f7"</t>
  </si>
  <si>
    <t>Comfort</t>
  </si>
  <si>
    <t>b'9\xffT[\xbe\xff\x8bQ\x08\x8eC2\xcb\xcf\x00\x12\xac\x16\xdd%g:f\x1e\xf3\xbd\x008Z\xf8i\xe0'</t>
  </si>
  <si>
    <t>b'\xff\xcc%X\xeb_\xber\xcc\xbe\xeb+\xd8\x1f \xb8\xe1\xdcs9E0A:\xd5\xfc\xc6\xb8g{\xf2)'</t>
  </si>
  <si>
    <t>b'\xe0X*\xcc\t{\x0b\xefD\x1b\xb4.\xa6\x02\x05\x1d4\x06X\xe5\xef@\xf6!\x05\xac\xf9BU\x04\xc4\xb8'</t>
  </si>
  <si>
    <t>Credit Card refinace</t>
  </si>
  <si>
    <t>b'\x04\x18\xf0s\xf69h\xef#\xcb\xc6lF/\xf4yj\xc6\x1c\xc6\x03\xcfk\xfc\xad\x97lb\xe7\xad\x04\x80'</t>
  </si>
  <si>
    <t>b'\xd4Qqr\x92`#\x1b_\x02\x12\xaei\xc0\rn\xbdm9\x83\x07\x16\xf7\x12q\x84\x9f\xfa\xeb\xedSy'</t>
  </si>
  <si>
    <t>b'\t^\xbf\xaa\x93\x9f5\xfe\xf1];-\xe5s\xea\xb6W\x96`\xc1\x861\xa47\xfd\xcf\xb2\xf3\xee\xc3;\xc8'</t>
  </si>
  <si>
    <t>b'(\xbdH\x14w.\xc7g\x00\xe5\xb5\x8f\xf4K1l\xf8\xf8?\xd9(\x8f\xf5M5\xc7\x07H\xd9#\xe5)'</t>
  </si>
  <si>
    <t>b'BmZ\x8e\xd4\xce\xed!\xfay\xce"\x1c\xc5wA\xf4\xf0\x07\xa9\xa3\xc3\xce\xf0\x8cE\xf1W=\xa9\x01\xec'</t>
  </si>
  <si>
    <t>b'\x0f\xf91\xb04\xd5L\x80 \xb5s\x17\x88go\xfeGI^t\xe9\xa5\x8d\x91\x1f\xbbD\x0c\xefE\xfc\x90'</t>
  </si>
  <si>
    <t>b'\x16\x07\xa0aS\xab\x15\x0e\xd4 \x11\x93\x1f\xc6\xe7 \x1d%J\x84\xa5\xfd\t!R\x94\xb8{/\xbd|\xfd'</t>
  </si>
  <si>
    <t>Citi Card Consolidation</t>
  </si>
  <si>
    <t>b'\xb4{\xc9z\x8b\xa0\xc4\xf21@\x90j\x81N[q\x87\xf1J.]C\xcbg\x86\xd9\x82\xc7\xa2\xcfL\x08'</t>
  </si>
  <si>
    <t>b'gS\xa2\x1e\xa3\x0e\x9d\x11\xd3\xc5&amp;\x9d\x8c\x01\x1e\x89*\xbb\xf0\x93\x9c\xc7\xed\x0b\x9f\x06\xf3|\xe1\xb8\x00\x1a'</t>
  </si>
  <si>
    <t>b'\xbe\xfc)\xfc\xf6\xd4&lt;\xb5}\xc5\xe8=B\x1bTAc\x15Iy\x1dIx7\xef\x14\xf1C\xcahS\xcb'</t>
  </si>
  <si>
    <t>b'\xc6\x91\x94z2\xdc\xef\xca\x8d\xfe\xd3\x8d\'\xff\x7f\xa7\xe0\xb9\xd7&amp;\x9a\x85(\x107\xe2L\xd9\xcd\xbe"\x1e'</t>
  </si>
  <si>
    <t>b'\x14\x8bE\x7f\x0fN`:\x17\xaeA&gt;\xe1\x8e\x1a\xfb\x00I\x0e\x06\xa9\xaf\xcbk\xf5(\xcc\x14\x93\xaf\x1a\xa6'</t>
  </si>
  <si>
    <t>Payoff existing higher interest loan</t>
  </si>
  <si>
    <t>b'\x19\xdd\x8b3\xf5n\\\xd4\rwm\t\xa4-\xf1\xcd\xd5\xb6\xbarr\xc2\x1d\xed\x189h$\xa9\xd0\xca\xab'</t>
  </si>
  <si>
    <t>b'\n\xaa\xfb#\xea\xef\xa0\x18D\x1f\xae\xe8\xf3K\x10&gt;p\xf90\\\xce\\y\x91\x97\x05\xf0QGA\xf8\xa6'</t>
  </si>
  <si>
    <t>b'P\x93\xf0$H\xbc\x84\xb5\xbc\xba\xa5kH\xcc\xf6\xac\xfd,R;+\x83\x9c\x0f\xabJ\xc6A\xe5\x86\x9e.'</t>
  </si>
  <si>
    <t>b'&gt;\xd6\x8fU\x1f\xdbh\x93\xfd\x00\xea\xffs[\x0b%\x90&amp;\xf9\xcc=\x13\xd5\x96e\xb5e\x8f\x08\xd7\x1ew'</t>
  </si>
  <si>
    <t>Fixitup</t>
  </si>
  <si>
    <t>b'\xad\xc0\x13\x19F\x03\xa0\xec7#\xfd\xe2\xe6\x88\xdb\xd4\xbc/\xeb@\x90\x0eU\xfd\xb3J\xf8\xab\x065\x14H'</t>
  </si>
  <si>
    <t>b"'(V\x02\x1b\x8dY\xf22\t\xbb\xbcZ\x07\x19\xabg?\xbc\xa4\xbbsG\x95p\xb9N\x1b\xce\xab/\xae"</t>
  </si>
  <si>
    <t>b'\xd0\x80\xeb|N6\x92\x01\xfa#\xccy=\x1d\xd4\xdba\xf1\xe9&amp;\xe6\xba\xa0l\xb1B\xbbY\xe4\xe8\xb6\xff'</t>
  </si>
  <si>
    <t>b'*}&lt;\xcd;\x0f\xfd\x9e\xf3C\xf7\xe0\xdb\xfc)\x18\xb8\xc4\xa4\r\xd7\x1cr1\x1b\x1a\xd0\x12&amp;\xa3\xa8\x82'</t>
  </si>
  <si>
    <t>b'U/\xd3\x9c\xb1\xd3!\x8e\x8f\x98\x1d\x9a\x0c\xeb\xeb\xa4K\x01\x9f\x11\xf4\x03\xa9f\xa5\xa1S\xb0\xa6\x14\x9c\xcb'</t>
  </si>
  <si>
    <t>b'Gf\x93\xf7\x93\x7fa\xcc\x8b\x0e\x1d\x035E\x9c\xaf$\x85\xb8\xdf\xa2bP\x89\xc1S\x14\x0c\x1e\xd1vZ'</t>
  </si>
  <si>
    <t>b'\x8f\x91\xda+\x97V\xd8\x8b]\x16\xf6\xf0\xb5\x81\r\xb8\x1dy.\xa7&gt;\xcd|\xe5\xab3\xde\xbc1x\x90V'</t>
  </si>
  <si>
    <t>Debt refinance to lower DTI</t>
  </si>
  <si>
    <t>b'\xe8k\x9c\xb3INKYL3\xe6\xca\xcd:\xf3\xb7\xe9\xfa6\x16\x07|\x12\x98\xbcG\x98\xf7\x97\xc6\x9e\x80'</t>
  </si>
  <si>
    <t>b'a*\xde\xc1\xd1\x19\xcd\x8e\xe1\x97\xfe\x8f\xbf8\x15\xff\xa8R\xf9\xd3&lt;\xe2\x8d\xfcw\xb6{+\x17XK\xd3'</t>
  </si>
  <si>
    <t>b'\r\xfbai\x9d\xae\x93Zn\xd1\x91p\xc77\xe1\x0c{$\x18$%\x95\x1a\xb4\x9bi\x10-R\x03\x05\xf9'</t>
  </si>
  <si>
    <t>b'\x0c\xd8F\xd8\xabM\x14\xbeO\xea\xb0\x05\xf6\x84[\xba@/\xdeLW\xaf\x95k\xfa\xa0~[R\x19\xd5\x1a'</t>
  </si>
  <si>
    <t>b'\x8a"2\x83XL\xbeQW|\xe0Ml\xba\xb9^E\x8f\xf5\xcc\xc3\xef\xc18\xde1zDHF\x07\x9a'</t>
  </si>
  <si>
    <t>b'.\xd4\xfc\x06\xec\x85\xcewcf\x1a\x1b)\xc98=%\xcd\xb4\xb6\x9f\x9b\x96L#\xdc(#\x1c\xd4\xe3('</t>
  </si>
  <si>
    <t>Kitchen Makeover</t>
  </si>
  <si>
    <t>b'\xe4\x01\xda`&gt;R.L&lt;\xb8z\xd3\xcfIG\xfb{\x0b\\\xf3\x9f\xb4\x13\xc2\x0fQ\xf7\xcc6\xebZ\xdb'</t>
  </si>
  <si>
    <t>b'63\xfd\xfb\x02\x82 \xdf\x19\xa7\xcf%\xa6\xf3\tn\xefD\xc7\x1d\xbd\xea\x86p\xe2C\xe9\xb5\xc5\xfb\xbd\xfd'</t>
  </si>
  <si>
    <t>Refi high interest credit card balances</t>
  </si>
  <si>
    <t>b'\xb3r\xb7\xb5\x9c\x96\xd52\xb7\xbd\xcf\xe6\x00\\y\x0e\x9c\x16\xf7\xdfD\xc9\xbcN\xa9\x96\xb2\x9eu?\xad\xd0'</t>
  </si>
  <si>
    <t>b'\xa9\xf4e\x8bw_O\xad\x00\x9d/\x1c\xaf\xf2v\xe44\xa0\xdae\x05\x88\x81lt\x07pa\xe8\xa7\xc97'</t>
  </si>
  <si>
    <t>Moving To Boston</t>
  </si>
  <si>
    <t>b'IQ\x0c\xb9!\xb4\x02\x1b\x85fk\xaa\xe1`\x0b\x02b\xa9\xb1\xcdp\x02\xae\x0f9\xfc\x11\xee\xff\xc0\xe5d'</t>
  </si>
  <si>
    <t>b'g\xa9\xb3\x99\xb9\\\xb7\x88\xc5\xf0\'_\x872"\x1f\xcb\xc6\xefB\xe5s\x92\x96\xe3\xcdu\xba\xf65\x8bd'</t>
  </si>
  <si>
    <t>b"&lt;L\xfe'8cX\xc5h\xed\xe8\xe7\xae\x91\x11o\x0e3\xfe\x06n\xaf\xe3\x0f\x93\xf9FF\xd9\xcf\x91\x95"</t>
  </si>
  <si>
    <t>Car Purchase for Commuting</t>
  </si>
  <si>
    <t>b"*J(rZ\xaf\xe0\x8d\x1bNRN\xbd\xfdb5\xefG\xdd\xef'`\x81\x8d\xc8\xc2\xdf\xcc\x8fQj&lt;"</t>
  </si>
  <si>
    <t>improvement loan</t>
  </si>
  <si>
    <t>b'j\xfdd\xa2\xb3\xdf\xc3T\xcb\x17\xcf\x99\x1fL\xbc%\x9e\t\x17\xccER\xe0]f\xaf#\xde(\xe0K\xec'</t>
  </si>
  <si>
    <t>b'\x92\x03\xb4\x98\x93\x1a\x9bk\x01\x04WAlM\xf1\xe6\\j\x0b`#y\xfc\xbe\xa6\xfd(\xac\xa5\xbd[\x9a'</t>
  </si>
  <si>
    <t>b'N\x9fEL\x833+\xdbV\xff\xa4d\xdcH\x0e.\xb6\xcf\xd93w\xce\x9b\x97\x16\x85\r\x89\x123\xbb\xdc'</t>
  </si>
  <si>
    <t>Etradestocklending</t>
  </si>
  <si>
    <t>b'5I\x8c\x8d!\xccj\xec\x98\x99l93*\xc2mPDe)\xad\xd4\xfb\x97\x07\xe0\xa4kY\x96-\x14'</t>
  </si>
  <si>
    <t>Being Debt Free</t>
  </si>
  <si>
    <t>b'B\x18I\x9f\xfb\x00\xc2\x1cv\x9dsRtM\r\x12\xcb{\xd8;@\x1c\xaa\xa2)\xaecqW\xe1\xb7\x19'</t>
  </si>
  <si>
    <t>b'\xe0\xe0h\x9bv\xcd)\xcb!~`\x9c\xc0\xfd\xfa%\xe0so*kp\xc9\xef\xe8\x1e\x00\xd5%\xec*u'</t>
  </si>
  <si>
    <t>Home loan and credit card consolidation</t>
  </si>
  <si>
    <t>b'\xb3"*4\'\x0b\x97\xd8\xc6\x82\xda\xca\xbc\xcf\xae\xd2\xb7\xed\xce\xfbc\xbcH\xb0e\x84(\xc9Vi\xac\xa0'</t>
  </si>
  <si>
    <t>b'\xe3)\x05M\x00\x0c\t\x9a\x9f\xc5\x94\x10\r\xc6\xe3\xedQ6R,\xa5\x98\xc5i\x95\xe00\xe3|\x17\xd9\xc6'</t>
  </si>
  <si>
    <t>Structure</t>
  </si>
  <si>
    <t>b'Q\xc0\x90\x83QL\x95\x037j\xb2\xc8t\xd3\xcac\x81dB7J\xf8\xdb\x99\n\x0e\x13\xe9\x15\xe3\xe6M'</t>
  </si>
  <si>
    <t>b'\xb5In\xc46\xe0\xfa\xbch\xd2\xfaK\x03I]?\x83\x91I\x0f\xf3\xb8D?;\xd7; A\xcb5='</t>
  </si>
  <si>
    <t>b'\x8c\xf7o\xaa{\xddy\xcb\x94\t\xbc\xac\xf7\xd7\xb0\x1f\x9c\x08\xb5\xe2,\x81\x9b)\xed+\x94\t\x9a\x17v\x8a'</t>
  </si>
  <si>
    <t>b"\xa6&lt;\xfe@t\xde\xe0\xab\xca\xd4\xbb\xc8\xce\x8e\x9aX'\x1dc\x1c\tz\xa2\xd2=\x98\xe9X\x91Q\x19k"</t>
  </si>
  <si>
    <t>b'\xa2n#\x9b\xb0\x97\xab+3\xc7h\x17\x08\x1c\xa9\xbb!\xb1\xc1N\xcb\x85\xfcJ\xd2\xab\x96V\xbe\x8e\xaa\x93'</t>
  </si>
  <si>
    <t>b'\xcfY\x05\xd7\x01s\xf3\xbf\xa8$\xc4\x82\xc3\xbc&gt;\xce \x19=\x11\xa5\xfab\x9c\xb3\x00|\x98&amp;O\xabx'</t>
  </si>
  <si>
    <t>Debt conso</t>
  </si>
  <si>
    <t>b'\x88\xad.\x8a,\x87+c\xa2`\x82\xd9}\n\xa5\xd0\x7f\xb6#\x07\x14\x8dK\xa6\xf9\xde\x18\xe37\xbe}^'</t>
  </si>
  <si>
    <t>One organized payment- at last!</t>
  </si>
  <si>
    <t>b'\xc1\n\xee\x04\x1c\xaej\xe93\xb4\xd5\x01L\xd7z\xa7\x92\xfd/\x83\xd4\xd5\x9c\x00\x1d\xac\x9eo\xf3\x9a=1'</t>
  </si>
  <si>
    <t>Consolidation Loan #2</t>
  </si>
  <si>
    <t>b'\xe5\xccF\x15\xc4v\x18\xb9\x9e\x0f\\\x89js\xa3\x85|Sp\xf1p{\tnX\xba\x85\xa0\xda5\xb7\xe2'</t>
  </si>
  <si>
    <t>b'\xa2\xd3\xff G\x07\x9d\x9ae\xa8&amp;7\xc9@\x0c\xc5F\x01\x10F&amp;T\xd4A9\xf2\x80\xaeB\xf4;m'</t>
  </si>
  <si>
    <t>Funneral Expense &amp; Medical</t>
  </si>
  <si>
    <t>b"r\xb5o\xd6\xf9\xbazs\x039\xfa\xe5\xb6\x1e\x8c\xae\xfc'\xa9\xa9\xdfp\xa74\x97\x144\x1f\r\xa4\xf5\xad"</t>
  </si>
  <si>
    <t>b'\x7f\x16\xeff\xdb\xd2\xbf\xa1T\x1cSCrt\xf0\xa1x\x87[\xfb\x07\xb3\x96^\x12\xbd_)\xb9\xd4\xc4\x88'</t>
  </si>
  <si>
    <t>b'dr\x0fM\xac9vkKpc\xef\xe5R\xab;\x9do\x89\x01rU\xd7\x18\x01\xf1\x1d-\x1b\x016!'</t>
  </si>
  <si>
    <t>b'%\xf7C\xc62\xd6\x07I%\xe4\xd25L\x9fc\xda}FQ\xb4\x02\xfc\x8d\x9b\xe7z\xc9\x8bY&amp;\xd89'</t>
  </si>
  <si>
    <t>thankyou</t>
  </si>
  <si>
    <t>b'V\x93h\xeb\xa1\xa3\x00\xa4cc\xc6\x82;\x91\x0f0\x8b\xf7\x86]\x8a\xba\x01+/\xbd=\x16\t\xdf\xa4\xe3'</t>
  </si>
  <si>
    <t>b"!\x87cH\xaeEPtbR\x83\x10%&amp;'F\x7fb\xf8\xbe\xd7@u\xf7\xcaKaV\x08\xccA\x89"</t>
  </si>
  <si>
    <t>b'+\xe6\x07\x15\xc1]X\xba\xe5\xc1r"74&amp;\xde\x14\xb6\xaa\xa0\xce1W\xc1\xbf;\x81\x8e\xc0\xa3\xa3\x95'</t>
  </si>
  <si>
    <t>b'\xf5\xd6\r\x1a\x10\n{\xde\xd2h\x05\xce\xce\x8e \xc3\xe7\x83\xb0\xba\xb0XF+"&lt;#G\xf5\xf3\xbe9'</t>
  </si>
  <si>
    <t>b'\xe2\xc4\x98\xf6\xbf\xcd\xa5!\x16\x87msVz\x12\x94\xb3\x07\xb4\xe1u\x0e\xc2d:\xd9\x9d\x01u=Q\x0e'</t>
  </si>
  <si>
    <t>b"}\x14\xb0rz\xfe\x19\xeco\xf2\xc5\x06'&gt;\x16\xb0Z?\xc9\xcaT\x9d\xa4\xb0hci6tY\xce\x16"</t>
  </si>
  <si>
    <t>b'{Z\xe9\xa7w\xa4\xb8\xfa\x19:~ \xba\xcf\x1fOzN\xa4\xfc\xa1;\x06\x96\x86 \x19\x90E\xf0\x97\xe9'</t>
  </si>
  <si>
    <t>b'=\xa8\xef\xeeN\xe6\x15p\x99\x03|F\xdeVa\xf4\x7f\xfa\x8c\xaa\x0fl\xe8\xe0\xd9\xd0!\x90\x17w\x89\xa9'</t>
  </si>
  <si>
    <t>DebtPayOffTime</t>
  </si>
  <si>
    <t>b'\xd9\x88\xfdo\xc3\xfb\x8d\xa3\xee1\xd0\xdf\x8c\xefp\x88\xd0\xbe\xea\xd66\xb2\xd7\x86 \x9b2P\xe8(6@'</t>
  </si>
  <si>
    <t>Help Me Consolidate Please!</t>
  </si>
  <si>
    <t>b'\x988\xa4\x9b\xa0A\xd0\xfcR~\xb6\x00\xe1\xf9\xed\xe5|\xaa\x1f\xa2\x1a\xad\xf2 }\xce%\x9a\x82\x9a\xda\xd5'</t>
  </si>
  <si>
    <t>b'[u\x9cu\xef4\xfe#@}QS[\xda\xb3\xdb\x02@\xe8\nA\x0c.\x80\xce[C\xeb\x96\x87\xae\x1c'</t>
  </si>
  <si>
    <t>Debt cleanup</t>
  </si>
  <si>
    <t>b'\xbb\xbf)V\x0f\x08\xaf;\xae\xe4\xc0!\x05\x0f]O5\x04\xdfN\xb1\x02\x01*6\x9f#B:\xa3\xeb\r'</t>
  </si>
  <si>
    <t>Debt Concolidation</t>
  </si>
  <si>
    <t>b'\xde\xe1\xa1K\xef\xa5\x1b\x1e\xd7\x15\xe1a\xffGvOuS\xe2\x98\xe5v\xb7agL\x02\x99\xa6\xe2\x1c\x86'</t>
  </si>
  <si>
    <t>b'\xd3\xa7\xe2|\xcd\xf7\x00\xcacX\x92\xb2\xdc\xb4\xad\x89\x8d\x85\xef\x02\x0f\x80\xe8\x16:5\xe7\x96\x8c\x10\xa7\xe4'</t>
  </si>
  <si>
    <t>b"y\x91\x96A\x0c'\xed\x8f\xad\xe6\xa64\x17|k0\xbc\xbb5\xf5\xba\xc2\xec\x18\xd4\xde.e\x9e\x15S\xe1"</t>
  </si>
  <si>
    <t>b'\xbb\xe4\xd0\xaa\xf9F\xfa1\x87I\xce\x7f\xf7\xf6_\xbd\x91$\xee\xd9\x80?\xab$\x1d\x8f\xcb\x9b\x98\x95\xb1\xae'</t>
  </si>
  <si>
    <t>b';\xdc\xb4\xa4Eq0\xd2\xc9$[\x18\xf4\xf1CSD\xe7\xa4p\x10p?&lt;$&gt;\xebp$={\xf6'</t>
  </si>
  <si>
    <t>b'n\xe7"b\xa95\xf3\x17\x1f&lt;\xc1\x1a(\xf7\xf1SA\xf2%\xdb\x1b\xcf\xa5\x93j\xdf\xe6\xb9W~j\x0e'</t>
  </si>
  <si>
    <t>b'\x00}\x94}\x84\x0f\\\xb3\xf5j\xf0\xc0.\x15\xe86ZU\x87\xf2C\x97U\xff\xa1\xcaZ[\xcfu\xe6\x91'</t>
  </si>
  <si>
    <t>Wedding Day!</t>
  </si>
  <si>
    <t>b')\xd2\xa4Y\xd6\x96\xfa\xb9\xb8\x15,\x0c\xa4-\x18l\x18Ol\xfch\xb1\xea\xfd\xf9\xe2\xb0\xb0\xd3B\x80\xbf'</t>
  </si>
  <si>
    <t>b'\x975\xe9\xabV\x14\x92r\x02\xf6\xb9\x95\x87\x8e*L-\x7f\x8e2]\x93\xb1\xc5)N\xca\xa2MtV\x12'</t>
  </si>
  <si>
    <t>b'1\xc0\xfaVEW\x9fD\x0b\xb0{B\xb1?\xdd\x8b\x93&lt;\x13\xbc_M\xa0v\xd4aO\xaa%0.\xb4'</t>
  </si>
  <si>
    <t>For Chase Card</t>
  </si>
  <si>
    <t>b'\xf8\x89TV\xd4N\x88\xb7\x1c{\x0cNvR\x08\x19\x97\x10\x1f\x8d\x80\xbf6&amp;i\xb7\x9aoU\xe4\xcf\x84'</t>
  </si>
  <si>
    <t>b'\x01\xe9\xb9\xc5g\xad\x1d\xd3\xacH\xb7\xdc\x02\xa5\xd36X\x8b\xe7\xa7\x01\xa4\x8er\xf7\x18\xe4j\x8c\xc3\x98T'</t>
  </si>
  <si>
    <t>pay off cridit card dedt</t>
  </si>
  <si>
    <t>b'\xd9t7\x8f^t&gt;\xb1\x114\xf5\xe8\x94:\xe7f\x07y\x05\xea\x86#\xe5^\xe8\xe6\xef\x11\xe0\x9fg\xb5'</t>
  </si>
  <si>
    <t>b'\x0e\r\xec\xac\xf3\xd0\xf7S\x1fh\x00\x1d\xd3\xe0W\x11\x1f\xb9\x81\xc2\xfbV\x93\xeaV\xd9\x94\xf8\xff\xf2\xcb5'</t>
  </si>
  <si>
    <t>Mini Home Improvements</t>
  </si>
  <si>
    <t>b'\xfd\xa0[\x11\xd7\x1bK-RB\xed\xd6E\x08\xe9\x15B\xd2\x08\xc7\x8c\x13u8\x8b\x95\xfcG\xc1\xf1\xbe\x88'</t>
  </si>
  <si>
    <t>b'\xc9\xa4\x93\xba\xe26"\x8b@\x9a\x8e\xcc!\xbe\x8b\xb7\x8e\xc0\xd7\xd3\xe1\xbdQ\'\x99\xbd\xcf\r\xd8\x90o\x99'</t>
  </si>
  <si>
    <t>refi option</t>
  </si>
  <si>
    <t>b"j:LO=*A\x81g%~[\xc3o\n\xb7I\xce\xb6\xbee\xc4S'\x1c\x19\xc9L\x93\xbc\xec\x81"</t>
  </si>
  <si>
    <t>b'X\xcfK5\xb2\xa8\xfc\x13R"\xbe*\x16\xe4\x9f\xb9,\xca\xbb\xf6\xa5\xc7TD\x82;\x8c\xa9\x0bq\xf7\xd2'</t>
  </si>
  <si>
    <t>b'\xb9m\x8d\xa5\xa3\x85\x0b\x98\xc3ts.;\x86\xc8c\xcc.]\x10q\x05\xb0\x96\x99\xaeE\x11\xa1\x9b\x9a\t'</t>
  </si>
  <si>
    <t>b'\x83&lt;J\x99\xe6\xb6@/\x0f\x17\x02\xb0\x932\xef\xcd=:l\xed\xbd;:\x8f$\xec0\x07\xbb\x9av\xca'</t>
  </si>
  <si>
    <t>b'c\xe8\x12\rY\xa2\xa2\xa6\xef\xf9\xcdg&lt;\xd0\x84\xd6&amp;\xdf\xacnw\xdf\xfer\xd6*r\xc6|\x19\x91\xac'</t>
  </si>
  <si>
    <t>b'{a\x11\xbe\xedM\xcb\xaev\x9a\x10\x81\xbe\xfe\x8bb\xd3\x99\xea\xf0\xd7\xe6H!\x8c\x06\x11\x88\xc2%b\x0b'</t>
  </si>
  <si>
    <t>b'\xf8P1\x9bxgs\xd2c\xba0h!w\x98o\xbb\xd2\x06Y\xcb\xaf\xe1\x90\x89\xe4\x86\xb8\x8e\x01@u'</t>
  </si>
  <si>
    <t>b'@\x06\x97\xd6\x9e\xff\xb2\xcf\xad\x03\xe0\x0e\\\xfaC\xbd8+F)\xb5F\x04Y\xed{dS\xe8\xb0\xdbG'</t>
  </si>
  <si>
    <t>b'\xa7\xef\xd4+\xf7"\x8d\xa5$\xf6\xd4/\xcc\xed\x0e\x1b\t\xc3\xf6\x86vV\xd3\x87\xd1$H\xd0.Tqd'</t>
  </si>
  <si>
    <t>b'\xe6\xbe7un\x1dz\xd9\xecim\x05X1\xa2\xde\xe2T\xc5\x04\x82=\xf1\x80J[\x17Z\x15U\xb3\xa7'</t>
  </si>
  <si>
    <t>credit card consolidate</t>
  </si>
  <si>
    <t>b'\xc6\xc4R\xe3\x08\x00f\x92\xcfJn\x18/\xb0\xe0\xd2&lt;\x9d\x87\xa6\x94Z\xc2\x98\x8d\x903FWm\xc9\xe3'</t>
  </si>
  <si>
    <t>b'\xc9q\xf5KiF\xe0\x90\x12a\x02\xfe\xd3\xece\x0f\x9dZP\x87\xb9\xbf@e\xc4\xd0\x96\x8c7\x07\xe5I'</t>
  </si>
  <si>
    <t>Loar for Credit Card Payoff</t>
  </si>
  <si>
    <t>b'd\xf6\xf3\r\x97\x0e\x1eO\x18\xaa\xaa\x93\x16u\x1f7$~\xfcp e\xdd\xa5\xfb\r\xac\xebNb-\x00'</t>
  </si>
  <si>
    <t>AMEX/IRS</t>
  </si>
  <si>
    <t>b'O\xedF\x88\xa7\xc3\xaf$\xab\x19&lt;\xa4\xa7\xc0\xad\xab\xd4\x87,[\xba\x8f\x8d\xab\xa7\xbd\xa1,\xe0QD\xb9'</t>
  </si>
  <si>
    <t>b'\xa0\x92\x11\x91\x80w/\xcc\xee\xb6-\xcd\x95R+\x9dFBF\xea\x98\xf8\x94\xafP\x06\xfa\xe8\x1dc\xc9D'</t>
  </si>
  <si>
    <t>b'\xe3\xe2O\xbe(\xa3\x90Or\xc7:\xcbIENPq}M\xef\x034\x8c\xe1~h\xf9\x00\xa4\xee\xfd]'</t>
  </si>
  <si>
    <t>pay  off credit cards</t>
  </si>
  <si>
    <t>b' \xdf\x8do0\x0f\x98\xf9\xad\xe6\xb0\x12\xdf\xd9\x0b\xfa:8\xcf&amp;M\x07\x12I\x85\xe3\xfb\xc6\xf0\x1eQ\xb4'</t>
  </si>
  <si>
    <t>Change Ride</t>
  </si>
  <si>
    <t>b'Q\xeb\xbc+\xe2G#K\x19\xdb\x03y\x13\x98\xef\x96\x86\xb3h;M\x0c_\x90l\xf1\xb3\x19&lt;\xa3\n&lt;'</t>
  </si>
  <si>
    <t>Home Improvements/Debt Consolidation</t>
  </si>
  <si>
    <t>b'W\x14(\xef\xd1\xb3\xb3\x13o\xf2h\xe5\xf9O|\x14\x8f\xedyK\xba\x94\xe65\xf1q\x1bS\xe8\xacPV'</t>
  </si>
  <si>
    <t>b'\x88\x92\xefZt\xe94\xec\x94\xb8\xfa:\xbaxbW\x9d\x02\xc4\x07\x08]\xf5\x9a\xad\xfeS\xca\xb0\xba\xff\x16'</t>
  </si>
  <si>
    <t>b'a_y2\xcb\xdf\xb2$&lt;;\xed\x8f\x1c\xd5\x83\xbbE\xf3K\x9e[\xb9\xf1\xfb\x88\n5\xd5~\xb54\xb4'</t>
  </si>
  <si>
    <t>b'\t\xe4\xc0SN\xff\xe8\x08T\x8d\xae\x18\xc1q\xdfDtP~\\\x98RpS;\xfeJ\x17\xf7\xac\xf6y'</t>
  </si>
  <si>
    <t>b"r\x00\xe9\x1ee\x8ce\xec\xf6\xe7*\xebi}=\xc2/\xb8\xf7\x1b[\xecb'\x7f\xc3\xdc\x1c\xbc&gt;8\x88"</t>
  </si>
  <si>
    <t>Reconsolidation</t>
  </si>
  <si>
    <t>b'w\x132U\x16\xd0\x17|\xfa\xd2\x1du\x99ed\x07\x01\x83\xfc\x9b\x97\xdfG}V\xbc\xe5Nl \r\x19'</t>
  </si>
  <si>
    <t>Easy Payment</t>
  </si>
  <si>
    <t>b'\xf4|\x9e\x83\x84\xb7\xe7-\xe6~\xd9(\x04\x13\x7f3\x07pEXQh\xa6\x9e\xed\xa9_\xee\xfem\tC'</t>
  </si>
  <si>
    <t>bill killer</t>
  </si>
  <si>
    <t>b't]\x84q\xb9ab\xcb5\x9c,\xdd\x02p\xa7\r\x14\x04\xb76B\xf15\x10/\xd4Z\xc9\x9dm\xa1\xdc'</t>
  </si>
  <si>
    <t>b'6\xe8?\xed\x1crV\x075\x88\xd6\xa3\x95y#\xa8\x83\xf0\xe5\xb7\xb2\xb1x&gt;&lt;\x0c\xd2\x1d\x17h\xfa\x83'</t>
  </si>
  <si>
    <t>b'\x04\x03\xd9\xf0\xee\x0fP\xdfr\xeb\xa6\xb2DB\x85\xf2\x7f)QQ\x11\xf4g\x16\x91"\x8b\x81\xc9t\xa5}'</t>
  </si>
  <si>
    <t>b']};\xf4\xc8\x04\xe90\xd4Z\xb3\x11b$\x0c*\xcb\x1e\x96^U$ZV\x06\x7fF\xd7I\xa9P '</t>
  </si>
  <si>
    <t>b'\xa3\\z\xb3\xe9V`\xbe\xfdT\xdcS\xddZ\xd8\x83\xe1!\x8dGw\x1a\xe7\x9a\xcam\xb9\x1c,\x15\tc'</t>
  </si>
  <si>
    <t>b'\x8aO\x02\x92\xcc\xe6\x95\xaa2\xa7\xd0\x80a\xb0\x1a\xe1\xab\xf7\x98K-I\xd7\xdf\x86\xba\xbf_|\xe3\xfe\xdd'</t>
  </si>
  <si>
    <t>b'\x0b\xf0"\xc2\x8f\x1c\xb4\xc4\x1a\xff 2\xce-\xc5\xa22\xc0d\x80A\xfas\xb0@(N\xa5c\x18k6'</t>
  </si>
  <si>
    <t>b'\x88\x02\x03\xd8r\x82\xec\xf2\x8f\x0c\x05S\xb6\xf6\xa9\xf8\x19\x9cx\xe7\xbal\xc9Z&amp;\x94m\xe9=\xe6=+'</t>
  </si>
  <si>
    <t>b'NH=\xceY\xaa\x9d!\xb4w#\xcf\xc7\xa2(\xac,L\xae\xe2\xba!\xa5\x97Y\x99\xe3\xa9\x1f\x06\xa1\x0f'</t>
  </si>
  <si>
    <t>b'\xba\xcd\x87\xbd\x7f\xdd\xcbXL\xe1^\xd6\xb8G\x14+\xd7\xda\x15\x06Ah&gt;*\xf1\x0bt\xa9&lt;\x9b\x1cf'</t>
  </si>
  <si>
    <t>b'g\xc9X\xc7*?&gt;\xb7\xa6\xb4\x0f\x9f\x8e\x01=s\x13u\xd8\xe9\x96\xde\xcde\x11\x80!\x9d\xc1**\xb6'</t>
  </si>
  <si>
    <t>b'\xb4F\x8a\xe2\x80\x99\x8f\xa8Qv\xd3Vkhm\x0f$\xe4d\xa4|\xef\xf7q\x1ahd\x1d\xe5{.\xdf'</t>
  </si>
  <si>
    <t>b'\xf7\xb7\x8auR\t\x15K\x94\x1eb~\xd0B\x8b\xcbA\x96e\t\x13\x97(\x92\x86b7\x92\xd5\xa1\xd9\x92'</t>
  </si>
  <si>
    <t>b'jZT8`\xa5\x8a\xef\xa2h.\xb8\xfe\x90*\xda,D\r\x0f\x9f\x04\x8c\x04y\x08X\x02\xf7\x98!\xd8'</t>
  </si>
  <si>
    <t xml:space="preserve">Relief </t>
  </si>
  <si>
    <t>b'P\x08\xd0z\xea.?\xd7\xd1Z\x80\xa3\xb0\\\xf7\xd6\xa3\xf0\xa1\x8e\xbc(\xbf4\xe6\x17l\x92\x0bKS\xb4'</t>
  </si>
  <si>
    <t>b'\x81\xa6\xfb\x860\xff\x16\xea\x15\xfb\xd6.!\xfb\xd3\xff\xbbkj\xbc,\\\x0e\x04\x84!Q\x99\xc6\xaet-'</t>
  </si>
  <si>
    <t>b'\xc8w \xffV\xf0;&gt;\xb6x\xc2:\xb8\xadP\x9e\x7f\xd1\x9c\xba\x13z\xac\xeb\\\xf5\x86\x85\x0f?\x99\\'</t>
  </si>
  <si>
    <t>b'\xa6\x01\xe6\xa7d\x0c\n6\xb7\xf2\x1a*\xcf\xc6F\xeb4S{\x0cK\xc7\xd8\xdf\x9b-\xbc\x80Xn\xf2z'</t>
  </si>
  <si>
    <t>b"\xc1.\x00\x0b?\n\x97M\x0c\xbc\x95T\x0b3\x18\x83O\x0f\x96\x02\xa0'\xc7@\x96\xe7\x91\xc3F\x16\xba\x15"</t>
  </si>
  <si>
    <t>b'1\x9b\x99|\x98\x0f\xc4\xcb\xe4\x9f\x85\xbfV\n"\xb7\xcf\xc8\xb8+\xb9\xe5\x19\xd2_;B\x14w\xe3$\xc0'</t>
  </si>
  <si>
    <t>b'b\xddE~\x9e\xd0\x83\xbe\x98\x7f\x97\xab\xe5u\xe0\xbc\x81\xce\xcem\xce9\xaf~c\xbd\x9d\x06\x10\xf1F\x8a'</t>
  </si>
  <si>
    <t>b'\xd4\xb6\xfc\x89\xf0hP7\xac]x\xc7n\xec\xdcn\xa9t\xe8\xcf\xee\xa1\xbbi\x1e\xc7!\xa4QXsX'</t>
  </si>
  <si>
    <t>my help</t>
  </si>
  <si>
    <t>b'\xeb\xd6\x10\x1d{\xcc"!o"&gt;\xd1\xa8\xa3\xb60\x7f\xd9\xf2\xb8\xa4\xa3\xee\x9d\xe5&lt;\x86\xb5a\xcc\x93\x8a'</t>
  </si>
  <si>
    <t>DebtCon12</t>
  </si>
  <si>
    <t>b'\x04\x99b\xda\x18?\xd0\xd6\x91\xcc\x83\x1b\x15\xc4Sb\xfe\x94\xae\xd8\x05\xbc\xfe\xe4\nO\x05\xda\x19\xb1\xa0\x8d'</t>
  </si>
  <si>
    <t>b"\x88\xc33\x88\x91\xa4\xac\xde&lt;\x9c\t\xb8\r\x91\xd4A\xfec\xbc\xf5v'4VP\x86\xfci\x9f4\x96\xb2"</t>
  </si>
  <si>
    <t>b'~\x83`\x02o\x13\xd6=\x00\x89\xdd\xf8\xc7\xf38q\x08^\x83\xfc\x17R\xa2\xceS(h\xdd\x8f\xab\x97K'</t>
  </si>
  <si>
    <t>b"g\xda\n7\x878\xb4r\xc1\xe3'l%h|\xb1\xa8F|\x05_w0\x18\x19\x14A\x85{#\x99\xca"</t>
  </si>
  <si>
    <t>b'R\x9fO\x1e\x82\xef\xa2\xa2\xb3\x87a\x10\xcfhI_g\xa5\xf8\x98\x8bA\xf7\xe2 k\x8f\xed\xd2\xbf\xb4\x93'</t>
  </si>
  <si>
    <t>b'\xc8\x12\xf3\xe3E\xddW\x8c\x1c\xb9\x8d\xfa\xfeX\xd4\x11\x89\xe3F\xef\x9b\x95\x07\xbb8tA\x894,\xf7`'</t>
  </si>
  <si>
    <t>Getting rid of credit card debt</t>
  </si>
  <si>
    <t>b'\x00Nej\xdf\xd8y\xff\xfaA\x94\xcb1^f\xd1\xb42\x16\x97\x9b\x13\x85\x0b\x84\xf8b\xfbqmc\x7f'</t>
  </si>
  <si>
    <t>New Job Refresh</t>
  </si>
  <si>
    <t>b'"\\v\x03Z\x14\xd0\xf6\xf1\xf1-\xa7w\xa8W6\x87\x13\x8e\x1b[\xc2M\xdf\x0b\x06\xb9\xea\xde7d9'</t>
  </si>
  <si>
    <t>b'W\xa1\x10V\x82\xf6\x17\xfb:^\x06\x89\xd9\xffv\x94\xdf\r$\x80\xdf\x05\x0c*\xb0\xca\xc5\xb5v\xf2\xe6A'</t>
  </si>
  <si>
    <t>loan money</t>
  </si>
  <si>
    <t>b'\xf4\x1d-\xbb\xb4\xcb\x96\x13^\xc4\xbc\nW\xce\xa1\xd4\xb2w\xe2r\xa9\xb2\x8a\x03rs\x7f(H\xfb\x83\x86'</t>
  </si>
  <si>
    <t>Consolidation 2</t>
  </si>
  <si>
    <t>b"\xf6'`\x87\xe3\x1d\x98\xcf\x92\xd2\x10@\x9c\xec\xaf\x7f\xad\xaeI\xab\xb9\x88\x85\xccG|d\xfd\xe1\x96\x7f\x8a"</t>
  </si>
  <si>
    <t>b'\xfc\xcb\x07aKN)+\xa6\xd2#/8\xd7R\xfe\xc3U\x12\xdaB(\xedS$\xa5t\x19\xdd\xe0\x93~'</t>
  </si>
  <si>
    <t>b"r\x84\xf5\xdf-l\xb3Y\xfd\xf5\xb5\xf9&gt;\xca\x0f\x93\xda\x06\xeeV\x9d\xa6\x83\xd7\x8a6'\xbe\x82\xe1H\x17"</t>
  </si>
  <si>
    <t>b'\xd7E\xecY\xcdt\xd7\x9cp\x02\xc7p\x9a\xab\xa4\xdd\x93\xf0\xd0ai\xb7\xbd\xe9\x9a\xf4\x02\xe8\xf6s\xdc\x1a'</t>
  </si>
  <si>
    <t>b'\xf1\xe7Y\xc2\x19B\x8aZ\x9f\x9c\x00\xbc\xfe\x0b\xba\x80\xf4\xb3\x05\x01}\xdbu/\xc9`\x7f\xd5Q-Y1'</t>
  </si>
  <si>
    <t>b"\xcd@\n\x0b}c\xde\x10'\r\x9a\xbe#\xcb\x0c\xa86\x90N_y\x0f\x0f4\xdd\xb4\x9e\xd5n\x7f}\xa6"</t>
  </si>
  <si>
    <t>b'9\xb1\x80N9\xdf\xc84\xe7t[\x94S\x04i\xe0e\xa7\xcfC\x89\x81m\xa0\xa8M&amp;\x8b\xe0\x7f\xf8\x81'</t>
  </si>
  <si>
    <t>b'^ExK^{\x84=\xaa=\x03\xd62\xc3&lt;q\xcaS\x0c4H\xe7\xfc\x97K\xbc_\x0c+\xbb\x9f9'</t>
  </si>
  <si>
    <t>Credit Card debt consoidation</t>
  </si>
  <si>
    <t>b'\xc4=0Y/I\x1e\x08\xc2eK[s\xc3a\xba\xac\xba\xa4\xa1Ex\xd9\x0e|S\x08]\x86j\x9dc'</t>
  </si>
  <si>
    <t>b'8\xa2\xb9\xebb\x8d\xff\x049&gt;-\xa8"\x9a\x91\xadA$?\xd6\x04+\xe0\xedR\xb0\xde\xb9S\x9a.A'</t>
  </si>
  <si>
    <t>Payoff high interest debts</t>
  </si>
  <si>
    <t>b'g%\x83dY\xba9l\xdb\xe5\xa8\x8b\x8b\xf3\xf2\x9f\xe2_:\x94/\xc8\t\\\xbd\xa5\xc6"\xf5\xb3q\x8d'</t>
  </si>
  <si>
    <t>b'\xedsb\x0c\x0b\xdfsF\x91\xdeF\x0cf=vH\xe5g\n@\xd2\xd9\xfd\xfc\xe7\xa2.\xce\xd0\x08\x08G'</t>
  </si>
  <si>
    <t>conso/hosp</t>
  </si>
  <si>
    <t>b'0\xbd\xb2\x0c*\x07\xab3\x87\xc8\x90\xff\xf1\xf5\x12\x0bq\xafR\xf8\x94\xbd\xfa\xdb\xe0\x8f\x9b\xbf\xb0p\xef1'</t>
  </si>
  <si>
    <t>Helping Son</t>
  </si>
  <si>
    <t>b'\x14\xa1CgV?\x08H\x90\x82\x19)\x92P\x97\xc8\x82\xa3\xdf\xec5\xd4\x0c\xa7D\xc4\xc1=:\xd2\x0b\x95'</t>
  </si>
  <si>
    <t>b'\x18\x82\x8f\n\x96\xbb\x98\x8d\t\x08\xe9Nhl$.\xfb\xc0\xa6mL\xdbJ\xc8s"(/_\x13x:'</t>
  </si>
  <si>
    <t>b'\rQ~37&lt;\xe8\x9c\xe7\xdf\x0c\xd5\xc5\xc1=\\\xa3\x11;cut\xa6euNG\xcb&lt;\xcc\xa86'</t>
  </si>
  <si>
    <t>b'Jj\x87l\x96\xaa\xfaw^\xde\xde\xd3\xb1\xe9\x86\x8c\xd3\xefbt:\x07&lt;\x15 =\xf0F\x0f\xb6\x06\x03'</t>
  </si>
  <si>
    <t>b"I\xdb\xd4\x9f\xe5\xca\x97\x93\x89\xe0|\x1d\xdc\xc5\x86']tF\xea\x04\r\xe1j\xb6m\x1e\xa1\x97\xf4\xd3\xcf"</t>
  </si>
  <si>
    <t>b"y\xf4[4\x94Ba\xa1\xc5\xdc\x87!z5&gt;\xf1Y\xd6'r\xa2\x89u\xea\xa7\xe1(\xe0\xe1a\x97M"</t>
  </si>
  <si>
    <t>Debt/Christmas pay off</t>
  </si>
  <si>
    <t>b"\xbf\tkHaA*\x10\xb6s\xf3\x0bZ\x82\xcd\xa2(\x0c\xfcp\xba\xb8e\xa2\xa3D*'\x95\xa2^A"</t>
  </si>
  <si>
    <t>b'\x1cdn\x89M\x0e\xd8|\x97\x84)\xb5\xfelh^\xdb\x12\x00g\xc3\xb1b\xc2i\xde\xd3\xe5\x9d\t\xaa\xb1'</t>
  </si>
  <si>
    <t>restoration</t>
  </si>
  <si>
    <t>b'"0oh\xc4h\x94,b]\xa6\xf0O,\xf7o&amp;\xeb\x9e&amp;S\xfc\x1d\xe0I\x89K\x8c\xf5\xb9;T'</t>
  </si>
  <si>
    <t>b'Js\x13W\xbe\xb1\xb3\xc4q\x07\xda\xd4\xb9\xacz\x8b\x17\xe3b\xc1x\x05\xba?\xb3\xceZ\x07q~\xca\xc8'</t>
  </si>
  <si>
    <t>b'\xb9=\xc5\xe0\xfbA"l\xb9\x95\x81\xb9!\xee\x89\x134p6Kq\xc0F&gt;$\xc2pz\x03\xe1^\x0e'</t>
  </si>
  <si>
    <t>b'\x07P\xe5\x8bd"r-\xdc\x04&gt;\xfdZK\x1b\x90O\xdc\x91\xea\x10+\xd5&lt;\x1c\x17\x1a\xcd\xd3\xe2\xa3F'</t>
  </si>
  <si>
    <t>b'\xe8\xb6y\x1b\xbeC\xcd\t\x89\x98\x1a\xcd]\x19Q#\xc8\xff$\x96\xcc|\xf2&amp;\xc6\x98\xde\xde/f\x03{'</t>
  </si>
  <si>
    <t>b"\xcf'\x1cp\x11\xc1&amp;\xc8\x06\xa9\xd1\xbdu\x04\xe4S\xdc(*h`\xa2\xb7\x03\xe6\x90 \x95\x06\xc1?a"</t>
  </si>
  <si>
    <t>STARTING OVER</t>
  </si>
  <si>
    <t>b'\xd1v\xc9[fH_\x87\x95;\x8dL\xf5\xc4O\x90\xd6\x9d\x94\xceH2\x9a\xbe\x01\xa8\x12\x19\xc3W\xea\xb3'</t>
  </si>
  <si>
    <t>Paying off debit</t>
  </si>
  <si>
    <t>b'\t\xe8\xbf\xbc\x96L\xcfG1\x1am\xd5RR1\x89\xd9g\xf1\x1e\xd1\xba\xa7\xd5\x85}\x00\x96\xa0\x7f\xb8\xe1'</t>
  </si>
  <si>
    <t>b'[\xec\x1dX\x0b\xbb\xd7\x11A\x8d\x9e\xd8Ewj\xc1\xfd\xd4\xda\xf9\xeeX2\x1f\xdd\xa8#\x05\t\x89\x14I'</t>
  </si>
  <si>
    <t>b'&amp;N\xc5\'"\x1b^\xd5\xc0\x12\xd3\xd2xo\xe0\x81\x07\xf8{\xe8\xad@\xdd\x19Q\xb7\x9ed\x97\xeeY\x87'</t>
  </si>
  <si>
    <t>b"\x19\xd5\xe6py\x88\xb9uv\xc8FI\xfa\x00\xf6X|3\x86\xb1\xad\xe9'\xe5\xd0\xba\xf6m\xe0\xb0\x89C"</t>
  </si>
  <si>
    <t>b'KZ\xe4\x03\xffE\xde}a\xbb\xef\xb8\xbb,S2\x05S\xa2\xce\xd6\xcc\xda\x7f\xbcy\xab\xb2\xb37T\xd6'</t>
  </si>
  <si>
    <t>b'-\x9c!&amp;\x96\xf3\xa8F\x14($E\x11\x0f\x16;\x8c\xe6\xbc\xba\xa1\x05\xfc\xc8\xe5Y\x8d\x99\xc5m\xd3\xae'</t>
  </si>
  <si>
    <t>b'\x1fY\xe8\'&gt;\\\xbc\xdc\xec"^B\xfd\xdbcP\xc1S\x87\xc4\xfb\xb3c\xb4p\xd5\xe7#\xc1$U7'</t>
  </si>
  <si>
    <t>b'\x10\xd7C\xe6\xca\x13\xf5Iy\x1d\xbev^\xe2\xe0\x01\xd9ly\xed\x8c\x1f\x17\x1d\xb6\xd0\x98\xe83\xd3\xdcN'</t>
  </si>
  <si>
    <t>Personal Consolidation Loan</t>
  </si>
  <si>
    <t>b'\xd4!\x89YG\xe5\x95\x01uGb\\\x05v/X~\xb4:\xb8\xed\x07\xb0\x06\x84\x08&lt;\xa5e\x97\xd3V'</t>
  </si>
  <si>
    <t>b'\xa5\x07\xe3\xb2\x92\x99T\xa7\xe3\xd1\x14\x08\x0e{\xd4\x14a\x15\x122\xdd\xec\xc4\xfe\x92\xe3\xa8\x89\x85\xf6\x06\r'</t>
  </si>
  <si>
    <t>Card Consolidate</t>
  </si>
  <si>
    <t>b'pB\xf5\xe53\xe4\x8c&gt;~\x9a\r7o\xd7\xab\x86\x06\x81Z\x89c\x19\x13\x14\t\xd6\x8a\xd5\xc0[\x08s'</t>
  </si>
  <si>
    <t>b'\x13\xedu\xaf%\xd1\xef\xf4\x01s\xdd\xa2+Re\xa8\xc0\xae\x19\x1d\xa3\x18}\xdc\x0c\x9b`\x92\x94\x7f\x96\xa2'</t>
  </si>
  <si>
    <t>b'\xbd\xf1}\xb3\x1a\xea\xa5\xc0\xe12\x86k\x9f%&amp;&gt;\xa6iJ\r\xd8\xd2)\x9c\x97\xb7\x80\xec\xd5\xac\xe3P'</t>
  </si>
  <si>
    <t>b'\xe7\x96~\xcc\xcb\x95B\x1f$\xf7~\xe5\xdb@\n\x1d\xc9\xc9a\x0f{\xf3=\xccI\xdbw\x80\xa3\xde\xbb\x99'</t>
  </si>
  <si>
    <t xml:space="preserve">Cc loan </t>
  </si>
  <si>
    <t>b'\xb7\xe3tz\xd2a\x10\xa8\xfc|\xe6\x02z\xd4\xd08\x90\xe5M\xdd\xd3T\x83\xa6TRa\xa5\x9b\xbb\x14\x8c'</t>
  </si>
  <si>
    <t>b'vr)\x14\x98&gt;\x07(e\xd4\xdb\xbd\xf9\xe4\xeb\x92\xc8\x08\xe3\r\xb0\xf0\xc5y]@%\x0f\x93\xb2=\x15'</t>
  </si>
  <si>
    <t>b'\xe9\xe8\xafm\xbc\x1eM\xbf\xb1\x9d\x90\x7f9\xff\x05jh\x86`\x14\x07\xd6\x06\xd6\xda\xc7\x8c\xb0\xd4\xe9\xaa\xdf'</t>
  </si>
  <si>
    <t>b'\xc9\xb3\xf2\xfc$\xe3i\xdd"\xeb\r\xf1u\xb7\x03\x8e\xd1j\xa5\x9a\xba\xc1\x95X\xc7\t\xa4m)\x8e&amp;*'</t>
  </si>
  <si>
    <t>b'^-i\x960\x0fu\xfc\xa9\xcfKl\x92s\xb1:\x17\xcfdR\xb5r\xd2\xa0 d\x1b\xa1\x9e\xb9\xf6p'</t>
  </si>
  <si>
    <t>b'\xa9\xeb\x8eW\xe3c*\xd6\x86\x85\x1c\xc9\xb5\x11\x13(\xf8g\xc6\x15\xca\xdd\xbd\xf6\x9dLg\xcd+;_\x96'</t>
  </si>
  <si>
    <t>b'\x02\xb4\x93\xb7R_\xdfy\xae\xcf}\xad\xadO\xaa\xe2,\xae\x8b\x89)\x8f~Xv\xb1\xb6W\xee\x84\xe2%'</t>
  </si>
  <si>
    <t>b'\x95\xac\xee\x84K\xf8%\x12f\r\x908\xfe[\xfc\x85Z\xa8`X\x00\xb5`\xae\xd0\xbc|p(\x82\xda\x8a'</t>
  </si>
  <si>
    <t>Consolidating My Debt for Bus Startup</t>
  </si>
  <si>
    <t>b'\x8fbY\xdfgA\xc1\xe4\x89\x04\xeapbNQ\xf9M\x0c\xb1\x90\xe9\xee\x05\xaf=\xb8\xe4\xbf\x99oUO'</t>
  </si>
  <si>
    <t>b'\x83\xb5\xec\xe3f\x95\xe9\xfe\x00\x98\xe2SD\x824\xc6AQ\xa3\xec5\xba\x1b\xea\x96\x87\x92w4v\xbbP'</t>
  </si>
  <si>
    <t>credit card lower rate</t>
  </si>
  <si>
    <t>b'\xec\xc7\xc5nuM\x94\x92\xf2\x1e\nJ\xaa9\x9e\xfa\x98\xdf\xae\xf6\xf7\xe1;\xf6\xbd!\xa7\x87\xc6\x07\xb8\x06'</t>
  </si>
  <si>
    <t>b'\x90\xaf\xeff\x93%w\xcf\r\xe9\xf4%\xe2\xe3Q\xbbA3\xb9\xfev \xdc\x17D\xf9\x96\xfag\xaan~'</t>
  </si>
  <si>
    <t>b'\xe0\xfe\xbe[\xa0\xe2\x0e\xa1*\xc7l$=\x1f$\n\x1c&lt;!)r%\xe6A\xc4n\x15~\x87\x08\xbc\x95'</t>
  </si>
  <si>
    <t>b'\xe4\x9a+\xfa5\x1a\xe5\xd0\x00\xdf\x83%\xd1\x1dQW-\xb8\x0cA\xa2\xf9\xc8\x98\xa7\x9b\xe2\xadU\x9c\xdf@'</t>
  </si>
  <si>
    <t>home improve</t>
  </si>
  <si>
    <t>b"~Q'z\xa3\x0b\xeb\x96)\x95\xad\x89\xd9M3g\xc2\x1e\x95r\xd1\xc5E\xda;\xe5\xaa[F\xb9\x89\x99"</t>
  </si>
  <si>
    <t>Boat/Debt Loan</t>
  </si>
  <si>
    <t>b'(0\xfeUU1\xa85\xd2\x8d\x88/\xb2\xc0zH5\x18\xbcc*\xcc*\x13\xf5\xd0\xc0G\xce1&gt;\x18'</t>
  </si>
  <si>
    <t>placebo</t>
  </si>
  <si>
    <t>b'\xecC\xe2]\x9c-\xc2\x1b?\xc2B\xa37\x19\xb6\xcbK^9\xd2\xd3\xc0\xaa\xf4\x94\xfe\xb9\x1f\xca1b\x82'</t>
  </si>
  <si>
    <t>b'{\x9c\xe7\x90U\xb5r\x9b\xda\x9c|IyA\xb3\xfd\x94J\x1e\xaf\x0c\xe4\xdd6\x9fy\x8c\x91\xd07\x0b-'</t>
  </si>
  <si>
    <t>b',\x89`\xad8 n,\xdf\xac\xfd\xa8\xca\xe1\xf6cm\xd0&lt;\x14\xb3\xe63\xe3\xde\r\xa0f\x03\xb7j\xb9'</t>
  </si>
  <si>
    <t>b')\x8e\x02hw\x01"\xdf\x08\x08\x07/m\xee\x9e\xa5\xcb\xe3/\xa25\r\x17\x89K\xee0I\xfc\xbd9\xd1'</t>
  </si>
  <si>
    <t>b'\xa1\xb0\xd9\xf2\x0b"\xdf\xc2[\x93\x95u\xb9go-\xfa\xb4*\xd1\x00g\xce2z\xe1\xfeE}\x08b\xfb'</t>
  </si>
  <si>
    <t xml:space="preserve">Better Loan Choice </t>
  </si>
  <si>
    <t>b'\x0f9!9s,\xeb/\xd5\x9f\x8fg\x8e\xfa}\xd5\xa7\n\x8d\xcc\x82"7\xe5E\x9b\xbeW`c\xc9\xd0'</t>
  </si>
  <si>
    <t>b"\xb8\x19\x87\xe7\xde\xb2\xe9\xe8\xbf\xd9\xc5\xa8\xc0H'Aw\xaa&gt;;t\xff\x07X\xac\xaa\xe7\x9f\xf5{\xa7\xe4"</t>
  </si>
  <si>
    <t>b'\xcd\xda\xd6[\xbeR\xb9\x06:&gt;J\xf6\x88\xb8\x941D\xde\xba\x83*\x8a\x1b4\x88\xd8T}\xf1\xd0\xac\xa6'</t>
  </si>
  <si>
    <t>b'\xbd\x0fk\xea:\xef\xbcj*\x9eh8?\x06\xe7\xc9\xc1\x94y\xdb$\xafW\x12V\x8b\x0e\x15\x84P\x06\x96'</t>
  </si>
  <si>
    <t>b"L~o\x05s\xb2\x19X\x99\xbf\xed\x1c\x8a&amp;\x97\xa4\xd2\x8cZ\xa5'^rSe\x16\x87Tiz\x02\x85"</t>
  </si>
  <si>
    <t>b"\xb1\xca\xa3H\x88\xd3VT\x99\x0c\x82\x90\xcc\xb0\x18-'W\x16E\x0bB8t\x9e~~\xe8\x9f|\x829"</t>
  </si>
  <si>
    <t>b'\xe32\x0eG\xacs\x96+\x8d\xa5\xfex\x93`T,\x8d\xd4{M\xd6\x8ay\xfe\x8a\xb3\xa4m\xe4\xbeL\x86'</t>
  </si>
  <si>
    <t>b'1E\x81\xb2\x84\xcfTk\xc6\xde\x9bU\x19\xa4\x8b;\xe8}\xfc\xfd}\x9db\x8a!u\x0fyU\xba\xaa\x05'</t>
  </si>
  <si>
    <t>b'\x8adY\xf8\x86:\x9a\xa5\x9f,\xd9jy\xc2\x9b\xf6w6Z\xc5\x9e\x15\xbe\x7f/b\xb4E\n\x9cP|'</t>
  </si>
  <si>
    <t>b'\x80D\xcf\xe8\x87\xd5&lt;A\xa3"s\x84\xe5\x00H\xda\xcf\xb9$T\x8aXW\xb7\xbb\xf3j\x83\x05cK\xca'</t>
  </si>
  <si>
    <t>b'\xde\x91&amp;\x825o\xf4\x7f\xeb\xd5\x9b\x82\xbf\xd8i\xc8D\xaf\x0e\xbb\x1e\x9d\x82`\x83\x07\x1au\xdb\x11\xad\xb6'</t>
  </si>
  <si>
    <t>b'_\xba\xb8I\x17\xae@\x9a\xca\xe0\xbf{{\xebz\xb3DI\xd2\xef\x8bB\xebk\xf4\x9c\x1d\xbb\x0b\x13\xb8a'</t>
  </si>
  <si>
    <t>b'W!\xb0\x91\xb5\xf3\x9d\xfa\xbcg*\x83\x1e4\xdc\x89\xd9N\xc9K\xee\xdf\xba\xdf"\xcc,\xf2\x08jp\xf6'</t>
  </si>
  <si>
    <t>b"]Q\xf9\xa2\xd9l\x96Eu}\xe6s}\xc5\xed\xbbkF\xd7\xa0\x0f\xf2\x9c0\xf2\xe6yy'\xe8\xeb\x84"</t>
  </si>
  <si>
    <t>b"\xbdF\xc4\xa8x\x9dM\x0b\xad\x02X)\xfb\xfc\xa3e\xdc\x08\x8f'\x8b\t\xf3H[\x86\xaf&gt;\xf5\\\xc3c"</t>
  </si>
  <si>
    <t>b'\xd7j\x01\xfa\xfb\x92\xe8\xf2\xde\xe8\x80x\x1b\xb9\xe5%\\\xb3U\xfd\xcc;V7\x1d^\x93Z\x0b\xb2\xf7\x9b'</t>
  </si>
  <si>
    <t>b'6\x82\xf1\x8c\xb1\x9d\r\xfe\xd1\xcc\xa3\xacX\xebt\x96s\x93\x9a{a\r!\xbd\xec\x1e\x17*\x90\xfdMe'</t>
  </si>
  <si>
    <t>Debt Free!</t>
  </si>
  <si>
    <t>b'\x9c9z\xaa#E7\xca\x11\xf3\x14`I\x10-(\xda[\xd2\x80t\xa5|+\x87\x97\xbfm\x0c\xb2j\xb8'</t>
  </si>
  <si>
    <t>Consolidate higher interest loaw ac unit</t>
  </si>
  <si>
    <t>b"\xa8\xc2uo\xce\xa6:'\\\xed\xa2\xbb\xff\xf0\x87\x03\x9dGF\x14t}\x90\xd9\x9c\xee\xd2\xb3\xc07IJ"</t>
  </si>
  <si>
    <t>b'\xbf\xcf\r{\xffZ\xc1\x0c{\xf1h\xfd.\x98\xa3\x11R\xca\xccm\x06\xde&gt;W\xe9\xd2\xcf\xd9\x03g\xc7h'</t>
  </si>
  <si>
    <t>Consolidation of Remaining Debt</t>
  </si>
  <si>
    <t>b'O\r\xc3g\x83\x0f\xee\xe8\x99\x04!L\xc2\xa1\xcc$Z\x8e\x02e\xc9\xc0X\x1cq&lt;\xd9\xd6\xc4_\xb0\x15'</t>
  </si>
  <si>
    <t>Consolidation1</t>
  </si>
  <si>
    <t>b'\xe6\x9a\x89)\xba\x04B\xc0@\xd6F\xdc\x92\\\xcf\x0c\xdc\x0b\xdf\xda\xa6\xee\xbf\xe6z\xf7\x0b\xf6&gt;)\xd1Q'</t>
  </si>
  <si>
    <t>Home imporovement</t>
  </si>
  <si>
    <t>b"&amp;\x81\xdeR\x1a@^\xa0\xb6:',6\x1c[\xf1\x8fg\x8c\xc1\x12\xf2\x037C\x92\x1b1[\xba\xe8\x8e"</t>
  </si>
  <si>
    <t>b'\xd1L\xc0gSt\xa4\xb6\xab\xa5\xa8\x8d\xa0\xd2\x909\xf0\x83\x81D8\xbfI\xf4\xc3\x8f\n\x1a\xc4\xf7\xfa\xfe'</t>
  </si>
  <si>
    <t>Finance Daughters Move</t>
  </si>
  <si>
    <t>b'0\xee_H[\x9b\xedBM\xf6KN\x12\xaam\x93-51\xaa\xc4\xcb\x03\xf9\xfb\x14\xcb\n1N\xe8\xc9'</t>
  </si>
  <si>
    <t>b'\xc8\xdf\xba\xb5\xc4\xba\x88\xb1\x03X\x1cW\x18f\x93 \xd5-YB\xabkm\x05\xb4c\xe5\xe3\x96{\xbd\x89'</t>
  </si>
  <si>
    <t>b'\xe1&gt;F\xbc\x8c\x9a\xa0\xa4\xe9!\xc2WH\x91\xa1q\xc2\x07vE\xb0\x13\xf3\xfa8*\xb1\xbd\xadF\xbc\xa2'</t>
  </si>
  <si>
    <t xml:space="preserve"> freedom and happy</t>
  </si>
  <si>
    <t>b'\x85\xe6\xcd\xe6\x98vr\x02D\xc1\xeb\xc4\x8fL\xdd\xf6\rg&gt;\x89\xad\xfb\x7f\xc8?95\x02\xe1\x07\xd3\xb6'</t>
  </si>
  <si>
    <t>Lake House Loan</t>
  </si>
  <si>
    <t>b'\xeb\x1e\xed\x9d\xa3P3F56J\xcc\x9b\xe4\x08#\xeb\xa5)\xfd\x0bf+!\x83]\xae^#IQ\xec'</t>
  </si>
  <si>
    <t>b'\x1c\x13l\x19\x9e1\xed\x07\xa3\x9d=\xda\xe3S\xdb^\xfb\xd2\x0f\xcd\x7f\xe5XU\xd49\x90\xd3*\xd3\xbc\x89'</t>
  </si>
  <si>
    <t>LAST SOLUTION</t>
  </si>
  <si>
    <t>b'S\x85\xbd\xf6m\xa1\xfdP\x19\x00\x11\x1f\x07\xb3\x1f\xcc\xc5\xf9\xa09\x90^\x9fwn\xef9\x13\xc9\xa6\xf2\x9f'</t>
  </si>
  <si>
    <t>b'\xd2?:9\xe5\xf1\x9d\x14%\xfeLb\xc0\x9e\x11\xda0\xd8|W\xcb\x89\x87\x1b\xdc\xb9OsU\xf6`='</t>
  </si>
  <si>
    <t>b'\x88\xdd\xe2qJ\xeb\x17\x0e\x08\xe7\xab9\xd2y\xfb\x8d\xcc&gt;,Z\x0c\xbd\xcdT\xc3\xe68I\x10\x1a\x1aN'</t>
  </si>
  <si>
    <t>b'\x9b|\xd9\ng\xb8\x15\xdcX\xf8Hh\xd74i\xe0\xf5k\xefr\xaaC\xb8\x08\x1d\xaa\xa4\xc3G\xcd\xe7e'</t>
  </si>
  <si>
    <t>b'v\xfa\xff\xd4\xb2}\x8bN)\x8d\xa0(\x1b\xf5\xcd\xd9\xa6\x0b\xd9\xceFd}\xd8\xcc\xb1e\xee\xc3tX '</t>
  </si>
  <si>
    <t>Strong Credit</t>
  </si>
  <si>
    <t>b"\x9e}\xe84\xd1\x85IQ\xd0\xbc\xcf\xc7\xaf\x01\xfa\xa7:\xba7\xd3\xda2\x99\xd9'\xd0\xd4I0m\xf14"</t>
  </si>
  <si>
    <t>b'\xd9\xefx\xb3\xccy~\xd7e@y\x19\xd6\xa1\x92\x9d\xcep\xc8\xc4\x16fuA\xfc\x95,.\xf1\xf1\x0c\xa1'</t>
  </si>
  <si>
    <t>b'\x06&gt;2\xdf\xbe\x10uJ8\xd6\xfa\x96\xdb\xd3\xe8\xb1\x1f\x7fUC\xf9\x08\xe9\xc5jB\x06i\xa4"&lt;\x01'</t>
  </si>
  <si>
    <t xml:space="preserve">Get Started Loan </t>
  </si>
  <si>
    <t>b'\xf4\xdd\xda\xbd,\x11\x9b=\xf4E\x9f\xe9\x02%\xac\x86\x08\x85_5v\x08\n`fyy\xfd?\x19L\x0e'</t>
  </si>
  <si>
    <t>Kitchen</t>
  </si>
  <si>
    <t>b'\x1eA\x97\x99\x0b\xdb\x0fh4\xe0\xce\xefhP\'\xc8\x16j\x95\n\r.\x9c\x9b]\xab\xa7"\xa9IA\xed'</t>
  </si>
  <si>
    <t>Lessons learned 101</t>
  </si>
  <si>
    <t>b'\x8deb\x91[_\xa6\xea\x17\xad\xa7\x0cxk\x9f\x81"\xd6\xa7.h\x90~\xe9\xc6\x82\xbb\xe8h-\xae\xcb'</t>
  </si>
  <si>
    <t>b'\xcc\x81\xa2,\xf6\x8f\xea\xd8\xb7`\xb0\xf9\xed\x8d73\x98\xc9\xf2\x01\xe2V/J7\xde\xdax\r\xdciJ'</t>
  </si>
  <si>
    <t>b']\x1b\xfd`z]\xba|z \xa3\xd8\xc3\xda\xb1\xf6)\xbbi\xea\t&amp;\xd6\xbb\xcf\xd8\xab\x12\x8b\xb1\xe9\xfa'</t>
  </si>
  <si>
    <t>Project Payoff</t>
  </si>
  <si>
    <t>b'R\x05\xb4\x03`\x1ac\te?\x91\x1e.\xcf\x1aTD\x05\x1d\xe6?$Z\xf3\\\x127\xae\xb48D\x08'</t>
  </si>
  <si>
    <t>b'\r\xb0\xacN\xfb\x98\xf3\xcb\xbc\x12\x1cl\x80\x8a\xd4\x16X@\xe7]?6\x1f3\xf5\x0b\xedH]\xdd\xce\x0b'</t>
  </si>
  <si>
    <t>b'\x1a\xbf\xd1\xd5\x9a\x8f\x7f\x83\x95[\xc0\xa3\\\xe6&amp;\xce\\d\x90\xcf\x13\\E\x1c\x1d\t\xf6\xcb\x18\xc5\xde2'</t>
  </si>
  <si>
    <t>b'\xc8\xdc\x87x\x913\xa0y\xbd\x19\xa5\xa3&gt;\x9a\xb5\x02O\xb7\xc8\xce\xf6\x8e\x1c\xaa\xa1\xaf\xc9l\xde\xc7\xad\xc7'</t>
  </si>
  <si>
    <t>b"\x9d!\xfd=T\x08\xbd2\x02\xf1\xa1\x00B\xf6\x97(:\xce(\xbe\x80'ohEMH\xbb\xe3\xfe\xf1-"</t>
  </si>
  <si>
    <t>Credit Card clearance loan</t>
  </si>
  <si>
    <t>b'?\xbdB\x8a\xf0\tR\xba\x95v\xbe-\x1f(\xbf*\xfan@\xcb\xe5^]\x92\xb9\xf7\xae\xc5\xc5\xed\xb0g'</t>
  </si>
  <si>
    <t>b'\x02\xc4\xc6#\x80(\xd1\x0b-\x87\xc3\x8dH\x84\xb2\xd9\xf1\x96\x9f\xadI\xe0\x16&gt;R\x92t\x19\x82\x9f#@'</t>
  </si>
  <si>
    <t>b'_\xf9\x19\xef!\xf0\xd6\x80\x14\x1c\n\xf2\x9f\x9fu\x138\xcbjQ\x7f\xe6\xfa?\xfa\xb6J\xdf&gt;\xf3\x83D'</t>
  </si>
  <si>
    <t>b'\xfbj\x8f\x98K\x14\x9fH\x9f\x1cd\xeeCm&lt;\x06\x95\xa5\\\x06\xfb\xd8\xf3\x8d#\xb5oP\xb4h\t\xcf'</t>
  </si>
  <si>
    <t>credit cards consolidation</t>
  </si>
  <si>
    <t>b'\xc4\xcd\x90\xd8T\xa1\x98\xb8\x95\x8f\x80\xa82=C\x8f\xf1\x8c$\x98x\xe5\x17\xb4\x94u_Q+0f\xb0'</t>
  </si>
  <si>
    <t>b'\x1e3~\xa5\xf0,yl(\xb3&amp;y\x19\xa7\x0b\x1c\xd7\x94B\x0f3\x8e(\xd8\xf8\x01\x89\x8f\x8eoHi'</t>
  </si>
  <si>
    <t>b'$\xccW\x85\x1c\x8f\xdc\x0c\xdf\xa2i\xaf\xd9m\xdey\x9b\xf1\x87\x86!\xf5\x8fu\xe7\x8c\xae\x90\x94\x16\x14n'</t>
  </si>
  <si>
    <t>b'\x8aa\xb7~\r\xad\x03\x11@J\x95\x0c\xb0z\xc3\x88\xae\x95\x7f:?nn\x9b!.\xb6\x8e\x83\x82\xfd\x94'</t>
  </si>
  <si>
    <t xml:space="preserve">Credit Card Consolidate </t>
  </si>
  <si>
    <t>b's\x91\xa1z\xd2\xbeI`%\xe6U\xcf\x87~+\xddz$\x0e\xa5)\xf9I\x8f\xa0g\r\x1ctv4\xc4'</t>
  </si>
  <si>
    <t>CC Payoff Loan</t>
  </si>
  <si>
    <t>b'\xa6\\b\xb2Ka\xe0\xb6\x1d\xa3\x00p$\x16\x95\xf26|\xc5B\x11\xbf\x86\xf3\\z\xae\xab\x80\xe8\x98&lt;'</t>
  </si>
  <si>
    <t>b'\xc7\x8dG6O\xea\xb6\x89 "U\xaa\xce\x80\xc3\x98S\xf7\xee\x0e\x94z\xaal\x92Qv\x9dUX8v'</t>
  </si>
  <si>
    <t>b'\x8drRz\x13$\xae\x90"\xee\xeb\xf6u\xa7\xab\x94&lt;\x7fB\xabN\xf2\x9c\x99\xbe\xc9\xbe\xb6m\x19l\xd9'</t>
  </si>
  <si>
    <t>b"x\x7f\xbd&lt;\n\xc1\x16\xad\x8a\x1a\xc0RTQ[\xdc68\xc4}\xd1\x89\x19\r\xdc'\xa3\x0f\x16\xdc\xa9Q"</t>
  </si>
  <si>
    <t>Refinancing high APR credit card debt</t>
  </si>
  <si>
    <t>b'\x84\x93\x84\xb2ss&lt;\x04\xa6\xfc\xa1*m\xd4\x8eaaj)s\xd1\xbdt_\x95+\x8e\x81\xb0\xaf^\x95'</t>
  </si>
  <si>
    <t>b'"\x82\x9b\xc6\x15\x88\xdb\\\xb2\xf2\x07-\x01\x12\xd0\xf1O\x9e\x19\x03\xe2\x9a\xffCN\x1b4\xd9\xf2N)\xe4'</t>
  </si>
  <si>
    <t>b'G\xff\xed\x8eL\x16\xd9\xb3Q\xda\x1e&lt;1\xc0&amp;\x08\x9b\xc47|\xd6\x8b\xc1\x9a\x85.\x99J9\x80.\xe7'</t>
  </si>
  <si>
    <t>b'\x8f\xbb\xc6b\xd3\xfb\xad\x1e6\xe6\x1d\xd8\x97\xb1\xaa\xe9\xa7\x16ysT\xf8wg\xc1\x81\xa6\x93:P6\xe5'</t>
  </si>
  <si>
    <t>b'\xca\t\x1ctxHQ\xdaW\x89JO\xf34\x11\x833\xae@\xf7?\x1bW\xd0s\x16\x01f\xf5r\x83\x07'</t>
  </si>
  <si>
    <t>Consolidation_Loan</t>
  </si>
  <si>
    <t>b'ny\x11\x84=\xad\x84Rg\xd8\xbe8K)\xb6\xf6\xdb\xaf(\x18\x9c\x92GA\xa9m\x89:\xc6\xc1\x12)'</t>
  </si>
  <si>
    <t>b'\x08v\xe2\xe3Q\xed\xa2\xb8\xe1L!\xd2(*j\xc5\xfaCTs|82\xde\xd1QP\x9fDT-q'</t>
  </si>
  <si>
    <t>b'\xd4M\x05\xcf)\x1an\x8c\x03w\xd4\xbb\x0b\x89\x12\x88\x11\xb3\xe1v\xeb\x1eX0Q\xd8\x19M\x8e8E\xed'</t>
  </si>
  <si>
    <t>b'i\xc5\x9b"\xadwD\x16\x8c\x8f*\xa7\xfb\xf1Dx\xef\x83\xbb.\xbd\xce\xe2\'\xe0\xc0\x97\xc3\x10[\x80\x9b'</t>
  </si>
  <si>
    <t>Honest Hard Working...Good investment.</t>
  </si>
  <si>
    <t>b'\xe8\x03n\x89\xe8\x1a\x884\x7f__\xed\x18l\x91\xea\xcer&gt;\xa7\x9c~ix\xeb\x04T-\x88\xe5\xd8\x8e'</t>
  </si>
  <si>
    <t>b'\x0e&amp;\xbe\n\xa9\x00\x1d\x8aI\xf9LZ\xc1u\x8d%\x88\x8f\xcd\xae\xd2=\xdc\xf3\xf2\xbcV\x90\xea\xfdVW'</t>
  </si>
  <si>
    <t>b'g\x8e\xacI\xd5\x11Z\xa0\x16*U\xc0\x80rK_\xf7\xb4\xdf\x9c\xe6\xe7\x981Z\\\xa1\x14\xea\x91\x8b\xf1'</t>
  </si>
  <si>
    <t>b'\xa9\xfd\xf7(\xd0\xf4\xf5\xe6^\xab\xb4\xd4@\xdfM\xcb\xc7\xc0\xcb\xcb\xca-\xbc\xc5~\xb29R#m\xdd\xf5'</t>
  </si>
  <si>
    <t>debit consolidation loan for credit card</t>
  </si>
  <si>
    <t>b'\x89&amp;\xf6\xb4\xf6\x90_(9\x1d|w\x0eM0\x96w?\xbe\xfa\xccP\xa7\xcc\xb8\x12\x17\xc7\x93\x8d#\x06'</t>
  </si>
  <si>
    <t>b'\xc2"z\xb2UU\xb3\xc5\xa0\xddp\xa4\x00\t\xdd\x8b&lt;h\xdb\xda\x08t\xd9\x9c6\x8c\xe8/\x0b\x1f,\x0f'</t>
  </si>
  <si>
    <t>b'\xaf\xe4\x9e%mk\x825L\xfc\x86T\x15\x8b\xa7\x14\xce\xa38j\x8f\xa13f\xef\xde=\xd0\x8d*=r'</t>
  </si>
  <si>
    <t>Pole Barn</t>
  </si>
  <si>
    <t>b'\x85\xd9sa\x05\xdbg\xd0\xc0 \x93Lg\x1a9!\x84Q{\xf7\xb4&amp;\xb2\x8fI\xd5\x90n\x04b\x03\x90'</t>
  </si>
  <si>
    <t>b'\xd1\xbbF\x06\x9a\xd4\xe9bG\xc8\x84\x9c\\\x03/\x82\x1eR\x7f\xa3\x96J\x88\xa6\rM&lt;_4\x8b\xb0%'</t>
  </si>
  <si>
    <t>b'\x8b7\xd6v9T\xe8+\x82\xafH\xc9G\x01\xcex\xb7ppc\xf2\x1b\xe5\xad\xb6\x1d\xc0\x1e\x15\x18\x05\xb8'</t>
  </si>
  <si>
    <t>b'\xec\xf5\xb8\x18\xc7\xfc\xa6\x8e\xa8\xfd\xfc\xfb\xe0\x80\x9eL\x05&gt;3\xca\xba\xf8\xbb5tK&amp;\xdc)r27'</t>
  </si>
  <si>
    <t>b'M\x08\xf1y\x15\xcb#\x1eq\t`\xd2\xd7\xda|\xbc\xfcY\xa7\xcd\x1d\x08\xd7p\xf6\xf5\xcc\t\xa61\t\xee'</t>
  </si>
  <si>
    <t>b'=\xf8/S94\x0f\x0c8\x9a=\xd2G\x89;\xf5n\xe9]\xdb\x16\xe4c\xd9\x10$\xd5\xd6+\x1d\x17L'</t>
  </si>
  <si>
    <t>b'8+]\xeb\\\x08Q\xccV\xf5\xf8[:\xaa\xde\x9e\x9f\x0c2&gt;\xfc[\x8f\xd9\x08\x82ubA\x08\xec\x90'</t>
  </si>
  <si>
    <t>b'~\xa8\x05\x06\xdf\xe7(/\xe7\xb0\x80r\r\xb6l\x152\x07{\x1e\xf9.\xf1\x9a\xbe/ \xa0i\x0b\xe8\xcc'</t>
  </si>
  <si>
    <t>b'\x8dWF\xa5\xa3H\x18\xd9_\xf5\x1c\x7f*\x1aE\xc4\x7f\x7f\x87y\xc3\xe1V\x19\xc7\xd2n\x05}\xcfJ\x83'</t>
  </si>
  <si>
    <t>b'l\xeb\x11\xb4b\x82\xf5\xab\xad\xff\xd0\xd3\xb1\x91\x80\xa2\xbce\xa9&amp;U\xcc{#j\xce\xd0\x00\n\xaa\x14\xe2'</t>
  </si>
  <si>
    <t>b'\x1f3Zw\xa6 \xb7\xf1a\xb0\xe1\x01\xb7\xaeT\x02`\xa1\x86\x13%\xd6\xe4Y\xa7\xdbW\xdf\x921\x00a'</t>
  </si>
  <si>
    <t>b'\x94\xfe\x98\x90\x04\xd9\x00x\xe4\xe5w\x81\x1b\x84\xfc\xb1M\r\xbc\xff\x9bZ\xce\x8eMT5\xefR\xb2\xfb\xb0'</t>
  </si>
  <si>
    <t>scooter for sale</t>
  </si>
  <si>
    <t>b'\x17"\x8d$\xbb+\x1e\xdd\x07:\xa5[\x1c\xb3m\xe1\x1c)7\x9d\x83\xe2\n\xfe\x89\x80GTg^\x84W'</t>
  </si>
  <si>
    <t>Reduce current interest rate exisiting</t>
  </si>
  <si>
    <t>b'\xad]\x8c\xee\x1dw\xb1\x97\x1e\x05\xfa*V\xc2*\xb3X8\x92^\xcca\xb0\xf4V\xf9g\xee\xb8\xb6\xf5\xd8'</t>
  </si>
  <si>
    <t>consolidatio loan</t>
  </si>
  <si>
    <t>b'\x02\xfb\xec\xf8$\x03\xc7R0[\x9ey#\xb6\x8es\xcd\xdfc\xd6\x9d\xa4\x1e\xf4\xaf\xb3X\x8fG`:\x93'</t>
  </si>
  <si>
    <t>need cash</t>
  </si>
  <si>
    <t>b'5\xcb)\xa7\xd3\x083\xd4q\xf03\xc4\xb2\x06{\xff\xcaB\x1d\xf9\xe5\xcfBo\xc9\xbbLw!v,A'</t>
  </si>
  <si>
    <t>b',o-\x96+\xdd\t\xf8\x97\x06\x02\x11\xbf\xc4\x19\xcc\x96\xf88\xca\t\xf8\xeb\xf9\xda\x8e\x02\xf1\xcd:\xc7\xfa'</t>
  </si>
  <si>
    <t>My best friend</t>
  </si>
  <si>
    <t>b'\xf2`\xa7l\x1d\xb8\x9f\xc1m\xd5g\xfe9&amp;@:Q\xccg\xa3\xd5\x11u\x89m\xd0\xadX\xfd)\x1c\xd6'</t>
  </si>
  <si>
    <t>b'\x1c\xc3p!T\x13\xe2$\xb2\x8e\xe3\xa8HR\xe9\xe0\xe9\x7fA*g\x00\xae3\x06C\xc8D8\x06*$'</t>
  </si>
  <si>
    <t>b'z\x8d\xf1\x040\xa7L\xb1\xae\x05X4"\xac\xcc\x81]\xb8\xee\xc4%0\x08p`a\x0e\x1b\xedme-'</t>
  </si>
  <si>
    <t>b'\x80\xd4\xd2\xec\x85M\x93\xc0v\xd1\x19u0\x1d=V\xafk\xf8$\xf1P\xcb\x11\x04\x16_\xf3\x02\x82\xde\x93'</t>
  </si>
  <si>
    <t>CC CONSOLIDATION</t>
  </si>
  <si>
    <t>b'\xfd\xd7\xba\xfc\xf1\xa3\xedI\x11\x02\xed\xc9\x08\x0b\\8i\xfe\x0e\xee0\xe8\x86\x90Yg\x16I)\xf5&lt;D'</t>
  </si>
  <si>
    <t>b'?\x9a\xc3\x8c\xf0\xa4\xfe-\xbb\xc1q\xd4\x08@\x91%G\x84\x8c\xccO\x8c`\x06\x97\xac\xaao\xd0\xfd\x1ar'</t>
  </si>
  <si>
    <t>Medical Debt Repayment</t>
  </si>
  <si>
    <t>b'\xc5\xbe\xcc\x93\x9f\xf9&lt;\x99\xd0\x94D{,Ad\xc0\x1d\xb4\x1eC\xe7b\xdeF\xe7mE+\xa6Vk\x0b'</t>
  </si>
  <si>
    <t>b"\xaeb5qq\xcd\xed2\xb2\xac\xe6=\xf6\xc71\xd7\xc6\x03\x12R8r\xf4\xac\xc2\x9a'\x0f2\x95\x99\x8e"</t>
  </si>
  <si>
    <t>b'\xf0\xfeU\xea\xc6\x9f\xdf\x9d\x81\n\xfa\xfb\x8c3)\xc9\xbf\x93\xb8?\x9a~x\x918p\xd9\x8e\xf0\x00\x0f\x0c'</t>
  </si>
  <si>
    <t>Cradit Debt goal</t>
  </si>
  <si>
    <t>b"\x995\x1a{\x92c\x90J\xc1\xb1\xac\x87\xaeH\xc3\xd2\x8f\x86\n\xb0\xfd\xb7'\xf8*&gt;\xba\x9d\xe4\x1dS\xea"</t>
  </si>
  <si>
    <t>b'\xce\x05\xfaT\xa5\xd5\xf7WM\xea1\xc0\xc7\xd1\xe6\x8eb\xe4\xe0\x80\xa4\xf2\xd3\xb8reA\xa6n\xe1\xc7^'</t>
  </si>
  <si>
    <t>My new home</t>
  </si>
  <si>
    <t>b'\x15\xecq\x05\xc9b\xbe\xe0\xe8\xb5q~\xff\x06oq\x16\xdb\x02\xa3{\x1b\xb4\xd7;\xf6\xce\x16\x08dZ\x86'</t>
  </si>
  <si>
    <t>operations</t>
  </si>
  <si>
    <t>b'\x9a\xd5s\xb7\xa5\xd6\xfdb\xcec\x05}\x89 \x0cc\x06\x80\xc8\xeb5\xa2nr\x86\r|\x82\r\xe0\x82\xc6'</t>
  </si>
  <si>
    <t>b'\xcc\xc04S\xff\xd0&gt;O\xc3\xaa\x9ea\xbfa\xdb\x08\x04o\xa4j~\xa6\n%\x8a\x83\xc2@\x13\xce\x9d4'</t>
  </si>
  <si>
    <t>b'!h\x00OdM\x7f\x1b)\r\x7f9\xf3\tS\x8e\x1c\xf9\xfc\xe7\\\xab\x087S\x85\x95o\xb0\x17\xb1\xa6'</t>
  </si>
  <si>
    <t>b'I\xa6v\x9c\xff\xdd\xa2\x9e\xb6\xf1$q@#\xd0\x93^C\x91\xb0.F\xd3|x`_R\xc9\xddC\x1d'</t>
  </si>
  <si>
    <t>moving expense</t>
  </si>
  <si>
    <t>b'\xd3\x1fv\xafRt\xea\x8b$\x01\x95\x0fz\x9c\x1a\xb0L\xec\xa0nR\xf3+\xac\x03 N^\xec\xec\xdc\xc5'</t>
  </si>
  <si>
    <t xml:space="preserve">CC DEBT </t>
  </si>
  <si>
    <t>b'\n\xe9R\xf0\x83\x08\xbbw\xfc\xf52\x88\xc0\xd3*\xe4\x1b\xa0\x9b\xcf\x1bQ\x0b8j\xe8\xa8\xdc\x9b)\xa7\x16'</t>
  </si>
  <si>
    <t>b'\xad\x9f\xb8\x93A\xfa\x93\t\xcb\x97.%6\xb6\x13o\xdc\x0bX\xfe\\fF6\x0e\x9aJ\x1e^\xe9\x8e\x10'</t>
  </si>
  <si>
    <t>LOAN4ME</t>
  </si>
  <si>
    <t>b'0\xcc\x08\xce\xfa:\xe6\xf4\x01\xd6\x93\xa7\xbe\x06\xfbF\xd6hX\x99\x12\xfc\xcb;\x8e\x0c\x19Cn\x82\xc5\xd2'</t>
  </si>
  <si>
    <t>Financial Freedom!</t>
  </si>
  <si>
    <t>b'\xac\xedqy\xe6\xfe%\xa6v-q\xf4\xde\t\xe4#Y\xd7\xac\x92\x81\x83|\x170\x8b\xa5\xfc\x00\x92I\xa6'</t>
  </si>
  <si>
    <t>pay off credit card fix car</t>
  </si>
  <si>
    <t>b'k@@\x7f0\xe8\xc0\x10]}X`\x00)U\x8a\x84\x1b \xf5\xff\xe6Y\xbd}\xac\xd2\xbc\xe7\x08\xaa8'</t>
  </si>
  <si>
    <t>b'\xd2.[\x1c\xd9\xd3\xf0\xd0\x8eC.\xbe\xf7\xdf\x04\xf3T\x94F\xab;\xd6\x9a\x1a{F*\xbc%\x08vq'</t>
  </si>
  <si>
    <t>b'\xb7xk\xd2U$\x0f\x9d\xdd\x12\x89\xef-\xdb\x07^EP\xe9\xa83\x1a\xa3\xe4\x1a\xf4\xcd\x9fi\x0c\x00\xf9'</t>
  </si>
  <si>
    <t>b'\xb9\xb2\xa1\x15\xc2\xc6\xcf\xf1P0#n\x05J\x9artTg\xb8a\xc7\x1f\x84N\x87\x84\xdf\xee\xf9:\x13'</t>
  </si>
  <si>
    <t>Saving money</t>
  </si>
  <si>
    <t>b'Hy&gt;\xb3 \xc0\x93\x062\xe67S\xe3\x18\xfd\xdc"\xe8*\xcd\xd3\xad\x80b\xb4\x14\xd1\x85\xac\x9c\x1e\xea'</t>
  </si>
  <si>
    <t>b'_\x8cP\xfa\x81\xdff\xce\x90\x06\x02Q\x1fY\x91\x08 \xd8\x07\r\x0c"U\tK\x1b\x05\xc6p\n\xac\x84'</t>
  </si>
  <si>
    <t>In over my head</t>
  </si>
  <si>
    <t>b'y\xed9\xe9\xbd\x92\xc4\x17\xd1\x98\xa0\xddnv-C\xc9\x961\xcb"\x10(\xe60\x15\xe4\xaeH\xc7u#'</t>
  </si>
  <si>
    <t>Home Updates</t>
  </si>
  <si>
    <t>b'\xec\xd2\xc0g-\xe1l\xdd\xcb}7\x18\xb1$\x01\xf9\x91U\xefF3\xd2n\xb6\xba\xda\x81\xe0\x9cL\xa5\x1b'</t>
  </si>
  <si>
    <t>dammit</t>
  </si>
  <si>
    <t>b'a7\x14\xa6\xb5c\x13\xa7\xd3\xbd\xa7\x8f\xc9~r/\x11\x89~\xddh&amp;\x96l\xd2\x08\x8f\xc0\xcc\x07KG'</t>
  </si>
  <si>
    <t>b'\x07\x1b\x19\xfc\x1f\x10\x1e\xa3\x96!\xdc\xff\xa1\x19\x13\xfbg-\xdfX\xe3\xd6#c\xec\xe5Nt+\x17\x06Z'</t>
  </si>
  <si>
    <t>Credit card consolidations</t>
  </si>
  <si>
    <t>b'\xe3\x92?M\x97\xe3R\x99Qh\xc6\xd3$\xea\x1d\x85\xb3n\xb1[\xf5&lt;\xc8T\xd3\xb8\x83\x83\xa7\xa5\x18%'</t>
  </si>
  <si>
    <t>b'N6]\t\x8f\x1frc\x85i\x9b\xf0%5*|C}\xb0\xb6\x19/\xa7%i^\xbbk\xba%f\x06'</t>
  </si>
  <si>
    <t>b'\x94M:e\x11\xb2\x04\x1ba\xbc1\x8d\xa3z\xeb]B\x1fK[s\x88\x1f:\x87\xcboP\xa4\xb0\x14\x0c'</t>
  </si>
  <si>
    <t>Pay down!</t>
  </si>
  <si>
    <t>b'\x1b?W\x9eU\x8b\xaa\xe1\xc4\x12(@\x04\x15zl\x13\x96p\x17h\xfa$&gt;\xd1P\t\xbbV^n\xcd'</t>
  </si>
  <si>
    <t>b'KHj3\x94\xe9\xc7S\xcc\x03fZ.\xd8@v\xb1\x94\x88\n\rZ:2\x8ce\xbb\x05H{\xa5\xb4'</t>
  </si>
  <si>
    <t>b'Tv\xb9\x9e\x12_\x0f\xa0\x81K\x11\xece\xcf\x06,R\x9b\xfe\xf9\xe4d\x12?Q\x8f#[\x91b!\xe8'</t>
  </si>
  <si>
    <t>b'.\xb4\x85\x9f\xe7\xbaR;\x16\xc7\xe1\xaa\xae\xcb\xe8{\xe5\xb1\xe1\x06\x81\xc7\xf0\x8d\xd5%N\xd5\xe7 \x18\x17'</t>
  </si>
  <si>
    <t>b'8\xf3\xd7\xac\\\xe4\xd9\xa0\xc3#\x89\x86\x1f\x9e\xde\n\x9b\x10GT\x91\xacA\x91ee\n\x8a3N{8'</t>
  </si>
  <si>
    <t>b'\x8c\xd2J\x9dH\x06\xec \x80[\xdb\xc0\xc6f\xdd{\xfd\xda^{\xdc.,.\x16\x01\xcc\xeenpj\xe5'</t>
  </si>
  <si>
    <t>b'U\x02X\xe5\x82\xb5\x85\xb2Z\xb6\x85+\xa8\xfc&amp;B\xf3=\x16\xe2\xcaMW\xe1\x88\x86\xf6\xb7\x7f\n\xe2h'</t>
  </si>
  <si>
    <t>b'\xa90\xaf8\xffE\x98Bt\xfe\xc8\x16\xa1^\x10B\x0b\xfa}K\rD]\xccP\x06\x8e2\x9d\xa2\xdc)'</t>
  </si>
  <si>
    <t>b'\x02\xc0fri\xd7\x94\xfa\x99\xf0\x9b\xe0\xaa~\x89hR\xa9\x1bx\xd4\xc9\x17k\x1fZ\xbac\xb7\x8a&gt;\xac'</t>
  </si>
  <si>
    <t>b'\xf8\x92\xd0e\xf5\xe3\x0c\xea\xc1\x91L\xe6\x8e\x85\xa0U}_=\xb2X\xdch\xdd\x07,\xd8\x1b3\x9f\xf4R'</t>
  </si>
  <si>
    <t>b'\xcf\xe0@2\x9dr\x0fL\x03\x84v%)s\x93\xba\x16\xa6\xfav\x17\xefN\x0e\xb5P\xa0&amp;\xf1\x15z\xf2'</t>
  </si>
  <si>
    <t>b'\x05\xf1\x7f\x1fHB\xdc\xb4\xff\x80\x94\x17-\x0c\xe1\x0bF\x04]\xb5\x11\x1e\xc9)\x8bT\xa0n\xe0N\x08]'</t>
  </si>
  <si>
    <t>b'\x8c\x89\xbe\xd0.X\xaa\xec&lt;\xb1\xb7\t\xad[/\xffa\xf2|\xe9\xd6\x0b@\xd9~1\xb4p&lt;\xef\xf7\x9b'</t>
  </si>
  <si>
    <t>b'\xfa\x1b!ZH\xd6\xcfv\x01\xea2\xc8\xe9h\xba\xe2\x87\x06\xa0\xcd&gt;R\x8d\xa9\xd6\x8c\xb4\xec\xb9\x01\xbe\xbc'</t>
  </si>
  <si>
    <t>b';\x80m\xc6\x0e\xaf\x88m\x8b/D \xa1\xc5\x90&amp;\xb2\x07\x07\n\xe8\xa4\xbas.\xe6-\xff\x81\xadM\xb8'</t>
  </si>
  <si>
    <t>b'\x90,\xee\x80\xb6\xa1X\xfc\x9bR\xdcj\x93\xcd\x10\xd9\x1b?\xe0N%&amp;&gt;\xe1\x1c\xb9?Q|\xb3\xbb\xee'</t>
  </si>
  <si>
    <t>b'^\xcb6\x92b\xfewd0\xaa\xb7\x02.\x1e,\x16j\x98\x9c94x\xe3\x8a\xd9s\xc3\x8a~\x07\xd1\x94'</t>
  </si>
  <si>
    <t>b'\xdf\x0f\xd3=\x90\xeb\xa0e\xd9\xf9?\xdek9q\x93\xa5\xb3?gq\x83\xd9\xa3\x84\x1d\x88\xa9bB\t\x06'</t>
  </si>
  <si>
    <t>b'\x012\xbf\x10.\xbd\x03\x15@\x8b\xf7_H\xfc\xdf\x00\x13\xf8\x91zJ\x9b}s\xbc\xb3\xfa\x17\xff{\xbe\x8b'</t>
  </si>
  <si>
    <t>b'\xba\xaf\xa1a\xf7q\xaf\x87E?l\x15J%\xd4\xc6t\x0128\x9e`\xb4\xef]\xf2FK\xbe\x9d\xbcl'</t>
  </si>
  <si>
    <t>b'x(\xc2\xad\x81\xa6A\xe2\xbc\xab\xb1?5\xf8f\x82\xa1\xf6f\xd2\xcbr\xea\xcd\x7f\xbd\xf9W\x8a:&lt;\x07'</t>
  </si>
  <si>
    <t>b'Hm9zQ\xc1\xf3\x9f\x164\x90YIv\xdf\x13\xd2\xd4\xdf\x8c\xc3\x8dC\xd5\xa4X]\xdd\x01\x83VK'</t>
  </si>
  <si>
    <t>b'\x04:X\x82\xb6Z\xeew\x1b\xb3\xf5\xe3\xaf~%@\x15\x91\xdap 7A\xc0\x84\xb6\x1c$\xcd#\xeb\xac'</t>
  </si>
  <si>
    <t>b'L\xc6\x99\xae\t8]\x8f\xf8\xc6\x82].\xe6\xd9F\x8e\xe0\xcf}w\xc6Y\xb6\xbeN\x90\x7f\xa7\x12\xf9\xcf'</t>
  </si>
  <si>
    <t>b'.\x8fUc\xf7\x0b\x15\x826\x9d$1\x90\\U\x1cHX1(\x06Pl\x95\x1f\xf5c\xa8\x91\xca\xfd\x0e'</t>
  </si>
  <si>
    <t>b'\x89\xd9\x81\x9a\xff\xae\x8c\xa9_R\x05\xa6.\xc4\x94\xf6\xdf\xab\xa80$3=\xb4=\x05\x88\x81$\xd4WM'</t>
  </si>
  <si>
    <t>b'\xaf\xdat~\xa5V\xc09\x14\x96\xba.!\xdd\xfcc\xfb[\xcdQU\xd0b\x06\x030\xf1@\xdf\xb1\xd1['</t>
  </si>
  <si>
    <t>b'\xd8L\xadxA\xb5\xa1h\x10n\x0e)H\x06F\xa5*\x87$E\xdf\xb1\xe0X~\x07\xdfX\xba\x18:7'</t>
  </si>
  <si>
    <t>b"k\xcd\xc5\xc8\x9d'&gt;\x19\xd3dsxy\x03\x8fN\xc7WZP\x9f\x87Xv\xac\xc3\xb2\xb2\xb7\x95j\xa4"</t>
  </si>
  <si>
    <t>b'\xcbP\xb8\x1b\xad\x07.\x9a\x01\x95/?\x06\x8fd\x8d\xca\x1ct\x11\x0e\x8aV\xd1\xa6~\x8e5\xac\x93\x84D'</t>
  </si>
  <si>
    <t>b'\x01Z\r\xc0\x95\xd3\r\xc1V\xceqq\xd9\x80\xd1::\xad\xb0\xbc\x901\xd7\xd5\xfc\xb5\xbe\x8a\x8fhJH'</t>
  </si>
  <si>
    <t>b'y\xbe\xc4\x9e\xc9\xacg\xc7v3\x03\xac\xf07\x85E\xe0*\x1f.\xe9\xbe\x13\xf7\x93is\xc9\xa5|\xfd\xc4'</t>
  </si>
  <si>
    <t>b'\xa9\xae\x8c\x03\x95\xdb\x9a\xed\x83\x12[C\xdab\x96\xd1\xd5\xbc\xf6,D\xb2\x1b"\xd7\x8b\x8d9\xd7\xef\xaa\xfb'</t>
  </si>
  <si>
    <t>b'\x8ct\xb5\x1d\xaer\x88\x04\x0b\xd4\xaa\x9d1\x8b1F$\xd4T\xe8\x7f6\x935"\x83\x94\xbd=\xad\xf2G'</t>
  </si>
  <si>
    <t>b'-m\xa9\x00/\xc0l\xc0k\x91fv\xa7\xba\xe6C%\xd7D=\xa0\xf2\xc7)\xdb\xeaN\xea(\x8cE\t'</t>
  </si>
  <si>
    <t>b'+\xf4\xcf\x16\x9d\x88+MX`\xfe$\x86+P;\x8c\xe8\x04\xb4\xca\xa0\x07\xac\xf8yb\xbc?M\xeb\x06'</t>
  </si>
  <si>
    <t>b'\xc2\x1b\x00R\x99\xb5\xd8@\xfb\xc8\xbd=\xd9\xd1\xf5\xe3\x7f\xfdf\x8bm\xdc\xe3\xe2&amp;@\xb6\xce\xc9\xe8\xf5$'</t>
  </si>
  <si>
    <t>b'\x1e\x9b\x82\xcd\xe0\x12u\xe6\x8fY\x9dC\xe4~\xac\x15/\x0f\xeccD.\x12\x13b\x86\xb8m\x01\xe1S\xdc'</t>
  </si>
  <si>
    <t>b'\x1f\\\x16\xd3\xba\x88\xd6+\x91\xa2\xd5\x07\xf1\xafx\x99qh\x1fp\x03Y8\x07\xd7\x16^\xe55C\x1d}'</t>
  </si>
  <si>
    <t>b'\xdc\xe5\xbf\x86\xb47wU\x13\xc3\xbc\xd7I\x1b\xb1UrJ\x99\xa3y\x8d^\xe2\x17\xa9\x90\xa76\xa2\xe1\xc2'</t>
  </si>
  <si>
    <t>b'\xcb\xbb\xd4\x80{\xc2u\x13\xf7V\x8d\xe8\x10p\xe1b\x89\xb3(}\xa3\xe3FQ\xac\xc7\x9c\xf8:J\xb4J'</t>
  </si>
  <si>
    <t>b'\xcb\xe4=a\x91(&amp;\xf0b[u \x9b\xc9v\xbb\xed9\x99\xf9\xbd\xa8\t\xb0\x8f\xcd\xc7\xec\xdd\x97\x1d='</t>
  </si>
  <si>
    <t>b'\xfe\x9d\x85w\xed\xcf}\xf8\x11\xf1]&gt;O\x03\xcd%\xf2\x83\x00\xb9\x8cC\xb1\xbb\x1f\xa7C\r\x05N=l'</t>
  </si>
  <si>
    <t>b'\x06\xaf\xb8\xf8\'\xdfKS\xc60\xf8f\xc6e\xe3\'\xefj \xc77|\xdcJK"\xbaNK\xb7\x1d\x08'</t>
  </si>
  <si>
    <t>b'\xa0\x94\x9b1\xba\xb9\x11\x03$q\x7f\x96|&amp;\x93\xc4x\x855B\x0b\xa0\x9e\xe9t%\xe3\xd5K\x9fDI'</t>
  </si>
  <si>
    <t>b'\xda\xd3\xda9A\xe0\xe9I\xfe=Ob\xcc\xc3\xc3^O\x0f0\x99ytJ!)\xe74\x90,\x83\xb3\xf5'</t>
  </si>
  <si>
    <t>b"'\xa0\x8e?b\xdc^\xf7\xd3cD\xf4+\x81.\xdb\t\x87\x0f\x0ew%?\xd3\x15\x9fgzX\xad\x97\xa6"</t>
  </si>
  <si>
    <t>b"\xa1\xfb~*&lt;?\x0f\xe3\xe1\xdaL\xf7\x94\x9e\x7fx'_0'\xd7\x85G\rq\x11\xe3\xd1\x1fP\xb0U"</t>
  </si>
  <si>
    <t>b'\x06R\xcf\x92\xc0\x1dJ\x92\xad\xee?\xa9Ac\xae\xc1&amp;\xf5\x19\xff#\x16edYV\nt\xbf\xfd\x1e\x81'</t>
  </si>
  <si>
    <t>b'a\xa4~\xd2[\x12\x9f&lt;\x08\x9c\x95\x8f\xdd\xcc\xab\xed\x06\x89\x1fnh\x12\x91\x1b\xc3D~m\xe0\xc0\xb5X'</t>
  </si>
  <si>
    <t>b't\xa3\xa2r\xeeM\xb9\t\x1b@1_qr\x89\xe2\xf5K\xdb\xfb\xb2\x86\xa0\x8b\x16?\t\xf1z\x93\xeaW'</t>
  </si>
  <si>
    <t>b'\x19\xf4\t)F0\x98\xa0s\xe2\xea\x84\xe5Bb\x84\x11^QSc+\xea\xf2\x0c.\xab\xcc\x92u2b'</t>
  </si>
  <si>
    <t>b'9\x1c\xdaI\xdf-5\xbc`\xb3\xfa\xbf\xe3\xe5\xce\x12\xaaw\x18X\x91\xe2\x18-\xbb\x81\xe4\xb6\x00\xf2\x0c\xcc'</t>
  </si>
  <si>
    <t>b'\x92\xd2n)\xc5\x8a"D\xbf\xaf\xde]G\xeaxth\x15\xeb/\xfbS\xda\xbf\x08\xbc]\xb2]\xdf\xad^'</t>
  </si>
  <si>
    <t>b'\xa9\x89Z\xd7n\x80E\xb1nJ\xbeq\x9a\x07\xaf\xa5\xa55e*\x8f\x99\xa1\x0c\xf8ERb\\4!`'</t>
  </si>
  <si>
    <t>b'\'\xab\x184Y\xdc!p.\x1d"\xd56\xb7Q\x7f\xc0\x06)\xb2\xa0M\'2Y;U\xc7\xbe\xd6I\x86'</t>
  </si>
  <si>
    <t>b'\x96\xfbL\xf2{\x85X"\x7f\xbd\x1d\x9f\xbb\x8c\xc8e\x84\xfd)\xce\x863\'\xa4\x92\xbcf\xa9\xe5;7\xcd'</t>
  </si>
  <si>
    <t>b'm\x1e\x16&amp;&lt;\xdd\x17\x1c\xf0.\xe0y`\xc5/\xce\x8b\xbb\xd1\t\xe5\xd4e\xad\xd4\xce\x83\xf2\x81U\x83x'</t>
  </si>
  <si>
    <t>b"\xa8\x88\x9e\xc59&amp;j' \xeex\xb1n\xe9:\n\x03\xf9O_\xa0\x14\xed\xbf\x08X&lt;\x10F\x08\xca\x0c"</t>
  </si>
  <si>
    <t>b'\xf6\xc6\xa2\xa3T\x8aP\x80\xa3\xc4\xba\xee%X)\x90\t\xdb\x05l\x0eS\x9c\xfb\xfb\x07\xcd\x8a\x97O\x83r'</t>
  </si>
  <si>
    <t>b"\xb5\x89B;'\xd2m\xd0h\x06?\xfd\x89\xcd$\xf1W\x8c\xc5d\xfb\xce\xec\xb5]\xe0\xc4=Sj\xcfB"</t>
  </si>
  <si>
    <t>b"\xdbR\xe4c\x8f\xc4\x92\x02\xbe\xc2|\x9f?nDG\xd6\x0e=\x1f\xd4\xae\x84\x0fW\x84\xed\x85'F\x14\x94"</t>
  </si>
  <si>
    <t>b'\x9d\xa8\xf0;\x1b\x9d\x8e\xcdnv\x03\xb0\xc2\xdcL\xecpx\\XC\xa8tq\x9b3Oc\x1d\xddA\x83'</t>
  </si>
  <si>
    <t>b"U\xb5gX\xba\xa8\xe3\xcfy\x16\x93\x1b\x83D_FG''/\xa6\r\xcf6\xa4]\x03=\xfd\n\x84\xa7"</t>
  </si>
  <si>
    <t>b'\xf8\x81\xc5\xdc[\\\x01\xbe\xf7t\xdd\xdbL\x1f\xc6.\x8d\xdc\x81\x8d\x0bX:\xd40Ok\xd6$\xc7\xe1='</t>
  </si>
  <si>
    <t>b'\xdc\x13\x90\x92\xfd\xe8O\x19\x9f\x154\xa8v*\xb7`\x96\xd4\xc5\xf4hqy\x9e\x118\x9f5\xf7\xc0\xf1Y'</t>
  </si>
  <si>
    <t>b'\x8ex:\xf7\n*T\xdc\x96A\x86}\x1d\xc3\xbbmb\niH\x96\xbd7\xa4\x08\xef\x83v\xb2\x1e6\xc5'</t>
  </si>
  <si>
    <t>b'eUm\x08\xc5\x1f\xc9sLW\xcb\xc2l\xad\xdb\x10c\x9e\x9ct/\x0e\xb4\x81\xe4\xfd7\x19\x83V\x9e\x80'</t>
  </si>
  <si>
    <t>b'\xcd1\x9e:i\xd2\xe0\xa68Ua@\xf4+6\xe8&gt;#(\xf3\xf6\xeebr\x8d\x89q\x8f\xea\x1a\xb2^'</t>
  </si>
  <si>
    <t>b"\x16qA*\xf5\xd5'\xaa\x88&gt;7\x04\x12\xfa\xe2O\t\x17hx\xa2?U\xfc\x15\t\x8c\xadI\x92\x9b\x91"</t>
  </si>
  <si>
    <t>b'\xb5\xae\x07\xce\xa8u\x942\xa72\x94\xa8\xd5\xc2\xc0\xb6\r\xb20\x90,+4\x10\xf7$\xf1\xab\xe0\xb9\xa8\xfe'</t>
  </si>
  <si>
    <t>b'\x00f\x8b\x9c\xa8I\x14`\x07\xb9\xdd\x02m8\x0e\x96E\xb5O\xb9\x82\xbc\xe4-\x82\x87\x85|\x11\x87\xd6\x7f'</t>
  </si>
  <si>
    <t>b'7\xe5\xbcx\xee\x0c\x7f\xa0\x92\xa4\xf4\\\xe0\xbc\x9b\x91\xb9\xb7\xcc\xb3Gk2"\x18\xbb\xb0[\x0f9\x19\x10'</t>
  </si>
  <si>
    <t>b'\xdd\x93\xe8\x96j\xbed\x82[|\x16\x92\x943\xa3#\xc6\x08\xe54\xdd\xe4\xe4\x15RX"Wf}m\x91'</t>
  </si>
  <si>
    <t>b"'\x94\x1d%\xc7K\xd1\xaf\xbdt\xa0\x8b\xdbA\x07\x9dt\xf9\x06[;\xc9\xd1\x01\x81\xe2X\x9e\xde\xd8\xf1X"</t>
  </si>
  <si>
    <t>b'\x80A\xd0\x815\xc4V\xd1,\x86\x8c\xb7\x0f\x9f\x12\r\xfa6\x9dcUe\x7f\xdb\x0e\x0eK\xd1\xa5EQ\xc9'</t>
  </si>
  <si>
    <t>b'\x8f\x1cs\xf7g9\xefZ\xa7\xd0\xb1G.\x1c\xb0Q\xd57\x16SR\xb0\t\x96\xb6\xda:.\xaf\x84%\x11'</t>
  </si>
  <si>
    <t>b'\xb9\xadyl\xb1\xd8R1\x13m\x9b\x19\x7f\xaf\xf4\xe5\xa0\nY&amp;\xcf\x0be\x18\x9a\x94\xe7\x85\xfc\xc2e\x8b'</t>
  </si>
  <si>
    <t>b'aU\x0b\x0b\xce\xfc\x99\n\xe4\xc5\x12i\xc1$\x7fe\xc2\xf0P8\x17\xb8\x8b\xb1\xf4S\xabS\xdb&lt;\x0fI'</t>
  </si>
  <si>
    <t>b'\xe8\xc6\x1e+\xacqa\xe2Md\xa5I.)@\xa6\x05\x00D\xf5\xe0j\x98\xb9\xbd\xb7}\x02\xea\xc9\xe6\x8c'</t>
  </si>
  <si>
    <t>b's\x0b\xa5N\x93\x86\xe8U\xa8w\xbeM\xef\xdb?\xdf\xd8\xd1\xd5\xcd\xca\x8c\xd4J\xb8\xd2\xc6v\rX\xcet'</t>
  </si>
  <si>
    <t>b'\xcc\x89\xd3e\x86\xb5j\x93\x98C\xcc5%\xac\x02\x98s\xb8\xb8%m\xd8\xd6\xac\xb8\x16\xc5\xf7\x94\xf7\xccz'</t>
  </si>
  <si>
    <t>b'f)B`x\x8e2i\x9b\xcdR\xa9\xa8\xb4\xfc\xe6\x08o\xd9\x82\xbc\xf6D\xbb#k\x1c\x15\xc2\x06\xcdY'</t>
  </si>
  <si>
    <t>b'\x83`\xe9\xaa#2\x1e\xc3e\xa6 \xff\xe6\xe8\xd0,|M\xcd\xa8f\x10\xa4\x9c\x15\x07\xc7_\xde\xd4I\x8b'</t>
  </si>
  <si>
    <t>b'\x96\x1e_\xec\xa8\xf2\x84/\xc6\x9cvX\x8e&gt;k\xc9\xa2\xe2\x80\xd6\xf8\x04\x08\xbb\xbe\x14C(\xe3)\x83\xa9'</t>
  </si>
  <si>
    <t>b'\xa5zr2\x03\xee0\xe9W\xb1\x05)\x91)\xfe\xbc+rYL\x97kh\xc6x*\xb3$\xf8\xaaC\xdf'</t>
  </si>
  <si>
    <t>b'\xea\x0eQ)\x86v\xe1,{T\xeb2\x8e\xbd\xbb\x03\x7f\x97\xc6\xf6\x83\x9b\xcc\x1a\x1b_h\x1b.\x8e\xde\x15'</t>
  </si>
  <si>
    <t>b'\xc9g\xe2\xa4jY\x8f\x08X\xec\xa5-\xf5\x1c\x18\x14\xa7p\x03\x98\xf1\xab\xe4\xb9Y;\xd0Z59\x0fl'</t>
  </si>
  <si>
    <t>b'\xa4\xed\x0c\xba\xece\xc9\xa7w%\x86\xd4\xf4&lt;\xbcn\x10\x89\xb3\xa6\x82A\x0b9\xd2\xc8\xe2\x06A6\xe2p'</t>
  </si>
  <si>
    <t>b'\x13p\n\xdfj\xaf\x8a\xca:{\xf99C3/\xaf\x9aBG5)D\x04\xec\x17\xf0\xb2\x87\xb9=6\x0e'</t>
  </si>
  <si>
    <t>b'\xc9\xf4\xb2\xcc\x93O\x8f\xa2U\xd01)\xfd\xb1\x80\xffD}\xf5:\xd4M\x96\x1c\xd2\xadZ\xebK\xf9}\x87'</t>
  </si>
  <si>
    <t>b'\xf9\x19\x17\x1a\xdc\xbd\x14\xca\x0e\xca\x82\xee\xfd\x10\xedTG\xa8\xd3\x1b\xda\xd1\xaa\xaf\xae\x98\xba\x13\xec\xfd\xee\xa4'</t>
  </si>
  <si>
    <t>b's\xfa\x93^\xee@}\xe2\xbf\xae.\x03q\x8d\xf0&lt;\x83\x94\xf9\x80\xc7\x91\xf4\xa4\x1aU\xa6B\xec\x98\xaa@'</t>
  </si>
  <si>
    <t>b'\x08\xc8\xa7\x01\xe3\x9d\x80\xaeVp\xc6\xf1\xac\xd9z\x1e\x14\x9b\xcaq7\xd4\xd9nr\xab^w\xda\x1aud'</t>
  </si>
  <si>
    <t>b'\xc9\xa6\x87I\xe7\x05\x88\xac\x88\xd0[\xf2\x16\xe3U\xdd\x18\x7f\xe32\xcf\x9e\x8c\xbe{nV&amp;j\xb3\x99\xac'</t>
  </si>
  <si>
    <t>b'B\xab\x06\xc8\xe7[t\xa2\x99\xc5k\x9d\x18`S\x97\xb54M\xf9\xb6\x92\x17\r\xdb\xb3\x86C\x98\x01\xe3['</t>
  </si>
  <si>
    <t>b"D\xbd\x07\x00{fDb\xcf'7\xaeTC}\xe88\xb4\x9dhTO\xf0\xd3C\x1a\xa7\x9ay\xe1\xf1I"</t>
  </si>
  <si>
    <t>b'H\x82\xad\x19\xaeYr j\xfe\xe4\xb0C\xbb\x1e#@in\xcb\x0b\x15\xac\xe3(9\xe3d\x1d\x07\x93^'</t>
  </si>
  <si>
    <t>b'\xb8\xf0\x1b\x05\xcd^\xc4+0_\x18\xa8;i\x88\xce\x99\x920&amp;\x99 yzV\x04\xfb\x93\x898E\xcf'</t>
  </si>
  <si>
    <t>b'\xfc\x0f\xe9\xc9\xdd\xd9\xfd\xc0&amp;=$\xe9&amp; \xe3N\xd0\x81\xbaa\xff\xf5\xe3.\xf1\x91!\xaa\x1c\x98\xb3\xbb'</t>
  </si>
  <si>
    <t>b'm\x1ak\x96\xc7X\x00\x11\x97\x0b\xfc%-M\xbd\xec\xb26OS\x07\xf3v\xa5\xe9\xd0v\n\xccM\xb8\xb9'</t>
  </si>
  <si>
    <t>b'\xf8\xdc\xe0\xc21\xdf\xe6#c\xfb\x0c\xceX\xb9\x01/\xd0\xa9~\xef\xb1\x03\x11M\xde\xca\x981\x12l\xe3\xb8'</t>
  </si>
  <si>
    <t>b'\xe0r\x07.\xcb\x9a\xc9\xd9\x17\x15\x1bsX\xcc\xc8\xc7\x89\xbe+\xa5&lt;\x19\x04\x88\xa1O\xc8\xfe\xbf\xd9\x80\xfe'</t>
  </si>
  <si>
    <t>b'\x8c`j \x1aw\x94\xfc.\xa3\x07\x04\xf0\x04J)\xe3\xdc*V\xebu,F\xab\x85\x8a\xefb\x08\x17\x1c'</t>
  </si>
  <si>
    <t>b'\x07\xd3Y\x07_Vur\x14_\x11\xb3w\xc7\xda\xfa\xd3\xe1\xae4=A\x97\xbb,@mK\xda\x8f;\x06'</t>
  </si>
  <si>
    <t>b' \xe7\xad\xd7$R^\xa5\xaa6@\xf3\xedx%\x9e\xd5\xbc\xd7\xeb\xfb\x85\xdd\xb6]|\x87b\xcbP\x90\xd3'</t>
  </si>
  <si>
    <t>b'\x0cJC\xb8\xb1\x8a@8\xcd\xd5Q\t\xf4\x95\xff\x9ey\xa0mX\x00\xc4\x93\xeb\xdf\x1e\xb9\xd4\xcbQ*:'</t>
  </si>
  <si>
    <t>b'\xd6\xef/\x7f&lt;\xe8\x80;\xf5\xc5}\xef*\x87\xc0\\{\xc4\x03\\\x07\x80\xcd\x1b\x85z;\x0c\xab\xc8\xe0t'</t>
  </si>
  <si>
    <t>b"\x0f\xd8Z\xfb|9\xfe$G\xba\xc6_\xc4i^'[eT\\\x9e\x98Y.\x116\xae)j\x8b^\xfd"</t>
  </si>
  <si>
    <t>b"b\xcd\xc3\x96y\xd4c\x89\x83A\x838\xd5\xb4\xa3'\xfc\xc2\xfe\x18\xe6\x8b\x81\xe9\xf0\x94\x82\xe0\xc2\x17\xbc\x1a"</t>
  </si>
  <si>
    <t>b"\xa4NZ\x8a!\xf7\xa6M\xb5a\xd0\x1e\xc5\xbfzU\xbd\xdf'I\xf1\x926\xcaN\xf8\r\xa3\xdb\x90Tu"</t>
  </si>
  <si>
    <t>b'0\xaf\x8fP\x1d\xb3\xd0G\x05k(\xb7[0\xd2\xa5FL\xdb=\x18\xec\x00\xff4\x9f\xbd\xb3\xae\xe3r\x15'</t>
  </si>
  <si>
    <t>b'PG\\\x08\xe4\x92\xff2O\xea\xe2\xfa)\xdb\x87\x87Ox\xf6\x8a\xe8m m\x92D-G\xdb\xa3\xd2\xb0'</t>
  </si>
  <si>
    <t>b"!\xc3\xee\xb6Nb\x15T'\xf6^\xf1\x97\xbfw\x8c\xd0\x99\xae\xc6\xdc\\\x04\xa0\xfaUko^\x82\xf3z"</t>
  </si>
  <si>
    <t>b'\xbf\xa5\x9dk\x03"\xbcz\x7f\xda\xf9\xa3[&gt;\x19\xb1n\xd7\x80\xe6\xe4\x10\x1dc\x8d \x11;\xb8y&lt;\x90'</t>
  </si>
  <si>
    <t>b'\x89Qp\xa4.Lk(\xbf\x9f\xfex\x18[\xd5fP\xdb\xd7U\xf9\xa9\x9e\xa6\xaey\x03^\x06\xa2\x95\xa4'</t>
  </si>
  <si>
    <t>b'g\xaf\xf2/\x8b\xd4\xb1\xd2\x15K\x16D\xde\x94R\x1a[\x8dN\x86h\x9b\xab\xf5\x01\xe4\x15S@\xea\x955'</t>
  </si>
  <si>
    <t>b'\x00\xdaZx\x8e\x929XX\x14\xe99\x0f\xfa\x82\xb4\x91\xc4\xbc\xfd\x1a\x84\xf3\n\x8a-!u\xfe\xb3\xa9\xa0'</t>
  </si>
  <si>
    <t>b'k\r\xb0oG\xee\x8b\xea\xc1\x91d\xdc\x08\xa9e\xd7\x1f\x03\x03]\x93\x9ef\xb4%\xe5\xb5DC\xed\xe9\xe6'</t>
  </si>
  <si>
    <t>b'`\x9em\xfd1\xbd\x8e\x1d~\x88R\x7f\x1d)A,~\xc4\xad\xf8\xad\x07\xfd\xb3\xd2|A\x16\x00\xf8EP'</t>
  </si>
  <si>
    <t>b'[\x04\x8cH\xec\xa7\x05\xb2\x89e\xf6\x19\x80J\xa5Gv\xf6lE\xd7F\xe5\xcc\xbb\xa06X\xeb(\x84L'</t>
  </si>
  <si>
    <t>b'/\x89\n\x1d\x1dId;\xa5\xfas\xc0\x12c\x05\x8d\x8bN\x8a\xce\xff\xc5R\xbf\xa3xc&lt;\xcb^[\x82'</t>
  </si>
  <si>
    <t>b'k?^\xbb\xa7\x9a\xf4\xae,\xc6\xf8\xa0\xfekZ\xac\xe3\xe7&gt;\x91X\x13.\xc5\xf9\x1f\xf4\xc1^\x85\xaca'</t>
  </si>
  <si>
    <t>b"\xee\x03Q\xef\xb6\x9bO]xw\x07^R\x93\xec98\xdb\xb0\xa1\xe5\x0f\xfb==\xf4HV\xe2F'\xe1"</t>
  </si>
  <si>
    <t>b'\xfd\x1e\xac\xb9\\\xb3\x98J\x9d~\xf6\xbd\x90jM\xd9\x12p\x1f\xc3Hh\xd2\x16"\xc1P\x99\xff\x93h\xcf'</t>
  </si>
  <si>
    <t>b"\xbf\xd3\xe1rU\x80i\xd1mb\x0e\xec\x97=\x13U\xae\x95\x0bl\xc5\xec\xfa\x14\xe1\xa6\x1b\xf9\xc5'\xae'"</t>
  </si>
  <si>
    <t>b'\xb9\x05\x94\xc0\xed}\xd3\x96\xf8\xb9\xc9v\x18f"T\xa1G\xa2\xdd\x041{\xa8\x02\xd0\xc7\xa9\x18q\xfc\xc5'</t>
  </si>
  <si>
    <t>b'\xf2\xa1\x08\x0e\x89\xe7G\x05\xac\xfe\xe3b\xc6k&lt;$Q\x80`H\xf3Y\xfdH#\x02~\x08nc_w'</t>
  </si>
  <si>
    <t>b"\x9f\xd7\xb2\xd6\x93\x90\r\xe7\x9e\x81\xa3mr\xea\xe8\xc1\xe9\xd0\xb2]\xce\x02\x9e'\x0b5]?\x16{[\xc0"</t>
  </si>
  <si>
    <t>b'\x16\xa1\xb89\x9bI\x9e2\x18\xb1\xf3\x19\xe7g\\\xd1Gr\xef\xfb\xd9\x12\x94\xdb&lt;T\x87qDS\xb6\xbd'</t>
  </si>
  <si>
    <t>b'G\xb0\xccU\xeb\x12O$A\xcc\xb2|\xe2\x9d\xff\x0f\xa1]\x14\x1c\xee\x8ab\xf7\xa7e\xa1\xd7E\xcc\xe0\xcf'</t>
  </si>
  <si>
    <t>b'\xba)\x80\x08\xd8\xa8\xfb\x04\xedi\n\xcd\x14\xa9\x83\xe2]\xcdV\x18\xbc\x82\x82\xb6^\xb0\x08\xd6I\xde,\xb5'</t>
  </si>
  <si>
    <t>b'\xdb\xe6\xcd\x11u\xa0\x13\xec\x7f\xfbxJ\xa1\xb0\xac\x13\x9e\x1c\xb4\xe6\xc5T54V\xdbmKwyQl'</t>
  </si>
  <si>
    <t>b'jR\xbf\xd2\xc9\xee\xb6:\xf0\xe7\x88\xd6\xe0\x8e\x12\xde\xdbq\x130\x8f\xf2H\xc7\xc5\xd7\x83\xf7l\x07\x0f\xae'</t>
  </si>
  <si>
    <t>b'\xf5&amp;J\x00\xae\x83\xfe\xdc\xf94\xd7&gt;\xee\xee\xb9\x8c\x91\xdc:\xd9\xc5\x8d\x96\xee\xba\xb4\xaf\xa2\xf0CD\x88'</t>
  </si>
  <si>
    <t>b'\xe7u\xce\xd6\n&amp;\xde\\\x06\x01\xd7\xcb\x0f`\xc3\xdcI$\x08tE\x88\x1d\xee\xe9\xc8\x80B\xed7w\xaf'</t>
  </si>
  <si>
    <t>b'F\x01*\x84\x9dc\xa45\x15\x1a{\x17\xb8\xc0\xf7x\xa4\xd0*H\xe8\x00\x8d\x1d\xbc\x1f\x17\x97\xdc\t\x88\xb8'</t>
  </si>
  <si>
    <t>b'\xfa\x0f]\x98\x81\xfd\xc5Y\xd5?.\r\x81\xfc3\xbfFH\xc839\x9e\x16&amp;\xb0-}s#\xda=\x8b'</t>
  </si>
  <si>
    <t>b'\xcc\xf6\x9fE\xc2\x02\xc4\x18\x99Z\xc2\xb1\xd1V\xfa36 -\x8f\xb4\x9eZ\x03\xf2 \x1e!\x16NB\xa6'</t>
  </si>
  <si>
    <t>b'\xa8k!^H\x8eQ\xec\xba\r\x0e\xb5X*@\x84\xf1WN#\x1bB\x97\x18zZss\x93\x0c\x7f\xfb'</t>
  </si>
  <si>
    <t>b"~\x818'\x06\xda\xf4}\xa8\x17\xff\xcfOC\x06\xd4\x0f\xc9\x01\x1d7\x1b\xb5\xd1\xf1\xad\xb5\xc6kQ[\x97"</t>
  </si>
  <si>
    <t>b'&lt;\xcdW\xaa\xf8=:\x1e5_\xf7\xc59\xc4j\x19@Z\xd95)/\xe9\xd5tF[\x93\xd3\x8e\x00\x1f'</t>
  </si>
  <si>
    <t>b'dY\xfcp\xa0\x02|%W\x97\xbbq\xec\xe2\x17\xd7\xab\xbd\xfe\xe4\xe6\xd0\x86\xa6\x02w\xbf\xcd\xde\xab\xe1\xd2'</t>
  </si>
  <si>
    <t>b'\xcd\x9e\x02\x03\r%gcn\xaa\xbdpR\x983\xc8\xd2\xc3\xda\xdc\x8d\xe9\x9fWE\xd8i\xe4O\x01\x14z'</t>
  </si>
  <si>
    <t>b"H&amp;h\xb7\xac\xc4cZ\xb5\xbaV\xf4\xf8'A]\x90%\x96\x91\x15\xb5\xae(\x1f\xd3\xc3\r\xc7\x13\xde\x87"</t>
  </si>
  <si>
    <t>b'\xb2\xb4;\xf6^\x00\x85z\xeaeM\xa6\x18\xa2I\xcaQ\x12\xa6\tGT\xf5~by0\xbcl\xa5\xcei'</t>
  </si>
  <si>
    <t>b'\xd8\x964\x10\xb6k\x9a\xa7L\xf7\xca\xad\xaby9\xf2\xd2~&lt;\x9e\xa2dX\xc0\xd7=M\xc20$r_'</t>
  </si>
  <si>
    <t>b'\xee\x86\xcd\x08\xbf\x8f\x11mAk\xd0\x87\n\x10\x91~p\x9d\xb8\xc1(\xa2\xfc\x02n\x1d\x08\xe6\x16\xfe"F'</t>
  </si>
  <si>
    <t>b'\x8a\x11\xa8V\xd9\xf0EWh\x07D"\x19\x0c\x07\xa05\x0c\x9by\xba y\xea\x99M;:\x04\x02l\xe3'</t>
  </si>
  <si>
    <t>b"?Bk\t\x10\xb1\xab9\x945\xea\xa3\x05\x9aR\x1e\xa3\x05Io\xdeM\x0b'di\xd6\xd4ND]\xb1"</t>
  </si>
  <si>
    <t>b"d\xcd\xb8\x0c\xf3\xfa\x1ak.'O\x93\xd1K\x87+\xd7Q\x00\x02`H\xb9\xebo*\xf4\n\xc8\xf3_\xc2"</t>
  </si>
  <si>
    <t>b'\x0e\x9a\xe9\xaafV)\xa1\xb46\xbd\xaf\xcf\x8b\x11\x06{\xe2cD\x98\x8b\td*`\x86\x84\xf2\x84h}'</t>
  </si>
  <si>
    <t>b'\xc4\x88 $&gt;\x1fdM\xf4\x0c\xe7\xa8\x95\xad{\xbb\x17\xfd\xf0\xab\x8b\xed\xab\x8d2\xf6\x0e\xdf\x0cF\x94?'</t>
  </si>
  <si>
    <t>b'\x8b\x98\x98\x1dm\x04A\xf7xH\xdd\xd9qX\xa5\x07@\xc7\xb1\xf7\xcaV\xe0\x98cWa\xb9\x92\xde\xb1\xff'</t>
  </si>
  <si>
    <t>b'%\xb4\x9e\x94}z)\x88QK\x03\x9e\xfa\x9c\xdeE1HX\xf3\x0b`2\xe2HoC\xda\xfc\xd8%\xfc'</t>
  </si>
  <si>
    <t>b'\x9a`"7_&gt;V\xee\r8e\t\xc87M\t\xb1\x89\x00\x12\xb6)\x92\x98\xfe\xf5\x1ar\x8f\xcbF3'</t>
  </si>
  <si>
    <t>b'$$Qq\x0e\x8d\x16\x1fOb\x8fL\xcbC\xcc\xc7\xdd4\x8f\x82\xc0\x03T{\xcf\xd8Z:\xd5\xf82\xe6'</t>
  </si>
  <si>
    <t>b'\x089{\xbc\n9\xc2U\xf9|\xf03\x05\x0e\xb5\xa6\x98+\xc1w\x18\xb5\xb2\xa7U.%~_\xb2f\xe1'</t>
  </si>
  <si>
    <t>b'&gt;\xb1\xe5\xf6\xf1\xca\x83)|\xb6\xf3\xb8\x9e\x8a\xb4G\xc9\x88y\xc7;\xf0\x0cG2\xdbK7\xdd\xea{\xdd'</t>
  </si>
  <si>
    <t>b'\x10\xced\x0f\xad\xcf\xd4~\xff+!\xef\x90\xe6:$*\xf5\xdfL\x974\xf443\xa0\n\x06X\xa9o:'</t>
  </si>
  <si>
    <t>b'\xde\x1f\xe6\x0b\r\x98|\xfa9Z\x93\xd3\xfb\x0b_\x83K\xa9\xdf\xd9\xceh.sXs\x9b/\xe1:\xe0E'</t>
  </si>
  <si>
    <t>b'\x1aw\xb9\xba\t\x87\x84\x153{\x84G\x0f\xday\xbb\x86\xcb\x8f\xd7\x0f\xa9&amp;bK\xb9\n\xd5\x8b\xb1E\xd4'</t>
  </si>
  <si>
    <t>b"f\xfc\xc8\xf5g\xa8'\x01v+' \x93\x0f$\xec6\x14w\x01t\xd9\x80\xe8\x8d\xef_rx\xcf9\xe1"</t>
  </si>
  <si>
    <t>b'\xb1\x95\x80\xe6\xf9_^\xaaS\x18\x8a$\xa9\xc5ds\xf7\xa0\xbb\xe0\x00\xca!\x85\xac\x02COv\x98.\xee'</t>
  </si>
  <si>
    <t>b'\xb8\xad\xb1\xd6J\x0em\xf6\x8bm\xc4^\x01D\xb5\xdc\xac9\x04\xbf\x08O\xc7_\xd6t\xd2Q\xd0\xfd\x84\xc0'</t>
  </si>
  <si>
    <t>b'M\xed\xcc\x9a\x16\xcf\xc9\x8cW\xf7\xd3\xf7\x90\xd7Z\x8f\xe6\xb8\x01\xdbF^\xfd\xdf\xe4"p\x12]\x81/\x1e'</t>
  </si>
  <si>
    <t>b'/\xe7\x85&amp;\x02\xa6\xe4S\xd86\x0b\xc0E\x83L\x06N\xdf\x03\x1f)\n\xbe\x1e\xb7\x05wr\x90\xd0\xf5\x14'</t>
  </si>
  <si>
    <t>b'\x85\x90\x9b\xd4\x89&lt;\xf6\xf3\xeaT\x14\n\xa6\xb9BV\x98\xcd\xf4\x91\xf2\xf1\xda\x13\x1bQ%$z\x9b\x97\xb3'</t>
  </si>
  <si>
    <t>b'g\xd2\xaaU\x8fG\x8d\xf2\xdfq\xd4\xc2i5\tf\x87\xe7j\xd9\\\x08\xb8R\r\xb48\xb8\xa0.{Q'</t>
  </si>
  <si>
    <t>b'\xc4q\xdb\x1a\x834\xda\xca,7\x17R\xf11\x9e\xd1D*\xe0\x1a\x840Tl\xa8\x08\x84\\&amp;l\x93\t'</t>
  </si>
  <si>
    <t>b'\x84&lt;\xa0\xfb\x0f\xd9\x9a26e\xbfY\xe9j;\xf1\x95\xd5:43\x88\x80j\x02\x07\xca\x98\x1c:\xc1\r'</t>
  </si>
  <si>
    <t>b'\x96\r\xaf\x81/\x1b\x1d\xc9\x92\x84\xefD\x82S\x83\xc1#\x04\x9d\xe5\xe8\xde\x19\x8bQ\xb4/\rR\xdf\x83\x1b'</t>
  </si>
  <si>
    <t>b'\xa4\x05\xd3\xf8,\xa4*\xb1\x81G\x8cj\x12&gt;\x91z\xca\x82g\xf1\xc5\xa6\x0f+\xfdD&lt;,1\x042\xeb'</t>
  </si>
  <si>
    <t>b'\x97\xf9U\x0b\xe5\xe1wjj~\xc8\xa9\x19\xbcy\xa8\x80\xf7\x1f\x96\xde\xa5\xa4s|\x15\x8a\x7f\xc6\x90\xc3&lt;'</t>
  </si>
  <si>
    <t>b'B/\x90\xbe4t\xdf\xb7\xdb\x7fOw\xfa#\x86J-\x96r\x9b\xa0(\xa5J\xecz\x00\x85_O\xe2\x1e'</t>
  </si>
  <si>
    <t>b'\xa41Qw\x1a\xcd\x00\xee\xcfCIA\x0e\xcc&amp;\x9b\t\x9c\xe1\xca!\xdf\xf9\xfblM\x12\xd1xJO\x87'</t>
  </si>
  <si>
    <t>b'A-\xb0;\x80\xa9\x01.e@c\xa9Gp\xa9\xa6\x1d\xb7\xa9\x8c!Y\x9c\x06\xb5\xc7\x0c*L\xec\xca\xb5'</t>
  </si>
  <si>
    <t>b'a\xac\xe5\xfa\xe4+\xf4xH\xfd_\xe7[H\x88riR\x15\xd5\xabw8\x8e\xa5\xf0\xb7\rkP}\x04'</t>
  </si>
  <si>
    <t>b'\xed\x94\x13u\xcd\xe5\x88\xfb:\xf7\xcfW\\\xe7%\x91Z\xbf",\xea\x8a\xfb\x91\xd5\xf5\xaa7lU\xca\xd9'</t>
  </si>
  <si>
    <t>b'\x98\x08g[\xdf\xf8\x18\x91\xba\x02`M\x877\xec4:3\x82`}\xaa\x96\xe6\x89\x8b\x9bp\x13\xb1Nu'</t>
  </si>
  <si>
    <t>b'\xb1\xd3\xbc1\xcd\xd2\xc5z\xa1o7\x03\x93rO\xee\xa1\xf7\xc4\xdc\xcf\xcbE\x00\xe7\xac\x95\x956\xe3\xb7|'</t>
  </si>
  <si>
    <t>b'\xb6n@K\xb1[\x13#\xa9\x00\x82\xd3\x04V&gt;\xcf\xd6{\xa1\xfc\xfaa&gt;\xfek\x1d[\xf30\xc2\x97+'</t>
  </si>
  <si>
    <t>b'\x18OUj5\x1f\x95\x1f\x11YT\x01\xc2\x86\xe8e\x98\xca6\xdbn8\xc5\xb3\xce\x90\x9do\x15\xae\x1b\xde'</t>
  </si>
  <si>
    <t>b'w\xfblZ\xa5\xd3\xc6\xe4\xdc\x8bXo\xd5\x0e;S\x18\x94\xb6)\xf3\xd1=\x8c\x82yVL\xfc\xc1\x1e\x86'</t>
  </si>
  <si>
    <t>b'\xba\xcc\x80\xe0\xea@y\x19w-O\x80\xf8w6\xb7 n\xd1+\x8a\x135&amp;e#\x94z\t\x07\xfc~'</t>
  </si>
  <si>
    <t>b'b\xcc\xd76\x0435\xc2p\x9b\xeer\x8c3\x05u\xdaJ@\x90\x9b\xdaX\xd0\\\xe9\xdb:f~\xf9O'</t>
  </si>
  <si>
    <t>b'\x84K\x95g\x1d\x99\xe3\xf6\n\x14\x05\x01\x87\x8f\xb6,\x01\xba\x0119\xe2C\xdbI\xfbP\xc0Kp\xe4\xe6'</t>
  </si>
  <si>
    <t>b'\x8bz&lt;\xd5\xf1n\xac\xdd\xd0\x83\xa0\x02Oi\xff\xa3\x14\x87\xc4\xc3&gt;\x03\xb3\xd3\xe8\x04\x8bS\xa7\xfd&amp;\xc7'</t>
  </si>
  <si>
    <t>b'&amp;I\x00\xd5\x1f\xb8\xbd\xe6\x94\x14\xed\x13\x12z\x92\xe0-\xcc\xcc\x95\xd4-\xf6\xd0\x82Q+\xf9D\xbd\x19g'</t>
  </si>
  <si>
    <t>b'\xb2\x89\x18m\x10;!f,[6\xa2?\x1b\xd6\x0f\xa3\xf4\xdf\x9de!Y\x0e\xdaZ\xf6\x81\xe0 \xfe\x80'</t>
  </si>
  <si>
    <t>b'\x91\xaa\x96\xd3\xd1\xff\xf5\x9d)\xe9\x17\x93\xaa\xa2\t\x98\x9d\xa9U\xd1\x0ei\x96\x962\x9c\x16\xb6\x94+\xea\x1a'</t>
  </si>
  <si>
    <t>b'G"\x95_a\x91\x01\xc9b\xc3\xe4\x06\x98\x84|\xd2;\xb7\xb25\x85g\x8d\x1fQyUzN\x1e\xbf\x8a'</t>
  </si>
  <si>
    <t>b'\x82\xca;&lt;\xcb~\x01d\xe7\xe6\x97\x03{cQ\x95\x12\x85J;\x12\x91`\xed\xdb2g\xcc\x81\x8cOf'</t>
  </si>
  <si>
    <t>b'D9Q\x8a%\xc4P\x8b\xb4\xa3\x9e\xec\x15\t\r&gt;r\xe5\x96+\xa7e\xf5I\xaclZ\xcfglR\xad'</t>
  </si>
  <si>
    <t>b'e\xbd\xca\x14c7r\xfcLRI\xc7\xdc|\xf7/\\Q\xc4\xb6-\xdc:\xa4,|\\\x8d\x89\xb3[\xbd'</t>
  </si>
  <si>
    <t>b'H\xe2\x00\xafO\xcb\xb0JRm\xcd.\x852\xa2\x0f\xc1\x7f+\x80/+Y\x1aV\xb3\x81.\xd7\x179,'</t>
  </si>
  <si>
    <t>b'\x96\x9e\xb4\x1e\xc3\x05}\x93\xcb)d\x84\xbc\xb9qkw\xb7\xacw]\xe7\x07B\x1d\x81\xe1\xcb.\x9a\xa4V'</t>
  </si>
  <si>
    <t>b'?\xc6Ma9R\xf3F\x8f\xbb\x96\x0e\xeb\xb4FV\x0f\x0cCO\x17\x89\x8c\xa9j\r\xa7a\xe9\xbcX\xc3'</t>
  </si>
  <si>
    <t>b'\x10x;\xa7K\xf6d~\x8c\x07E\x9eNP7O\x1ec4\xe9V\xd4\xed3\xb1\x13MQ\xe6\xd5\xf8D'</t>
  </si>
  <si>
    <t>b'\xa6F\xea\xe3av\xf2\x16M\x9d\x8bB\xe2\xb9\x82v\xb7\x8f&lt;\xf0\xbd\xfa\xf6\xca\xb6\xa3#\x93\xc6U\xf2\xf6'</t>
  </si>
  <si>
    <t>b'\xc6\xb540\x0f\xf3\xbb\x19TK\xe6\\Z\x01\x95}\x17\xaa?\xc3\xebO/\xec\xac\x86\xc2L2\xddj-'</t>
  </si>
  <si>
    <t>b'\xd06\x93(\xc8\xfa\xd3;\xedY\x05\xc1\x12M\x19\xf1\xc1\xfc\xfe#\xd7\xea\x84&gt;\xf7\x0eL\x14\x1c\xf9Y\xa2'</t>
  </si>
  <si>
    <t>b'\xc3d\xda\xac\xf5S\xd4=\xdd\xc9\x8d\xff9\xaa\xab\xb1\xe2\xbb\x08\xed\xeb\xbe\x04T\xef\xaa\xd4\xd0}\xc7%\x83'</t>
  </si>
  <si>
    <t>b'$\xca\xee\x14p\xd1\x10\xb6\xa4\x82\xc9&lt;\xd4Q\xfd\xe6\x8f^\xdf"wN\xbdIT\x93\xf8pV\xd2\xdc2'</t>
  </si>
  <si>
    <t>b'\xcd\xc1\xed\xea\x92\xe6N"\x17\x8f\xcaB\xeb\x12\tXMA.K3\xff\x10zX\xfcOr\xdf7xi'</t>
  </si>
  <si>
    <t>b'\xecq\x02\xc4\xa7\x91)\xe8l\xd2\xb7x\x9f\xfc\xbf\xf4\xcd\x1bD\xab&lt;\x12\xabn\x1d\x07{\x9e%6_\xcd'</t>
  </si>
  <si>
    <t>b"\x91\x02\x89;j(\xa4'uT%\x80\x1f\t!Y^(\xacck\xc8*I\xd6\xfb\xde\x15\n\x9a\x83\x12"</t>
  </si>
  <si>
    <t>b'\xda\xdf\x13\x17]8\x83X?H\xf7/\x9e\x1c\x97\x98jE\xe2\xee\x9b\xe4\x89a|i\xe2\xa5\xd0&amp;s4'</t>
  </si>
  <si>
    <t>b'\x11\xf4\xa6\xc0\xa5\x944\xd3\xcc\x82\x08\xa7Wl\x12+\x1c\xee"\xf4_\xa4E\xf6\xe9\xf7\xcc\x84\xa9\xb2S\xe0'</t>
  </si>
  <si>
    <t>b' R\xb9\x94\x92Y\xc3\x1b\x86\xbb\xdb\xaf\x9e\x81\xe7\xf3\xa15\xe9OgS\x16{\xd1\x07\xf2\xae\xb8\xae/\xbc'</t>
  </si>
  <si>
    <t>b'\x9d\xa0\xcb\x809\xd2\xc6\xe7\x1bi9\x07\xb1\x0f"\x84\xda\xa1\xbf,\x98\x9e\xb7]\x02\xf6\xd3\xfc\xfb\xc7\xacA'</t>
  </si>
  <si>
    <t>b'\xac\xd4\xa8(\x1c7$+)A/\xbc\x936\xabQ\xfb\xd2\xb1\xf3\xacf\x90V\x91v/\xdc$\xb3\x9f\xc3'</t>
  </si>
  <si>
    <t>b'\\mT+\x14\xedlc\xcc\xfb\xd9\x8a\x13q\xf557  \xf0`G!\xc9ojJ]YP\x96\xc1'</t>
  </si>
  <si>
    <t>b'R^\xf4\xf3\xea\xd0f]P\x95\xb4\xe9S\x9e\xf1\x84\x8e_\x8e\xd0l\xd6\x95k5\xfd\x89:\x0c$*\xf9'</t>
  </si>
  <si>
    <t>b'\x98\xd9\x12\xed7GoB\xc0Wk\xa8\xbd\x02\xc4\x1dE[\xf2\x9e\x9d,B\x82ps\x83H\x91z\x0f\x13'</t>
  </si>
  <si>
    <t>b'\x8cwk\xab&gt;\xc2\x82\xec\xca\x9c\x9f\xc0\x97\x18\xc7UJ\xc26]\x19m\xf0\xe4\xf7h\x9fkR1\xa1\xe7'</t>
  </si>
  <si>
    <t>b'\x07\x0f5e\x9e\xe6C\xba\xab\x10\x11KS\xfcc\xbd)61\x99\x06L-\x9c\xd4e\xa1\xd5wI\xdc\xe7'</t>
  </si>
  <si>
    <t>b"\xce`\xad\x84g\x128e|F\xfa\xf4\xf8\xac\x02\xbe]I1\xe6\xd6~\x83P&lt;[\xef\xef\xcd\xc0\xb8'"</t>
  </si>
  <si>
    <t>b"|v[\x11\x9cL\xad'\x91iE_,\x9c@\x9d\xa8\xc0\x8c\xb0\x87\xd1\x1a\xda\x0b&gt;\xf0\x83S\x93\xeb\x98"</t>
  </si>
  <si>
    <t>b' \xc4\xba\xc0\xb1X\x973\xc9\xa9*\xf3\xc45\x86\x154\xf8\xbb\x82\xec\x05\xc3\xd2U\xda\x983\xae_\xa7\xa4'</t>
  </si>
  <si>
    <t>b'j9\xdbT\xa4\x89\xcf\x0b\x9b^\xc3\xab\xa4\xa2\x8e\xd9[\xc4\x17\x16\x00\x87E\xe3;\t\xd9\xa9\x8c\x0c\xf6\xb7'</t>
  </si>
  <si>
    <t>b'3\x110\xe5\xb9j(\xaa\xb36\xba:\x8a\xc6;\xc5\xfe\xa4\xb4\x0b\x9f\xaeQ\x14\xf8A\x82\xa7\x9ci}\x98'</t>
  </si>
  <si>
    <t>b'\xd8B\xea\x8b0\xbe\xc5R\xd8\xb1\x8b\xbc\xd0Bf7V\x8c\x85\x1dOK!\xfe\xedYD\xe1\xcbV _'</t>
  </si>
  <si>
    <t>b'\x9f\x9f\xb2Z\xe2\xcc\x00B8\x84f\xd4\x1d\x15lU\xbf\x8e\xccf\xf6\x11pXu;R\xdd\xcb\xc2\xfc='</t>
  </si>
  <si>
    <t>b'\x05b&lt;\xb0\xa9\xd2]B\xa4\x92\xad\xcbn\xca\\J\xf8\xab$\x033&lt;\xdf\x94h\x95{r\xb3\xd0\x06\x8f'</t>
  </si>
  <si>
    <t>b'&amp;\xa9\x1e\xfc\x93\xb2 \xa4\xb4g4\xc7\xfb\x15 \xbe\n\xe8\xfb\x8d3\xf3\x97\x89\x0c`\x95\xc1\xb8?Io'</t>
  </si>
  <si>
    <t>b'\xcd\xa7n\xa4\xa7\x07\xecw\xc0)Nx\xe1\xdf\\\xcc\x15\n\xc4T\xc3\x89#@\xe8t\xd1x*rQ\xd5'</t>
  </si>
  <si>
    <t>b'g(\x05\x7f6.6\xe0\xca]\xcb\xb0\xbe\xf2+\xeaKu}X\xb0W\x8a-B\xfd\x1czch&lt;\xfc'</t>
  </si>
  <si>
    <t>b'\xf7\xd4\xe6\xf2\xc8\xc6#\x98\xee\x04\xc3\x80\xa5]\xd8t\xc4{\x03\x85\xff0\xbb\xcb\xe6\xabm\x04\x10/\xe5J'</t>
  </si>
  <si>
    <t>b'\xc2\x18/\x0cC\xb7\xb5K\x7fXr9\xd7r\xfe\xa79\x07\x9a\x85\xac\xe9c\xcag\xf4\x0b`\x88\xbb\xd0#'</t>
  </si>
  <si>
    <t>b'=79@\x86\xc5\xcf8\x16a7\xba\xd4\xf4pN\xee?[\x0c\xe5$\xa1G2\x800Im\xb2\xc2\xed'</t>
  </si>
  <si>
    <t>b"\xbe'\xa4uS\xea5\xfcPG4\xa3\xb0\xa7.\xd3\x0bOw\xc4J\xadY\xf7\xc8\x8b;\x89B\x9a\xc2\x12"</t>
  </si>
  <si>
    <t>b'\x95\xd44\x94\xfb=\xce\xf0P\x03\xa8\xdf\xe3\xb9WN\x146\x8e\xcegI$\x03\x99\xe4\rz\x86\xcaj\xe7'</t>
  </si>
  <si>
    <t>b'L\xb0\xca\xfdLr(\x92\x188\xd9\x8c\x0e\xa0\x13X\xb9\x9fV\x14\xad\x1d\x15\x89\x8aJ\x9f\x8a\xb4\x03\xb8\xbb'</t>
  </si>
  <si>
    <t>b'u\\\x17\xb7\xdb\x97\xb5\xfeuWm\xd08\x04\x1d\xde)E\xb7g\xa1\x18,k\xd5\xd7\xca\xb2\x1e$U\xa5'</t>
  </si>
  <si>
    <t>b'\x84\x96\xc2\x10l\x88\xc0\xf4H\xea\x90\x85\x1b\x08fB\xa5V\xa3!(\xbd\xd8\x00\xb9&amp;\xb8\x1f_5\xf8\x86'</t>
  </si>
  <si>
    <t>b'\xea\x87_\x07\xe1e5\x87\xabJ\xc6rqHc\x94&lt;\xcd,V[\x9b$\x8c\x1b\x8a\x82A\xde\xac\xf6\xff'</t>
  </si>
  <si>
    <t>b'\x00H\x9cw\xdd\xc2g\xc1(\x9b\xd6!\x1dm\x9f\xe6ab\xf6\x1c\x89\xdc\xb0\xbf$|$\xaf\xe1\xef\xc4"'</t>
  </si>
  <si>
    <t>b'\x1c\xdfw{D\xa7\xf8\xb9\xba\xda&amp;\x8b\xd7\xe2\xb2\xec\xc6\x90\x9a\x97\xa3\x8d\x87vv\xdft%k\xe1\x84\x06'</t>
  </si>
  <si>
    <t>b'\xc7\x02\x14\xe1\x90\xbb\xb0J\x8b\x85\xcbwu\xb96K\x89\xdb\x8a4^;\x90\xe4\x18N3\xc4L\x19\x1d\x92'</t>
  </si>
  <si>
    <t>b'\x1aI&amp;\x96\xda\x97\x89Cl\x17 \xf4\x8f\x9a\r4by\xc9t\xfdIga{\x0e\xd3\xe4=&gt;{\xdb'</t>
  </si>
  <si>
    <t>b'vs\xb8~\x9fPe\xb1\xf1Tu\xf5\xc8\xac#\x97\x86n\xce6X\xf7l\xab\x86g"U\xc1\xdc\xa2p'</t>
  </si>
  <si>
    <t>b'1\x13F_\xa7\xd3lp\xcd}Y\xa7\x1b* \xecZ\x06\xec\xcd\xb1\xa3b\x8e\xda]\xc5S\xecVU\xd2'</t>
  </si>
  <si>
    <t>b'\xbb \xcd\xc1\xbe!\xbf.\x08\x96D5T8f\xfd84\x0c\xf6\xd8\x14\xce\x83\x99j\xac\xdd\xa0\xeb\x1e\t'</t>
  </si>
  <si>
    <t>b'\xd7]\x85\xa2{03\xdd\x05\x96a\xd5ag\xc8\x08\xad\xffo\x1a/\xc4~O\xbf\r\xd1\xd9\x11\xcb\r\x9c'</t>
  </si>
  <si>
    <t>b'f/\xcc\xe6)\xb2\xde\xec\xb4\xd6\x8c\x14\x93i/I\xa7\xa0\x8a\xd3"\xc7\xb7\x96C\xf4\xc4\x1b\xc8hFc'</t>
  </si>
  <si>
    <t>b'/\x90pd\xfc\x98$&gt;\x87\x7f$k5M\x9c\xf2\xebQ\x17\x8a\xf40( \xf0]\x97\x14\xf7\xba\xf4z'</t>
  </si>
  <si>
    <t>b"g\xe3\xf7\xbf\x8a\xe5\xe0V\x0f\x8cl\xf8\xff\xf1\xcf'9\x16m~\xd7H\x15\xed\xc1_\x97\xe9\xc0k\xbbC"</t>
  </si>
  <si>
    <t>b'\x9c^\rn\x87v\xa1\xc2\x7f\xf0D&amp;Q\xd7\x8c\xd6\xad\x94\xd8M\xea_\x0f\xf2\xea\xff\xe06\xcbZ8S'</t>
  </si>
  <si>
    <t>b'\xfc!\x07\xb5\x1b\xe5\xc3\xf2\xd7\xef\x17\x9f\xaf\xf2\xf0\xd2!\xfc\xadw\xd6\xc11\xda\x98\x8b\xe0\x08\x8c\xfb\xdd\xbf'</t>
  </si>
  <si>
    <t>b']k\xbf\xf3\xa0\xbeI\x12=~\x98h\x00\x14uJc\x10\xaa\xcf\x9c3yx\xb7HkP\xb1\x14\x93\xef'</t>
  </si>
  <si>
    <t>b'\x85\xe8d\xe8u\x15\xe9\xd0\xfe\x96Pv\xa6v\xedt\xecp\x95\x9ao\xec}j\xa3\x86 \xd3&lt;\xbcO\xbd'</t>
  </si>
  <si>
    <t>b'\x0e\xce^\x9e\x03xe\x97\x8fQ\x06\xa4{\xf6\xbf\xb6\x86Y\x7f\xa8\x12\x0b\x84\xe1\xfec\x83\xa2\xe7\xa1\xe9_'</t>
  </si>
  <si>
    <t>b'\xc2\xa9\xc4\x9d\xc1oEO\x989R\xc9+g\x98Zq\x08\x95\xf2\xd6\xa8\xcb\xbaZ\x17\xe3\xc7\xbc\xd1\x8c\xbc'</t>
  </si>
  <si>
    <t>b"\x01\xcd\xb5\xe6d\xecKrIV&lt;\xd5\xffI\xa0\xc5\x05(\xe5\x98\x9eH\xb6\xf6'\xd5\x0b\xaf\x05\xe6nv"</t>
  </si>
  <si>
    <t>b'I|=\xa0\xe1\xb2\x8c5\x81\x14B\xa7\xee\x1b\xa4\xaa\xf4[\x91\x91\x8b\x9e\xa5\xd7\x99,\x17\xf2\xf4[\x88\x87'</t>
  </si>
  <si>
    <t>b"of\xf1\x8f'\xdcGj\xda%{O\xe9e\xa6\xca\x99\xfb\xd7\xc3TH\xb41\xbdU^a\xdf\xa6X\x1f"</t>
  </si>
  <si>
    <t>b"\n\xb8\x05\xc9-\xae=\x9d\x0eM\x90\xd0\xc8-\xe0\x9f#pA\xf5hq\xfd\xdf'\xaa\x90\xbd\x95\x03\x88j"</t>
  </si>
  <si>
    <t>b'\xb4\xad\xd3|\xa2\xde\x0c_\x02\xfc%\xef\xd1{}U&lt;6\x1a\xe0"\x1a\xe5\x01j=^\x82\xa1[\x86u'</t>
  </si>
  <si>
    <t>b'\xfc\x90\x8a\xef\x8a\xf9P\xd2\xd6\x9d2\xfd\x85\x1et\x01\xee\x89e\x96\x06\x9b=(eMH\xc3\xb4\x86\xeb\x9e'</t>
  </si>
  <si>
    <t>b'~\xbe=n\xdb\xc5\x0b%+\xa9\xff\xe0\xf6\xd7b\xff\x01\n\xd4\xe5C\x0fB\x02%\xa8\xf4\xa8^mlG'</t>
  </si>
  <si>
    <t>b"o\xa7\x88\x13\x05\n\x8a\xb8xy\x9f\x843\x19\xb1\xect^k\x13U1u\xd9a\x80'y&gt;\x1f\xd8\xf5"</t>
  </si>
  <si>
    <t>b'\xca\x07\x01\xa8\xdb \xefi\xe4O-.g6\xd3\t\xa2\xd9\xd6\xb6\x959\xeb\x94u\xba*3l\x92d\xa4'</t>
  </si>
  <si>
    <t>b'^\x7f\x0e\xf4\x18\xc5t\x1dJ$\xa3\x19\xb9\x89\xff\x85\x1ft\x8f"\xe8\xb6\xb8\xba\xcc!M\xfcd\x8cc\x9e'</t>
  </si>
  <si>
    <t>b'Q\x93d\x9fA\x9aQ\xf7l\x04\x19\x99\xb3_\xe3\xb0\xf0\n2i6\xfc\xfb\x92\xfb\x12\xd03E|\x9c\xec'</t>
  </si>
  <si>
    <t>b'e\xe2K\xfcIL\xe8\xe6f\xe0ezB\xc0\xeb\tF\xa7\xbf\xebF\xff\x8c\xa2\xb4\xe7\xd4\xe9\xea\xf0\x1d\xc6'</t>
  </si>
  <si>
    <t>b'\xb0\xfe\xd14\xd8\xbd\x9e\x06\x0f\x16\xe5\xc68\x88%z\xb1.9\xeb\xcf\x7fOK*\xee\xc0V\xbd\xf9\xf7\xce'</t>
  </si>
  <si>
    <t>b"\x00\x8c\xad~\xce\x99\x90O\xe2'\xb1\x8e\x8ap\xf1!\xeb\xa7[\xf05\xd9V\xc8\xb9\x0b&amp;\xc3\xbe\xe7\xc6\xc6"</t>
  </si>
  <si>
    <t>b'\xc9O\x15\x1cz\x95O\xfeb\x8dK\x92TeD\xc4c\xad`\xe6S\x0f\x06`EX1R\x8d\xf3\x14%'</t>
  </si>
  <si>
    <t>b'\xd0\x16e\xdd\xaf\xb5\xe9\xf2\x07\x17+\xd9\xeeQ;\xd5\xce\xb2\x98:\x8a\x06\x16m\xfd0\x03S9\x8a\xcc\x1f'</t>
  </si>
  <si>
    <t>b'SH\x16T8L\xcc\xb5k-S\x02\x04\x18J~\xddf\xd6\x8c\x8ezj\xed\xa4VA\xd5e\x96\xf3\xd4'</t>
  </si>
  <si>
    <t>b'^\x1a|iT\xf9\xfc\xa6\xcfg)&gt;`\x81\x98\xae;\x0b\xae\xf4\xd3-f\xba\xdc\t\xe7/*-QP'</t>
  </si>
  <si>
    <t>b'\xb9AX&lt;*\xa8\x06#%V\x15&gt;M\x16~\xac\x11\xd6\x1d\x10h\x0bq\xb1&gt;\xba"\xc7\xc8\xb4\x0c\xb7'</t>
  </si>
  <si>
    <t>b'\xec\x08\x1cR\x83\x0b\xab\xc4\x95C\xb0\x0e\x876y\xf1\xa8/vu8\xf3NES\x12\x84\xfa\xd8\xd0\x7f\xc2'</t>
  </si>
  <si>
    <t>b'\xe4\x1b\xda\xd4\x83\x9d!\xda\xe1:X\x0b\x17&gt;\xbbY\xc6\xb4\x1f\xbd\xf69\xd1\xd1\xcb\xcd\x1c\x9en\n\xc7^'</t>
  </si>
  <si>
    <t>b'\xba\xe6\x8f\x9f\xd04V\xb1Z\x87\x92\xef\xdf\xd2\xe4\x17\xb2\xe8F\xc1\x93\xde^\x9aa6W\xf6\xb7\xbf\xb7!'</t>
  </si>
  <si>
    <t>b'\x9c\x9d\r\x97}\xc2\xf8\xb9r\xc0\x81\xe3\x97\x99Qmh\xdd\xd7\xb6\x06\xce&amp;P\x1c_\xd8\x9a\xcb1\xb1\xe5'</t>
  </si>
  <si>
    <t>b"\x8b\x96\xe4~\xbe\xa3\x85\x0f\xdc;K5\xa1\xdc\xe6\x01\x13W2\xb1\x0f\xff\x84\xbc'e\x8a*L\xbf\xb4\xc5"</t>
  </si>
  <si>
    <t>b'\xa2\x15\xa4a{\x18v\xf7.\xe8\n\xc0\x9c/\x97\xc1\x96\xee\x85A\xa8\xfa\xd9\x8f\xadn|\x86\x07y\xacz'</t>
  </si>
  <si>
    <t>b'\xeeWc\x98\x95\xdeK\xb0\xac\xc0\xbf\xeb\x85T\xa6\xed^\x822\x13{\xe3\xd3V;P\xd1\x1c6jY\x0e'</t>
  </si>
  <si>
    <t>b'\xca \xad\x1f\x167lad\xe2{w\xc6\xf0\xda\xa9x\x06\x93\x8d\x05\x94\x9a\xe0c\x0eR\\\x15\x10\xff\xed'</t>
  </si>
  <si>
    <t>b'\xc0\x98C\x00\x01M\x1f\xe8\xf8\x10\xa4&amp;nOW\xf5\xb6\x14\x91\x1d?\x8b\xe3\xc7\xe2\x8bZ$\xd9Gs\xdc'</t>
  </si>
  <si>
    <t>b'\x064t\xb5\xf4\xeb\xdf\xdd\rg\xe1&amp;\xf5\n\x9d\xf2\xc2_@\xd3&gt;\x84RP&gt;x2\x15\xec\xbb\x01\xf4'</t>
  </si>
  <si>
    <t>b'\x1d7R\x99n\x0fu\xf9,\x1f\xe4M\xd5\xf0O\xc0%\xf4\xa6\xbbp\x0cRZl{\xf0&lt;;\x1a\x1c\x94'</t>
  </si>
  <si>
    <t>b'\xb2\xbcTJ\xc6(\xab\x97\x10\x12%\xe1\x11\x97A\xd4\xa0\xc5\x87\x83\xd1\xa3\xb3\xba\xfb\xa7\xb1\xe8p4\xedE'</t>
  </si>
  <si>
    <t>b'\xc8~\xa9;M\xee\x99&amp;\xeb\xf6\x94.\xe0X\xd8\xd5\xb0\xff\x05\x9a\x9f\x0eC\x89P\xe4\xd6\xfb\x9b\xb7\xf3p'</t>
  </si>
  <si>
    <t>b'G=\x03\x92\xd5"\x1a\xf8Q\xa3\xf6\x1f0F\x1f\xf5\xaf\r\x15`\xf9\xdc\xcf\xbdF\n`\x0f\xe1\xc6\xe3\xbc'</t>
  </si>
  <si>
    <t>b'\xd1\xbe\xae\xfc-1{\x82\x08I$\xea\xca\xf1N\xb5[\x1c\xb3\xae\x93\x95b\xb8W[E}\x85\xd9\x92+'</t>
  </si>
  <si>
    <t>b'S\x9b\xaeUM0k\xeeO6\xea\xe3AUK_v\x08OVV\x94\x83vb\r\xf6\xf4\xfb,\x8a\xbb'</t>
  </si>
  <si>
    <t>b'\t\x82\x1d\r\xe6\xb4\xf4\xb2\xcc\x93\x8e\xbbE*-q8\xf2\xa6\x08K\x05\xf5y\x16)U\xb3\xbd\xa4\x19\x9f'</t>
  </si>
  <si>
    <t>b'\x87\x8e=e\xee4\x7f\x11K\x07S\x9f\xe7\xc4\x95\x1a\x089?\xbfG\xbc\xd2\xc3\xf8M$`\xe9\x86\x1a\xca'</t>
  </si>
  <si>
    <t>b'\xe1?B\xce\xc3\xce\xfa\xbeq\xd29.\xcc\x96]TM\xf3\xf1\xa5O\x8b8P\xc8\xf1Y\x85p\xb1\xd1\xe8'</t>
  </si>
  <si>
    <t>b'-\x991k\x90\x95\xf3W\xb6f\x15k\xb2\x06\xea&amp;\xa5\x90\x10\xa6\xdc\t\xc9\x15\xca\xa0\x9a2/\x04\xe8\x1f'</t>
  </si>
  <si>
    <t>b" ;G\xd5/\xfd\x05'\r3\x9b\xf8#n\xc4\xf6L\x80\xa8\xd6\xbd\xc7K\x92\x13$\xacpQ\xef16"</t>
  </si>
  <si>
    <t>b'\x9c\x94R\x98\x00G\xa3\x92P\xde\x92{*\xc5\x18\x86\x8b\xc4\xc5]\xb3\xc6\xca{\x7f\xc6DI}\xbc\xc7/'</t>
  </si>
  <si>
    <t>b'\x00?#D\xd94\xb5MF\xbb\xbf\xc1\xd8\x90\x1c\xd8|\xea\xdb$\xc8\xfd\xc8\x07\xb4\xdcb\xb6\x93\xbd\xe6\x90'</t>
  </si>
  <si>
    <t>b'f\xc9\xbb\x06\x08\xae\x06vf|\xbcci8\xa2^\xc6s\xd9\x7f\xd8~\xc0Ex\xda\xad\x03e\xb9+\xc9'</t>
  </si>
  <si>
    <t>b'\r*\x0c\xf2jM\xbdKW\x9c\x19\x0b1,\xff\xd6\xd0\xcc7;\xd9\xc3\xa9\x89D\x0e!\xb69\x1be\xa9'</t>
  </si>
  <si>
    <t>b'\xc6A\x83\xf1\xb9\xa9\xcex\xfc\xdb\xd5\xfb\xbbM\xe8\x83\x83x\x18u,\xd1e\x1di\xe6Xk\xdc\xa9A\x03'</t>
  </si>
  <si>
    <t>b"Q*\xed\xbf\t\x81_/\xb5\x85\x9fA\x94\xbfsHV2\xdb'=\xa9\xf3\xe7\x16\x91\xc3D3\x17Ur"</t>
  </si>
  <si>
    <t>b';~\xe8\xd10\xff\xaf_\x1d+\xbf\xbb",$&amp;\xcf\xf8\xaa\xcc\x89g\xd1\xddwK\xebb-\xb3\xfe\xaf'</t>
  </si>
  <si>
    <t>b'\xf2\xa2\xa9\xbb\xa5\x1a\xce\xa8\xa1\x05\xba\x99\x83\xee\xb66\rq\xa5W\\p\xdf\x11\xcc\xe2\xa4.9\x1eD\xf4'</t>
  </si>
  <si>
    <t>b"/\x83\xb2\xd5\xad\xa8\x10\x85\x833#6E\xb6\x90' \x1fK9\x8f\xbe\xa9\xa7;\x05&gt;LX;V\xe6"</t>
  </si>
  <si>
    <t>b'\x96\xb5Z\x88\xe6D\xf5\xf9\x07\xf2\x07\n\x90\xf3U\xdd\x85R\t\x92\x9b\xc8\x19(\xfb\xdf\x13^7\x00Vx'</t>
  </si>
  <si>
    <t>b'\x0es^m\xf09ns\xeeO\x97\t\xcb\x04\xf4\xdb\xf4\xe6\xc7n\x19B\x98v\x99!\xde\xb7\xa2\xb6\xcc\xbf'</t>
  </si>
  <si>
    <t>b'#\xf8\x80k\xf5\x1a\xb1BU\xa6;C+\xc1\x07\x94\xea\xf2A0\xb3\x1f\xd8\xd7\xf6\xb0YQkg[\xcd'</t>
  </si>
  <si>
    <t>b'\xf1\xe8\x98\x0f2k\xaa\xb2*R\x90\xe8,\xb5\xae\r\x19\x0f\xc0\xe7lD\xa0\xfb\xe3\x9e\xec\x1f\xed]p!'</t>
  </si>
  <si>
    <t>b'\xb9\x8f\x1d\x9f\xad\xb0\x8d\x0e7\x1d\x8d[\xa3\x9drD\xd1I\xbe\xfa\xfa\x8e\xf4\xbc[\xa1\xa7\xfb\xd6\xb7\xf5\x89'</t>
  </si>
  <si>
    <t>b'\xd1\xed\xbfObYHVU#r\xc9s^\xe7&gt;\x9b\x95\xb5\x979\x83\x9c\xed\r"G\x84\x9c\x8d\xea\xa1'</t>
  </si>
  <si>
    <t>b'\xc2\xcb)\xbd\x89\x87\xd8\xcdfgs\x87Y\xa4c\x8b\x1d\xcbD\x13\n\xe3\r\xdf\xaa\xb0s7\x171\x10\xb3'</t>
  </si>
  <si>
    <t>b'\x8c,\xbfk\xcf\xae\xd8?\x00\xab9\x07\xc7\x12*\xb1\xec\xfa\xfe\x9b\x01\x93\xdd\x9dlL\xa4\xf5m\xber\xbf'</t>
  </si>
  <si>
    <t>b'\x80X\x96\xf2\xabF\x172\xa7\x8a\x06G^p\xc5\xdc\xca\x1f\xa0\xeb\xe5E\r3\xf3T\xdc/\xfc\xc6\xd8\xb1'</t>
  </si>
  <si>
    <t>b'\x07\x8a"[\xe48\xed9\xf8x\xea\xb3t\x97\xc1\x08\x1eE\xe8\xda?XQ\x00Y\xa0xe\xa8#_w'</t>
  </si>
  <si>
    <t>b'o\x85\x01Pc\xf7\x8b\x0f\xf7\xae\xf2\x1f&amp;\xef\x86\xab\x83\xcb\x9ci\xe4G\xc2}\xfd\xb8\x04@\x83\xf4\x16\xcf'</t>
  </si>
  <si>
    <t>b"\x877f&lt;\x86a\xd4\xd5\xeb+\xaa\x9d'\\o\xb3\xdf\xbe\x0c$\xab\xa4r\x15A\xd1\xbd\xa1\xd3(\xac^"</t>
  </si>
  <si>
    <t>b'M\xb3\xe0\xf2NK=\x01\x8b\xaf\x06&gt;iN\xd5\xcb\x18\xe5#\xd1\xe5\xda\x1cU\xac\xf9\x12\xba\xc1\xf8\x1a\x8b'</t>
  </si>
  <si>
    <t>b"U\xcd\x04@\xc44\xf8v\xc3\x83\x07\xf3\xab\xd8\xefq6\x98\xfa\xe5\xf6'\xd8y;\x00\xc9\x82/\x1a\xb8V"</t>
  </si>
  <si>
    <t>b'\xf0 \x8a\xa5\x07\xbc\xfe\xfe\xc6Q\xdc\x99\xdd\x127w\xe7!\x08\xef\xb8\t\xa0)3\x050\x9c\xc8V\xcc\x07'</t>
  </si>
  <si>
    <t>b'\xb6\x92\xbfk\xe0Ay\xa2\xb0}\x05Cl\xdc\xd3i\xc1\xa9n\xdbPi\xb6\xcb\xba.e"sh\xc1\xa7'</t>
  </si>
  <si>
    <t>b'\xc2\xe2gn\xa7\x91\x9e\x98\x1dy@`\xea$U\xf9\xc4\xfd\x01:\xed56\x9d\xce\x84j\x8fHf\x0b\xda'</t>
  </si>
  <si>
    <t>b'\xe3\xf0P\x1e];\x14fA\xa1qx\xef\x85\x0bU:\x84\xc9\x01\xba|U&gt;\x9dK\xdf\xb6\xbb\\\xf1A'</t>
  </si>
  <si>
    <t>b'\x85P\xcea\xf8\xb7:U\xd3\xf4\xa8\x92]g\xc6*\x84\x82X"\x85/\xb9\xf6\xef\xbc\x0fV\xd4\xf1\x8f\xfc'</t>
  </si>
  <si>
    <t>b"l\x0flv\x9b\x98\xcc\xbc&lt;a\x00}~'D\xa3\xf6\x85\x84\xebk]\x7f\x16\xe6\xf4\xae_\x08\x8e\xf4n"</t>
  </si>
  <si>
    <t>b'\xb1\xd6\xe9/\xf19:(\xaex\xa2*\x84\xab\xdc\xac9C\x91\xe7r\xf7\x03\x9fw\x83\x8a\xfd\x8c\x10\x7f\xf5'</t>
  </si>
  <si>
    <t>b"?\xa3 X\x08\xe0)&gt;&lt;pX\xd7\xb7\xa3x'\xd657/F1\x8e\xc7\xdc\x03\xa8\xdd\xd6\x8f}\xf1"</t>
  </si>
  <si>
    <t>b'e\xf1\x08V\xaf\x93i\xa6\xbd@\xecR8\xa6\x16\xdcN\xb9\xd4@p/\xe7\x15\xfb\xb6\x9f\x97\xa5\xb8\xe5\xc0'</t>
  </si>
  <si>
    <t>b'H\xf3\xeb6;\x95\x07s\xb6\xba\x84\xde36\x980\xbe\x1c\xb9\x14\x89/\x88\x0f\xfeL=exa\x9a\x07'</t>
  </si>
  <si>
    <t>b"\x97\xf3i\xa4\xe5y\xef\x92\x11\xad\xb4n\x1e\x92|u'\x03\xcb\x17\xf8\x0c\xe8\x14\xcag\x8b\xed\xb5\xda\xea\xcc"</t>
  </si>
  <si>
    <t>b'\x94\xc6\x13\xa6\xa2\x91+\xd9\xe1\xa4L\xc0&amp;\xf2\xe3\xbba\xd6\x89:\xaeU\xa3\x04\x831YH\xb5\xe8\xe0T'</t>
  </si>
  <si>
    <t>b'\x1a\x02\xb0y\xdf\xf7)=\xe8$\xc7\xadpJB\\\x82Z\xacF\x93\x08\x94\xd8\x13}\xa1\x96\x1c\xe2\x03R'</t>
  </si>
  <si>
    <t>b"GI\xba]\xc6)\xe0\x94\x1e\x8b F'\xfd\xca\x18W\xd3\xfd\xf5\x11\xac\x7f\xf6\xd1KJ8\x9d\x83\x83Z"</t>
  </si>
  <si>
    <t>b"B\xb9\xa1l1\x1a\\T\xc4\xa4\xd3\xdcR\xc0'\x01\x14Hb\xc9z\xf1qx\xe6e\x87\x89n\x90e\xcf"</t>
  </si>
  <si>
    <t>b'n#\xa7\t[\xeb\xa0-\x12\xba\\o\xd9\xde$\xfb\xcaQ\xbb\xff\xa4\x93!-n\xb9\xe3\xe9R\xea\x0b\x94'</t>
  </si>
  <si>
    <t>b'\xe6\x9bb\xf3\x83I\xc0\r\xec\x89(\xdb;\xda\xe8\x84\xbcO\xf8(\xb7\x15b\x19\x1c\x80\xff\xf3c\xc0\n\xf8'</t>
  </si>
  <si>
    <t>b'\xd9#\x84\xb9\x91r\xce\xc8\xaa\xb8\xd6+\xfb\xe7\xcc\xd1X3\xcc\x94\xa1K\x8cI\xa0\x89h\xbcl\xcb&gt;\x8a'</t>
  </si>
  <si>
    <t>b'\xe1|\x9a\x0eB\xc6\xc0\xd5\x82b\xe5Y\xfd\x08W.TE\xb0X\x8boK(^yC\x90&amp;\xc8h\xc4'</t>
  </si>
  <si>
    <t>b'\xafkh\x96\xfd\xc0\xc7b9BI7\x1c\xe3\x91\xffyBi\xa4\xac\xcd`\xbb\x1d.\xac\xb2\xb6h1\xfe'</t>
  </si>
  <si>
    <t>b'\x8d\x7f\x94\x15n\x1b\xaa\xc9[qN\xa8}\xfb&lt;*\xaf\xd9P\xe7\x13.U\xa50\xab\x1c@\xddVx\xf8'</t>
  </si>
  <si>
    <t>b'\xce-"~\x9b\xe7\x92;\x9b\xf6\xef\x14\xd3\x87G\xeb\xa6\x18\x9d\xcdx\xef\x11\xc8\x08F\x1c\xa5DUPG'</t>
  </si>
  <si>
    <t>b'vk\x1b\x92\xb2\x1b\x83\xbb\xeb\xa6AP\x80\x00(\xb5\xba\xccE"\xb9\xbf\x06\xf0\xcbg\xbd\xe1\xa7\xa7\xdb\xe7'</t>
  </si>
  <si>
    <t>b"\xbdw\xb5\x8b\xc3\x0ez\xac\x0c}\xfa\xc6\x05\x82]&gt;\x92\x1c'\xf4\xe3\x08G\xb2!XIL.\xdf\xab\xf5"</t>
  </si>
  <si>
    <t>b'\xad]\xe1\x16\x10\xee\x00\x90V\xf5i\xe8y\xc5\x91\x11C\x0e\xcfz\xafSw*\xf8h\xb9|,\x81\xe8o'</t>
  </si>
  <si>
    <t>b'\xeb\xbe\xe9,\xe2#\xc3\x88-= \x9dA\xa1\xb60\x93M\x9a\x04\x976\xc8\x86\xc8h\xb2RM\x0eR\xe2'</t>
  </si>
  <si>
    <t>b'\xaa\xb7\x16k\xf3\x9c\xb53\xa4\xd7\x9e\xd6]\xa7\xfb{\xd8\xf7!7G6r!\x9bH\x10"6\xcdB\xc8'</t>
  </si>
  <si>
    <t>b'}\xa4\xa4\t\x0b\xe8\xd2\x12\xf7}\xe7o\xe0\x051\xb6,^\x13&lt;\xef\xe9\xf9{E\xaf\x10\x02DE\x8aM'</t>
  </si>
  <si>
    <t>b'\n\xa3Y \x82\xd0\xc3P+\x1a\x00\x88T\xb3\x18\xf7\x01\xdf\x9a\x18,\xee\xf4%\x8bLG[\xc9\\\xf7\x1c'</t>
  </si>
  <si>
    <t>b'\xf8\x8a\x00\xcc\x88\x08\xef\xf0#.\xc1\x0cz{\xd3X\xd0\xb3r\xccI\x974\x06;\xa2\x87JGt~?'</t>
  </si>
  <si>
    <t>b'\n\x99\xb3\xe4\xc4\xa5\xf0\xff\xb2p+E3[\xe4\xec/\xb7\xc9\x89&gt;+!&amp;\x90\x84q6\xa1\x8a\xcf\xd1'</t>
  </si>
  <si>
    <t>b'Z,\xaa}9.#\x163\xd5\x84\xb5\x8fQ\xd1!\x92\xd7\xb8h=\xfa\xe0\xd9|\xed\x89#\x96I\xfc\xbb'</t>
  </si>
  <si>
    <t>b'\xdd\xc8\nIvWWbH\x81-\x9aT\x8f&lt;\xe7\xb2[\xcd\xce\x10x)^\xf4z\x92{\xe0~\xbc\xfe'</t>
  </si>
  <si>
    <t>b'\x82|\xc2\xc3vwg\xb0ZP\x7fB\xfehL\x1cA..~9\xfc6\x1f\xc0\xc8\xb8\xeb\x00&gt;\x0f\xcd'</t>
  </si>
  <si>
    <t>b'1 V\x92\xa0\xd0\x9e\xc6\xeacP\x7f\xf7\xf6\xe9\xfe\xfe\t\x95\x80\xe8\xd5M7_\xbf\x9dn\xa6\xed\xf6z'</t>
  </si>
  <si>
    <t>b'\x98\x1f|\xed5\n\xc0\xce\xc8\xb3\xdc\x11f\x17o\xbf\xc6\xe3\xbc\x02K\xb0\x96&gt;\x86\x8c\xfe\xb8]\x18\xa1+'</t>
  </si>
  <si>
    <t>b"^\x9b\xa5\xbd5\x98!\xaf\xfe\x96n\xca\x87'I\x10\x80\xd0\xd7\x05d\xa5}\xde \x86\xb8\x17\xb9Zl\xda"</t>
  </si>
  <si>
    <t>b'\xbe4\xa8\xf7\xaa\xa8\xb5VP\x01\xbcX\xcc\xe3\x8c\rp-\xb6\xaaa\xba\x83\xf2\x17/\x96[J\xf2\x13b'</t>
  </si>
  <si>
    <t>b'\x80\xc6\x82\xaa\xf1Em\xe4\xe1\xf61;i\x7fgES\xc0\x07\xa9\xa8G\x0f\xfd*TH\xac\xa5v\xcd\x86'</t>
  </si>
  <si>
    <t>b'\x82\xb1\xe1\xfd\xf0e\x15\xc6\xa8h\xca\x1f\xbb:\xc2\xf9\x08o\xa7\x1f\x15\x82\xd7I\xb8\xb1\xcfcq#F\x86'</t>
  </si>
  <si>
    <t>b'\xfb\x91K\x9a\xf8+d\x9a[\x8aMD\x90Q&amp;\xdb\x90ak"{C\xc5\x19\xe5\xe3\xf0w\x7fz\xf4Y'</t>
  </si>
  <si>
    <t>b'\xfe\xfc \xbau\x03\xe8\xf4\x12\xda,2A\xd8\xb9\x10\xfeZ\xd8\xd6\xe8\n\xcc!\xbe&amp;]\xc3\xc6\x1e=\xeb'</t>
  </si>
  <si>
    <t>b'0\xfa&lt;\x1f\x1c\xef\xa3\x8e\xe6GEx?([cjq\xe5\x17KY\xee\xe2,#\x05\xe5\xc9\x876\xc9'</t>
  </si>
  <si>
    <t>b"\x93\xd78\xdf\xa2\x98\xbc\x11\xdd\x7f\xe4\x9c\xd3\x95w'5\xec$\xb8\xa9\x07\xa6KY\xa2\x1d$\x9e\x1d\x19\xbf"</t>
  </si>
  <si>
    <t>b'\xe1\xab\x07\x12\xa93)\x94w(\x81y\xa9\x02@\xda\x90\xd2L\n9_m4\xcf\xe1\x83\xc4\x19\xb2\x1c\xa1'</t>
  </si>
  <si>
    <t>b"\x83\xe8\x02q\x8eRl'y\x16\xf9'}\x17\x11\xbaqI|(\xf4A\x8b\x88&amp;\xd7\x9f\x06\xf2\xa9s\xba"</t>
  </si>
  <si>
    <t>b'\x0bg\xaf\x19k\xf6\xa0 \x18\x1b\x83\x136n!\xeb?\x8d\x0e\xfa\xe4\xe6\xb7\xbcY\xa2\xba\x8d\xf0\x85\xbe\xb6'</t>
  </si>
  <si>
    <t>b'\x07^\x0b&lt;\xb3\xd2F\xa2\xc9T\xb8\x9e1b\xc8KA.\xa3\xd6\x05\xf9\x92+\xf6g\xff\xe1\x14\xae%&lt;'</t>
  </si>
  <si>
    <t>b'\xfc\x12\xdd\xff\x1d\xa6g\x98\x85v\x90\x91E\x82\xa5\x0b\xe4\xff\x03\xd7\xe6\x0b+\xa9m\xe6~\xc2\xff\t\xa5\xf3'</t>
  </si>
  <si>
    <t>b'D\xbf\xfeb\x8c\xccL&gt;\x16\x109\xa3wp\xb8^\xa4\x9f\xcf|\xce=\xdf[=5|\xfdQ\x19\xc9p'</t>
  </si>
  <si>
    <t>b'\x1a\r6\xef\x0b\x9a\x98\x88\xc7\xfb`\xc7\x83\x0c\x1bW\xc8C\x97\xbd\xd0i\xf6\xd3"\xfa50\xc3/\xe2\x96'</t>
  </si>
  <si>
    <t>b'\x13\x92&gt;z\x10s\xf7\x08 \xa0\x13\xcfE\xf2\xf8\x88r\xc7F\xf8\x9d\x1d\xbc\xbe\x80\x0c\xd3\x18\x10v\x8b\x10'</t>
  </si>
  <si>
    <t>b'\xa4\x1bE\xc8\x8aQ\xfcu;%v\x04\xd3\\\xdf0k\xf1-,nW\xbbe\x0b\xd6zQ\xfd\x97\xc8\xe9'</t>
  </si>
  <si>
    <t>b'\xd5\x90\xa0\x9c\x17K\x05\x84\xb4!\xfb\xca^\xf5\xff\xb6\x08k\xa65z}d\x98\xc0\xe6y\xe4\x1a0j\xef'</t>
  </si>
  <si>
    <t>b'\xa7U\xa2?\x91\x16tv\x06\x87\x91\x8d\xaf\xfc\xdc\xd8\x04\xc9\xb2\x10\xfe\xb8_x\x9aB\xb3\x00|\x86\xad;'</t>
  </si>
  <si>
    <t>b'\xde\x1f7\x85\x90\xf5\xfb\xb5o;\xbcw\xd7\x00\x9e\xa4\xaf\x0b\x88\x05\x1d\xfb\xfd\tO\x8fM\xe1\xabu\xca\x8a'</t>
  </si>
  <si>
    <t>b"\x03\x12\xbcdu\xe0\nf\xf1\xebI\x8a\xeem &amp;RE\x0b\xa6\x7f\x89\t;\xa3\xb0\xc0\xaay'\tR"</t>
  </si>
  <si>
    <t>b'\x19\xd6\x04R,%\xcc2pi\x01\xee\xe7\x0er\xa8\x80\x03\xd3S\x12\xf0\x82\x11\xca}}$Z\xabh\xa6'</t>
  </si>
  <si>
    <t>b'\x17\x04a\xe4\x07\xe1:`\xc7\xe5eo7\x15\xbb\xce\xa2\xc7(\xdc-8\xe0\xbb\xc5\xc2\xfd8\xd8BB5'</t>
  </si>
  <si>
    <t>b'\xa8Ed\x91\x9b\xde\xcb\x18=a\x04\x7f_\xc9\xb64{\x83\xd6\xad\xb9\xd6\x04\x9b\xd6\xd0\x02\xb7\x85\xeb\xffH'</t>
  </si>
  <si>
    <t>b'\x08H\x86\xd8\xa1F\xdf\x84\x01G\xec\x99=\x01q\xb8\x0cg\xb6\xe8\x1f\x10\x1f/\xa3\xdd\xfe\x9c\x8b\x08\xf7:'</t>
  </si>
  <si>
    <t>b' \n\xdc\xe8I Fs\xea\xfb\x85\x13\xb5\x8fB\xb1\xd6/%\xdf\x86y\xdc\x9c\x18\x02\x9a=\r&amp;\xd9L'</t>
  </si>
  <si>
    <t>b'\xe8\x86\xc6V\x9e\x80\xd8q\xcd\xb9!O\xee\xf9\xd0\x02DW\x93\xedS\xae\x82e\xa0x\xbbN\x13\x0f\xe8\x08'</t>
  </si>
  <si>
    <t>b'\xec\x9f\x85\x12\xdd\rq\xc6\xf8\x166O\xff\xce\x0f|\x17\xa7\x91\x90\xc69 i\xf55\x06\xb0\x0f\x81\xc1\xbd'</t>
  </si>
  <si>
    <t>b'\x95\x04\x80\x95\r\x16f&amp;\xe5Z\x06\xb0\x8aIA\x12\xa4\x87{\xb0P(;\xe9\xe8+\xf6\xee\xa7\xac\x0f\x10'</t>
  </si>
  <si>
    <t>b'\xa4J\xfcU\xab;n2\x04g\xb8\x0fJ/C\xb6J\xbb\xaf\xc8\x17b\x16\xda\xf4\xe0\x8d\tPVR\xc8'</t>
  </si>
  <si>
    <t>b'x\xe1\xc7\xe9_\xf1%L\xb3\xf1i]\x8e\xc8\x19\x92\x0e\xc59\xbb\xc7\xfb\xfc\xa0\x1a\xd1\xea%s\xd9P['</t>
  </si>
  <si>
    <t>b'0\xc4\xc9Fe\x99\xdb\xcc%\xaf\\\x91\x97Dc\xa3W\x03IN\xa02\x1eS\xf6\xe7\xd1\x82\xed\xcc\x97\x0e'</t>
  </si>
  <si>
    <t>b'\x97\xad{\xeb\x0b\x034$\x9e\xae\x0b\xecX\xb6\xd9Q\xbc\xadK\xfcX*p*7p*\x16ec\xaf\xf3'</t>
  </si>
  <si>
    <t>b'Kdc\x9d\xf2\xda\x00\xa07\xd9AV\xa1J\xd5\xcd\xfb\x8c\x9f\xa6/\xf3\x83\xbf\xd4L\xdb\xaa.\xe1 E'</t>
  </si>
  <si>
    <t>b'\xd8u\xf1\xcb\xf5\x9d*;M}j\xd1\xfd\xd4\xbc\xfb\n\xcf\x97&lt;\xe3\xfe \x9b\x16Ql9\xba%\x85\xde'</t>
  </si>
  <si>
    <t>b'U\xd6 s{\x1cKD\x9d\x99dS\xc7\x17\xd6\xf0D\x00\xc8\xc5\x94\x9fU\\]\x0c\x98\x14\xee\xce\xd5\xad'</t>
  </si>
  <si>
    <t>b'\xa6\x00q\x17\xae\xa2!\xbfZ\x04\x0bND\xdf\t^9rvMn\xf6\xb7&gt;\x96?\xb9&lt;\xa3\x85W\x8f'</t>
  </si>
  <si>
    <t>b'\xd3_\xc6\xed`\xf3\x91\x00\xa9y\xbe;5\x8a6\x0c\xe0\xe3d4\xeaf[\xb7\xa4\xab\x03)/\xef\xb5\xa7'</t>
  </si>
  <si>
    <t>b'\x98\xeef\x8b\xf4Z\xa5\x7f\xfb\xf1\x9c\xdd$\x07&amp;`@\xa3C?\xc7\xd4\xc5&lt;Z~\xa2\xf6v\x8d8\xc5'</t>
  </si>
  <si>
    <t>b'\xdd1\x932g\x927B\xeb?M\xf1\xd9\x0b\x1c\x9c\xc7\xae)\xaer\x8f\x9a\xa3g\xa4\xb82x\x8fY\x13'</t>
  </si>
  <si>
    <t>b'\xf2\xe85\xe59\x83s\xf0\xc9&amp;\x9b\xc4\xfaL&amp;#\x99\x8a\x9d\xb1\xf7\x8c\xc7\x9b\x88:&gt;\x92\xec\x8c\xbd\x1b'</t>
  </si>
  <si>
    <t>b'\xd8\x9e\xe5\xd8F\x81WO\xbb\x03\x0b\xcfT\x93&lt;\x950\xdfMkjT\x04n\xea`-x.\\!\xb7'</t>
  </si>
  <si>
    <t>b'2\xc1\xab=_\xa8e\xe1\x90\xeao\xab\xbb&amp;\x99\xa9\x9ft\xd7\xaf\xef\x0e\xee\x04]\xf6\r\xc1\x16+\xc8\xaa'</t>
  </si>
  <si>
    <t>b'\xa2\x9d\xc9\\i\xe6\x10\x07^\xa3e\xc1\xe6T&gt;TUN\xe5\xecX\xac.\x0e\x149\xc2\xa3\xc8;\xd2D'</t>
  </si>
  <si>
    <t>b'\xac\xdcf\xc7\r\xa3)\xec\x84\xf9\xac.\x16D\x02rp\xee\r\xaa{?Ud\xad\x0b\xee\xfa\xaf\xb5\xc1\xc2'</t>
  </si>
  <si>
    <t>b'\x94\xb1\x08{B\x17E\x10\xf4\x11m\x9c("\xc6Y\xb2\xdf)\xdb&amp;\xc7\xd9\x191\xfa\xd8\xc2\tN\xe6\x8c'</t>
  </si>
  <si>
    <t>b'\xc3&gt;\xad\xe1)\xee\xa1\x7fY\xec\x11_ q\xda\xda\xc1\xba\x0eK\x83\xc9mX\x8f3\xc8\x01\x83\xe0\xd9I'</t>
  </si>
  <si>
    <t>b"\xd8)\xe0\xf73 \x8c\xd2\xf5;t\xba\xb3\xf9\xf6\xb7u\xf9Y\xdb4\x81\x19d'\xa0Sb\xc4\xf2\x1d\xac"</t>
  </si>
  <si>
    <t>b'ih\x17\xc4\x0c\xb9f\xb3:\x7f\xaeO8V\x9d\xd8aR\x16Z\xa4\xef\xacLF\xc6}\xa3\x9e\xaa\x0e4'</t>
  </si>
  <si>
    <t>b'{\xf2\xb4\xf94\x99\x8e\xa9a\xe74\xab\x99\t\x184\xb1{\xd17\x01\xbbZ\\\x82&amp;e\x0eu\xbe8\xda'</t>
  </si>
  <si>
    <t>b'Q\x9c\x11v\x01\x87\xddq\x9d\xda \x13\x98\xef\xed\xa5\x8d\xa8\x87\xea\xc1\x17\xb2&gt;\x8dq\xad\x076"@\x08'</t>
  </si>
  <si>
    <t>b'\x8c\xe4\xa6\xa0\xef\xe8\xce\x0bH\xc5\x11\xc7\x970\xfd\xf6\x8c\x17.9\x05\xb4\xf3)\xc5\x18\x95\x1f\xb3\x8f\xad\x0f'</t>
  </si>
  <si>
    <t>b'\x02\xa9\xe9g\xd71\x94\x1b\xedI\xb4\x17p\xac\x932q\x19\xce\xc5\x83\xea\n\x17\xe2\xa2\x89*\x90\x81\x08b'</t>
  </si>
  <si>
    <t>b'\xcb\xf7\xa4js\xf4\xdd\x86\x11\xdcS\x067\xb6\xcf\xba:\xe3n"\xb9\xed\xdc\x90\x95\xb94\xa5Q\x02?\xf5'</t>
  </si>
  <si>
    <t>b'\x83\xeb[{P\x8e\xe3\xbeG;8\x19\x96/;\x86\x1c\xbf/\xc6r\xf1\xb2\x858e\xe4\xc8]]\xe7{'</t>
  </si>
  <si>
    <t>b'4x\xd0S/7\x0b\xf1\x13\xf6\x17\x8d\x92\xab\x15\xc7\x85\xbfw\x92;\x9a\xc1\x1a\xd4. !G\\"D'</t>
  </si>
  <si>
    <t>b'&gt;\x1f3\xc3\x02sM\xc9\xfa\xd1[Q\xa4\x0cY\xed\xabM\xfd\x8b?\x07UW\xe9\xf7&gt;\xeb\x05\x84j\xb9'</t>
  </si>
  <si>
    <t>b'\x96e\x9c\xa2rv(\x8cs\xd6\x13\x0eO\xa7Y%\x96\x11\xc4\x1f\xab}\xa6\xdf\xdc&amp;\xca\x15Op\xb61'</t>
  </si>
  <si>
    <t>b'\xaf\x94\x8aprl\x86\x99\x04\xc6\xbb\xf9to\x94\xa5\xeb\x83\x12\x80_\x16\x1c\x19E\x80\xf3\x08q/\x02\xef'</t>
  </si>
  <si>
    <t>b'\xe6;\x81deO~\xf4\x9b(*n\xba\xb4\xa5!u\x98\xc2@\x18Gk\xd4\xddW\x0220\xe3(\x8f'</t>
  </si>
  <si>
    <t>b'\x8b\xc3\x95^\x14\x94\xfd\x04\x96\x15$]\xd9?_\x81\xba\xb5|vM\x88\xc6\x8c\xcfr\xd8\xd8\xc9\xaa\x17^'</t>
  </si>
  <si>
    <t>b'\xd6\x1b]\xd5%\xf8RcPv\x1e\xde\xf6\xfd\xa6\x18\xdf\xb2\x87\x85\xd0\xcf\xb9le\xef\x047 \x18F\xa2'</t>
  </si>
  <si>
    <t>b'\xf1\\\x01MC+G\x90\xd5\xc3T\xbd\xaf\xa059\xe1\xa7\x0e\xe3EBf2iZ\xb5\xde\x83\x95\xe4\x16'</t>
  </si>
  <si>
    <t>b'\x98\x87W!_\xbf\xf7~:\x10\xc9\xa3\xe7\xa4\xfe\x11\x0f/\xa9^US\x9a\xf3\x0e\x86tx5o\x85u'</t>
  </si>
  <si>
    <t>b'\x9f\x02\xf0\xfd\x1c\xab\x1dr\x10\xf0\xae\xdf"\x02\xd3\x15\x1b\xd6&gt;\\5\xaf\xdc\xa5\xc6\xbc\xc2@"\xd9O\x9c'</t>
  </si>
  <si>
    <t>b'\xfdI\xbd\xb47f3\xddP&amp;\xc9K\xad\xbe\xddm\xc7=!\x08]\x92F|\x81\xc9\xc3\xbf\xbc&lt;y&gt;'</t>
  </si>
  <si>
    <t>b'6P\xa5yW1\xdd\x82\xd8mE\x81^Kl\x133\x06\x99\x1f\xe89^F&lt;\x13\x019\x97[\x99m'</t>
  </si>
  <si>
    <t>b'-9(\xf9m\x9c\x0cL\x7f\xb6F\xe4\xa5\x08\xf9\xcdW\xbc\xc5\xce`tO\xe3\xe0_r\xdc\xb1Y\x18\x99'</t>
  </si>
  <si>
    <t>b"\xaf\xf3#$T\x91\xbb`\x04\xec\xc5\x87\xbc%\xfc0C\x8a\xa9\x1e\xef\xb5\xf4\xfd\xb2'\xb2(GI\xbd\x0c"</t>
  </si>
  <si>
    <t>b'\xe1N\xe8\xc2\x02.:5\x86\x8e\xdfa\x10\t\xd1=\xdc\xee\xaer[|\x9bC\xa2\xca\xb6\xe03H\x1e\xb5'</t>
  </si>
  <si>
    <t>b'\x80\'\xb3\xb5"\xc8r\x03\xdev\xde\xbe\x85f\x9a\xae\xcb\x84\x0f%L\xc9\x02\x1d\r\xf8EE!\x8d$Y'</t>
  </si>
  <si>
    <t>b'\xda\x1b\xeb\x08\xc5"}\x1bS\xa8\xc1\xcf\xf0\x9b\x96\x8b\xbc4\xb4\xc6\xf1\xd9?\xee\x18\x07\xf8\xadvY\xceD'</t>
  </si>
  <si>
    <t>b'\x828\xc9i\x82\xd2\x9e\x98?"\xe8\xfcH\x1b\xb9O\x961+\xa4\xacE}J\x06\xa5\xdb\x13"\x9b\x02\xf2'</t>
  </si>
  <si>
    <t>b'\x91\xfdx\xf5)\xfa\xa1\xbe\x87\xd8t\xac\x9f\xf4\xab\xdf\xa1\x16\xd1+\x8c\xc0N\xcf\xa1\x03\t\xab\xabz\xb2U'</t>
  </si>
  <si>
    <t>b"\x9f\xaa\x1aAB(xS\xcc\xd06\x85\xacS\xcd(\xc7Q'\x0b?\x8d6\xa03Y?\x97\xed\x97\xe9a"</t>
  </si>
  <si>
    <t>b'M\x1f\xe3?P*\x067\xacN}\x93LX\xf8\x06R\x85\x9d)\xd0BA&amp;\xe3\x9a\x82&lt;\xc0X\xa3\xde'</t>
  </si>
  <si>
    <t>b'\x03\xc4IC\xd7\xd9QK\x14-4\x9fF\x9b\x9b^\x12\xbdf\xe2\x9f\x86l\xa5h\x90M\xf6)!\xd8\x8a'</t>
  </si>
  <si>
    <t>b'\xa0\x81&amp;\xf2\xe5\x10\xbaCO)?\x01$$\x95 \x1d\xb9\xff\xe9\xe6\x13R\xebU\n\xb2\xba\x9e\xd4\xedN'</t>
  </si>
  <si>
    <t>b's\xfb\x9c\xb6tR\x8b\xf7\x8c\x1a\x08.\xbf~r.\x89N\x87\x1c-QIqQ\xceM\xbax\xd7\xce\x9b'</t>
  </si>
  <si>
    <t>b'\xef\xe2\xd4q&gt;\xb2\xd0\xffi\xf7X\xa9\xcb\xdd\x1b\xf7aJ\xaf\x97Sb\x11\x8b\xa1:\xe6\xee6\xfb\xd36'</t>
  </si>
  <si>
    <t>b'\xc4t\xfb\xf6\x15\xb4u\xe7\xe6\x00\xe8b\x05\x0f/\x87\xd45\xb7\xc2\xaf\xa2(\xf6\xd6\x17D\xac&gt;\x9b\x1c?'</t>
  </si>
  <si>
    <t>b'v\xc0\x9f\xd0\x8cp\xa3~bW\xab\xa45&lt;J\xee\x8beR\x1d\x1c\xca\xc5]D\\-\x04\xb8\xd9\xd6\xbf'</t>
  </si>
  <si>
    <t>b'\x12\xa0\x1e=\tO\x0e\xa16W\x0c\x99\xb5\\IL\xd8\x17\x84\xe61o\xd3\xcb\xb8\xc5\x0b\xad\xdd\x11\xf2\xde'</t>
  </si>
  <si>
    <t>b'\x0cX/\xbc\x19\x971\xa5\xdf\x8d\x0f\x9e\t\xc7\xa5\x9cY\x8f\xeb\x9b\x03\n\xaa\xe2\xbf2\xb0\xcf^\xc1]\x00'</t>
  </si>
  <si>
    <t>b'\xcc\x08i\x07\xb9\xe1\x1e\x89\xe4\x0c\xf3[\x1c\xdb;%\xf23\x16\xf5\\\xa9\x9d\xc6\xf2%\xfc7\xf8\xe6\x01W'</t>
  </si>
  <si>
    <t>b'\xebb\x1bq\xfb\xbd\xa8bT!\xb3\xe5\xf1v\xdc\x9e#\x1bj\xc1\x0e\xa3\x93\xe7\xd6~\xf6J\x99\xa7\xc7\\'</t>
  </si>
  <si>
    <t>b'\xde"\xa7\xf6v\xd5\x89\xd2\xf3\xb2\xab\x1a\xf3\xaa!\x1e\xe2\xdb\x12\x17)6\x11\xdd\x19\xddh\x86Fd\xd0@'</t>
  </si>
  <si>
    <t>b'U\x90\x93c\x18wL\tn0R\\\xa9\x8f*\xbaSo\xba%\xfc\xd8pB\n&amp;\xab=\x84\xe2z\xda'</t>
  </si>
  <si>
    <t>b'\xa5\xea[\xd9\xde\xf29\xa2m\xe8\xe9\x8b\xbf\xc8\xbf\xc4\xfc6Q\xfb\xcb\xd9\x98\xc2\x97)\xda\xe9\xbc\x8d\x93L'</t>
  </si>
  <si>
    <t>b'\x83LI\xac\xecY\xe42\x03\xeaL\'\'.\xbd\x1a"\x02\xa6[\xaa\x16\xb6\xfa\xec\xfb?v\x89\x81\x85r'</t>
  </si>
  <si>
    <t>b'%$W\xec\xec\x16\xa9d}&amp;\xee\xa9D2\x14\x0e_\x9aE\t\x99\x90\x03\x98\x925U\xb2\x16\xc9\xd8\x81'</t>
  </si>
  <si>
    <t>b'q\x9c|(\xcb\xb7\xd9\x08\x80]\xfcW\x94ffE1\xfa\xbb\xe7\xb1\xab\x14\xf0\xddGM\x0e\xc6\x12\xb34'</t>
  </si>
  <si>
    <t>b"\x9cm\xe8\x12\x7f\x1a7\xa0lE\xac\xb6\xdd\xe7\xa1\xf0;'\xe9\xf4#\xb1Zrm\xfaCVO\x1f\x0e\x9c"</t>
  </si>
  <si>
    <t>b'\xd4\xfb\xcd\r\xcf\xca\x14\xc3v\x91\x0b\xab\xf9\xd4d\x8fC\\\xe01\xdfB_\x13\xeb\x0f\xb2\xba=\x82z\x9d'</t>
  </si>
  <si>
    <t>b')\x13H\xb6\xe4\xeb\xd2y]\x03?\xc8\xcf\x88\xe8\xbb&lt;\xc4V\x83\xba\xe2\x1a)\x15/\x9f\x17q\xc8k7'</t>
  </si>
  <si>
    <t>b'\xeeli\x03T&amp;=\xfa\xf6c\xc9\x8e\xaf\xf7\x9a\xbd,\xf0\xa9\xb0\xe6\thC\xd1i\x03]\x9d\x0b\xc4\x8a'</t>
  </si>
  <si>
    <t>b'\x10\x013\x17Y\x1cr\xa65\xbe`\x9f|\x99\x9f!\xf9\x7ft\nj\xeaP\x88\x1fM\xfa\xda\xea\x0cl\xe7'</t>
  </si>
  <si>
    <t>b'Ag\x8bsl_\xbc\xe8\xe7\xfc,\xceS\xd9\x81\xf1x\x81\xc6H\xd9\x136\xc5\xda\x93\x91-\xe7\xd2WY'</t>
  </si>
  <si>
    <t>b'\x9f7b\xf2\x08\x00D\x87\x7f\xd2\x13\x0e\xd2z\xeec\xbb\xf2\xba\x16s\x04\xac\xd4\xfa2]M\xf7\x89~\x8f'</t>
  </si>
  <si>
    <t>b' \xae\xf2\x94x\xa1\r@\xba\x0e\xa1\x7f\xcb\xf8&gt;\x1d\x1e\xdf\x01FW7F~\x8d\xa14&gt;\xf0\xeeAA'</t>
  </si>
  <si>
    <t>b"R'/hD\x13f\xd5\x0b/\xec\x813\x0e\x1e\xa7\x9c\xea*;\x90\xfe\xeb\x15\x80\x17\xd4\xfd\x18\x1aVL"</t>
  </si>
  <si>
    <t>b"\xe4\xc4\x15DQ53Qp\xcb@'\x97\xda\x08hY(\x0c\xf8J\x18\x01\x92+\xea\x1e\xb2U)\x96\x80"</t>
  </si>
  <si>
    <t>b'\xf4\x19\xabj\x1c;\xb2UK[r\x94\x8e\x17&lt;&lt;\xd4\xee\xce\x1cf\xc9C)\xe8\xd3h\x1c\xcb:\xc8\x06'</t>
  </si>
  <si>
    <t>b'v\xdf\x0c\xcd"\x88\xc9T\xb3\x98\xa0\x83m\x9a\xc4\x84\x10,7)\xf7\x93\xa8NM#\xf8iKkqy'</t>
  </si>
  <si>
    <t>b'\x00v\xac\xaa\x13\xf4;a\xcd\x11j_\xac\xae\xfa\xcd\xe9\xd1\xd5\xd8\x1c\xd1\xbd,\xb1\xb0\xe0\tw2\xa2\x8a'</t>
  </si>
  <si>
    <t>b'\x11??\x9b\x91\xef.\xc3&lt;\xe3\xe8\xbc\x90\x0e0\xe7f"\x18\xcd\xe7\xe6\xea\xceuo\xa9\x86\xad\xbd\xc5\x94'</t>
  </si>
  <si>
    <t>b"j'U3\xabP\xb8R\x10\xe8\x84\x82F\x9dNci{\xac\xa7@z\x11\x13\x8e\xb0\rV-0}*"</t>
  </si>
  <si>
    <t>b'\x84_\x17$J\xa8\x83\xc2\xb4\xb9\x97\x9eGm\xf6\x1f.\xc7}\xf0\xefJ\xa3\x85\x8fw\xa4\xa6\x07\ra\xde'</t>
  </si>
  <si>
    <t>b'\xbbq\xe6K\xda\x16\nC\xc84Ia\x94\x86\xe4H\x80\xc5\xbez\xad\xff\xb2\xb2\x1d\xc0\x05\x19\x9eBR\x8b'</t>
  </si>
  <si>
    <t>b'\xe0\xd1\xceY\xa5GK\xc6\xef=,\xf3\x9b\xec\xeeVg\xdet\xee\xb0{P\x8cU-2\xdb\xc9\x99\x19\x9e'</t>
  </si>
  <si>
    <t>b'\xc9\x1a=\xb88\x9cqU\x0f\xca\xd5a\xc3\x18\xfd\xf1\xa5\x9a\x8aR\xbf d\xec\x130k\xba\xc9R\r&gt;'</t>
  </si>
  <si>
    <t>b'4\xf65&amp;\x1b \x1e\x965#\xe3\xb2\x11\x81\x9cB\x06\xe3\x15\x18{\x03\xef\xb2\x92&amp;\x93\x16\x96y\x83\xe2'</t>
  </si>
  <si>
    <t>b'\xac\xc0\x84rS\xbf\xf9\xb5\x1e0\xef\x08\x90\xc5\xb4m\xccp\xd9\xce\xa3\xdc\xab\x8fm\xc1*\x8b\x11\x96\x81`'</t>
  </si>
  <si>
    <t>b'J\xfe\x85\xa7\x83\xb1\xf2\x9b\x8d0!\x80QI\xb4\x07\xbe\x90H\x86\x03z\x9f\xfa6%F\x84\r\xa6\x17\xab'</t>
  </si>
  <si>
    <t>b'W1\x99\xb9*^/\x94\x10\xcf|A#\x8a\xf6l\x9fk\x9e\xb2\x15\xfd4K\x08\xa8\x0eF\x82\xb7X\xba'</t>
  </si>
  <si>
    <t>b'\x93\xda\x85\x91\x03\xf66PEl\xb3\xed\xd8\x0f\xa7\x1a=E\xff\x0b\x17\x801/\x07\xfeH\xcd\xed\xf4\xc0\xa0'</t>
  </si>
  <si>
    <t>b"\xa8\xb42\x83\x8d\x1f\xbfX\xc6\x11Of\x94\xc9/{s\x9dq\xaa'\xd1\xe0\x16\x06n\x173\x93^\xc3\xc0"</t>
  </si>
  <si>
    <t>b'\xce\xb6/\x12"=H]%d\xc8\xce\x86\xe73\x81&gt;Vk\xd7\xb3\x13\xad\xf9\x81\xa4\xa3fp\x96\xff`'</t>
  </si>
  <si>
    <t>b'L\xe7\xa4e\xe0\x1c\x8a\x19\x8ct5\xd7\x16\x02\xb0\xa1\xe5J\x80-7|\xa7k\x0e=N\xffu\xaf\x8f}'</t>
  </si>
  <si>
    <t>b'\xa6k\x80\xe2\xee\xd1\x95\xcd\xdf\xb74\xaacdh\x99\xa1\xd4\xf01\x12\x0ck\xc9\x85\xb0\xa8g\xe9\x9b\xd9X'</t>
  </si>
  <si>
    <t>b'\xd3u\x8cld(\xeex^*\x84\x1c\x0e\x93JB\x82\x9e\xb6\xc8\x0b\xbc\xfbK\xf2\x88\x99\x02\xf0\x1f\xa1\xbd'</t>
  </si>
  <si>
    <t>b'&lt;\x197!\xbc\x8a\x1e\xa4\xac)\xb5X\x9bo\x14\xafq6)Kl\x16\xb3\xc7\xe0\xb9\xfe\xccc\xc3w\xb9'</t>
  </si>
  <si>
    <t>b'\xe7\xb5\xa0\xd4B\xb9!\x05R\xca"n\xf74${\xd3\xb0\x83\x96\xaaW\xe9X\x81\x9ae\x13d\x89\xf3\x99'</t>
  </si>
  <si>
    <t>b'+e\xef\xec\x0b\xb6\xce\xe5@h*\x88-\xbaM1\xcd\xcc\xc2-!&amp;\x96s+\xe8w\x1a\xb0\xa0p\x1b'</t>
  </si>
  <si>
    <t>b'\xd21o\xc9\x17\xb9&lt;\x9a#\xa3P\xfe\xabv\x15o\xd5{\xa2\tdc\r\x8fq\xdc\xbf\xb5q\x03w\x96'</t>
  </si>
  <si>
    <t>b'\x7f-\x9d\xda\xf1x\xc4\x861\x0f;5u{\xa7.X\xd7\x94g\x1a\xc9=\xbf\x0e\xb6\t\x8au$\x9b\xe6'</t>
  </si>
  <si>
    <t>b'\xce\xf6\xad*I\xf6BH\x95)\xbb Zr\t\x17L*k\x8cV\xcb\xcc\xf0\x00E\xd5\x12\xb6\xb28\x1d'</t>
  </si>
  <si>
    <t>b'U\x82\x8dZT\xde\xf3\t\x1b\x8bm\xc0\xe2\xfb\xec*rFRf\xc8M\x9f\x15S\xdcJ\x8c0\xb4\xd71'</t>
  </si>
  <si>
    <t>b"\x7fzN\x0f\x90\xcbH\xd3\x01&gt;\x7f`o\x80\xca\xd1@]\x1e\xa1\xc3e^\xce\x84\x99'e\x02WU\xe4"</t>
  </si>
  <si>
    <t>b'\x04\xb6G\xeb\x112\x8f7@\xbdN\x899\x90\x1a\x96\xac\xd2\x12\xf4#\x82\xde\x1eX\x0b)\xdd&amp;\x8e1\xcf'</t>
  </si>
  <si>
    <t>b'%\x08Bj\xb0\xf7\xb7\x8f6\xb6Tcj\x9a\xb3\xd4+ \xc5mP\x0cjQ\x9aiZ5\xea\x90v\xa4'</t>
  </si>
  <si>
    <t>b'\x89d6\xa1!NI\xdf\x83\x9c\xdf\xb2W\x97l\x0f\xae?\x0f\x86\xe9b\x06\xd9\xb02l\xe8B\xc4k\xd0'</t>
  </si>
  <si>
    <t>b'\x17\x0b\xf2;\xa5\xde\xcc|\xdf\x17\x87Z\xa3H\x8b\xbc\xd8W\x06A\x8b\x88\xa4g\xa8w\xdaZx\x9f\xcax'</t>
  </si>
  <si>
    <t>b'\xf6\xb6\x926@-\xcd!\xe1\x12\x9c\xa5\xb6\xf9N\x9a\x8c`:+Y\xec)\x12\xc8\x00e\x853\xc0\xb9\xa7'</t>
  </si>
  <si>
    <t>b';\xee\x98|\xc2(\xb9\xc7\x18\xf5:\xbbEl\xb8Na\x99\x93&lt;\xdb\x07\xbb\xcf\x1d"{0\xae\xda\x98S'</t>
  </si>
  <si>
    <t>b'a\x95\xe5\xf1\xe7\x86\xc7\xba5\xdd\x9f\xab\xb7\xbb\xa4\x10\xdd\x16\xc0{\x8bIX\xe5\xb7\xe0\x01\xeb\xce\x02\xe9l'</t>
  </si>
  <si>
    <t>b'E\xecN\xa8J\xe0Ac\x83t\x96\x8a\x12\x84\x95\xbe\xec(\x11\x07\xf2)\xfb\x87\x03\xca\xe91W\xb0\xc5D'</t>
  </si>
  <si>
    <t>b'\xe8S\xe9\x9fS\x8aN\xcd\xb8#\xfa\xadZ\x89\x13u\x85K\x10R\xb1\xe8\xee\xd0`h\xdcK\xd5`\x18\xe2'</t>
  </si>
  <si>
    <t>b'g\x0b\x8cFWK},~C9\x856\xafv;\x9f\x84*o\x01;a\xfc\x98\xba\xa8q=[\x88\x02'</t>
  </si>
  <si>
    <t>b'l\xac\x1e\x8f\xcdR\xd2\x95\x04\x90\x0bt\x11 Ogo(\xc5gd\x14=\x83\xea\xb34\xa4\x94\x1b\x1fg'</t>
  </si>
  <si>
    <t>b'\xear0v\x1b\xd1Kg\x05\xa7S\xd5\x8b\xd6\x02\xb5\x87\xb9\x9bF\xa9\xc7AK\x96\xbc\xe0\x8b\x02\x8fi\x14'</t>
  </si>
  <si>
    <t>b'?3\xc0\x9f\xbf\xa1sRv\x90\x93\xedd\xad\xf4\xacs)\xf5\x1f\x04i!\xdc#\xe1M]\xa2\xaf\xe4\xfe'</t>
  </si>
  <si>
    <t>b'P%\xd3\x00\xf5\xac\xa0r{7I3\xce\x18w\xe2\xa9\x1dr,/5\xeb\x04\xbb{?1\xee\x99\x1c\xcb'</t>
  </si>
  <si>
    <t>b'\xc0\x18\xed\xd0P\\\xa8\xa4\xc0\xafV\xc7\xe0\xd7H\x99\xb5\xc9\xccm\x16&lt;z\xb0\xf9\xfa\xa0\x82\xa9U\x1a\xa3'</t>
  </si>
  <si>
    <t>b'\x1d\xe3\x05v#4\x0c\xad\xda%\xe6\r&amp;f\xa3\x9b\xa6{\xa0\x13\x08\xee\x81\xe7K\ta\xdc^\xd8\xc5,'</t>
  </si>
  <si>
    <t>b'e\x0e\x9d\x0e\xf1\xa6\xe7\xaa=^\x129)b\xab\xde&lt;\xcdn\x08=\xc1&gt;\x0e\xf9\xee\xba\x05&amp;]P\xc9'</t>
  </si>
  <si>
    <t>b'\xd5\x97\xe5\xda\xe9\xb0\x7f\x83\xb9\x03\x18\x00\xd0\x1f{\xfe\xf3\xc9\x82\xd9\x00\xff\xaa{\xf9\x86?\x0e\x08S\xde\xc4'</t>
  </si>
  <si>
    <t>b'\x92\xecv5\x95\x07\xebd\xf5\xe6\x837\x87\x0f\xd7\x12\x07\xf1U\xd4\xa5y\x97\x1a.7U\x00\x17\xff\xd9\xa0'</t>
  </si>
  <si>
    <t>b'(\xa7\xcd,K\x04\xf7f\x16\x84\x02\x10\xbfX\xaa\xe3\x18\xec\xb6\xec\x89mdj\x95~\x10\x93\x1cUi\x04'</t>
  </si>
  <si>
    <t>b'\x92\x9a\xb0)\xe8%&gt;s3\x0f\xdf\xf1\x93h\x00\xd2\xce\xbb\x83\x9c\x9c\x94\r3\x06#B\x1d\xf3\x83\xd1\x86'</t>
  </si>
  <si>
    <t>b'\xc7\xb4\xe2\x81\xb9h\xf3\xe1s\xef\xd9P\xd6\x94\xa1{\x8e\xb81\x9a\xee\xd6f\x81~\xd6\xf6\x9a+*\xe9S'</t>
  </si>
  <si>
    <t>b'\x12;0Oy\xf3\x82\x81S\xc2-\x18\x83\xd0\x8a\xf7\x04\x81F\xadz\xd3;\xd8\xdb\xa9\xcb-\xeb6\xd1\xf7'</t>
  </si>
  <si>
    <t>b'\xb9\xf3O\x15RO\x8cB\x86p7\xf5fT\xbe\xd4e\x127s\xfb\xceAz\xe2\xe9\xfae\x8f\x07u\xbb'</t>
  </si>
  <si>
    <t>b'q\xb1U\n&gt;\xbf\x9b-\xe7\x0b9$\xc3W\x0fX\xf3\xcd\x11m\xca($]\xed\xfe\xac\xc7\x0c\xdc\xa8\xe5'</t>
  </si>
  <si>
    <t>b'\xe2\\\xac\xd3fGua\xeb\x97\xb7QVv\xec\xa1\xb1V\xd7\x13\x9b\xf3"pB\xc3\xca\x08\x8d\x81\x0e\t'</t>
  </si>
  <si>
    <t>b'i\x7f)\x84\xe2\x96.h\xc5Yo\x14\xfb@\xb1\xce\x9b\xaf\xd02X[\x92Ak\xber\x7f\xe9\x0e\xee\x17'</t>
  </si>
  <si>
    <t>b'`\xe8O\xdd\x8f$E\x96\x12\xb2\xc5Y\x12f\xba_\xd3\xb2G\xa7\xbe\xad\xd1\xb9\xb6&gt;\xe9\xf6)\xf1oB'</t>
  </si>
  <si>
    <t>b'\x0e\x95?e\xa0^\xe0u\xe4\x8c\xeb\xc5\x93\xaf\xf2\xce\t\n\xf7\xdd\x0b\x0b\xdbF*5\x91\x9c}Rkz'</t>
  </si>
  <si>
    <t>b'\x8e\x9a\xad\x9c\xc2\x0b\xec\xb0\xe6]\xe6\xc0\x0c\xa0\x8d\xbf\x96\xdd\x18\xd8\xd1O\x0f\xcdL\x9e\xdaX\x029}\xfb'</t>
  </si>
  <si>
    <t>b'\x1a\xf3\xb4\xebO\xb7\xe72\xc0\xe2\x15E\xf9B\\\xd8_\xf0\x9d\x0b\xe5\xb1&amp;9\xa5\x18\xb4\xa8\xfb\xc6\x84['</t>
  </si>
  <si>
    <t>b'I\xc8\xda\x11E\xeb\x07\n\xe6\x9f 3\xe4e\xd9\xc9\xbd,\x83\xb0DR`\x04\xde\x84\t\x9b\x96\x90\x94\xf7'</t>
  </si>
  <si>
    <t>b'I\x1b\xc1\xdaf\xd3\xf5A\x14[\xe5L\x14Vz\x94_c\x0c\x14z\x9d\xaf\x8d\x99t\x1a[cu\xc3\xf2'</t>
  </si>
  <si>
    <t>b'\x14a\x8bf\xac\x8bIl\xef\x8a\xa0\xcc~*\x8b\xcd\xf1\xa2&lt;\x80\xa7\x8f\xe6\xd58\x1dg\x9e\x07\x0f\x06E'</t>
  </si>
  <si>
    <t>b'\xe7"o\xc2\x90\xd0;\xbfk2\x03B\xb8\x85\x80c\xb2pi\xd0\xfc\xa09\x86=\x08\x1e\x83)\xbd\xe6\x18'</t>
  </si>
  <si>
    <t>b'\x16\x1eJY\x99-A\x1d\x95T\xf7\xd2Lu\xcd\xfe\xcfS\xf8\x86\x88\xbb\xd72\x16E&amp;S\xfe\xf3=\t'</t>
  </si>
  <si>
    <t>b'"\xa2\xad\xe4t\xf6\xb6\xe7\xbb\xae\x1c\x0cu\xc24\x13\x84]\x14\x8b\n\xec[\xa7\xfdPg+\xed\xaa\xbf\''</t>
  </si>
  <si>
    <t>b'Nt\xab\x98\xaa\xf6x\xa0n\xab\x13\xa5\x8c\xacZ^]\xcf/\xd1=\xe3f\x05\x06IX\xae\xc4}\xce\xde'</t>
  </si>
  <si>
    <t>b'\xbe\x9df?@c6G\xf7BJ1\x9c\x95\x0e\x0e\x9d\x91\x01\x1e\xca\x9c\xe5&gt;D\x00@\x8f\xe7\x1c\xfd\xb6'</t>
  </si>
  <si>
    <t>b'\xf8\xfa&amp;\x8f\x9a\xa4zw\xddY\x19\xd2h\x94\xbabu\xb1\x1e\x99\x8e_\x0c\x07NL&amp;\x05?\xa6]\xa6'</t>
  </si>
  <si>
    <t>b'\x02\xa2s\x06!0`\xd4\x95\xf4\x94\xa9\xe0r\xbb\xa4\xa0\x8f\x13;\xf7\x83\x0fE\x18\x98\x06\r\xe5\x00\xe2\xcc'</t>
  </si>
  <si>
    <t>b']q\xdf\x03\x13-w\xf3\xedi\xee7S\x9f\xe2\x91+\xd7U\x1e7\x92gT\xf4\xe0^\xbc\x00+\x03\xc5'</t>
  </si>
  <si>
    <t>b'\xf5b-o\xd5}\t\xa0)&amp;\x04I\x83~I\x8b\xeb\x19\xb3\xfd\xc2&lt;Gd\xb247\xc2~\x07k&amp;'</t>
  </si>
  <si>
    <t>b'\xd8s)E\x1e\xdeZ\x90\xa7D;\xb9\x89\x82\x11\xd3\x8c\x8d\xe7#\x18\xd4\xee\x129y\x9f7\x16\xa4\x84\xdc'</t>
  </si>
  <si>
    <t>b'\xf7\xc5\xe5\xccjcW\x1c+\x19\xbaO\x1e\xdcI\xaa\x0c(\xdc\xb9\x83\xfc\xea\xad\xd6\x17@\xd9\xd5\xb8\x85q'</t>
  </si>
  <si>
    <t>b'\xae\xaf\xfcf\xf3K\x0e\x9e\xb8Gz9\xdd\xfd?Q\x7f\x97Y&gt;\x80J\xe7^/\xc6\x9b\x1c\x0e6\xf0?'</t>
  </si>
  <si>
    <t>b'q\x82F\x89 \xb5\xb0\xf8m\x93\x8c.\xd0\xa3Y\x8e\xf1\xb4b]$\x9f\x01\xae\xef\xe3?\x9e\xad\x81nw'</t>
  </si>
  <si>
    <t>b'\x99\xa6\\\xb6\xb3\x9c\xc8\x96\xec\xe7\x165tx\xe1\x96\xb6\x04\x1d\xb4\x16\xb7m\xde?0V\xfdS""|'</t>
  </si>
  <si>
    <t>b'\xde56\xfc&amp;\xe2u\xef\xac\x99\xce\x1eGR\x89lP\x8d\xbf\x858\xe6U\x05\xa28\x992\x84K\x01\xbd'</t>
  </si>
  <si>
    <t>b'\xc8\x88\xf3\xaa\x80\xe6S\xb6*\xd5\xa9\xd0\xd4\x00s\xd8\x9a\xb75\xf1\xe3\xe4:\xaa\xa6?$\xf1\xbb\xd7t#'</t>
  </si>
  <si>
    <t>b"\x8cc\xa6\xf8\xd2\xc0J\xc3\x83\x053\xbb\x15o\x00\x7f\xff\x89\xf1\xb8\xa2/'\x92/8\x06R\xe6\x8a\xbd\xbd"</t>
  </si>
  <si>
    <t>b'.\xec#\xd3\xfa\x0c\xfaL0v\xedm\xe9\x01\xfa\x95=,_\x9ev;\x9e!CX\x02\xa4\xc2&amp;\x95d'</t>
  </si>
  <si>
    <t>b'P^\x88}\xd0\xf4\xcb\xda\xb7\xe7\xaf\x0c\x0b\x80\xbd:\xa6\x9a\xee]\t\xcf\x97+?.oB,\x82\x82\xd2'</t>
  </si>
  <si>
    <t>b'\xc3H\xf6\xc9\xaf\xf0\x1a\xd1\r\xad\xda\x17\xd2ms\x89\x0c;\x930#\x10\xcdM\xf6=z\x1fy@5\xa1'</t>
  </si>
  <si>
    <t>b'\xce\xf2t1\x8cj\x16\x05\x1c\xc0\xfbE\xe9\xf30F\xda}\x8e\xac\x00P\x03\x16?b\x8b\xb9\xec\xdb\xc6\xce'</t>
  </si>
  <si>
    <t>b'\xcc%\x06\xb5In\x11\xcd9\xb8\x85\xda\xa4\xc7\x02\xb4\x12\xbf\xd0e\t\x1e\xcd\x87\xd8\xc5\xc6g&lt;\x13\xa3\x1d'</t>
  </si>
  <si>
    <t>b'XjH\x19n\xd1\xa9\xa2\x08c@=\xcb\xc6S\xbc\xf2__M\x15\x0f \xf9\xf97\xdc\xa1\xbb\xc0{W'</t>
  </si>
  <si>
    <t>b'\xe0m\xdc?M\xd4Z\\\x8d\xaeeF\xbfl\x9d\x01F\xa7\xfa- \x9fu\xccZ\xd6\xeab\x8e\xd8\xf8\xa5'</t>
  </si>
  <si>
    <t>b"k\x17@\xc2\xe9\x05\xf0\xd2@\x16\xad\xbd\n\xce\xb5\xbd\xd9K\xaf\xe5|\xdb\xe9X'\x05\xbb\x97d\x00\xc0\x85"</t>
  </si>
  <si>
    <t>b'\x9d\x0b\x05\x94T\xacB\xf9\xacQ\x9f\x06\n\x82m\xf3\x07i]\xb5@&amp;?\xd5I\xc4\x9fbgM\xe0\xf0'</t>
  </si>
  <si>
    <t>b'nr/0\xb4?\xbf\xfa4{\xaf5\xe8\xc4\x10\x0e\x84\xa0\xb3\xf5l\xba\xfc\xb1\x94\xde\x03&lt;T\x08Z\xbc'</t>
  </si>
  <si>
    <t>b'\xc8\xcb\xf2\xdd=|F\x9b\xf6\xb1#\xf2}t\x1er$\xc9D\x99\x1e\xca\xb9S\xda\xf22o!a5\xc7'</t>
  </si>
  <si>
    <t>b'A\x0e&amp;Q\x05\xc6d\xf2\x12oV\xcc\xf5=\x85^#\x13\xbdj\x00\x0frf\xa8\x88Hw\xa9\x9c\x16g'</t>
  </si>
  <si>
    <t>b"\xd4\xf6\xd3\xaa\xd206'y\xec\xfb\x15\x9aP\xf9\xdd\xc9RNx\xc0F&amp;\xa6\x9a\xf2\xf3\xb9m\x15\x9b\xb0"</t>
  </si>
  <si>
    <t>b'J\xe0?t\xb5\x1a+T\xce\x94\xe3\rV\x11\x04\x1a\x16\x12\x978U\xabz-\xc4`\x83\xf2_\x1cCJ'</t>
  </si>
  <si>
    <t>b'\xac\xba\x07\x80r\x8b\xa5\x98\xbbB\x88\xe1\xc4\x98Hk\xbaQ\x7f\xef\x1f`\x12+.V\xaf\xc0y"\xd3\x1d'</t>
  </si>
  <si>
    <t>b'MF;\xc7L\xa18\x0f\xc7\xac@\x8bg\xd2&gt;\xb1\x8b\xa88\x13\xb4\xc6&lt;\x13\xb6N`\xe4O\xb9\x10\x06'</t>
  </si>
  <si>
    <t>b'\xb1&gt;\x0e\xec\x83\x8e\xd56aa\xcd\x85\x17{0&amp;2\xa2\xab\x91\xee\x1e\x1d\xbfa\xc3\x0fh)\x8c\xd9\xd6'</t>
  </si>
  <si>
    <t>b'V\xaeF\xf1\xc2\xff\xb5\x02@R\xc3Q\xe1\x80\x0e\x17K\xc8\x9d\xb2\x9b/\xd2:\x06\x01\xfeh\xbc\xc7~\x93'</t>
  </si>
  <si>
    <t>b"\xf0\xa0\x8c\xce\x9e\xf3\xa6P\x96Pf#\xfau\x0b'\x89\x02\xf8Z\xcc\x7f\xca\x96hU\xc3\xa2\xe8\x9fl\xe3"</t>
  </si>
  <si>
    <t>b'\xf0\xf3\x80\xe3\x7f\xa3\x86x\xb5\xb9\xc8{\xcdC9\x84\xa3;\xe1x8\xcdy\x1b\ti/\xeb^\x1e\x9c]'</t>
  </si>
  <si>
    <t>b'~\x86\x15^\x1d\xe6\x12\xa0\xbc\xb6\xfa\x02\xb3\x7fJ\x06\xac=\x87/\x820{\x94!\x96\xaeQ\xb9\xe2\x86,'</t>
  </si>
  <si>
    <t>b'\xec\x1e\xedl\x86\xb8\tX\xbb\x12\x05\xfc\x87\x9d\xfc\xf8\r\x14c\xdf\xc6\xad2\\yH\x13-\xd2\xa7\x14\xce'</t>
  </si>
  <si>
    <t>b'\x07\xe7\xf8\xcdn\xce\x07\xd27K\x1a\xd1h\xe0\xe2E\x8b\x19\xd8$\x86r_4$\xd0L&amp;u\xab\xc9W'</t>
  </si>
  <si>
    <t>b'\xd4}\x98\x92\xcc\xd0\xb1\xa6\x19\x11GP\x9dAy\xce\xc9\x15\xe5\x8e\x1e\xd8\xc2\xc7\xb8\x8eg\x96\x8e\xe4\xb8\xd9'</t>
  </si>
  <si>
    <t>b'\xcc/\x9c\x1f2\x05\x99\xf2Un\xef\x0bY\x1f\x86~|\x82|\x1b_n\xd7\x04\x1a\xb9osB\xe2\x1aS'</t>
  </si>
  <si>
    <t>b'XU\x03@\xf7\xb8\xac\xd0\xc7\x1e\x9dA\x10Q\x06\x98\x87\\\xd8\x7f\xf3\\L\x8e\xd1o\x1d-\xc6\x8c\x0e\x9e'</t>
  </si>
  <si>
    <t>b'd+r\xcdp\x14\xb0\xf8\xcb\xcf\xc5\x11\x07\x9e\xb7\xdbk\x12\xcb\xe2\xec\xa4G\xf4e\x8a@\x0b\x999 \xfa'</t>
  </si>
  <si>
    <t>b'&gt;;A\x00ji\xb6\x08\x16\xb9\xd8\x9d.|\xbc\xbe\xc4Z\xcc\xcf\x1e\x9dKq0\xbe\x11\x99\xe0\xc1\xd7\xb5'</t>
  </si>
  <si>
    <t>b'\xe2\xa10X:Y\xcb\x88\xe1$.QS\x99%\xc0\xa4\x1b\x04\x83,*\xd2\xd5\x07\xddT61-\xe4#'</t>
  </si>
  <si>
    <t>b'\x85L\xf6\x89\x94\xccC\xc14&amp;\xce\xe3\xca\xc8\xfc\x81\x8dI\xabb\xc2\x05\xd8\xb8\xec\xd1\xc03\xcd\x95\xba\xff'</t>
  </si>
  <si>
    <t>b'\x84r\xe5"_\xddD\x8d\x03*\xccyf\x93\xb7.4\xd2\x92\x1f\xde\x1b\xee\xf4c\xb2\xef\xbb\xec\x7f\x97\xb1'</t>
  </si>
  <si>
    <t>b'\xf9\xbb\xbc\xf8\xba\x13\x96\xf0\x8dS:\xa3^\x0fZl\xb1t\x95\xb3\xd4\x83"\x9bn0^m?\x93.\xd3'</t>
  </si>
  <si>
    <t>b'&lt;\xb1\xcb\xefFL\x1f\xb4,\xe1\x9b\xca\x8cb~\xd8\xf9\x11\xa4=$\xd2k\xf4\xa9\x81\x86\x87\x9a\xfd$r'</t>
  </si>
  <si>
    <t>b'\x8a\xbdA\x8d\xa4k\x06\x88\xe3\xcc\xc5\xec\xc2\x92c\xcc\xb8Ar0\xc8\x0c\xddQ\x90|\x18~\x9e\x85\xea\xdb'</t>
  </si>
  <si>
    <t>b'\x9e\xa23\x035Q\xf6\x00x\xf4\xf6R\xc0\t\xc9\x87 B\xf2%&gt;/&amp;d\xfb\x1b\xf3~\xd3[p\xb2'</t>
  </si>
  <si>
    <t>b"}\xd6|\xfd\xe9\xdc\x87\x82\xcd\xde\xfe\xeb\xec\x16\xae\x17\xff'^\xa9\xee\xea\x07\xe2\x18SO\x95\x13\xc1\xbe\xb1"</t>
  </si>
  <si>
    <t>b'\xb4\x06\xea\xc4\x87;\xd4\x07]6\x1c\xb9\x1a\xb8\xcb\x0f\x98#\xb5\x1b\x9a\xc1\xd1&gt;\xb7!q\xe8\x1b|\x9b\x00'</t>
  </si>
  <si>
    <t>b'j\xb0\x0eR\xde\xb0W\xf33\xf8q\x87f\xde=\\C\x05\xf6U\tB\x06:\x136\xc9A\xae\xe3\xaa.'</t>
  </si>
  <si>
    <t>b'd\x83\xd9\xa1,L\xdf\xbdR\xd9\x9b9\xce\xef\x0f\xc7\x11B\xc5\xdf]\xef\x90\xb54\xa4\xb5\x8d3\xe8\x9c?'</t>
  </si>
  <si>
    <t>b'\xf1\x8e\x9c\xca1\x05z\xf1$i?/\x911\xd2s\xf73\xbd\xfd\x06\xfe\xe0\x0eF\xa0\x15\x03T\xd1@\xad'</t>
  </si>
  <si>
    <t>b'$k`\x1d\xd9\x10\xfd/_k\xd0I4\xeeNu\x06\xdb_^{\x82\x01\xc0;pr\xbfK\xc4\xfck'</t>
  </si>
  <si>
    <t>b'\x8c\x93\xaf\xa8B\x1d\x04\xf6\xf7\xbe\x85\xea\xf1l\x0b\x7f\x0bZV\xa5\xc6`G\xf6\x93\x1a\xd8=\xb0\x98H\xf1'</t>
  </si>
  <si>
    <t>b'\x17\xe0F\xd1*:\xaa\xd2a\x92\xad\xd5\xe4xP\xfd\x9c9\xf4$\x11\x03\xd0\x1aj\xaca\x00T!]\x10'</t>
  </si>
  <si>
    <t>b'\x95\x03\x8e\xa39\x96\xc4\x08\xf2Ly\xe7dc\x1c\xef\xdf\r\xb5/\xa6\x92\x9e\xfag\x06^\xb1\xeaY7M'</t>
  </si>
  <si>
    <t>b'\xd3d\xfa)uh\x04\x15\xd3\x0e\xcc\xb4\xfe&gt;\xb6\xcei\xfc\xa2\xeb\xd3p\x1a\xb4&lt;\x9c5_\xe3\xaf\xe38'</t>
  </si>
  <si>
    <t>b'k\xbe"\x04\xaf\xc9\xc5P^M\x83Ai\x98IY2\xd9\xaes:\xf8\x0f\n\x1ff\xdc\xd4\xb8X#c'</t>
  </si>
  <si>
    <t>b'\xa2\xf7\xf2\xb1&gt;w\xf8\x8f\x15L\x873r\xe3i0\r\x8e\x1cW\xf12\xd3\xd2y\xe8\xd6\xb1\x80O\xb7\xd1'</t>
  </si>
  <si>
    <t>b'\xc8%\xf4\x12Q4\x86\xcd\x92+\x01\xa5M\x05\x1a\xfcq\x00s\x01\x9e\xf74\xeb\x0eZ\x8f\x95k\xbc\xb0\xa7'</t>
  </si>
  <si>
    <t>b'S\xec\xf4\xa9\xfe\xce\xf5&gt;\xd7\xc0\xe7\xef\x8b\xf6\xee\x9bLG\xe3\x9c\x81\xf1\xdfa\x18PY\xe4\xa5\xe9=\x0c'</t>
  </si>
  <si>
    <t>b't\x8c&gt;\x8cL@\x87R\xe2DX\xd7\xd0\x07L\x03z$\x05\xfcq\x14\xe6}\x04zQ\xc0\xcb\x9b\xe0\xc9'</t>
  </si>
  <si>
    <t>b'\x8a&amp;`\xd9\x18\x154\x92\t\x1a+{\x8a\x96\x0c/\x05\x8c\t\x14\xda\xfb\xdeTp\xe7})\xcb\\L '</t>
  </si>
  <si>
    <t>b'\xd0\xd9\xd5\xa9\xf1\xdcL\x9e\xad\xfc8)\x91?\xb0vhB]`dz\xf6\xb2\xcb\xa5\xc1A\xe1\x95\x92H'</t>
  </si>
  <si>
    <t>b"\xc0\x9d\x16\xecR;Z\x01\x9e\xf8\xc9\xf2'\x8f\xaf\xbf&amp;\x05NL\xa8\x9b0U\xe4 S\x18\xa2\x11i\xb5"</t>
  </si>
  <si>
    <t>b'\x01\x11uz\xa7\xb0\x1d\x1bF\xf88\xdd\x85\xc47\x04\x9f!\xad\xa7\xb5{\x95\xe4\xd7\r\xcd\xb7\x04\xb8\x8e\xbe'</t>
  </si>
  <si>
    <t>b'\x1b\x8c\xf4\x87\xd6\x1f\xde0\x0cr\xae\xe2\x03`\x1a\x06\\\xe7hOY\xb0\xa6\xdb\xa7\xae\xe1M(U\x10\xdc'</t>
  </si>
  <si>
    <t>b'\xe4\x93&amp;a\x95@\xae\xa7_d\x8665\xa8\xea\xb1sc\xe2\xbel\x94\x9a&gt;\xe5D\x05\x0e\xea\xf0\x80\xa5'</t>
  </si>
  <si>
    <t>b"\xd6\x81\xce\x8au\xa3P\x18\xd4|S^\xe9\x91&gt;bQ\x13\xb4RXh\xe5\x8a\x82h'\xe2\xb5\x16U:"</t>
  </si>
  <si>
    <t>b'\x08\x88\xff\xc5\xe5\x08\x95\xfd\xfd(\xc1\xe0\xfdu\x0c\xfb\xd8\xff\xba\xc6\x8dn\x1b@\xaf\x92\x8cp\xf1,o"'</t>
  </si>
  <si>
    <t>b'Q\xce\xcd\x7fyP\xcd\xa2/\x06\xcf[_"\x85\x86\xf2i\x9b\\\xb0\x05\x8a\xe4\x18\x9c\xef\xbf2C\xeet'</t>
  </si>
  <si>
    <t>b'5\x9c9\xe0\x7f\x03\xb0\x87\xd5aO\xa5K\x97\xd7\x83\xbe\xd7,\xea\x8d\x17+\xb4u\xb5m\xb0Z\xd7L\x8e'</t>
  </si>
  <si>
    <t>b"\x91&amp;IW\x90\xb8\xe12\xcb\xd9\xf5\xc9\x8a6\t\xcd_@\x14` t'\x89\xee \x97\xa8\xe50\x8cG"</t>
  </si>
  <si>
    <t>b'\xb7\x9f\x19(\xc3\xcb\n\xd1\rb\xfa\x98B\xbcL\x89\xee\x00wl\x1c\x92\x08\x9a\xb2\xa4\x83f\xf8k\xffl'</t>
  </si>
  <si>
    <t>b'\xe7\xf0U\x05\x9c\xe9 \x16\x9d&lt;\tr\x07\xc8\x96RM\x0c\xd91r\x00\xc0\xb9b\xba\x9cG\x0b\x9f\xc9\x8a'</t>
  </si>
  <si>
    <t>b'\xae\xa08\x9e\xecS\xbc\x1e\x98&gt;\x04\x9d\x11\x16\xd5^\x12\x9a\x1d\x06\xa8\xd3\x19j\xf4\x07\x88\xc3\x05\x84K\x00'</t>
  </si>
  <si>
    <t>b'\xdd\xe3\x98)X\xd4\xf0\xc6\xa4\x07t\xb3\xda_,On\xae+J\xbe\x93R\xee\\w\xb5\xf3\x16\x8c\xfe\x04'</t>
  </si>
  <si>
    <t>b'\xf3\xc4\x8e\xb6\xa3\xfc9\x19X\xe7\xa8\xdaOKLE\x15j\xb4r\xdc\x1aE\x00w\x86\x14\xae\xdb\xfb\xd2L'</t>
  </si>
  <si>
    <t>b'\x94\x97\x8e\xc1\xa9\x1a\xac\x96\xc1\x1d\x91\xf0\x9e\xe9\xd2\x8c\x04\x81\xd1\x92?\xcb\x17b\xc6\x13h\x0e\xc0\x01\x81\xc0'</t>
  </si>
  <si>
    <t>b'\x8d\t\x17\xef\xd5\x11SU)&lt;q\xca{\xc7\xfe\x90\x07[a9\n\xf0\x1e\xff\x02\xcb\xde3\x10\xce\xa9\x98'</t>
  </si>
  <si>
    <t>b'\xc8J\x15\xc4\xac\xfc\xbb\x85\xba\xd5\xedC\xb4\xf6\x04\xdb\xe5N\x9bq\ta\x1d\t ;v\x88\xdb\xe7\x91\xf1'</t>
  </si>
  <si>
    <t>b':1\xd7\x8d\xe2\xfd\xfc\x8c+\x12\x80\x1fO\xa7\xb7^H\x02sS\x89\x14\r8\x94\xb9\x80\xb7\x1e1\xfd\xae'</t>
  </si>
  <si>
    <t>b'z\x1b\xf9\xd3\x1a\x17NH\xd0\xab+\xd4\x91+\x8f5n\xa8\xd8f\xda|J_b?\x9f\x00\xf5\xc1K\x02'</t>
  </si>
  <si>
    <t>b"\n'\x16\x90}\xffa\xa3\xf2\x97-\xc9\x0f\x1d\xd7\xb13\xa4\xf4[\x14\xfe\xfc\x949\xfc\xa9\x1cB\xde\xa3\x13"</t>
  </si>
  <si>
    <t>b'\xe9\xd6C\xe2\xb9^\xa5\xbf\xdd\x1e\x00\xeb\xd2\x84k\xae2:\x1d\x92\xae$!\xe3\x95+sZ\x10\xb8\xb2\x99'</t>
  </si>
  <si>
    <t>b")mqRp\x9e\x87T\xce\xe2#\xd5\xda\x99\xcbc\x138\xd2\x11\xfe\x88c\xd6\xa0\xf3\x88\x7f\xc5'\x0c\x16"</t>
  </si>
  <si>
    <t>b'\x9dx\xc3h\xcfEp\xe9%\xb8xY$\x00\x0e\xf0\xc1e\x9a\x86\x0e\x9e\xaeE\x18\x1cr\xff\xb7.jk'</t>
  </si>
  <si>
    <t>b".H*\xdav,)\xd4\x15\x81\xdd\xff]\xbcic\x95\x91\x1eJ\x94\xaf\xa5K'\xee\x91R\x03\xdf\x82\x1d"</t>
  </si>
  <si>
    <t>b')\x83\x06&lt;\x81\x066C\x99$C\x82\x84\xc5R\x85\x92\x8c\x17\x9c\x13\xf9\xee!\xb2\xbe\x13dvO\xb1\x9b'</t>
  </si>
  <si>
    <t>b'\xe9\xc1\xdb\x94q\xb0\x05\x7f\x14 s\xe2\x8ai\xa9\xc8\xbf\xfcE\xc8?mkl\xcd7)\xff&gt;\xb5\x0c\x81'</t>
  </si>
  <si>
    <t>b'_\xe0\x13\xc6\xb1\xed\x05v\xbc\xcfJ\x9f\x03\xa0\x17\x08nS\xe6\xaf\xf9\xfe\xac\xeab\x1f\xc5&gt;TG\x13G'</t>
  </si>
  <si>
    <t>b'Mh\xdcX\xd9H\xb07\xbf!\xf8\xba`\xda\xb0\x84\x861v^B\xb9\xb18\xc7\x1c**\xf0\\\xb7\xeb'</t>
  </si>
  <si>
    <t>b'lZ\xee\xbc\\\xed\xb4\xf7\xff\x06\x06\x9c\xab\x08\xbb\x17~k|\xbaj88\xa8\xbbYb\x04\xc3\x93\x9e\x8e'</t>
  </si>
  <si>
    <t>b'6\x12\x85\xfc\x9ai7\xbd\x14W&amp;\xf2\x81\xbe\x9d\xf6\x17\xce\xbc\xa4\xbd\x92\x88\xfbl\xc3}\xa3\xc1si['</t>
  </si>
  <si>
    <t>b'\xb7\x10$\xb7\x18\x89\xf6\x040\x08\x0e\x7f\x8b_\xda\xd33\xe4U\xc9\xc3o\xf3\xe4\xdb\xe7\xb3\xed\xfa\xc3\xa2\x15'</t>
  </si>
  <si>
    <t>b'\xceU-\x8e H"\xde\xea\xb7\x0bu\xab-=\xc4\xb8c\x18\xb1C\xd9\xd3\x80j@u`\x83\xae\xbb\x92'</t>
  </si>
  <si>
    <t>b'\xff\xba{l\xff\xf5H\x91\xfb*\xf8\xe2\xc7\x82G\x1f\xd8\xf9\x06\x94\xdaRT\xbf\xa0\xef\xd73\xa0\xda\x93\x04'</t>
  </si>
  <si>
    <t>b'\xe70\xe2Kjn\x8b\xe3r\x0c\x89\xd9{\x1e\xa6\xa0r\x85\x1b\xccx\xb0\t\x99[T\xc4\x1e,\xdb\x84\xd4'</t>
  </si>
  <si>
    <t>b'\xf1\xd3\x02\x81\x97\xd4\xc1t\xf4,$\x06\xc8\x9b\x13\xd0\x0f\xc0\x04e\xab\xb0\xdb\xd0\xbf:\xc7\x9d\xd7\xbeu\xd6'</t>
  </si>
  <si>
    <t>b'l4\x9b\x06\xf0F\xfb\xa8]&gt;\x83Mz\xcb\x9c\xa8%\xa6jk\x8d\x10\x1e\x8cK\x8cz\x80|\xac\xa4\xe6'</t>
  </si>
  <si>
    <t>b'\xfe5+\xc0\xba\xcc\xd9(\xf8.!\xf95\xfb\xeb\xa2\xbe\xf8G\xf4\xb8]\xff[\x87\x8fe\xa2&lt;\xed\xba\x8c'</t>
  </si>
  <si>
    <t>b"x\xf5\xfe\ttF\x9e{\x01\x89\x9a\xfe\xe72n\xa4btS#\x1a|\xa6\x01\x83)'\x18\xa0B=g"</t>
  </si>
  <si>
    <t>b'\x99\xb7\xdf\xb5\x87\xfeN\xeb\xd3`Q\x1c\x06\x81\x12\xbc\x9e\tH\xfcUE[\x99\xe6\tU\x8a2\xa8qf'</t>
  </si>
  <si>
    <t>b'\x9b\xd6\x8c\x95\xb1NEV\x94v\xf34\x87_H@\xa1\xdeh\xce\xbb]i\xe6\xac\xe0!J\xce2u\x82'</t>
  </si>
  <si>
    <t>b'~Il!\xf14\xc2\x92\xa1x\xcb\x99\xe4s\xad\x1e\x96\xc9\xf4\x9c\xb5\x10\x05NG\x02\x9d\xa5\x11\x08c\xee'</t>
  </si>
  <si>
    <t>b"F\xb0H\x1fnD\x9b\x9c\xb3\xcf\x00\xd36E\xfehw\xe8\x0e\xe8\xc6\xd1\xaa)\xb9'Y\x11&amp;Z y"</t>
  </si>
  <si>
    <t>b'\xe5l\xf4Z_\xc2j\x05\xb2\x98\xe2\xb7\xe1)\x9a\xcc\xdd\xf3\xa6J\x0e\xca\xd19lN\x99Y_\xab\x00\xb0'</t>
  </si>
  <si>
    <t>b'\xcd\xb1M4=\xf8\xee\xc0!5\xfd\x99\x1a\x00\xde\xa9\xc8\xf78f\xa3o\xce\xb18\x0c\x8e\xe5]\xbd\x04\xad'</t>
  </si>
  <si>
    <t>b'\xc7\x05\x9b\xd1\xa1\xff;a\x01/?\x9c+\xcbX\x94\x82\x1d[\xc1=\x87\xf5d\xdd\xbf\x11\xea\x1a\x87\xf2s'</t>
  </si>
  <si>
    <t>b'J(\x11\x1d\xbd\xc8\xbaQ;YD\xed\x97\xb5(\x17\x19\xaf\x1ef\xf5\xbcZ\xdb"\xc3\x98\x8d\xa2\xa8\xc2\xb4'</t>
  </si>
  <si>
    <t>b'oI\x1c\xcb\xe8z\x93\xc5}\x8c\xf6"\xfb}\x8c1\x11X\x81\xec\xb4\x08\x06\xf7\xcf\xfd\x19\xd8\x17=\x9b\xcd'</t>
  </si>
  <si>
    <t>b'\x90\xb5\xc7\xd0\xf7\xb2\xbe\x83\xebGH0\xedW\xb9G\xe0\xc3"\x9b3\x18o\xcd\x98\xc9}\x83\xe3\'\\\x11'</t>
  </si>
  <si>
    <t>b",\xe1\x99\xb9}wJ'\xd7m\x175{GJ*\xe9\xdc\xef\xf0\xf1\xf1\x06\x92\xc0\xa1h\x89DO\xe2."</t>
  </si>
  <si>
    <t>b'p\x04\x8a\xfc\xa1\x10\x8f\xda\xb7|g\xe4Z\x1cR\x8b\xfe\xd0p\x7f\xae\x0c\xa4\x19\xef\xc5\x03\x8fg\xe2\xb1k'</t>
  </si>
  <si>
    <t>b'\xfc\x07-\xfaY\xbfc\xac$\xae\xe8\xc0\xcdd\xcd\xd85\x1e\x1e5\xbco\x03@a^\xdeY\xbf\xe0\x11\xaa'</t>
  </si>
  <si>
    <t>b"\x07\xed\x8b\xeb\xa8h\xb8\xa72-&amp;\xa1p\xd8*Q\x14\x14\xce\xdf\xebu\x7fB\xa8'\x8e\xc1\xee\x84?\xdd"</t>
  </si>
  <si>
    <t>b'\xf1\x17\xec\xd0\x1c\x03\x98\x0e\xbc\xcf\x9d\x80\xe1\xba\x98\xd4\x9bQ,\x8d\xe9\x89\xb9\x0c\x04\xd7\x03\xe3y\xef\x03Z'</t>
  </si>
  <si>
    <t>b'\xdb[\x1e\x8e\xff. \xeb\xf6\xef\x17\xa8\xb8\x94\xc5g\xd9\x8d\x1e\xff\xd8\xfd4\x97,\x11v\x85A\x02\xc6\xbe'</t>
  </si>
  <si>
    <t>b'}\'u&lt;7M9w\xe9\xcd\x18U98\x978\xed$R\x80\x92"\xd3\xb4\x8d\xcfnUSx\xcb\xd3'</t>
  </si>
  <si>
    <t>b'\xeb"\xdbj\x1a\xa8\xf9&lt;4.\x8a\xd5\x95\xb1\xc3\xb2\xd8\x8a\x8bh\x07\xe6\xd0B\xc7\x11i\xda\x90\xcdP\xb4'</t>
  </si>
  <si>
    <t>b'\x18\xa1 \xd7\xc4r,\x19\xa0\\A\xf9q\x97\xdcG\xd8:g\xed\xf8\x84|\x9c8\x11}&lt;\xb0\x1fgK'</t>
  </si>
  <si>
    <t>b'\xdb.\x10\xc4\xda\xb1\xd01g\xc8\xda&amp;\x0fR\x01M\x06\x7f\x10\x97\x90\xde\xe1\xe4\xa8+\xae\x01\x80\x14]F'</t>
  </si>
  <si>
    <t>b"\xb2\xd5q\xae\xb7\xb5\x13=\x1f\n\xb7\x99\\h\x08\x06]\xe2\xf5\xd5\xf1y\x82\x80H\xaeG_\x06\n\xff'"</t>
  </si>
  <si>
    <t>b'g\xc4H\xcd\xe0^\xe2\xf0\x08{:\xa3\x1f\x89&amp;\xab\x93\xd4\xe3\x89.\xcd\xf3\xce\xb3\xb6~\xc0*\xb6a '</t>
  </si>
  <si>
    <t>b"'\x870G\x8a%\x9a\x89,\x9e\x0c\xdd\xffrag\xd7\xd1j\xcf\x89\xd0Y\xd6#\xaaI\xe178A\x08"</t>
  </si>
  <si>
    <t>b'\xa4\xb2\x83\xc5\xe1\xa7\x17\x89J\xf7I@\xfd\xf2\xb7\xfb\xeb\x92\x89\x98\x1f\x9b\xae\x9a\x814i\xa4\xe9s-N'</t>
  </si>
  <si>
    <t>b"U\xed\xffu&amp;\xee\xca\x96;\xa4\x18\x80\xf6=\xa5'\x18\xde-\xc8jz^\x10i\x95\xed\x1cD\xf1\x17;"</t>
  </si>
  <si>
    <t>b'\x0ft\x9bP~\x10t\xe5\xdb\xc8"\xf6\xaa\xf1f\xab\xfa\xad\x10\x03\x9c\xdb\xe3\xd0\xa6\\\x14\xb5\xdct\xda3'</t>
  </si>
  <si>
    <t>b'\xdb/\xd1\x8a\xa2o\n\x1d\xfa\x89\xc9\x9ei6\x89\xc6`n:\xea\xbfx\xde)#\xef7\x7f\xe4`\x86\xf7'</t>
  </si>
  <si>
    <t>b'\xed\xe9\xec\x0fs\x82\xe1x\x94S\xa6\xff\xe4\xc6\xafYm\xb3\xc1\x94\x1bG"e\x94\xa1mu\x84\xb0\xbd\x80'</t>
  </si>
  <si>
    <t>b']\x95\xa3\xb64\xb0z,u\x0c\xfbN\xca\xfap\xef\xee\xa9\xa8\xf1\xf9i\xea\xae\x8e\xab\xdc\x89\xb0T\x98='</t>
  </si>
  <si>
    <t>b'r3 3*\xff4\xadj\xc2K\x05\x9e\xe9\xc0\x89\xd7\xd6V\x89\x0c\xfb\xdd3`\xff\xca\x9a\xcb\xcc\x958'</t>
  </si>
  <si>
    <t>b'\xac\xc3\xbf&lt;.\xd6(\xa8\xb9\xcd\x85\xe4\x04\x03\x85HU\x9b\x95\r\x03\xbf\xe3\x13a\xda\xd3c\xf5\x9e\xc3\xe0'</t>
  </si>
  <si>
    <t>b'\xee\x187\xb7\xf5Ut\xee\xa2\x9c\x96J\xcf\x8eu)~D\xa3$\xff&amp;B\xf2\xa5\xba\x88Z\xb8E\xbe\x91'</t>
  </si>
  <si>
    <t>b'@\xd0s\x00\xd8O\x93\x90D\n&amp;\x8b[\x95\x84E\x14\x88\x15D\xfdj\xdf*"\xd689k\xf2\x95\x03'</t>
  </si>
  <si>
    <t>b'E"\x0c\xa1@J~\x9e[$l~\xce\xa3\x08\x96\xba\xcfW\xa6\xe6\x82s!\xdd\xeb\x8f\xfcyL\x90\xf4'</t>
  </si>
  <si>
    <t>b'\xbcD n\x1aKC3\n\x98&gt;\x18Z-p?[\xc3\xe5\x80\x99\xb2\xeb\xf2\x14C\xa8i\xe68n\xa4'</t>
  </si>
  <si>
    <t>b'g\xa5UH1\nj[\xd1.k\xd0\x1e\xfc]\x84m\xbfU#q\xb1\xe3\xa0\xbe&gt;\xd6?\x90\x03a\x0b'</t>
  </si>
  <si>
    <t>b'\xcaUf\x1e\xa1\xf9\x14d\t\xe9p\x08\n\xdf\xff\xa6D\xf5@\x88w\xb6\x87\x07\x9c\xc69Hk\xcekb'</t>
  </si>
  <si>
    <t>b"\xb8Zy\xbb\xc8\xbe\xed'\xbcdI\xea\xf1r\xfe\xe4fO\xd5\xd4\x9d\xcc\xe2?d\xc9\xa0\xbb\x1a\xff\x0b,"</t>
  </si>
  <si>
    <t>b'\xb9:\x8b\x8a\xd6\xd2 "\xe1g\xe2\xb1\x9d\x14\x05a\xa1\xb2&amp;1u\xc5\xdb\xc4\x95 2=\xcb\x07E^'</t>
  </si>
  <si>
    <t>b'\x02\xd6S*\x8a\x92#0\x00\xc5SHLX\xb9\x86\x85\xc2\xad\xcc\xb0\xdec\xb9y[m\xc3\x1f\xae\xe1g'</t>
  </si>
  <si>
    <t>b'\x7f\xa4|\x05\x90q\r\xec\x0b\x87\xa2\x19\x92b\x94\x16h\xc6\xf2\xeaII4\x033y\xd3P\x98\xcfUI'</t>
  </si>
  <si>
    <t>b'\xef\x1am\x1dF\xd4nu#\xa9ai\x0ccS\x19&amp;\xf3\xe7PD}\x87.\xd1\x9eC\x04)\xcaI\n'</t>
  </si>
  <si>
    <t>b'cg\xf4\xed\xbe\x90(\xf0\x0b2S\xfe}\x81\xd2\x935\x90\r\xaf\x7f\xb4\xf7u\xd0f\xd02\xfd\xc9`o'</t>
  </si>
  <si>
    <t>b'\x81\xecBM&amp;\xc1\xcb\x1cpn\x9a\x07\xf4\x95Y\x1b\x0f\xa9\xa7b\x19\xfb"\x0c\x9e\xb1\x8d\xc3(\x85\x90\x12'</t>
  </si>
  <si>
    <t>b'c\xc8\xd5\x8d\xfc\x15\xc4\xae\x89\xfd\xd5\xf6$\x9b\x17\xf5F[\xdb\x95\xd4\xd9\xc4Md\xacm\xdbM\xd2n\x17'</t>
  </si>
  <si>
    <t>b'\x9fqj\x80K]\x15D\\+tEfV\xa9\x86Sp\x8e{V\x98,%&lt;\x8b\x05\x83\xeaz)W'</t>
  </si>
  <si>
    <t>b'\x05\x99\xe0\xed\xde\xfe\xc7fZ\xd0\x04 \xd8B\xb46\xa3\xa5B\x06G&gt;\x0f\xca\xc4\x94\x14\xb4:?\x10X'</t>
  </si>
  <si>
    <t>b'\x92\xd0(S\xf7\x0eg\xa8\x18L\xd9\x01r]\xf0e\xc3Ot\xe4\xbd\x92\xb7\xca{\xea\x90\x968p.\x95'</t>
  </si>
  <si>
    <t>b'\x88\xcc\xbe\xa7]3\xce\xb2\x87\xc4\xc7\x043\x8c\x9f\xd8P\xdeYx\xc6\xce{w*=\x8b\x18\x98\x15\xbdo'</t>
  </si>
  <si>
    <t>b'X\x94\xb8\xb8\x98\xb3\xf6\x90\x1b\xd8\x0e\xcd\x1bf\x0c\t\xca\xe5U\x1f\x87\x134\xbbzz\x0f\xc0\x81\x8b\xaf\xb6'</t>
  </si>
  <si>
    <t>b'Y$\xfdOau\x08\x9b\x10\x01*z\x01\xe2M8\xac\x8e\x82\xb9\x9f\x0e\xa8\x17~\xfb&gt;-T\x0cx1'</t>
  </si>
  <si>
    <t>b'\x1aw\x89+\xc0\x9a\xf3\xf9\xfb:\xe4mm\xf7K\xa2\x88R \xe7\xaf\xbdF\xe8U8\xcb\xc3\x7f\xac\xe2\xc3'</t>
  </si>
  <si>
    <t>b'\xe9\xb5\xf7\xcdb\xfe\x1b\x9b\xc5\x1b\x95\xeez}\x0e\xd9\x1f\xa9\xf4;\xac\xb9\x81\xe3)\xe0\xb6\x9c\xeee\xad\xdb'</t>
  </si>
  <si>
    <t>b'G\xecx\xc8v;\xe0o\xbeV\x9f\xa9\x93\xd7\xc1\x19\xe7d\xc0\xf9\xf7)" MT\xdb\x9d\xf7\xaf\xabe'</t>
  </si>
  <si>
    <t>b'\xc9\xc5\n\xb5\x18D\xbb\xaf\x91J\xa0\x86\x1dn\xb8\xe3n\xfd\xe4S\xba(;\x82a5\xaf\xaeR%\xfa\xb9'</t>
  </si>
  <si>
    <t>b'\xd2`P\xd3V\x93\xfd&lt;bPw%\xd1\xab\x88t\x99\rR\xa0\x02\xb9A\xd6n&amp;{\x12U[\xfa\xf6'</t>
  </si>
  <si>
    <t>b'\x0em\xcd\xb4xus\xb5\x88\xc6\xefH\x0c-\xab\t\xed\xa1d\xdb\xe1\xff\xf2\x17\xb0\x87\xfbS\xa9U\xce\x9b'</t>
  </si>
  <si>
    <t>b'\x99 \x93\x1ej\xe3Qc\r,\xa3\xa7\xeb\x17;\xff\x8e\x15\x07\x17\xfe\x9e\x1bl\xd3*e|V\xc9\x80\x14'</t>
  </si>
  <si>
    <t>b'\xf3zZ\x02\xc4\x83`i\xcc\x80g\xe3\xc2\xb9\xd1\x81\xe3#\x17\x7f\xe1\xdc\\T\x12\x0c\x80"Wr6k'</t>
  </si>
  <si>
    <t>b'\xa2S\x85&amp;\x98\xab\x17\xf7\x94\x08U\xd4\r\xb3\x19H\x17|\xa8\xa3\xda\x82\xbbI?\x85\x84\xfdm%\xb5\x88'</t>
  </si>
  <si>
    <t>b'P\x82\xe7-\x101\xf5\xbb\x81\xf1e=\xaa\xac\xba\xa4\x89\x82hn\xdf\xd5-\xcc\x97\xf2\x08\xd58\x7f\xc0\\'</t>
  </si>
  <si>
    <t>b"[\x97!\x02\xe0\xeb\x0f \xea\xd8\xd0\xc3\x8467\x13\x00\x1d\xfaOP6\x87\xd6\x1fU\x9a\xfc\x92\x97'."</t>
  </si>
  <si>
    <t>b'X\x80l\xc8\xd1i\xfe|\xa1\x8e\x00\x19u#\x80W\t4;\x8bc\x0b\x01\xb7M\xf0v/\xa8\xc5\x1f\xb9'</t>
  </si>
  <si>
    <t>b'.9\xac\xd0w\xe5\xe4\x8a-g\x18E\xe4\x0e\x03\x16EF\xf7\xcc\xf6\r\xd53M\xa6{m\x08$\x92|'</t>
  </si>
  <si>
    <t>b'Ch!\xc8xm\x856\xcfu\xce\x9b\x87d\xb4\\\x08\xc8\xb9\xd2\r\xc7\xc5\xa8s\xd7\xebzIG\xcf,'</t>
  </si>
  <si>
    <t>b'\xf81\x97\xf3#\x0c\xa3\xe9HT\\\xe0(\xa1\xfb\xc7b*}\xf4&amp;\xe5&lt;\x81\xdbV7\x905FA\xa6'</t>
  </si>
  <si>
    <t>b'!&lt;\xc3\xc5\xa2\xc3\x95\xed\x04\xbd\x17ehs\xa3X[3b\x08\xb0\xc4ugx\x83%+\x88\x1c\xd4#'</t>
  </si>
  <si>
    <t>b"\xda\xfd\xfe\xa0\xaa\x08-T\xd6N\xddpYH\xacot\xf0%\xa9\xa0\x9e-r\x0f'\xe6K'\x07g\x1c"</t>
  </si>
  <si>
    <t>b'dE\xbf/\x15\xf7\xd3\x14\x9b2\xa6$\xb5\x0e\xd3\x9b)\xc9\xef\xef\x13\xccd\xe4:Q\xf3\x1c9\x0f_\x9a'</t>
  </si>
  <si>
    <t>b'\xb5\x03zB\xde\xc5\xbfw6\xbc3.16I\x90`\x8c\xc7\xc5\xe6\x84W\xd9k\x00\x05\x1f~\x9f\xddn'</t>
  </si>
  <si>
    <t>b'\x8c\xe5\xd9\x08\x97\x08A\xff,s \x8en\xb6fj\x83,\xe4o\x97b\xb9\xbdF\xdbr\x08\xa4\xd9\x0cV'</t>
  </si>
  <si>
    <t>b'\xb6sE\x96\xf6\xaf\x8e\x94\xdc\xe2\xfc\xf0 \x15.\x9f\xdb\xdd\x11\x01\x05\x84\xdcEJ\xc1\xa9\xab\xec\x93\xe7\xf8'</t>
  </si>
  <si>
    <t>b'\xdfl\xa7Bp:\xfc\xf0eJ\rk\x96\xe5\x07\xc3\x8d\xd2\xd6e@\xffJ\xa5\x020kg\x97\x10\xdb3'</t>
  </si>
  <si>
    <t>b'\xe7A\x0e\xf0U\xf0\x89\xb3D^\xb6\x8b\x84\xae\xfb\x92w\x8b\xde\\\x82\xacr\x81z\x93\xdd(\x18\xebs\xca'</t>
  </si>
  <si>
    <t>b'+\xe3z\xa6o\xff\x89\x16\xcb\xe1\xd15\xf4\xcb\xa3\xc0;\xd5\x08\xdc\xcb\xd97nf\x80\xc5\xfb,\xf5\t\xc9'</t>
  </si>
  <si>
    <t>b'&gt;\xf5\xd2\xbb\x83^\x00\xc28\xafm#\xd7\x92\xdf,0\x12\xd9fJ\x8f\xdf\xa4c\x07-e\x90H\xb6\x00'</t>
  </si>
  <si>
    <t>b'\xe5KN^02\x91\xe0\xa8\x11\r\x99\x85y\x0b\xcd8\xf5\xda\xa3\xef\x82\xd1\x16&lt;\x84\xf6\x1c\xe9\x91\xec\x9f'</t>
  </si>
  <si>
    <t>b'I]\xc6bD\rU\x1b\xfe\x0e\xd7\x8aI\x889}\xe0\x0f\xa8%\xa6\xfb\x8dAQ@\xc3z\xb88\x9dK'</t>
  </si>
  <si>
    <t>b'A\xca\xdb\x91Y\xdd-\xd8\xe61\x830\x9f\x1c\x05\xb8\xe0A\xbe\xec\xa1\xeb\xf7\x94&amp;W\xe5\xb2\x80\xd0\x90\xbe'</t>
  </si>
  <si>
    <t>b'\xfd\xa3Y\xa4E%}HL\x9f\xff3\xde\xf0\\\x96\x13\xc29\xc4i\x00\xb58\xe4\xe4\x17\x0b\xe6\xcb(\xc2'</t>
  </si>
  <si>
    <t>b'\xb1c&lt;\x87C.9\x7f`\xf7\xdd\xa1,#\xe9\xf0\xb0\x17\xdcFV\x00\xcd\x9a\x07\x16\x95dr\x1c\xf3\xe1'</t>
  </si>
  <si>
    <t>b'm\xc9\x94^\x88G\xe6\x9c\\MU\xf9wN\xa3UK\xe6\xb4\x19\x8b\xde\x8e\xe3\xc5E\xfb0\xb1\xea\x90\xee'</t>
  </si>
  <si>
    <t>b'\xfd\xb9\x02\x8f\xf4\x1c\x9b\x07Db\xe0[@\x8b\xed\x93)\xe0\x90i#\xfe\x87\xe8T1\x9e\xeaE\xdb\x83&amp;'</t>
  </si>
  <si>
    <t>b'+\xf45\xd1\xa3t5\xda\x99p.\n\xda\xf2aN\xe7\x0cJ\xad\xe4\x9f|\xbc\xc4V\xc3\xd3\xed\xee\xe4\x7f'</t>
  </si>
  <si>
    <t>b'\xe0P\xfd\xe9\xaf\x9fw\x91\xc2\xc7\x8cw@Dm\xf1\xbd\x08\xeb\xc6\x91\x1ec\xf6m\x94j\xdeF\xbf\xdaJ'</t>
  </si>
  <si>
    <t>b',\xae\x13\x01\xb8Y1\x08\xfbVB\x86\x15\x15b\x83\x02M\x15D)\xb0\x89\xe1\xc2bi\x1b\xa7v\xc75'</t>
  </si>
  <si>
    <t>b'v(/\xff_s\xcaJt3\x0b\xf7\x04;2.\xb917\xab\xc9`\xa8\xe3`\x99\xb4\xd1oa\xf1f'</t>
  </si>
  <si>
    <t>b'\x0cv\xf2\x9a\xa6\x1d\x0bA4\x7f\xbdb\xdc\xce\xc9\xe0"V/\x0c\x9e\xb5\xddL|\x04\xb4\xfaZ\xd1x\xc7'</t>
  </si>
  <si>
    <t>b'/8&amp;+\xb6G\xfa\xfcm\xb5\xa9\x12\xa0\xe1\xfc\x87a\xfe\x83a\xe2\xdf\x8b\xd2h\x95\xf2\xdd+\x90+\xef'</t>
  </si>
  <si>
    <t>b'\x12\x97\xf4T\x9c\xb2\xad#\xc2\x02j\xfec\x046O\xc5\xc7\xd3_{C\xb6\x1e\xaepQ\xa8\xbb]\xe26'</t>
  </si>
  <si>
    <t>b'\xd0\x08\x88L\xc4h\xeer\xa9-B\nO\x84Z\x8f\xa9-\xf8\xfe,\x18\xc8\xb3\xde\xc7\x03L\xa6\x8c\x88q'</t>
  </si>
  <si>
    <t>b'(.vQ\x87K8t\x14\xadUl[O\xaa\x9fZ\xc2!uy\xa3\xb4\xb1\xcd]dQ6\x91i\x84'</t>
  </si>
  <si>
    <t>b'Fjq\x98K\xcfU\x1aq\x9caL\xeb\xb7]R|\xcb\xbd1\x96\xaa\x91N\xaa\x07{\xfc\xf7\xac\xbdo'</t>
  </si>
  <si>
    <t>b'\xbc\xff\x82\xd1\xaf\x8a\x1f\xda+\xcf\x82\xce\xbc\xb8.@\xf8\xf6x\x1b+tY\xe7\xe9\x81\xcc\xa2\xd6\x1b\x86\x97'</t>
  </si>
  <si>
    <t>b'\xb9$\x9d\x86}\xfbWr\xa6\x1f\xa1\xacB\xfd\x8ac&amp;\x06\xb1H\xc3\x16~\x95\x9bN\xcet\xfa\x8f}\t'</t>
  </si>
  <si>
    <t>b'aM\xd6\xb6\xdaR\x06rx\x95\xc0\x94sl\x1d\x1c]\xa3\xf6U3bv5C7\x9d?\x1d\xa2\xfd\x13'</t>
  </si>
  <si>
    <t>b'@$\x12d/\x97\xe6\xaeN\xfb\xa8\xa4\xa2\x0b\\\\\xcd\x81\xafP-\x1aIi\xaf\xb7\xf2\xfc\x9b\x98\xe9Z'</t>
  </si>
  <si>
    <t>b'\xd6\xd8\x95\x19\x9c\x17\xaf~\xf1\xbf\x80T\xcd\x1e\xaf\x9d\x16\x02\xab\xd64\x19|}7\xf1k\x06\x05w\xf0\x82'</t>
  </si>
  <si>
    <t>b'\xd7\xb2Qk\x99C(\x98\xb5P\x1eE\x8c \x9aJ\xc1\xdf+\x11\xbf\x80WF\xb2Kj%\x07OW@'</t>
  </si>
  <si>
    <t>b'(3\x9a=\x04\x07\xda\xa9H\xce \xf4s\xeb\xf1\xa9\xef\x91\x90\x8c|\x99\xb2\xbc7H\xcf\x8d\xc9S\xa6\x82'</t>
  </si>
  <si>
    <t>b'\x7f\xa7+D}32c}\xc8\\s5\x89n*\x9a\xf8\xd3\x89;\x15\x9cK\xf2\x17\x81]Nk\xea\xf6'</t>
  </si>
  <si>
    <t>b'\x14\xd0\xc8\x0b16\x0e\xeb4\xcf\xb0\x95\xbf\xed\x84\xab\xcb{\x16vq\xe6\x93\xbd\xf8)\xed\x042y\xf7P'</t>
  </si>
  <si>
    <t>b'\x9d-\xd8\xdc\x94\x8b\x865\x907\x9f\x9fW\xbcF BJi\xf1\x1e\xed\x8f\x98v6f\x81\x17eU\x06'</t>
  </si>
  <si>
    <t>b"z]Y%\x10\xba]\xcfWk\xb9f\x8c\xc1g\xd5\x07UB\x1a\x80\xc7\xe1v\xf0\x95B\xca\x1e'g\xdf"</t>
  </si>
  <si>
    <t>b'U\x17\xde\xc6\xfe\xc7\x90\xe0\xbc\xbe\x9e1\xd1hM\x06\xa6\x99\xe6\x83\xc8Y\xeb!\x18r\x9dA~\x1a\x103'</t>
  </si>
  <si>
    <t>b'Muj\xa2o\x9e\xdc\xf2\xfe\xa7\xde\rfv\xe2\xe3\xe9\xbe\x94\xbc\xaas\xef\x02\xa0\xe6\x80\xdc+\x1b\xf4*'</t>
  </si>
  <si>
    <t>b'\x99$s\\\xb3\\.\xe7\x15\xe2\x0b?&gt;\xe5Wr\x19S\r\xf7\xc9\xad\xbc\xeb\t]\x02q\xbb\x028 '</t>
  </si>
  <si>
    <t>b'/%\xce\xa2\x9d\n\xcc\xbe|\x0c59=\xde\xb9:\xda\x93\xd9iC\xad+\xc9\xd4\x035T\xc1\xc3\xb53'</t>
  </si>
  <si>
    <t>b"\x86\x89\x7f\x1b\xc8\x9b\xc7\xbaR\x0e\xc86\xf9\x1c\xf2\x11\xdflvZ\x01\x84\x0c#(\xa7\xc0)'\x02&gt;\xbc"</t>
  </si>
  <si>
    <t>b'\xc1\x06\x9c\x18N\xffsf\xb8\xdc\x9a\xad\xffJ\x12\x93$\x1b\xd0(z!\x9ePC f\x86\xbeE%i'</t>
  </si>
  <si>
    <t>b'\x11\xaeV\x96_+y\x90:\xf4+\x14\xd4 \xad\xbf\x95?D\x0c\x9e\xa4\xe7 \xbc0\xba6*\x08C\xec'</t>
  </si>
  <si>
    <t>b'h\x17\x0bm\xb7\x1a\x9d\xe0\xc1\x169\xcc\x9b\x8d\xf2\x0cEUa\xe7\xab$\xb0E\x92^\xcb\x9f\xbb\x80\xe6\xe4'</t>
  </si>
  <si>
    <t>b'k\xc6\xf3j\x8a\xd2 \xa8&amp;\xa1\x92\xa9\x7f@\xd6\xb8\xe0Z\x13\x92\x96l\x148\x90p"\xfc\xd53Gv'</t>
  </si>
  <si>
    <t>b'\xc9\xe9\xd8\x99\xbe\x86\xa2\xa2\x92\xc7\x15\x1f\x97\xcb\x8f\xe9q\x80\xc1\x11h\x1fj`9\xe7\xa8\xd2\xb6\x14;y'</t>
  </si>
  <si>
    <t>b'b\x82\xe6\x1f0\xd4s\x01C\xadK \xf8\xed=KJs\xc1\xb4K\xcdBq\xb3\x0b\xf8]\xb9J\x06\xbf'</t>
  </si>
  <si>
    <t>b'2\x83\xdc\x94\xab\t\xd0\xf0\xef+\xb6f(7\xf0 ,\xba\xf8\xe5V\xd4\xc5\xecY\xc7.\x8eD1\xba\xeb'</t>
  </si>
  <si>
    <t>b'U\x8e\x8f \xe5\xae\x10\x9a1\x9eD_D\x00j&amp;v\xfboq.\x1a\xc6\xda?\xd7\xd2\xf3&amp;o\xca&amp;'</t>
  </si>
  <si>
    <t>b'\xa4y\xe6\xc8\xb8\xf9&lt;\xb5\x19Z\xae\xbd\xc7w\xbd\x99"U\\^@\xd5\xd3\xa5\xd1\xef\xa4\x16u+e\x1d'</t>
  </si>
  <si>
    <t>b'\x90\xc3Pj%\x9b5\x90\x89p\x88\xcb\xa4"K\xd12\x05p\xe0\xbd\xf0\xce\x7f\xf7\x8a\x90\xf6@\xd6-Z'</t>
  </si>
  <si>
    <t>b'\xcb(\xb5-\xaf\x7f@a\x9fm\x9c\xc6\xf4\x1d \x1b\xdd`\xba\x97;\xd5p\xc8G\x19l\x9ab\x1a\x03l'</t>
  </si>
  <si>
    <t>b"-\xc3\x00'\xf9\x93W\x8f\x17\xb9\t\xb5\xa1\xd4\xe6\x96\xbc\x064\xc0\x83 \xf8\xa9\x80\xdd/l\x0b\xbd\x18\x80"</t>
  </si>
  <si>
    <t>b"\xd8|+\\\x80{aq\xb7\xab\x1c\xb6m,\xfb\x81\x06\x99\xff)\x9a\x1e'\xeb6\xf0\xec\xaee\xca[G"</t>
  </si>
  <si>
    <t>b'k\xf2\xe6~\xce!\xdf\x91"\x1e"V\x05\xa9n\xc0\x00\xe9\xe5\x9f\xfe\xc5\xef\x8e\x10\x88\xabvx\xcbYx'</t>
  </si>
  <si>
    <t>b'H\xc85Q\x00\x9b\xd71\xea\xa1\x7fo\xa5\xe8\x8e]ag,%\x07\xf7J\xfc\\\xbd\x82`\xf8\x00`\xd9'</t>
  </si>
  <si>
    <t>b'\x189\xae\xaa\x197\xdf\x1b6\x81\x01L}\x82Y\xdf\xd5\xb9I&gt;\x80\x14\xf8\xd0\xd2r\xe0\xde\x1aj5\x88'</t>
  </si>
  <si>
    <t>b"\x96,\xc2\x16\x13\xc3M\xec\x9f\x983\x8a\x14\xa9.3'\x96\xe6\x9f\xf2G\xf5\xd6\xfd\xa3\x11\xc1Kr\xc1\xdf"</t>
  </si>
  <si>
    <t>b'\x00\x85\xb0{\xf4|\xc8\xaa\xacU#C\x1c71\x97\x0b\xb0\xb5\xfb&lt;\x18\xd5\xa4\x95\xb9\x03\xc7\x15.\x00\x88'</t>
  </si>
  <si>
    <t>b'\x94\x9a\x9b)\x1a(pSp\xc3\xcb\x9b\x10\xa7\x19\x9d(\x90\xb4\x1a\x93#2\xf2i\x8db\xa2\xd4\x02hg'</t>
  </si>
  <si>
    <t>b'E)xt\xa0\x96\x07\xc1\x17Au\xb9\xc5\xfb\xdc\t\xa3\x8d\xb5\xea.\x9e\xd5\xea\xb0\xa5\xa6\xc25Z\xe6\xa8'</t>
  </si>
  <si>
    <t>b'\xfc\xfb\x0b\x98\xcf\x02\xa3C\x00\xaaA\x15\x05\xb2%W$\xca\xa6\xc2\xd6R\x17%\x10\xe7\xf9\xc1\x0f\xb9H\xd4'</t>
  </si>
  <si>
    <t>b'\x1e\xb6\xc1oJ3\x14\xd6K\x0eMIa}b8XNc\x1f\x17\x14\x0cB\xea\xbc\xdeo\x06\xd0\x14\xe7'</t>
  </si>
  <si>
    <t>b'\x1e\xc5\x86\xb6\xde\x9ed\x9c\xc3\xda\x1b\x08\x8b\xbe\xd3_\x94\xa6\xf4\x98!&lt;w\x8f0\x8e\xe5|\xe8lK0'</t>
  </si>
  <si>
    <t>b'\xb9\x86kF\xabMv\xca\xf1\xb7nj\x18\xe4\xb3\xf0\x98\xe9\xa0\x99\xc8EZ\xb0),\xb6P\x80\x90J\xdf'</t>
  </si>
  <si>
    <t>b"C\xe9\x85\x9b\x08h\xb1\x8eE\x9c(\xe3g&amp;'\xc3E\xc7IV\x06\x13\x92\x81\xbe\xc3\xc7\xf1\xb6\x83~x"</t>
  </si>
  <si>
    <t>b'\x14G\x16q\x11\xedc\xe3UX\xe0\xfa\xc1J\x00b&lt;\x83\xcb\x81\xd0\xcf)\xe9\xbb\xf5^\xa84\xa7\x8a\xde'</t>
  </si>
  <si>
    <t>b'o/\xeb\x96B\xcf\xc0,\xce\x1a\x18\xa7&amp;5\x06\x99G\x03\xe0\xeb\xcb\x08"\x81\xa2\xd0\xd4\xb9k\xf3\xe82'</t>
  </si>
  <si>
    <t>b't\x99K\xde\xbf\x86\xe8t,\x8d.\xfctM-\xc3%\x8bN\x81.5M\xf9.\xf3\xc3p/\t\x9fB'</t>
  </si>
  <si>
    <t>b'\xfev\xeb\xb1\x87\xd9+\xa9U\xef\x02\xef\xaf\x14\xe9kI\x93\x0f\x17\x1a$\x0b;\x01R\xa3\x84\xd9\xb7/$'</t>
  </si>
  <si>
    <t>b'\x0c\x14\xd2l\x8d+\x86\x16\xe6\xbdgY\xd8Cq\xd4H*;1\xab%\xf5jPf\x1e+\xb2\xd3K:'</t>
  </si>
  <si>
    <t>b'!\x98\x95\xba\xa2\x98JT\xe9\xef\xf2\xba\x08\xd0\x15\xcd\x8c\x9aw\xffxt\x89b\xc6\xdeU\xd3\x1e}\x95 '</t>
  </si>
  <si>
    <t>b"{\xe0N\xe7\xcc\x0b+\xa0~6\x1a\x1e'\x12D\xa3\xdd\xb0\xc7\x9c|\xb2\xea\xfc&gt;dx\xca\xbc\x7fn\x9c"</t>
  </si>
  <si>
    <t>b'\x82\x15\xf6\x91\xbe\xf5\x85)\xf5\x98\xde\xd8\xff}]]Y\x1f\x9as\xc9N\xaed\xf7\xec\xf7\xe8sG\x06J'</t>
  </si>
  <si>
    <t>b'\xe98|&amp;\x01Ow\x83\x84\xa8\xbb\x8b\x1b\xa7&gt;\xa3\xb7\xba\x95\x86P&lt;j\xcee\xa6TOa\x1d8\xf2'</t>
  </si>
  <si>
    <t>b'vA!R\x85\x87!\x93\x88\xe27\x0fl\xfa\x91\xfd\xf8\x08\x8aH\xfa\xbaT\xf3d\xf1U\xb1\xbc\xe2\xe5 '</t>
  </si>
  <si>
    <t>b'a\xb9\x96i\x05\xf9\xbfRj=\tqG\x1f\xa8\xc7\xb0k4\x07\x92\xff\x17}W\xf5\xb0\x03/\xc3&amp;\x03'</t>
  </si>
  <si>
    <t>b"\x9f\xb0\x1c^\x0be\x16O\x9cB\xed\xff\x880\x10\xfa\xaf\xf5$px\xb1\x89\x94T.\xfa\xb0\xc0'Pc"</t>
  </si>
  <si>
    <t>b'@B\xf38\x8e69Jf\xfd\xe8\x1e\x8d\x01\xb1JU4\xbc\xe6\xb5\xa2\xa7\xbd\xb9l\xc9\xd4\xd6\x99;\xb2'</t>
  </si>
  <si>
    <t>b'\xa4R{\x96V\xd3\xd0\x0c-\xe9\xb7\x97\x17\x91\x85\xc6\xbf\xc9k+Gqb4\\\x8bZ\xd7\xbf\xc6~\xbc'</t>
  </si>
  <si>
    <t>b'\x9f\x10\t\x0c\x008I\x92Y\\K\xe3\xfd\xef\x92\\\x05\xebU\x80Y\xa6i{}\x8e\x82\x12\xa4\x10\x1a['</t>
  </si>
  <si>
    <t>b"&amp;\xc7\xe0.|4+t\t|'\x1ec\x9a\x06;8\xdd\xc5\x88\xfc\xa9F\x18\xc9\xd3\xa7\xd8z\x87\x05{"</t>
  </si>
  <si>
    <t>b'\xcd\xff\xc4\xc2i24\\w+\x8f\xdcpj\xda\xc5\xd3\x85=\x98\x18\x13\xc6\xb4\xd5\x11G\xeb\xe7\x8f\xa8J'</t>
  </si>
  <si>
    <t>b'\xd5\x86\xaa\xc6\x99S\xc0\x9bL\xe3\x01\x83\xe3\x01U|\x07C\xc1a\xa48\x83&amp;^\x17\x1aUC\xae\xad/'</t>
  </si>
  <si>
    <t>b'\xc4\xea\xcd\x97\x1f\xed\xcc\x96qd\xd4\x1d\x0f:\x0f5wc\x14(Ia\xa2\t\xe8\x8a\xd8\x1a\x05\xd3\xccn'</t>
  </si>
  <si>
    <t>b'IR\xab\xb0HI\x90\xda\x13\xb5\xf1\x9d\xfc\xe5\xfe\xb2\xb2C\x0cY{\x1b\x9e\x18\\\x8a3\xa0\xfe\xe1\xdd\xc2'</t>
  </si>
  <si>
    <t>b'\x1c\x00\x9f\xd9t\x16\x9cD\x01C,\xb8\x8b\xbeo\x11\x88 \x93\xe0\x91v?\x07\xcaM\xc5\x17\xee\xf7_\xf7'</t>
  </si>
  <si>
    <t>b'\xbd\x8d\x07\x81s\xc5]\x1b\xb1|\x02\x1aAM\xd4\x05\xd8\x94\x99L\x9di\xa7\x00/)\xe3D+\ngr'</t>
  </si>
  <si>
    <t>b"\xbbd\x07'\xb4P\xc7\xf2X\x94\x88\xf3\x11K\x92\\jm\x89\xb4\xd1\x18\xe89Uek\xb4\x0e\t\x98W"</t>
  </si>
  <si>
    <t>b'|\x00f\xcf\x06\xe9\xc3\xdbfn\x12\x87\xa8\x01{\x94\xf2\t\xde\x96\x92\x9c\xcf\xb6\xeaFX\xceU\xaa\x0e\x0c'</t>
  </si>
  <si>
    <t>b'\xaea\xe9\xf5\x92C\x14F\xf5W\x1eP_\xd4\xd929\x81\xfa\xd6D\x80\xe8\xdb\x9dd\x8ag\xe6R\r\\'</t>
  </si>
  <si>
    <t>b'^b\xca\x8a5k\xe8\x8a$\x079\x9e\ra\x8f\xf6@\x00\xf7\xfe\x9c.\x18c-\xfey9\xa4U&amp;.'</t>
  </si>
  <si>
    <t>b'\x8c\xaa\xaf\x14\xd7V\x11\xf2\xc4w\xbb2kmn\x1f%\x00\xb4\x87\xd4\xb6\xdd\xf1z\xf8@\xf6]\xa86y'</t>
  </si>
  <si>
    <t>b'a?\np\xab!\x0b\x01\xff\xa6\xceh\x08\xd8\xeb\xd0A\xb3\x8f\x07Q\x17KBr-\x10\xce\x94k\xfc\x08'</t>
  </si>
  <si>
    <t>b"\x14\xe2\xde\xf0j\x9c\xf3\xfd\x00E\x0f\x1c\xda\x02H\x1a'\x06\xf20\xb9\xc7\xf2\x16\xb7iU\xf8\xd9\x03d\r"</t>
  </si>
  <si>
    <t>b'\xc7\x84\xcb\x07\xb9a\x85\xc0\xc6\xd8;\xc1\xdby*s!.TXm14\xf13\xeb\xa0\xde\xc7f/\xa4'</t>
  </si>
  <si>
    <t>b'\x9ci\xc5\x05\xfc\xf8Q\xe1\x14\xdf\x01\x80\x9b\x87\xad\xa6&amp;\xa1X\xae2\xa8\xcd\xb8W\xfb\xb5\x9b\xff:\xfdx'</t>
  </si>
  <si>
    <t>b'\x1a\xdd\xe7\xe5\xed\xaa%\xa9/\xa9\x0b\x89\xeej\n}N\xa1J\x15\xe5\x1d}\xc0#h;\xef\x0fLP:'</t>
  </si>
  <si>
    <t>b'\\\x82\xcbO\xcb\xb5&amp;VO\x1c\xe4\xf7\x08&lt;\xb0\x97\xb1\xa5v\x82o\xe7\xd8v\x16\xe7\xff\x04,\xe4\xc3z'</t>
  </si>
  <si>
    <t>b'\xe1\xfa\xb0S\xbb \xe5\x8c\x16\x9cV6g_\xb1\xbfk\xc3\xfdde=\xbf\xf2930\xbf}\xf8\xc9-'</t>
  </si>
  <si>
    <t>b'~\xcd\x02\xeb\x9cd\xfd\xda\xda\xf8c\x88Z\xcfi\xf5G\x8cA\xc7m2\xa6\x8e\xe4\xfb\xef8\xf6\x12\xabb'</t>
  </si>
  <si>
    <t>b"\xf4\xbe\xebD)\x9e\x15\x05\xd7\x04\xc0\x97\xe3\xc9\t\x12\xa6-\xb0\x9f;I'\xec\xea@\xc5R\x1a^4o"</t>
  </si>
  <si>
    <t>b'\xf4g\xc5\xddS\xa4\xa3\x89\xb4\xd8\xb92\xafA\xbak\xc0\x19eWr\x00o\x14G\xd9\xda\xea\x07o\xc7\xb7'</t>
  </si>
  <si>
    <t>b'X\x05&gt;J\xfa\x95b3\xd4\x89\xe9&amp;\xa9\xaa\xd8\xc0h\xaaS\xd4\x95T\x15\xd0k\x0b\xf0\xe2a\xd0\x030'</t>
  </si>
  <si>
    <t>b'\x98\\\xbf\xb0\xd7\xff\xff\x9d\xbf\x84\xe9\xbbv\x19\xc8u\xbe\xa0\xd8z\xdfqm[\x82\x15\xac\x1b\xa5#\xf9B'</t>
  </si>
  <si>
    <t>b'\xb3\x85D\x1e\xed\x1d%\x14\x0c\xfe\x04A@\xe0]C\xb6?\xf8\xf5\xb1\xf2\x7f\xec!\xb6{\xd6ds\x9f\xfb'</t>
  </si>
  <si>
    <t>b'Nn\x15\xdb\xde=yRG\xee\x98\x9c\xed\xfc\xd5\x9e\xa7&amp;\x0cH)o\x188\x85{\xfa1\xd3\xa3\x11\xd0'</t>
  </si>
  <si>
    <t>b'\xcf\xafu\xc8\xcev\xb0\xf5\x9bq\xbd\x19\xafM\xdc\xf8\x90f\x0b\x83\xb5\xab\x1c\xcf\xdf\xc8%%T\xeb\r\r'</t>
  </si>
  <si>
    <t>b'\xe24\x18\xa9k\xcb\xa0\x14\x19\xc2\xa6\x1a=\x7f\x8c\\-\x10L{\x80c\xc1\xc9F\x03\xf5G\xb9\x136\x01'</t>
  </si>
  <si>
    <t>b'\x93l$\xa8L\x87#.\xea\xbef\x89\xa8\x8b/\xd9bz\x06\xc77\x13\xc7\x04\x92\xd4\xa0q\x96 \xf1\xf2'</t>
  </si>
  <si>
    <t>b',\xc4O\xe9\x04\t\x9e}0$9p\xf2:\xc1\xbcV\x1e\x83O\x1c\xaa+\xa27G,\xbaQ+=\x9e'</t>
  </si>
  <si>
    <t>b'\xbaW$ \xd3z8B|d\xc5l\x7f\x81kO%\x9a\xc0\xd2x\xe2\xdb\x98\x9d\x98\xff+.3\xdb3'</t>
  </si>
  <si>
    <t>b'\xaf@1G\xc7\xf4\xefx\x9e,\x17e\x97\xe5j\x96\r\xce\x18\x94\xc6\xe6\x0e\xcf\x9c\xca\x81\xf8\xf5f\xdco'</t>
  </si>
  <si>
    <t>b"\x8e\x17,@E,\xbb\xa6'\x19&lt;\xe9\xfe\x7f$\xde\xa2\xa1\xa8\xbau\x15\xc4\xf4F\xe5\x9cI\xe5\xf9\xaa4"</t>
  </si>
  <si>
    <t>b'\xd2\xdf7\xe2&amp;"\x7f\xccPT\x8d\x9c\xac\x94\xf6\xdcW\x8c\x849rz\x17\x90i\x16`\x0f\\2Yo'</t>
  </si>
  <si>
    <t>b'\x80M@\r\x88.\x97\xa0\x89\x9fh\xed\xea\xb4q\x9b\xd3\x14\xfe\xc4\xb4\xc4b\x10+\x07\xb9\xe8R\xca\n\xe8'</t>
  </si>
  <si>
    <t>b'ax0\x1f\xd2\xbbp\x97\x06\x1f\x02Pc\x11\xe2;c\x18sc]\x1f\x0c\xd9\xe0\xb53g\xba\xeaKE'</t>
  </si>
  <si>
    <t>b'\x05\xf63\xab\x96\x0bIb\xfc\xc04\xea\xcc\xb5,V\xb8\xaf&lt;\xc1\xfb\x9f\x07\xdc}\xb1\xb93\xc9%\ni'</t>
  </si>
  <si>
    <t>b"\x9c\xea\x0c\xf6\x85\xfa{\xd4\xaf\xda\xc6?#'\x9b\x1e\xe1\xf7\xe9\x95\xd7_{?\xe1\x13f^X[\xde\x94"</t>
  </si>
  <si>
    <t>b'\xb2\xfe]&amp;I\xc9~\xb0qOg\xb4\x0b\xc5k\x10\x1f7\xacl\x9a\xab\xdbE\x12\xd7\xa1\xb7\x93I`\x1a'</t>
  </si>
  <si>
    <t>b'\xa7\xa7\xfdA\xbf%Z\xa5`\xe6\x8a\x98\xbc#\x97O\x01\x8c\xed\x0f\xf2\xf8w\x8f\x10f\x83k%\xa8H\xe9'</t>
  </si>
  <si>
    <t>b'\x1aBuy\xdb(\x1d\xb7\xf2\x99&amp;\xfa\x8f\x1d+\xcc\xbc(\x06\xa2\xc6\xf087*\x18\r_K\xef\x87\x06'</t>
  </si>
  <si>
    <t>b'\x84N~\x0b\xaap{\x94\xfbW\x9b\xfb \x9dDC\x12\xf3\xd7s\xc2\xe9w\x0e\xa9\xbe/\xce\xac\xb1\x9b\x1e'</t>
  </si>
  <si>
    <t>b'\xfb\xec\xdf\xee\x85\xdf\x12\x03\xef\xd1[I\xcc\x16I\x13\x16*i\xc8\x91\x13f\x0e\xcd\xfc1[\xe5\xbb\xed\x05'</t>
  </si>
  <si>
    <t>b'\xae\xe0\x8at\xa8\x0eF\xb9:\xe6\x17:\x84(\x1a\x05\x15\xd6\xb3\xfe%&gt;\xda`\xe1#\x8b\xf2t\x99\xa9\x92'</t>
  </si>
  <si>
    <t>b"\xed\x04J\xdb\x07\xe7\xa3\x14\xdc\xd6\xbfV\x8e'\x17\xb0o(\xf8W\xe4`k-\xe3\xcf\xb3N\xb8\xad\xce5"</t>
  </si>
  <si>
    <t>b"\x92\x0b\xf0\x04\xa4eo\x8a\xd0&lt;wh\xa4\xff\xfe\xccY\xfc\\'\xa2\xab\x84\x89\xcc\xfa\x91\xc1\x87\xc0\x12x"</t>
  </si>
  <si>
    <t>b"\xc3L\x99\xc5i\xc2YGh\xddT\xe3\x06\xc5\x82_\x1a\x14R\xc3Y\xd8\x17\xe1\\\xc4|9L\x9c\x17'"</t>
  </si>
  <si>
    <t>b'\xe2\xf4O\xa4/m\xfd\xd3+H|\xf4s\x83\xa6\xfe\x80l\xa0\x10\x13\xbfm\x1cG\xfe\xf17\xb7\x94\x04H'</t>
  </si>
  <si>
    <t>b'\xc7W\x0b\xed\xa5\x16\xac\xbe,z\xd6\x89p\xafik\xa14i@\x06\xb7+*S\xba#\x9e%#\xfd\x92'</t>
  </si>
  <si>
    <t>b'\xc8\xef\xd0\xce\xab\xa8\x01zC^\xa4~\n\x1f/\xa6d\xcbW\xae:G]/\xe7E\xbd\xa8\x05V\x93\x8e'</t>
  </si>
  <si>
    <t>b'F\xff\x9c_\xbfI-\x00b\x15(\x1b\x1aQ\xd3u\x9c\xe5\x7f\xbb\x1c\xa4\x11\xf9\xdf\x87\xf6\x1b\xccg\x1d\x19'</t>
  </si>
  <si>
    <t>b'\xb43y\xfc\xd1\xc6\xf8\x19\xa0,\xa0\x0f\xd6\xfaw\xd9=\x16\\\x92i\x16b\x08GE_\xd7\xc7K\t\xd9'</t>
  </si>
  <si>
    <t>b'\xb7\xe6\xd1\xc4\xd8#uh"\xfa\xbf\x9c%\x0e\x1a\xd4\x8eb\xba\x19#\xdfY\x8f&gt;\xc3T"d\xc3\xcd-'</t>
  </si>
  <si>
    <t>b'K\x9c\x96\xb0;\xfb\x92v\xdb]\xb4\xc1\xef\xd7\xd0e\xe4\xf2\x81,r\x81\xb94 \xfeu$\x14\xb3\xdbx'</t>
  </si>
  <si>
    <t>b'\xaf3\xf0\xb0\xfb\x81\xc7\x03cC\xd2\x0e.\x9a \x14\xff\xbd\xe5\xed\xf0\xa7\xd0\x1a%\x93\xec\xad\xdd\xe6B6'</t>
  </si>
  <si>
    <t>b"\xc3\xbd/\xf2\xc9\xdbi\x963\xb4\x01\xc4\x9cW\xfb\xbb'b\x81$\xd3\x16rv\xdb\xaasQ\xb8\x14\x81\xc2"</t>
  </si>
  <si>
    <t>b's\x0c\xe3\xc2r\xd8F7\xdcP\x7f\xa7\x1c~r\x17\x8cWj\xcf\xbe\x13\xd3a\xd2&gt;\xfc\xa7B\x19\xa9\x01'</t>
  </si>
  <si>
    <t>b't\xea\xe1kq\x8f\x80;\xe2\xae.\xdf\x10\xdf\xf7S\xe5&amp;U\xf3,\x92\xf1\x993X\x91\x99\xeb\x932\xd4'</t>
  </si>
  <si>
    <t>b'\xa1\xac\xeb\x05:\xb0\x19`\xe6\xef&gt;\xd5\xcbv\t\xb1\x8e\xf7V\xea\xb6\xc9\xf9\xd8u\\\xbfM\x94\x1e\xa0g'</t>
  </si>
  <si>
    <t>b'\xe5\xe6]\xf2b!S\x14|)\xc6\xadR\n\x145\xe1\xda\xf1+\xb2TW\xb8/\x15\xaf\xee\r~P\x9f'</t>
  </si>
  <si>
    <t>b'\x89p\xc1\xb3.\xcfYg,\x97`s&lt;z&gt;`\x97\xa3\xb9c2\xd7\xa6\xb6\xbd\xec\n\xae7Q\xf8N'</t>
  </si>
  <si>
    <t>b'\xb8=\xea&amp;\xb8W\xa7V\xa2vX\xc4\x11\xa8\xdbvLn\xeb\x9c\xec\x8b\xcc\xe5\x1e\xf9\x9d\x86\xe0\x1d\x08z'</t>
  </si>
  <si>
    <t>b'E\x1f\xb6vB\xe1O\xd1\xe0t{\xb07;\x1aw\xbbn\xa7\x1b\xb7\x82\x18\xbf\x08\xa5\xe8\xc3\xfe\xe3\xaea'</t>
  </si>
  <si>
    <t>b'\xd7su]s\x7f\xfe\\\xb8\xc4Q\x121q\x1e\x93\xfc\xf3b\xea\x92\x1e\xd1\xf5\xd5\xbc+\x0eO!\xdf\xa0'</t>
  </si>
  <si>
    <t>b'f\xf5f\x0e\x8cAZ\x16\xdc\xda\x8c\xb0\xec*\xfbZ\xe5\x80m\x7f(\xc0~\x08\xd9\xe1\x971p6ae'</t>
  </si>
  <si>
    <t>b'\x83K\t\xc4\n\x8f:\xfd\xb1\x03\x1a\x8eN\x9e\xea\xec\xa2\x9b\xcf]\x9f@\xa2\xd3\x13\x9c\xd9\x0b\xaf\xba\x03&gt;'</t>
  </si>
  <si>
    <t>b"_\x93\xa7\x1d\xe6\x7fi8\xca\x8a\xc0\x0b\x1e\xfb\xb1\x83^\x86'\xc7x\xfdE\xf5\xf9\xf1\x02n!%}\x9a"</t>
  </si>
  <si>
    <t>b'\xc9\x8b $n\xcf\x05\x85\xd2\xc0\xb2\xa3\xa2\xdd\x1cC\xdf\t\x04\xdd\xa1\x0c\x0c\xaa\x1f]\xd5\xbe\x19\x14\x1b\x95'</t>
  </si>
  <si>
    <t>b'\xe5L\x94\xceN\x96\x8fFB\x14&amp;7\xcbU\x017\x02\xe5[\xa5(\xf8\x95\x97\xf1\x00d\xa1\xf1\x00\xe2\xba'</t>
  </si>
  <si>
    <t>b'L\xd8\xc5&gt;\x1f\xd5Y\x0e5\xce\xe0\x0e\xeb\x10gF\xd4$\xdc\xae\x89)T\xd2Z\xca\xc6k\xbc\xd0\xa2x'</t>
  </si>
  <si>
    <t>b'\xd4w\xae\xfe\xa6s\n\xd0@f\x9e\x1e\xf8\xc3\xf6\xfay\\\xc9\xc3\x08\xfa#\x1et\xb7Z)\x8cx\\['</t>
  </si>
  <si>
    <t>b'I\xa0\x93\xba{\xcfrO\xff\x00\xbayD&lt;\xbf@&amp;\xb4\x0b\xde\xde\x1eQ,\x96\x9d\xe6\x9d\x96v@l'</t>
  </si>
  <si>
    <t>b'\xbf\r\x00x.\xf1&lt;\xac6\xd4J7`\xa1\x0fa\x0e\xbf\xc8\xf56&lt;\x1b&amp;&amp;\xd2t2fKz\xc5'</t>
  </si>
  <si>
    <t>b'\xe3\x1f\xd6&lt;{\xbcd\xba}zMzq\xd0\xd1\x90H\xec\x9c?\x1c\xe0\xc3\xb7TZ\xac\xc6\x99\xef\x1aX'</t>
  </si>
  <si>
    <t>b'\xfb]Z\xa4\xd1\xc1y@\xb3`\x9d\xe1\x0b\x89\xbb\xeb,\xc8u\xf4\r\xcb\x99\xba\xd1\xe5\xf4d\x1f\x92\xac7'</t>
  </si>
  <si>
    <t>b'\xdbJ{\xc2}1\xb3_\xfd\xe9\xad\x11Ql\xa0\xb9\t4\xcf\x12c\xbb\xa0\x82*\xf3@\xf2\x1dk1N'</t>
  </si>
  <si>
    <t>b'.\x8b\x1f\xebw\xb5\x08\x86\xe3\x96\x9dB\xd8T?\xf8X\xd5 \xa5\x9c\xa8\xf9+\xf0\xb3\r\xf2\xa4#i\x9c'</t>
  </si>
  <si>
    <t>b"\x98\x8dm\xfa[\xceH\xb3fr\xce\xa9\x07H\xa6\xd7\x96'\xf0\x86E\xd6ls\x8e\x01h.\xe9\x84\xcf\x1a"</t>
  </si>
  <si>
    <t>b'+\xe8\xc2\xac0\xedBVC\xbdD#z\xd5_\x9e\x16\xc4 \x10\x04\xa1tl\x80\x0b\xbc\xc4?\xb8\x8a|'</t>
  </si>
  <si>
    <t>b'[\xf9\xb0\xc2~\x9b\xd8P\xff\xc7\xb9uL\x13\xdb\x14\x08z\x86\xf3\x0bY\x93w\xf4\x9eM|Z\xcb\xc5J'</t>
  </si>
  <si>
    <t>b'\x11\x13\x08\xce\x00\x92\\;;\xfb\xf8\x94f\x1fT|p:J\xd2\xee\xc7\xa0v\xf2iO\xd4\xdb\xbfN\xce'</t>
  </si>
  <si>
    <t>b'\xba\xde\x15\xcd4\xb2\x8f\xe6X\xd2\xccU\xf7\xdaf\xa3I\x87\x15&amp;.e\x87\xe0\n\x05;0\x95\xea&lt;\xcb'</t>
  </si>
  <si>
    <t>b'\xdb\x7f9-\x04\x03\xfe\xa4\xbf\xe4\x91bWfe\xdd|\xf0"\xa0%Q(\xc2\x0b}\xd6\xd6\x93\xcd\xd3r'</t>
  </si>
  <si>
    <t>b"\xdeq\x17\xd2\xf3h\xa2(\x81\x9b\x92\x9b\xd1'\x04\xc8\x04Y\x83\x85\x90\x92=\xf0Ax\xae\xf0\xa3\xe3\xfb\x1b"</t>
  </si>
  <si>
    <t>b'3\xdd\xcc\x1f\x1fN:\x96\xf2\xd2\x8aT\xab\x07N\x86\x94\xe3Y\x11\x00\x16\xc5t\xcf\\&lt;\x007\xceg;'</t>
  </si>
  <si>
    <t>b'Q\xdc\x1d\xe2\xb7\xfb\xcaf!\xa8vn\xec\xc1\x12\xde"\xc4~\x11\x81\xf3\xdeJ\xe5\xfe6`.j\x8e\x18'</t>
  </si>
  <si>
    <t>b'\xcb\x8e\xff\xf2^E\xfb\xf9\x0c\xda*8D\x1b\x04\xda\x82\xb1\xb7Rq\xd3\xfa\xbf\x03i3\xe3\xc9G]1'</t>
  </si>
  <si>
    <t>b"\xddd\xfa\xb1\xae\x8fq\x07\xd8\xdf\x84\xc3\xc6q\x13\x0f&gt;\x00E\xfat9\x80\xa4\x98\xa7\xb9s\xc1\xf8\x96'"</t>
  </si>
  <si>
    <t>b'v\xea\xe0\x06Yw\xf8t\x12q\xa2$\x19\x1f\xae\x9a\xfegtV\x1c\xf3\xae\xbco\x97A\x94\t\xb76/'</t>
  </si>
  <si>
    <t>b'\xc3\x16\xdeU\x9e\x18\xb4\xed*\x1e\x1b\x19P\x1c\xa1\xb48\xba\xe5t+Jh\xa2\xa7\x01\x10\xb0\x03\xb7\x9e\x8c'</t>
  </si>
  <si>
    <t>b'\xe9w\x9d!\xd4&lt;\xe6\xc4~\x12\xef\x95\xf5\x92\x19%F\x11:\xf7r\x08=\x00\n\xdc\xe6+q\x8a*g'</t>
  </si>
  <si>
    <t>b'p8\xc1\x89\xd4\xb2\xba\x01\xe8\xf7\x96\xbf\x8f\xdd\xa1\xacv\xea\xe0\x9da\xe7\xb4\x8e\x0f)K\xe1\xcd\xa1\x01\x97'</t>
  </si>
  <si>
    <t>b'G\x99\x8d\x04d]\xc3&amp;\x96=\x0f\xec|\xb2\xe4\xfcC\x1a\xe5\x95\xd8\xb8\xbdU\xf614\x08\xaf\xae\xe1\xf4'</t>
  </si>
  <si>
    <t>b"v\xf8n\x95~]\xe9,\xfa\x7f&amp;\xcb\xee\xdf\xb3\x83&lt;\xc3gO}W'\xc3O\xd7\x02=\xe1]t\xbb"</t>
  </si>
  <si>
    <t>b']O\xa0\x1f\x1b\x93\x84|&lt;\xac\xd9\xa3\xae\xad\xc0\xfb!&amp;\x90\x80,\xc7\xebH\x0c\x8a3\xf0\xc6\r\x8e\xb8'</t>
  </si>
  <si>
    <t>b'YV\x06\x9c\xf2\xa6=\x0e\x15\xf5H0\xeb\xa6\x19\xcb\xa9j\xc4\xcah\xcb\x9eKl\xf5\xa4K\x86\xfd\xfb5'</t>
  </si>
  <si>
    <t>b'\x04e\x96?@\x19\xde\xc1\xbd\xa0\x03\x18\xe5\xa0k\x9c\xe9\xeb\xf0\xbe\x92w~\x8ek\xddI\xe2\xf5\xde\x0f,'</t>
  </si>
  <si>
    <t>b'\x08\xcfr\x01\xfe\x18\xf6\xeb\x8e\x82\xbbg\xad\xba\xd7\xd9L\x96\xc1\x0f\xf6\x96\xd8\x05\xcb\x90\x85kl\x1b\xe7\x07'</t>
  </si>
  <si>
    <t>b'\x10u\xf6j\x7f{\xcf\x882z*\xcf\xcf\xb8~8\xb0\x0f\xd4y\x95\x1d\x121\xda\xd7\x91E\x1fNg\xa0'</t>
  </si>
  <si>
    <t>b"\xcc\x0b\xfb\x1b\xc8)LDA#}5\xdb\x90\xb3'\x01\xf4\xdd\xea\xb0\xfaI\xec\xca\xff\xcb&gt;\xe9\x9f\xf8\x17"</t>
  </si>
  <si>
    <t>b'\xf3\xd7\xf9H\x8e&lt;\xcc/\x98o\xb1!\xec\xa1\xbd\xc5\xdb\xeb\\\xff\x9a\xf9\x18&lt;\x08\x91 !\x7f\x15\x1d\xf3'</t>
  </si>
  <si>
    <t>b'\x03"\xb8\xe3m\xd4\xf1aA\x13\x03!)\xcb\xb0\x13\xce\x1bs\xcd\xc6\x04;\x1df\x8b\x85\x82\xbf\x1d\xe3!'</t>
  </si>
  <si>
    <t>b'\x00{h%\xc0\x94T\xb19z4\x046\x1c\xbe\xfc\xb2\xd8C\x9dR\xeb\xc53\x93\xb4\xc0ej\xdf}H'</t>
  </si>
  <si>
    <t>b'\xdc\x92\xc9FY\xee\xcb9xF\x07\xc3\xd7V\xf5\xdd\xa0\xca\x99n \xa2\xfc\xf8K\xa6\x11\x97R\xe5}\x15'</t>
  </si>
  <si>
    <t>b"\x89\\\x90L\t'\x91\xcfE\xff\xf2\xeb\xd14\xbf\xc7&gt;t\xc47\x0b\xe8\xae&gt;F\xa0\xea\xcb\xafmwn"</t>
  </si>
  <si>
    <t>b'\x91\x8bN\xc02\xa6\xf3\xb3\xda\xae\xeb\x8d\xe8\xc3\xe6&amp;\xf2)Dt\x1c\xc8\xd2F\xf2\nJ\xba\x84vRD'</t>
  </si>
  <si>
    <t>b"\xe6\xd1\xf9\x8c\xe10\xb3v\xd6x\xfc\xfcA\x07\xe5\t\xfd\xc6\xdf\x1c\xcc`\xfd\x1e\xc9\xebW\xff\x80\xa0'{"</t>
  </si>
  <si>
    <t>b'Sz&amp;wJW\r\xe8\xd1\xac\xf5\t\xdd\x84\xfcE%_\x08\xef\xd6[\xe7\x98\xb21\x18\xf1\xfb8;\x9b'</t>
  </si>
  <si>
    <t>b'K\xb5H\xfd\xe0\xa9N\x95\xe3\x92\x9e\xe2\xe2\xc9\xc1\xaf\x96\x90\xef\xd9\xdes`\x94\xff1\xc4\xce\xa9\x0c\xac\xa7'</t>
  </si>
  <si>
    <t>b"\xaaG\x00\xc1\xa2\x04&amp;S;\xc2'\xeb\xc6I\xbc\x90\x95\x1e\xec\x02\x93\x8e\x1f\xdc\x9a\xbe\x95\xc1\xbe\x11\x8dx"</t>
  </si>
  <si>
    <t>b',\x16J\x96}Q\xd8\xb2\x9c\xa80\x87.K\x87/\xdc\x1e\xdc\x7f\xc7\xdf\\\xf5\x06\xc7W\xecZe\x8c\x1b'</t>
  </si>
  <si>
    <t>b'=\xf6\xc6c\x1f\x0cL$zC\xfel\x12!LW\xf9v&lt;\xc8\xdd3\x1b\xd0\xd6\xda\xf6\x95\xa6\x01Wb'</t>
  </si>
  <si>
    <t>b'\x80!9:\xd0\xb1\xa4\x0b\xcf\xcaf\xc6,\xf8\xb8W\x9a\xa2\xd2\x9b\xd9\xd1\x90+k}\x12\x98D\xfcbb'</t>
  </si>
  <si>
    <t>b'\xcd\x01\\\x17l6\x9a5\xf5\xd2\xaf\xaf\xb2\xbfc\x83;\x87\xb0\xab:~\xe8\xaez\x13w\xc3\x8c\x89\x18\xa4'</t>
  </si>
  <si>
    <t>b'\x80\xfb7Mj_\x83:\x82v\xc2\x9a\xf4{"\x80LQ\xb3\x89\x136\xb6\xf9 r\xb8\xf4.\x97\x10\x9f'</t>
  </si>
  <si>
    <t>b'D\xe8\xfb\xb2\x0c\xcb\xec\x12\x18YN&amp;^\xee\x8b\xa8\x0e\xcc\x03\xd2{\xfcx\x9dU\x04a\x86l\xf9Kn'</t>
  </si>
  <si>
    <t>b'~D\xf2\xff[\xb3\x1e\xf3\xf0\xaf6\x08\xe3&amp;\xf4\xad\x04\xe7X\xa7\x1f`\xc4\x83\x85t\xcdX\x9f\xee\xd5\x17'</t>
  </si>
  <si>
    <t>b'\xad\xc3\xeai\xd2\xbf\xfdia8,~_^O\\\x8e#\x10\x03Y\xa3r&gt;u\x13\x0b\x99\xb0\xdfa\x9f'</t>
  </si>
  <si>
    <t>b'\x05\xad\x92\x0e\x1a\xc6/-;\x866n\xc6\xfd\xbc\xe7\xf6)\xac\xce\n\rPB.s\xea\x06\x8f\xc9\xb1\x00'</t>
  </si>
  <si>
    <t>b'\x19\x14_F\xf2sJ\xae\x81HzX\xf3\x9d\x19\xcb8\xd49\xdd\x9d!\xc6\x84t\'\xbd?\xec"\x8d\xf7'</t>
  </si>
  <si>
    <t>b'$Q\xc7\x15p\xbe`"\xdaR\xae\rk\x9eT\x14h39\xd1u\xdb\xe9D\xec\xc6GR5\xbf\xf0\xfe'</t>
  </si>
  <si>
    <t>b'\x05 &amp;\x93+\xd3\xf9\x183?\xb9\xe2\xbe\xeco\xef\x1aL\xcf\xf8\xab\xb2\xb9\x04c\xd047b\xa6=\xd7'</t>
  </si>
  <si>
    <t>b' $\x01U\xaf\xca\xac\x94\xce]Q\x0c\xab\xf1\n\xfcx\\\x7f{\xf1K\x9c\x99Y\x8e{\xbe\xd1\xbb\x1f\xe0'</t>
  </si>
  <si>
    <t>b'B\xa7\xe2\xae\x8cGO@2\xe4\x7f\xad\xcd\x1e\xd2\xd1\x9a7\xf1\xda\xd8\x9ct\x86(\x00;\xb8\xb0\xed&amp;\xf1'</t>
  </si>
  <si>
    <t>b'm\xb35Y\x87\x84\xcf\xbdi\xc1\xa2\x9c\x05\\ 6&amp;\xf4\xc7?\x7f\xfea\xf3\xd3\x92\xff\x04!\xf1\xc6\x90'</t>
  </si>
  <si>
    <t>b'\xddg\x16Q\x98\xe5\xe8z\xcc\x0c\x99*\x8f\xe5\x89j:\x83d^\xcbf\x99\xf8\x1d\xab\xb2\xe4/\xc8\xcd1'</t>
  </si>
  <si>
    <t>b'_\xbb\x98o\xbb\xb3\xbf\x99\x94f\x00#x\xd2k\xf0\xb4\xf2\xb5\xb6D\xc4\x08\x16:\x8d*\xb5Zl\xbdD'</t>
  </si>
  <si>
    <t>b'n^\x00\x16\x9f\xf7\xc5[\x0b\xb6\xbc^\x1d\x04\x90\x10\x8e\xa7a\x92\x08\xfa\x19\x05\xa6\xed\xbaE\xe1\xe2\xaf\xc1'</t>
  </si>
  <si>
    <t>b"\x85'-\xc9Z\x85\x0e\xbf\x98{\xc04\r\xf1\xd0\x8ei\xf0}f\xc3\x8c&gt;&amp;\x15\xaavU\xf0\x0f\x1f\xe5"</t>
  </si>
  <si>
    <t>b'\xae\x98p\xc6\xe3\x19ija\x95&lt;B\t\xa8\x8d2\xb9\xba%b\x89\x1b\xd7\xc2H\xccB\x12\x12\x1aNg'</t>
  </si>
  <si>
    <t>b'\xd2@zc*\xfc\xf6\x16\xd9\xda\xad\x0f\xbd~\xf9G&amp;\x8e\xe2C\x15EY\x89 q\xf7\xbe@\x1f\x1c\x1a'</t>
  </si>
  <si>
    <t>b'\xf4.\xc3\x98\x14\xf7cg\xbd^\x055\xa5\x06D.\xf8\x9c\xbe%|\x1f\x87a\xe2\xc2y\x9fWDn\x80'</t>
  </si>
  <si>
    <t>b'\xcc\x1d\x8bX\xb5\r\x95S\x1f:"\xafHo\xc9$\x00\xe2A)\xbd\x93C9\xe9\x15J\\\x97\x15\xd4t'</t>
  </si>
  <si>
    <t>b'q\xe2\xd2\xdbF\x84#\xac\xc7\x8f\x95\x86\xff\x14x\x9a\xed0:\xba\x03\xf6hS\x99\xa1K\xba\x82\xd9&gt;s'</t>
  </si>
  <si>
    <t>b"\xf7\xae\xdf\xfb\xeb\xd6\x0f\x00\xcb:\x16o\xc3\xd6\xefn\x85\xa4URS\x1c\x07\xf3\x05C\xc9\x99\x9fe'\xb4"</t>
  </si>
  <si>
    <t>b'u\x1a\x97=\xf6\xef\xfb%$\xd5\xc3~\x89\x02\x01\x87\xc5\xd9/\x90+\x0cr\x91\x91\x85\xaf(F\xc3&lt;\x1b'</t>
  </si>
  <si>
    <t>b'~t\x1c\x9dv\x8d"\xec\xce1\xd7\xc6\x96$z\n\x9c\xca5B\xac\xe7\x9f\xf2\x8d\xd4\xf3f;\xcd\xceW'</t>
  </si>
  <si>
    <t>b'\xf0\xea\xbd\xef\x8e\xea!\xd2\xdb\xcb\xb5\xd39Q\x01\x9e\xd9UI\x04\x1f\x90@\x875\xd8\x884\xb7\xb3\xf7+'</t>
  </si>
  <si>
    <t>b'y\x87\xa5\x17\xb3\xa8bs{\xa7\xdfK01\xdf\xfft\xcc\xa6(\x99\x02\x07s\x90Y\xc3\xba`\xa8\xd0\x8c'</t>
  </si>
  <si>
    <t>b'r:\xbf\xd0U{NW\xe6\x80\xf5\xcf7\x88\xf7\x07\xb5?\xf4uT\xcc \xd5?\x00_\xa2\x0e\xba\x10\x8a'</t>
  </si>
  <si>
    <t>b'f\xef\x00\x04\x7f\x94\x83\xba67F\xf7\xc7\xc4\x9cC\x13\xc9&gt;\xf9-j[\xc5\x13;0n`C\xd5X'</t>
  </si>
  <si>
    <t>b'\xa5n\xc9\xed#\xf2\xc4\xdc;\xc7a+6\xaaf%\xf6V\xac\x14\xc5Y\xd9\x80\xbd\xe8&gt;\xe4K\x0c\xb8\x12'</t>
  </si>
  <si>
    <t>b'\xfe\x1bn\xf6\xe5\xa6m\x01U@\xb2?N\x124\xb2\xc7T\xb6h\x1a\x1f5\xbfB\x9b\xdf;&amp;\x0e\xc8\xbc'</t>
  </si>
  <si>
    <t>b'\x1a \xa4\xc3\xd6\xdb\x97z[\x8f\xaak\xf9\xed&gt;WV\xea\x0e\x94\xf3\xee\xe1n\xf5p\xa7\x7f\xe1GwI'</t>
  </si>
  <si>
    <t>b'\xc0\x13\xf7{\xfeS\x10\xbd\x1d\xc2\x82\xd8\x8d*\xee\xda\xfe\xd6l\x12\xfb\x8a\xcaf\x91S\\\x0bv\x1e#l'</t>
  </si>
  <si>
    <t>b'\x91\xa9d\xfa_\xe2\xd9VX8+\xb1O\xdf\xfatP\xa8\xcf\x1c!T!/\x18\xb1\xf1\x9f\x1c\xee\xcbJ'</t>
  </si>
  <si>
    <t>b'\xb5\x03m\x9aW\x056U\xba\xee\xee\x11g:\xa2d\xd7F\xda\xf7\xce\xfcl\xe9\x8a\x9d\xbfIEv\x19l'</t>
  </si>
  <si>
    <t>b'5i\xff\xabS&amp; \xf2,r\xdcs\x99 Jcd\x198\x94\xa2\xbc\xd6YP\xc3\x8d\xe0\t\x00\x9f\xe0'</t>
  </si>
  <si>
    <t>b'\x83{\x19\xde\x14\x92A\x9d\xe0\x97\xdanb\xb1&lt;7\x14e\x08a\x84\xd8sV(\xed9\x8co\xb1X1'</t>
  </si>
  <si>
    <t>b'y\x0bG\xbd\xad\xbe\xa4&lt;\xe4W]\x08na\x9a\xdb*T\xdb\xe7\xefJ\x8e\xe4\xa2\xcem\xc5\xc7N\xf0\x06'</t>
  </si>
  <si>
    <t>b'z!\xc1\xe4\xa61T\xfa!\xa4\x8c\xbfw\x9b;\xbe\x80\xa4#NS\x06\xdcQ\x9d~ \x8e\x87\xd0\xaf\xbe'</t>
  </si>
  <si>
    <t>b'+\x11\x9c\xc4*\x18\x94\xe1\x1dl\xf2\x80\xcd\xe9\x030k\x94\x8a\x9d\xf5\xe2XZx\xe0\xc0\x99\xa6\xd7I\xc1'</t>
  </si>
  <si>
    <t>b'ioC\xbbe\xd1\xa3Z\xd5\xbc\xce\xea\xc0\xbc \xcf\xf8\x9eE\xc1\xfe\xe1md+\xa9\xad\xf6G\xb8Np'</t>
  </si>
  <si>
    <t>b'P\xa5\xabf\xe9j\x90\x133R\xd9\x01}g@\x835\x18\xc9\xecS~\xb4\x94\xe2\xaf$\xd4\xd1\xa3V\x8c'</t>
  </si>
  <si>
    <t>b'\x07\xbfi\r\xd1\xab\xa4sV{\xf8-\xb0E\x92\xac\xa6\x90\xf8\x01\xf6\xa0\xd0\xe1h\xd0\x8eFi}\x1f\xfc'</t>
  </si>
  <si>
    <t>b'#\xc0\xbe\x03\xc4\xdd\xd3a\xe3\xb3HNn\xd4\xba\xbb\xb1\xa3{\xf1\xfdy\xcc\xa8mD$\xdcp\x01\x07\x81'</t>
  </si>
  <si>
    <t>b'\x10aS\xad9m\x86\x16\x8f\xf0J\x9e\x05-\xef\xb2\x10H\xcc\xc2\xe0\r.\xe6\x9c\xfe\xf6$\xaf\xfa\x19\x8e'</t>
  </si>
  <si>
    <t>b'uz\x12\x0fb\t\x88*zYA\xc5-z\xb2\xea{\x1d\xab\xe5\xdbv$&lt;x\x1b\x94:\xbb\xf2\\\x92'</t>
  </si>
  <si>
    <t>b'L&gt;K\xaa"J$h\x16z\x9d\xc2\x06\xcd\x92\xce[\xa1s\xa1S]\\\xd5\x8f[\xc9\r_|\xcc\x9f'</t>
  </si>
  <si>
    <t>b'\xb13^\xcb\x85\xe2\xe2Y\xf6`p\x11\x9br\xd5\xb5\x8b\x0ck\xdb`\xc1k8S\xaa\xdf$eyi\xbf'</t>
  </si>
  <si>
    <t>b'\x17\r\xb1\xc2x&gt;P\xc2*\x95\x01\x05\xd9e\xe2\xce:\x92\xbb\xf1\xed\xd5H[\x1dE9\xb9Q\xcf\x9d\xf2'</t>
  </si>
  <si>
    <t>b"Z\xcd\xed\xca\x95\xdc\x18M:o\xd0\x1c-\xbc,\xbf5K\x8e\xca\xbcFNd\xf6\xd5\x1c'O\x87\x18\r"</t>
  </si>
  <si>
    <t>b'\x89s\xd9\xd4\r%\xc2\xc5h\xc0\xf9Wr\x7fN\xf1\xd4\xa7e\xa2i\x1a\xc2m\x16\xa9\xf6\xc6\xfe4\xd6c'</t>
  </si>
  <si>
    <t>b'\xf2m\xc8\xb9Z\xc5\xecJ\x17\x1e\x8ed|\xb8L\x0cq\xff\x12A\xfd\xa6\x9a\x17\x1e\x9b1\xa0F\x1cr\x07'</t>
  </si>
  <si>
    <t>b'\xacw\xa0\xa8\x7f^\xe2\xb5Zw0^\xe1\xe9\x82\x9e\x99.\xc3\x04+\x1b\xdf\xf4\xf8\xa2R\xbf\x9d\xb7\nz'</t>
  </si>
  <si>
    <t>b'\x92\x88&lt;\xff\x1b\x84\xf71\xdc1\xcc&lt;\x98\xc9r\xac\x0f\x85\xb5\xb8\x95\xbc\xfd\x89\x9d\xf8Z\xeas;\x99\x14'</t>
  </si>
  <si>
    <t>b'\x99L\xe7\xd1\xab\x9aH\x9b\x8al?aTF\x81Ep\x05\x11U\x89\xe9\xf7&amp;\xd97\x0f\rz\xf3\xbb\x02'</t>
  </si>
  <si>
    <t>b'\xe3\xdcRn\xcb\x82?H=\x9e\xd8\n\x9b\xe4\xa2\x0e#6a\xd4`Y`=\x85p\xbc\xd7\xf0_\xaf\x8d'</t>
  </si>
  <si>
    <t>b'\xd2\xe8J\xbb,R\xc3X\xeco\x1c@\xdd\xf2\xb93\x1a\x06\xb1C"K\xc2\xc3\x07N\xbdW\xdcu\x19\r'</t>
  </si>
  <si>
    <t>b'\xdf}\x1e\x1bs4\xb8\n*\xbd\xa4Z\xa1\x82\x99_\x8c\xaaDG\xf0\xda\ro\xa1\xa1\x0e\r\xab\xa2\x9cK'</t>
  </si>
  <si>
    <t>b"o\x15\x13\n\x051\xcdV'\r\xddE\x00\x04\xbc=\x06\xc6\x00 \xbc\xbc\xe4;\xe0\xc6\x04)\xc0\xcc\x15\x81"</t>
  </si>
  <si>
    <t>b'o1\x8f~\x91v\xd8t\xfe.\x99\xfb[G\xaa\x88\xaf\xff\xa4\xc7M\xa8:\x01\x8c|\x86U\x1f\x7f\xe6\x13'</t>
  </si>
  <si>
    <t>b'\xaaE\x0fx \xed1\xe3\xbdpJ\xff._\xbb\xce\x07\x05Z\xb4\x05\xad\x1bC;\x8e2\x81\x1f\xfc\xc6\xd3'</t>
  </si>
  <si>
    <t>b'\xf8 LS1ui\xd3T\x16\x19\x13\xc7r#L=\xf6\x9d\x9dO1\xcbE\xab\x1e%\xf5RP\xe0\t'</t>
  </si>
  <si>
    <t>b'\xa1S\x1cYr\x9e\xa5\xd9\xb7V-o\xab\xf7q\xc0c\x80f\xf4\x0eLc\xcd@j\xae\x19!u`K'</t>
  </si>
  <si>
    <t>b'\x81\xd0\xb34\xd7#\xb6\x05\xb0\xde\x8d\xf4;\xc3r\xd8xr\xff\xf4\xe0Rqp\x8b\xdei\xd3\x8e9\xc7\x96'</t>
  </si>
  <si>
    <t>b'2\x19\x9c\xc0\x12\x89\xd4KZk\xa3\x95\x9a\x84\x0e\xb6S~U\xbdz\x18\x82\x80\x13#\x9c\x81F.2\xfa'</t>
  </si>
  <si>
    <t>b'(3\xd1\xdd\xa5\xf9\\\x80\xc3\xcb\xa0\x96\xc3\xeb\x85{\xad\xfaR\x96\xabJ\x9df\x04H\xfa\x91"\xf7%\x9d'</t>
  </si>
  <si>
    <t>b'\xd7X\xa7\xe5Y\xe0ZF}\xf3q\xb7\x1b\xc7\xe7\x9f\xb8\x06\xd9\x99XjBg\x00Ce\xb6\x86(\xa8\xae'</t>
  </si>
  <si>
    <t>b'\x90\x1e\xdb\xf7\xdf\xad\xd2\xfe\xe7$\x92\xc1\xf3\xe1z(\x12\xeeF\x1c\x98O\xa2\xaa\x8cn]Df\xa8\xb2\x81'</t>
  </si>
  <si>
    <t>b'\xe1\xeeBIT\xa1u\x91\x9e=\x81G\xfc\xe1`\xf5:?*q?x\x9es\x8fW\xe1\x8f\xd6TSV'</t>
  </si>
  <si>
    <t>b'O\xe0m\xb4l\xf0\xff8\xee\xd3=&gt;\x08\x1a\xda\xe1\x08U\x1c\x85\x8dc\xe1^Q\xbd{(\x98\x9baY'</t>
  </si>
  <si>
    <t>b'\xf3\xac1\xf3\xd74@\x10\x1d=(\x05==\xc9\x1e\xef2\x82~\x80Qu\xaa\xe8_\xac\x08\xba\xee\x90\x90'</t>
  </si>
  <si>
    <t>b'\x19-\x18jV,\xc62\x84P\x83JC\x15\xcb\xa4\xb7\x00\xae\xcb\x0cr\xc3\xca\x17\xf4\xa5;+\xa9s\x18'</t>
  </si>
  <si>
    <t>b'p\n\x1ba\x98\xb5\x1c\x82\xdbx~B\x0c\xb5\xe0\xf0\x81\n\xcb\x85\x1e\xed\x18\xf1\xf5\xff\xce\x82\xc8\xd8\xeal'</t>
  </si>
  <si>
    <t>b'\xda\xe7m\xa1s-|ghd\x0e5\x12\x89`O\x01v\xd2\xfd\xcciv\xf9\x9e\xd6\x7f#\xc5\xbaoY'</t>
  </si>
  <si>
    <t>b'\xb3\x0fn\xbck\xe3\xc9;\x07\x87Sx\xd0\xd2\xc1\xc1N\x08\xdf\xbe\xbbP\x9bZc\xce\xa0Le\xe2\xbf\xff'</t>
  </si>
  <si>
    <t>b'\x83\x8bo\xd5=\x17\xa3-=\x10\xb8x\x07\x97\x1fGg\xdc\xc2 \x9a\xb8\x1c\xe2+\xbb%^s"\x00|'</t>
  </si>
  <si>
    <t>b']m\x02p\x81\xf3\xdb\xbf\xad+:e\x18\xf4\xd4\xa46\xc2\x16\xa8\xb3\xa5N\xaa\xe8\xc7\x85\x07Ezi\x9b'</t>
  </si>
  <si>
    <t>b'\x93\'\xba"u\x9b\x13\xed&amp;\x94\x85{ \xd1\xfd\xcf5\xda\xb2qdT\x07\xb1.\x1eU;\xfdDp\xac'</t>
  </si>
  <si>
    <t>b'H\xce\x7fy\xfa-?j\x06A\xe8\xfd\t?"\xde\xc0!\xfe3X\xac\x91\x89l\x91\xdf;1\xa0\xa9%'</t>
  </si>
  <si>
    <t>b'\x9a\x08\xc0:\xa3o\x8dN)W\xd0\x8b\x00~k\xad]8\x87w\xd8\xc5Q\xae8X\x94\xe4\xfe\xeb\x1eY'</t>
  </si>
  <si>
    <t>b'\x89@\x94J9\xe9\x82\x15\xc2\xeb:U5\xa7o\xde\x88\xf0U\xd2\xa2SD\x9c\xfc\xcc\xc6\xa6\xfd*\xec?'</t>
  </si>
  <si>
    <t>b'\xfcm\xd8@\x19x\x02=\xa8)\x97\x90^g\xc6\x88\x97\xaaLhCHb\xa6\xde\xe2\xf2\x07Ezvv'</t>
  </si>
  <si>
    <t>b"!'\n\x80]!\x8a[\xd9\xe9\xb9\x11\\80\xc2U\x84\x1f-B0\x94X\xc4\x1d\xb8\xee\x19cR\xb5"</t>
  </si>
  <si>
    <t>b'\x1b\x93\x04ZR\xf7\xb2\x84\xb0VI\x0f\xf8m\xf8"\xe1&amp;\x08\xd7\xc4s\xf9\xb0\xc2\xec|\x8a\xbc\xe377'</t>
  </si>
  <si>
    <t>b'\x0f\xacR\xe5\xdf\xe6\xc8\xd0\xea[c \xc8\xb5F\x10v\xef\x1d\xff1`\xfca\x05 \xa4#\x00\xdcCv'</t>
  </si>
  <si>
    <t>b'\xaa\x81\xbb\x92\x9b8+\x0eI*]\xab\xc9\xc4`^\x7fI7fs\xf7E\x89\xfc\xbf_\xa2\x8e\x0eZ\xb9'</t>
  </si>
  <si>
    <t>b'4r\x06%\\\xc1\x99m\x8e\xea\xab\xa9\x1f\xbd\xb8\xe5S\x81O\xacc\x8bp\x07\xd7\x0c\x12\xda\xb6\xb0\xedW'</t>
  </si>
  <si>
    <t>b'\x02Y?\xa0\xe1P\x02\x17(@H\xbc)\xe9\x0eO\x18f\xa9}\xdd"\xe0\xd8\x17E\xd5\x04\xb6sU\''</t>
  </si>
  <si>
    <t>b'\xa2PU\xa4Q\xf2\xe1(\x0c\xe0\x9d\xe5%_l\x89J\xe1\xcc\x8b\xf1\x90S1\xea\x82\xc7C\xf9%5\xea'</t>
  </si>
  <si>
    <t>b'/\xa9\x9c\xe7\x89\xe8\x8b\xcb\xaca\xa7\xe5x3\xcb\x18\x94&lt;v\xd7Xs\xc0\x9f\x05\xb66E?\x8d\xe1w'</t>
  </si>
  <si>
    <t>b'T\x8b8yG\x06\xb7Q\x83_6p\xba\x8bG\xb8n\xd7h\x81\xd5\xb9\xb6B\xf8\xdc\xfbp\\\x0eJg'</t>
  </si>
  <si>
    <t>b'\xc2\x86\xeeV\xcf\xbf\xce\x7f\xac-\xe9\x91X\xcc\xc1\xeb\xf7\xed\x91\x8d\xe4\xa5.\x9c\x92\xcb\xeb\xf4\xb7\xbb\x80X'</t>
  </si>
  <si>
    <t>b'\xeeRy\xc9;\x13\xac\xfes\xf5\xf8\x80\xbcO\x03\x00\x90(\x17\xe0\x8av\xedA\x92\xef:ZK\x14\xd6\x8a'</t>
  </si>
  <si>
    <t>b'\xd9*s\x14{\n\xd3\xb1\x05\xfa\x86\x90\xc6]d\x19)\xbe\x84\x9dH\x03\xc3\xe5\x99\xdd\x99\xca\xe9\xf0\x81\xc4'</t>
  </si>
  <si>
    <t>b'!\xfe\xdb\xf1~\xdan\x8a\xd5\\\xf2\xdd\x80\xaa6\xbb\x8c\xfeE\x1a\xa5"\x84\n\x88\x83 v\xb7\x98\xae\xff'</t>
  </si>
  <si>
    <t>b'\x1a\xdcg\x8c\x9b\xbc\xcf#k\r%-X\xfadF\xd3\x0f\xe5\xcb\xf7s\x1b\x15tz2_u\x98\x9f\xc5'</t>
  </si>
  <si>
    <t>b'\xd9\x90!6\xf7\xf6?Q\x05K\xe8\x1a\xb4;\xad\x89\xc7=P\xcb\xa1[\xc6\xd3\xca^#_\xe7W\x8f\xf9'</t>
  </si>
  <si>
    <t>b'\x11\xbd\x15x\xb7\xa4\xcd=\x8e\x1f\x8df\x07\x1b[;z\xed\xf9l\x0f\x17+\xa9\xc3S\x96\x18\x90\xefp\xbe'</t>
  </si>
  <si>
    <t>b"N\xb2\x0cG\x7f\x9d\xd8Jp\xa7\xac\xbd6\xbd'$\\\xaa\x7f\xea\xfeOT\x1b\x988\x804]r|\xe7"</t>
  </si>
  <si>
    <t>b'\x94m\xff\xf6\xa4\xb5BEB\x81"Z\xd0\x8aGJb\xc8\xef}\x1f\xc1\x948\x8a\xa4\xc5mt\x84\xa3\xa6'</t>
  </si>
  <si>
    <t>b'g\x8b9-\xf4\xc1!P\xe0kX\xc8\x11\xa4\xcb\xd9\xd6vI\x05~\x92m\x8f\x01\x91E\xf4\x01u\xce\x1b'</t>
  </si>
  <si>
    <t>b'\xc0\xa9\xc2K9\x1c\x84\x15\xd2]i1\xfc\xfd\xd2\xf5\xf9\x9f\xd9\xcf,\x8f c\xfb\xe8kk\xcf\xff\xf9\xe6'</t>
  </si>
  <si>
    <t>b'^\xf2~m\xfb\x01\xe2\x13\x99\xd5\x1f\x8f\x96]\xcdm\xf4\x9b/\x00\x0e\x0f\xdc\x11&amp;*\xca\x02\xb8\xd8\x9f\xb2'</t>
  </si>
  <si>
    <t>b'\xbd$;*\x9c\xc2\x0eT\xee;\xfe\x9a$A#\x19\\\xc4l\xa7f\x02-Ugm\xddD\x083\x00\x83'</t>
  </si>
  <si>
    <t>b'\x87\x0f\xfc\x005P\x0f\x8c\xcd\x1an%s\\m\xa6a\xc1\xae^k7\x9af\xdd\x90k\x88\x88o\x0e\\'</t>
  </si>
  <si>
    <t>b'8# \xfc*\xb8\xcb\xfb\nS\xa5\xe3\xb9\xc5\xbfJ\xe2J\x1c\x12I\xd0z\xaa)\xdc\x11\xbc\xdeb\xbb\xf5'</t>
  </si>
  <si>
    <t>b'\xa4\xecjY\tn/\xb5\x92\x15\xcf\xb3\xb3\x85\x81\xb6\r\xbb\xde\r\xa4\xd3$\x18\x009\x9a\xcd@\xf4\x91\x0f'</t>
  </si>
  <si>
    <t>b'\xa9\xbd\x08Suf!\x86\xca\xa0\xe7E\x08V\xec-\xfbz\xd5\xda\xa48weq\xb4T#\xe2\x99\xcb\xf7'</t>
  </si>
  <si>
    <t>b'\x01\xb2\xf9+\xe0\xa1\xb3,\xf2\xc9\xec\x14\xa3\x81\rT\xe7AP\xf6B\xbfA\x86\x9a\x96\xaf\xbcF\x82\x1ff'</t>
  </si>
  <si>
    <t>b'\x0b7&amp;\x80\x04:\xe8\x03,\x7f\x8bK\r\x84\xf0\xc0\xe9g\xdd\xafH\x13\x99\x17h\x06\xb5\x8b\xee&gt;\xef\xa2'</t>
  </si>
  <si>
    <t>b'\xfd\xfd*\xbc`c\x8e\xd5Bvh\x8b\xcd?\xf8\xfd6#\xf6\x92 \xe3V\xccA\x04pL4\xa7}\xa9'</t>
  </si>
  <si>
    <t>b'\xafK\x9b\xc3\x14\x93\xb1H^V^\xfd4mTE\n@\xae\xfe\xa6\xbc\xa5\x05\xb8&gt;Ls\xed\x11Cu'</t>
  </si>
  <si>
    <t>b'"\xde\xc6\xe98\xcbS\xeaV\x7f\x8f%\x04\x00\x86\xf4\x87\x0fq\x1d\xa2\x1f[\xf8\xa3\xba\xc8\x9a\x1b\xce\xcf\xa1'</t>
  </si>
  <si>
    <t>b'\xdf\xc4\xb3\x08\x80#\xc9\xd5\xc6\x1a\xa02W&gt;C\xc8\x96`o\\\\\x9aEX\xaae\xeb\xdcC\xa0\x03H'</t>
  </si>
  <si>
    <t>b'[.V\xb9k(\xfe\x9a\xf92e\x9a\x9a\xe4IS\x06\x18\x07\x1aO\x12\xce\xc4\xe4\xb5\x9f\xe9\xa5\x01\x1b\x94'</t>
  </si>
  <si>
    <t>b'\x83\xb2-}vl\xaf\x9e\xb0\x11\xf7\xb0\xc7\xde\x14\xc1!-\xca\x98\xbf\xf5`\xd73I\xd0,\x11H\xcc\xd6'</t>
  </si>
  <si>
    <t>b'\xd1\x96\xf3D\x1e\x86\\\xfe~E}x\xe5\x04.t\xf4\x7f\x17\xe6\xb75=\xe8\xa9\x9e~lwL7m'</t>
  </si>
  <si>
    <t>b"S&lt;\x89\x0b\x8c'S\x89\xad`\xd2/t=\xf8(U\x04\xce\x9c\x9f\xdf\xd2XX\x06\xed\x82+V\x13G"</t>
  </si>
  <si>
    <t>b'nQ\xa5\x9f\xe8\x87\xa7\xfb,\xb4`8\xe2\x00:O\x85s\xbd\x0c\xc5\xcd\x1e\xbb/J\xee[&gt;\x8ed\x84'</t>
  </si>
  <si>
    <t>b'\x10?\xc2!\x0f\xee)2\xa8\xef`\xaaq\x01\x13\xc7\x8b\xd6\x92\\K~\x1a\xadD\x9f\x88\xf50\x85\x07\x10'</t>
  </si>
  <si>
    <t>b'*P\x8cW\x9a\x1a\r\x985O\x9e\xe4c85=\x1d\xa3T/\xe54\xefy\x96\xda\x11\x17\xc1\x1d\x8e&amp;'</t>
  </si>
  <si>
    <t>b'\x0c\x85\xdb\x0f\xad{O\xe94\x9ab\xbe\x08H\xe7\xec\xc8H\xed\x18\xcb[G\xc4M\x924_\xd4\x967\x1f'</t>
  </si>
  <si>
    <t>b'\xd4\xafy\xa8r[%\x0bcX=+\xf7\xbf\xf3D\x9b\n\x0b\x07Z!\xc6\x02/\xfbX\x81R\xed\x13N'</t>
  </si>
  <si>
    <t>b'\xfe\x80b\xddo\x8fx\xe8E\xd8\x89\xdc{&gt;T\xfd8_\xc0R\xf2\x18\xc8\xcb,\xd8\xfd\xcaT\xed\x81\xdd'</t>
  </si>
  <si>
    <t>b"\xc3;z\xec\x04\xce\x82'm\x01\xe6\x8f\nl\xae\x83%\xc6\xc6\xfd\x81%\x92\xb7W\xa7]\x8f\xbcn5\xba"</t>
  </si>
  <si>
    <t>b'Sz\xa5\x18\xf2\xf6\x0b\xfd\xe2\xd4\x00u\x80\xa9\xf3\xcb{o\x86\xf1F\xcb\rh\xebi\xaf6\xfe\x12\x8f\xe1'</t>
  </si>
  <si>
    <t>b'O\xa7\xbb\xf0\xce]G\xb7;\xdb\x80^s~\x93U\xf6\xd8\xa0\x86\xa8$\xa0\x8b\xfd\xf8\x0b\x88\x9f\x88\xd4\xa4'</t>
  </si>
  <si>
    <t>b'9\n\xbe-w\xac\xc4\x12j\x988\x1b";\x0f\xe6w\x10X.\x12g-\xf0%I\xc8(\x14\xca\xcb\xe1'</t>
  </si>
  <si>
    <t>b'\x86\xc5\x91+\x1dqDf\xb3hL\xed\x95\x1eU-\xfe)\x9ay9\xa1\xc0\xc0\x0blY\x8e\x94\xfa\x1a\x8f'</t>
  </si>
  <si>
    <t>b'\xb5x~\x97\xe9y\x80\x01u\xd0:\x06\xbc$\xf5#N\xa7\xda\xda\xc1\xff\xd6\xb5h\xce\x1c\xce+\xd6&lt;s'</t>
  </si>
  <si>
    <t>b"\x17\xe2oul[\x07\x80\xda\x14\x97\xf8e\xfe\x03\xca\x9e\xef\xf8\x81\xfb\x1a\x18\xd8f\x9c\x98\xdf\x9c'\x06\xfe"</t>
  </si>
  <si>
    <t>b'tO#5\x94\x10\x9bn\x9b\x0cw9\xd3\xb0Vo\x1d!\xe8hl\xf0\xbe\x0b\x01\xd0\xdd\x80\x8f\xae\xe6\xf2'</t>
  </si>
  <si>
    <t>b'\xab\x18\x91N=\x0b\xaa\xceJ\x1c\xc3Op\xe3\x85\xf2\x1ck\x1c\x00\r\x15\x00\x0cE\x1f\xbd\x18m\xe8H\xbc'</t>
  </si>
  <si>
    <t>b'\xec\xa5\x07\xc6\xef\x89\x0c\xc3!\x87\xa8\xae\xc9\x99D\x8e\x80\xfd\xc7\x9e\xe5M\x0f\xdb~y2\r\xa0\x1c\xddm'</t>
  </si>
  <si>
    <t>b"\xb3\x7fN\xb0w\r'\xba\xc5a\xffN\xa3L\xb4\xe9\xa1\x16\xf4\x9a\xf7v\xa89\xa6\x08\xef.\xaeuq\x15"</t>
  </si>
  <si>
    <t>b'\x00\x0e\x93\x04\xac\xe1E\xc2\xffS]7iL\xd3\x83!\x93\\\x86T\xe6\xa3!\xa7\x03\xaf\xfa\x03S\xab\xfc'</t>
  </si>
  <si>
    <t>b'\xee\xba\x82\x8cjG\x9a6t\x06T&gt;\x1a\x8ed\xca$\x8d\x9a\x82\xe3\xd4\x7f\xa2\xdb\x1c53\x10\x89m\xc5'</t>
  </si>
  <si>
    <t>b'\n\xcc\xf5A\x98\xa5-\xa8\xe4Vi\x8a\x89o\x12\xa6f\xf0+a#\xaf\xd7\xf1\xda\xaa\xa8r]u\xdf\xab'</t>
  </si>
  <si>
    <t>b'\x87\xe2\x94\ne9\xe6\x950i\xa7#\xef\xbe&amp;\x07J3,]\xe5\xbe\xba\xcbp\x1b*V\x89\xd4_\xb5'</t>
  </si>
  <si>
    <t>b'%\x05\xa3\xa8\x1d\xbc:\xcf\xad;\x0b\xd8\xb9\x95T\xc7\xa2?\xfev;`\xbdCo|\xdc1\xd7\x7f\x03\x9a'</t>
  </si>
  <si>
    <t>b'\x1e\xc5\x9cesw\xad\x0e\xa3\t\xe7\x84\xeb\xd4\x9d\xc3\x0bI-\xef}\xe6\x7f\x8b\xe4.3\xcb\xa5J\x1dU'</t>
  </si>
  <si>
    <t>b'\xa1\x90\xd7c6\xe7\xeen\x86D\xd0\x8f\n\xc7\x1d\xac\xac)\xa84\x0c\xa4]\xf5\x19&amp;\xa7\xec/\x1a\x05J'</t>
  </si>
  <si>
    <t>b'u\x17\xb8U\xbf\xdcZ\x84\x9b\xc5a\x12\x9f\xf8&gt;\xb4!\xae\xe5Y\x8f\xd0\xa6%\xf7\x84\xc6z\xd8\xab\x1a\x0e'</t>
  </si>
  <si>
    <t>b'\x97\xaa\x90b\xb65\xb2g\xe4/\x1d\xdd\xe9\xb4\x97\xa5\x0c_\x04\x92\x82\x03\x81vK\xa6R\x98\xa6\xb8%\xeb'</t>
  </si>
  <si>
    <t>b'\xdfJ$,Y4\xce\x00Uvt\xb0~\xedxV\xdfg\xb8J\xdf\xe3\xd56e\xdcO\xef^\x10\xc6c'</t>
  </si>
  <si>
    <t>b'\xe2\xd3v\xf5\xfc\xc0_\x8a\n=?7jp\x11\xb4X\xbeJCm\x98\x9f\x979P\x9e\xc4\x1d!NC'</t>
  </si>
  <si>
    <t>b'\xa3P\xb9\\g0\xca\x00\xd5m\xe7(\xfc eP\r\x9e\x13\x1c\xfc\x03\xac\xccC&lt;\xe6\xdb\x1c\xf2#\xf1'</t>
  </si>
  <si>
    <t>b"\xc2\x15^y\x14\x16$\x83?p\xb0@\x90\x96&amp;\xc2C\xdfT\x0f\xd1\xaf\x12Q\x02\xf0\xe6zR']\x11"</t>
  </si>
  <si>
    <t>b'\xc9\xa3S\xeb\xf5\x82K\xa1x7\t\x0fj"\xff#\xcf\x16\xb8\x96\xacnW\x0c18u\x8c\x19X\xe1\xaa'</t>
  </si>
  <si>
    <t>b'\xab\xb7!\xd1q\xa4\xb2|e\xac\xcc\x81\xf8\x99\xfb\xab\n\xcc\x15(\xd0\x06\xef/\xbej\xc7\x14\ne5\xda'</t>
  </si>
  <si>
    <t>b'aw\xe3T\x03\xab&amp;\xd4\xf5\xcd\xc32t\x8a\x8fm]\x1d\xb7\x16 \xc5,m\x8c*%\xbd*\xe3\x8e\xc7'</t>
  </si>
  <si>
    <t>b'\x1d\x15\x90\x1c\t\xb2\xd6K\x08\x8b\x92X\xd4\x9e\x88\xc0@Y\xf4Y`\x0f\xe3\x01j\xa51v\x83Rj\xd5'</t>
  </si>
  <si>
    <t>b's\x0f!e\xf7\x92\xbe7\xe9\xc9X-\x0cTD\xfc\x0e\xc6s\x03\xf7e\xa6\xb9\x95\xf3(\x95\xd3\x01T\t'</t>
  </si>
  <si>
    <t>b'\xd7\x88\x85oJ\xdai\xe6\xc3\xac\xe4L\xae\x01\xc3\xe9\xcb\xe3\xc3\xf6\x80\xf1\xe3,\x16$s\x85\x0bQ\r\x9f'</t>
  </si>
  <si>
    <t>b' j\xd9F\x90k\xb0]\x12\x03\xa5\x9d\x82\x1b\xda3\x89_\x06\t\xb7\xf1\x851\xbbO9\x8d\x07S[\x98'</t>
  </si>
  <si>
    <t>b"Dq\x8a\x87S\xb9\x95\x02\x19\xe5\xb7\x9fj\x11\xc2\xb2\x94\x1cX\tq!.\x93\x0c'\x08\xf9-\x0bM;"</t>
  </si>
  <si>
    <t>b'\x7f=\xe5Oz\x9b\x83\xeb;p\x86X\x0f\xc5\xfe\xd2\x85-!\x91\xea\x8f\xf20?s\xc62O\xbeeY'</t>
  </si>
  <si>
    <t>b'4\x95\x8b\x1e=\x19\xbbe\xd8\xd3\x13}5Q\xeb\xb8\xc0i|\xd7\xdc\xa3\xb8\xfavm\x98\x82\xa2X\x91\x86'</t>
  </si>
  <si>
    <t>b'7Tg\x1a\r\x99\x7f/\xa5%\xcf@\xc9F\xbb#\xec\xf3\xaa\xfez\x86UZJE\xbe9k\x12#\xec'</t>
  </si>
  <si>
    <t>b'\xb2"\xa5\x9a\xcfc\xf9G$\xbdhH\xaa\x05f\x00t\xe9\x03{V\xaf\x99\x82\xee\xf6DE\xe3ib\xa9'</t>
  </si>
  <si>
    <t>b'\xa2&amp;)PU:\xd6\xc4\xb1\xf059~:\xbc\x05BJw\x93uE\xb4\xeci\x08\xb7`\xa2\xdc\xd0V'</t>
  </si>
  <si>
    <t>b'\xeeQ\x1e\xab+\x83O)\xef\xc4[\x1d\xc1\x9f&gt;\xb8;\x9bd\x0c,\x94O\xc0\x0b\xc5y}&amp;\xa7\xa5a'</t>
  </si>
  <si>
    <t>b'\x81anZ\x9b&amp;P\x86X\xd3u\x8a[t\xc5.\r\xd3\x99dm\nKXL\xdd\xcd\x99\x9a2LE'</t>
  </si>
  <si>
    <t>b'\x14Kr=1\x84\x9e\xbd@\x19\xfd-\xd2\xce\xf8-\xf8!\xd7\x95\xc2\xf2\x1e[+PM+-\xf7^o'</t>
  </si>
  <si>
    <t>b'\xcdi\xeb\xff\x13ke/\xa2\x9b\xda\xae\xb0L\xe23\xff\x19g\xd9\xdd\xb1J\xe3:\x8b\x17{+/\xc3\xd5'</t>
  </si>
  <si>
    <t>b'\x18\x1aE\xb25\xb2\xff\xec\xa1\xc0z]\x94\x0b\x11\x18\x8d\x8c\x84\xc0\x1d0\xb4DD\xf1h\xf1\xfbq-\xde'</t>
  </si>
  <si>
    <t>b'\x14\x82\xcd\x05J\xcb\xc8A\x86\xb7\xe9&lt;\xd5\xc5\x99\x9a6\xcb\x17x\xc1}X\xc6\xd7\xa5\x1d\x1ct\xbd\x1b9'</t>
  </si>
  <si>
    <t>b'\xfeF\x18\xf5\xf8\x8f\x16\x0f\xa8BZh%\x93x\xd5\x19\x1c\xaa\x8d2\x96\x13\xe1\x12\x0cZ\xc0\x82\xe1B\xf3'</t>
  </si>
  <si>
    <t>b'\x0e\x94 \xe7Y\xac\t\x7f\xb2\xee\x7fX?(6\x82\x1a\xa7\x984\n\x92\x1bCW\x82P\xed\xc6\x9ep\xf6'</t>
  </si>
  <si>
    <t>b'\xd7sH\xf4r\xa6\x89\xc2z\x8e2k\xf8\x96K\x89\xcf\x11\xe6s\xba\xb9H\xfe\xff^\xe6\xe2\xbe\xb8&gt;\xc3'</t>
  </si>
  <si>
    <t>b'\xabY\x12\xb5S\xb8\xfc\xbbxO\xdeU11_\xde\x87\xcc\xec\xffTj\x8a\xee\x17\x972\x90\xfb\xec\xa6\xaa'</t>
  </si>
  <si>
    <t>b'K\x15\x7fO\xadFN}\xf2\x84\x91\xf5zO\xc1\x91\xdf\xf1\x86\xd1\xd2\x96\x03\xce\x8a\xec\x01\x9b\xa8x\x0cd'</t>
  </si>
  <si>
    <t>b'0&gt;\x17Y\x8a\x9e\xae\xe3-\xc3\x80%\x88-\xfd\x9d2\xb2\x93\xe0\xef\xbb.\x06:aZ\xb2N\x1f\xd7a'</t>
  </si>
  <si>
    <t>b'\xe5#\x7f\xff0Z\x83uk\x84 +A\xe4\x18\xb2\x15\xb4\xcd\x9csu\x15l\xa6n\x95\xeb\x821Vz'</t>
  </si>
  <si>
    <t>b'\xb8\x892\xd4\x0f\xd37\x9c\xff*\x9ew\x16\xe3\xfa\x0cae(4\xf5\xdd\xec\x87\x1b\xff\x8aj\xef\xda~\xa9'</t>
  </si>
  <si>
    <t>b'\xdes\xb1\x97lx\xb0D\xea`D\xbc\xe8\xb3\xab\x0e\x93\xdbP\xe0\xda\xe8\xe2j\xd1v\xdf\x0c\x9e\xacBW'</t>
  </si>
  <si>
    <t>b'W\xeeS\xfe!B\xd1S\xac\x85X"wV\xb4\x04\xb8\xca\x0f\x00&amp;\n\xd7"\xc9(\xbc\x02\xb5\xaf\xc2\xaf'</t>
  </si>
  <si>
    <t>b']\xe55&amp;\xae\xc9\xb3\xbd\x14\xb7z\xe8\xff?E/\xa3\x80j\x8a&gt;\xaa2_\x8e\x00\x8f\xdf\xce\xd7\xd3\x86'</t>
  </si>
  <si>
    <t>b'JmI\xf7\x8d \xeag\xf9n3n\xc6\x12)\xe1\xc8}Cb\r\xa2\xd6\xaa\x8e\xcd\x15/p\xdee\xd2'</t>
  </si>
  <si>
    <t>b'\xa7\xb2\x87\xe7\x97\x11&lt;\xc81z\xb9\xe1\xdd\xfc+o\x03MQ\x9d\xd4\xd9e*;\xd6|\xfb%\x9e]\xb9'</t>
  </si>
  <si>
    <t>b'\xf5o\x04\xdf#&amp;\xf9j\xbf\x190d\xfe\x04\xabMb\xb6\x05\xa2\xbb\x99\x0b2y\x02q\xf3\x84\x86\x90~'</t>
  </si>
  <si>
    <t>b"\x16Fx\xf1\xda/\x08O'\x80\xf9\xc4mF\xef\x06\xd96\xfa\\\x1f\xa3\x9eQp\xee[\xf1\xcf@\x1cg"</t>
  </si>
  <si>
    <t>b'\xc9\xc4;\xda\xc1B4\xee\xb41+\\Q~z\x9d\xa0\xff\x08/.\x1c\x85\xb4\xb0\x8a\r\xe8\x88\xb4fH'</t>
  </si>
  <si>
    <t>b'WR\x1c\xb2\xcd\x0e\xad\x02\xeb\xb3\xe0\x04\xd7;\x833\x06pL4\x16\xee{$f\xd8!\x15A,\xcf\xbf'</t>
  </si>
  <si>
    <t>b'\x83\\\xa5\x8e\xd8=\r\xe6j\xc2]\x13\xd5\xad\xebf5U\x12i~\xd7\x1b\x9c\xb5\xa1\x08\xdcyH\x80\x8c'</t>
  </si>
  <si>
    <t>b'\xd4?\xa5\xc7\xb3+\xa7\xf4`\xeb\xb7\xac\x8a\x99\x86Q\xc5\xc9t1\xd7_\xc0\xf9\xb4\x020&amp;\x9a*&gt;\xaa'</t>
  </si>
  <si>
    <t>b"\t\xda)\xaau\x8d\xdb\x01\x8f\xbf\xf5-I[\xdc;^k^\x0f'\x07\xe7%\xeb\x06\x1a\xb5\x1c\xa3\xa5\xaf"</t>
  </si>
  <si>
    <t>b'@\xd1~]\x98f4a\xc1M\xc7\xd4y\xf6\x8epv,c\xb9\xa0\xeet1J\xdfF\xab\x90\xd8\xc5\xa8'</t>
  </si>
  <si>
    <t>b'\xdf\xbc\x08\xcc\xd9B)4\x9c\xe2\x82\x0f\x06L\x93\xf7\xfd\x8fa\x97\xf5\xc2m8q\xfcX\xa5\xf3\x84\xee^'</t>
  </si>
  <si>
    <t>b'}\x1f}P\xbd\xaez\xc2)\xceE\xd2QK\xb0\xce2\xfeY\xae,\xb8=\x81U4\x08\xb4\xf3\xb4d\x0b'</t>
  </si>
  <si>
    <t>b'a\xae3\x9f\x8d\xd9\xe79{\x92\xae&gt;\x86fu\x16"x\x02#\xa1\xdck\x828}\xfb\x1c\x05\xa0\xa6)'</t>
  </si>
  <si>
    <t>b'\x0b\xac\xdd\xb1g\\\x10\xf4\xa4\x91W47.\x8cf$A\rrr\xa5\x95\x05%\x86\xfc\xadD\xa1km'</t>
  </si>
  <si>
    <t>b"{\x167x!S\x1b\xad\xbaX\x17*\xcdMg\x1e\xd7z\xb5B\x13}j\xde\xe2\xa5\xb39\xb6'p\xba"</t>
  </si>
  <si>
    <t>b'\xb1\xc1F\xd6gk\x8f\xeb\x89^\xf7\xdeJ\x84\x04i|f\xad\xb4\xe6}\xe0\x9a\xc5T\xaa\x08,\x05,\xc1'</t>
  </si>
  <si>
    <t>b'\x8c\xbcz\x9e\xaeLAsw/\xb8\xf1\xb0O|\xb2+8L@N\xd7@G\x08\xaa\xac98\xde\xe4\x93'</t>
  </si>
  <si>
    <t>b'\xae\x0c\x9d\xdfE\xec\x875[\xb0\x15jV\x1b\xfe\x80]\xde\xdd\tw\x19\xf7:\xa5s\xd8!\x91\xc1\x1d/'</t>
  </si>
  <si>
    <t>b'D\x08\x10:\x1a\xba\x9c\x85\x0b\'2W\xa4h\xa90"\xd3+\x0f\xce\xccG\xc8\xe8D\x86\x1c\x86V\x86\xbf'</t>
  </si>
  <si>
    <t>b'z\\\x9bNlT\xbe\x95N+n\x8e\xfb\xa0\x1e\xbb\x00\xac\x02\x90\xdf3;\xa9\xaa7I\xb9\x92\xb7\xb0&gt;'</t>
  </si>
  <si>
    <t>b"\xf1\xf35\x9f\xdf3\xa4?@\xd2\x1a\x9f\x1f\x03\xd6\xdb&lt;oA\xee\xd4'\xcdd\xcf\x05;p\xbb\xc2\xb3\xa7"</t>
  </si>
  <si>
    <t>b'\x03\xee\xf4\x1f/\xa0\xbdV\x14\xcd4\x16\xcb\tK\xde\x16\x19\x9c\x0fc\x99\x18&amp;\xf3\xccX\x9c\x8ev9\xc4'</t>
  </si>
  <si>
    <t>b'\xb0\xe0\x11&lt;\xc2\\8\xad\xa8S\xf6\xf2~uA\xe0\xf7z\xe7\x139\xca\x16\xde\xddw\x82=\x80\xb6,\x15'</t>
  </si>
  <si>
    <t>b'\xf8\xe6P\xe5\xfd\x9d\xa6h\x11\xc5\x10\x89\x93\xf94e\xafo)\xe4ma\xf1\xfc\x11\xbc\x81\xab.PC\xdf'</t>
  </si>
  <si>
    <t>b'\xee7\xa3;\xd9Kn M\xfd2\x04\xeb\x02\xbd\x92+JL\x15e\x81:^*\x10]#s\xbb\x19U'</t>
  </si>
  <si>
    <t>b'\x0b\xd6&gt;$\xd2\xaa\xca\xf1\xb2$\xed\x94\xad\x1f\x16\xb5\xeb\xa7\x19\x96V\xb1sq\x1a\x18O\x86~\x05hS'</t>
  </si>
  <si>
    <t>b'\x05a\xa6\xa3L\x7fh\x1a\x1d \xc8\x92\xb7\xf4\xf9\x94A\xcb\xb9\xf4~\x03\xb1`\x84\t\xd6yY\\\xa7~'</t>
  </si>
  <si>
    <t>b'\xa7\xe6\xd0Rb\xb4D\xff\x94s\xf9^\xe4@\xce\x10\xde\x82EP\x90\xd5XD_\xeb\x1f\x95\xdfE\xf3\xd7'</t>
  </si>
  <si>
    <t>b'ZC\xed\r(\xba\xab=\x98\x17$\x7f$t\xa6\xb3\xde\xf3\x17\x98n\xa0g\xf2\xbd\xc3\xec\xd1v\xa5\x0e.'</t>
  </si>
  <si>
    <t>b'\x17;\x06\xcdZ&amp;\x07\xd6\x9b\xa7\xaf\x9d\x94p\xb1\x84\xdcAc\t\xde\x1c\xa9C&amp;j\x9d\x04\xb33\xcfJ'</t>
  </si>
  <si>
    <t>b'\x9b.\xebg#\xc6_\x105X\nNm\xddg\xb6e\xa4\xc9\x89/-p!\x9f\x16p\xd2%y\x17~'</t>
  </si>
  <si>
    <t>b'BW#\x0e\xda\xa4\xc4\xe0u\x00^\x83\x0e\x00B/\xac\xb0\x17[Sw\xdc\xc6\xdd\xb3\t\xc6\xc3g\xf8\xcb'</t>
  </si>
  <si>
    <t>b'n\xcd\x0f\x9386-\x8c\xd3c\x96|\xf2\x98\xcf\xf3\xd4\xe0O\xc7&amp;\xd1\x93\xa1b\x98\xe3\xc0\xc4&amp;\xe9\xb5'</t>
  </si>
  <si>
    <t>b'\x08\x97\xa5#\x18l\xb8\xfd\x9b&gt;T\x8d\xbf-\x04 \xce\xc0I\x14 \x18\x06\xc2\x17\xd8\x1d\xd2\xb22\xa2\x02'</t>
  </si>
  <si>
    <t>b'\xc6\x99\x90\xb4\xb5\xa1\xa3*\x18\x9d\xc7\xc5\x0b\xa3\xb3\xbb\xeeY)\xa9\x07\x9a]=qsT\xd2&amp;\x96Zp'</t>
  </si>
  <si>
    <t>b'\xb30,\xd7V\x16Ni\x08o\x1f+%6\xc2\xf0[\x87\x83\xb3*\x01\xa9\xf4!\x97&amp;bwRsm'</t>
  </si>
  <si>
    <t>b'\x8c\xed\x9eD\xfc\xa3\xb0\xe9\x1e\x95\xcdG\xe5~^0\xb5vp\x1d\xd6W\x81\x83B\x16\x03\x1d\x1e\x86n\xb3'</t>
  </si>
  <si>
    <t>b'NO\x10|d-\x87\xd5\x99\xd6\x8f}\xde\x8c\xab\x90\xb4f\x96\xc0\xfb\xdf~\xd5\x08\xef*\x1c\xe1\x04\xa5\x80'</t>
  </si>
  <si>
    <t>b'(\xffB~\xa0\x16\x05V\x15\xd0\xdc\xf5\xde\x8d\x99\xe0\xff\xe0J\xed\xa83\xf9N\xcd\xac[\x89\x89\x9b\xa4A'</t>
  </si>
  <si>
    <t>b'w|\x0b\xc6~7y\xceG\xb5\n&gt;\xa3\x1aO\xbf\xfcO]\x00\x13\xcb,\xc6[\xdc\xd9\x9d\x96\xbc\xae&amp;'</t>
  </si>
  <si>
    <t>b'\xb0"\x93\x18\xdf\xe1\xdcr#:\x07Nz\xcd&gt;v\xaf\xd7;r4(\xae\xde\xf7\x08\x13\xf6]4\xce\xb8'</t>
  </si>
  <si>
    <t>b'\xdc\xacd\x14&gt;\xd7\x819Q\xe8\xf1\xbf\xd0uKh\xa7\x1aC\x1a\x05l}\xc0\x7f:$\xcf\xba\xb0\x89('</t>
  </si>
  <si>
    <t>b'\xa4\xdd\xcd\xdbB\x8d\xfc\xe7J{\xe4\xc6\xab\xa6\xa4\xa1$\xba\xf0\xff\x92\x9f(9\xd3\xf0\xe4W\x8a\xd1\x08;'</t>
  </si>
  <si>
    <t>b'G\x80\n\x83\x83\xca\xd8\xd5\x90\x1f\x13\xfc\x161^m\x88\xb4\xa2\xcb(Y\xadm\x9dY2\xc2\x12D\x18\xa2'</t>
  </si>
  <si>
    <t>b'\x87\xcf*2\x85(\xf7\xd68g2\xdet\xffk\x8a\xa5\xa2yI\x01\xa3\xe3\xdc\xa3\x9eA\xb1\x94\xd1\xbc\xf2'</t>
  </si>
  <si>
    <t>b'\x84\xa0 \xc2\t\xc5|G\x04\xb2]g\x10f\xfav\xc6\x8e\x9d\xea\x0e1\x17\xc7\x04\xd3\xd1\x8e\xdd\xa1r\x19'</t>
  </si>
  <si>
    <t>b'!}F\x02"\xc6\x8f\xe1\xa88\xcf\xbc\x07\xcc\xc6/\x1b-\xf4\xf0\x9d\x84IBGZa\xdb\xe2 \x1er'</t>
  </si>
  <si>
    <t>b'\x18d\x89\x97(S\x84\xd9X\xd1Y&gt;\xf4\xf8&gt;\x17\xe2\xbf\xd9)R$@G\x03\xa7G.\x12\x10\xba\xd7'</t>
  </si>
  <si>
    <t>b'\xff\xa0\xeem\x86O\x81\xd9!\xe8\xc7\xa4\x84K3k\xcay\xce^o\x97\x9f\x1f\xae\x16\xc7\x92,ke\xfd'</t>
  </si>
  <si>
    <t>b'\xf8\xa5\x19y\x8e\xd4\xd1t8\xd3]\x8f\xd7\xcd\x8b\xed\xe5\x84\xb9d\xdb\xed]\x0e\xf8k\x1cE\xa5\x18V\xea'</t>
  </si>
  <si>
    <t>b'-w}\xa0/\xd4\x1b\x84\xba\xdf\xe6}\x9f\xd9\tV,\xeb\x88\xf9\xde0Z\x1bB\xb5J\xa5\xc9\xf3\x06\xa4'</t>
  </si>
  <si>
    <t>b'\xd2\nr\xcep\x19\xb2\xe8\r\\;y\xce7\xb9\xb8\\v\xc6:\xc8)\xe3l\xe8\\M\x95\xf4N\x01\x86'</t>
  </si>
  <si>
    <t>b'-\xefZ.\x12\x82\xfc/Tm\r\xb9\xd8\x96-H\xaf%lX\xc9\xbd\x8cvW\x0b\x9a3iM\xa2K'</t>
  </si>
  <si>
    <t>b'\x9a&lt;\xbcd\xb1\xe6\xcf\xe3\xba\x87\x9a\xc2\xad-&amp;\xa3\xffQM]\xea\x86\xc7v\x14*\xef\x15\xcfn\x1d6'</t>
  </si>
  <si>
    <t>b"j\x1dQ\x0e.C \x88\n4Q\xc7~\x9d\x97\xf1!\x13Z\xb4\xbb\x96P\xce\xa3\xb4\x05\x93\xce'\xdc\xc5"</t>
  </si>
  <si>
    <t>b'\x1c\\\xf3\xc4.\x8f\xa4s]\x80\xa20~t)\x9b\xc0\xb9\xf7\xaf\x1d\x1a?O\xa0|\x02\xbe\x05\\\xf1\xe3'</t>
  </si>
  <si>
    <t>b'\xb3b;Xb]\xea\x9a\xca\xbb\x04\x85Y\x02\xe8\x87\xcc\x87\xea\x08\xe2\xb2\xfc3d\xb4r\x93\xc1ba\xef'</t>
  </si>
  <si>
    <t>b'h\xe4\xcd\xb2\x82\xb7\x1b\xd1I\x8d\x06t\xbb\x1d-(\x08\xc3\x1f\xc9\xdaH\xa4?\xc6\xe0\xa3l#\xb2)\x06'</t>
  </si>
  <si>
    <t>b'\xf4\x89w\x9b\xec\xd9\x9cF\xea\x12e\x88z,;o\xfel\x99\xce\xe1`\xa1\xf4L\x9d\xc9\xf1\x85\xe4\x028'</t>
  </si>
  <si>
    <t>b'f7z$\xa1\xea0HAJ\x1b=r\x87\xd3\x98\xe8\xfc\x87\xfc\xe7\xde0s\xee\xe0\x86F\x1c\x16*H'</t>
  </si>
  <si>
    <t>b'f\x8c|\x8a)\x9d\x18\x16\xd8\x17\xa3\x89\xd74Dq\x03.0\x0c\xb5(\xa1\x0b\x90!\xc3N\x1c$Y"'</t>
  </si>
  <si>
    <t>b'\xe1\x18\xcd\x14M\xfb6&amp;\x1f\xd6\xea\x96"\xb7W\xa0\xef\xb6L\x13\xe5\xe0^\xe2\x0b\xd5\x1e}\xeeU\xc67'</t>
  </si>
  <si>
    <t>b'\x1e\xeb6|\xdc~\xefC\xafu\xf8\xea\xfcP$=\xe3\xd2\xcd\xb5.\x8crp$ \xfc(c\xe9\xcd\xc9'</t>
  </si>
  <si>
    <t>b'\x91\xa6z\xef\xf4\xf3\xf6\x9c\xda\xaa\xba\x18\x04\t\x1f\x08\xd5l\xa7k@u\xa8\xe3\xac\xd3OA\xbf-n\xa3'</t>
  </si>
  <si>
    <t>b'\xc8X\x81\x1b\xa5\x1d\xea \xbb\x90\x95\x10\xad#I\xb9)=2\xc9-\x98\xc5\x17\xd9\xb2\xbb\x1cBu\x10\xe2'</t>
  </si>
  <si>
    <t>b'\xa9\xfb\xcdo\xe9\xaa\xfej6\x03\xec\x13L"\xcb#@\xc4b;x\x83\xb6\xfd\t\x1c\xa8\xed\xc9\x8d\xb3\x12'</t>
  </si>
  <si>
    <t>b'\xf6\x07]%\xc7\xea=\xf2\x11\xce[\xc4TS:1\xabz\xf6\xe0\x84\xd4\x8d\xbb\xad\xdf}\x95}\x8c\x81\x88'</t>
  </si>
  <si>
    <t>b'OS\x9b\x00\xff\x8f\xe8\xae\xec\x080\xb6\x0c\xab\\\xdf\x99n\xf1\xb8\xcb\xd2}C\xa4M\\\x14bhf\x99'</t>
  </si>
  <si>
    <t>b'\xf4\xa9\x10\t\x0e\x87;\x8dc0|\x82\x07!\xf0\xf9\xddyw"!&amp;wLa\xf7\xdc~5\xcf\x1e\x84'</t>
  </si>
  <si>
    <t>b'\xcf\x124K\x84xQ\t\xde\x01\xe4\xc9\xe4\x8c\x10\xfe\xc7\xc9-u\xef\xec\x91r\xb5\x15;\xa8\xd8~\xab\x96'</t>
  </si>
  <si>
    <t>b'\xd2\\\xfa\xd8\xc6\x12Z=\xaaR,1=v\x04T\x9e\xea/&lt;\x88\x02\x12\x19\xe6\xad\\\x1d/,\x04$'</t>
  </si>
  <si>
    <t>b'\x92_\xc73D/\x13&gt;\x85\xe5\xffE\xb8;\xdf\x85\x1f\xc5\nd\x89\x1d\xd7\xe3\xd6\xc7_\x8f\x9a\xac\xfd\xbd'</t>
  </si>
  <si>
    <t>b'1\xdaqW]\xbd\xf6\x97B\xd7+U.\x9fV\x839!\x83\xfd3\xcfq\xe23 \x9ba\xdd\x95\xb7\n'</t>
  </si>
  <si>
    <t>b'+L\xa9\xa77\x92\xa7\x15z\r\xcag\x93\x17!\x83Q\xadf:x\xd3T\xf0\x89aH\xa4\x9a1Q\x9f'</t>
  </si>
  <si>
    <t>b"hB'\x9aV\xcf\x93\nc\x16)Z\x1a\xc6\x06\xcd[\x7fz\xe3R\x94\x1b\xdd\xaaQ\xe3\x0e\xe1`\xff\x1e"</t>
  </si>
  <si>
    <t>b'\r{\xd7\x0f@\xd7\x80\xf9\xd0)E\x1c\xa5U\xb5\xd9\x0e0\xe7\xc0\x16\x080{mj\x1e\x97Cd\xe0h'</t>
  </si>
  <si>
    <t>b'\x87ju\x91\xd0M\xc0\xe8\x8a\xef\xb3nd\x89"\x8e\r\xe2\x10g+\xde\x9b\x91\xa3\xea\x88K\n\xd2w\xa9'</t>
  </si>
  <si>
    <t>b'\xf4\x7fIY\xa3z&gt;\xef6!"s\x98\x8f\xab\xfd\xf7\xe5\xd4T\xf3,Z\x98\x14E\xa7\xc01\xa9\x07G'</t>
  </si>
  <si>
    <t>b'\xde\x07\xce\xaf"\xb7\xcee\xb1Us\x0e\x10\x89\xa2j#\' \xddj\x13O\x9a\x80\xc6\x89!\x81c\xc2\x97'</t>
  </si>
  <si>
    <t>b'q\x16\x82\xa2yW\xb8\x17\xd9\xc4\xfc{P\x87:(&gt;WE\x11\x97^v\x9dG\xba\x0b\xeb\xd8r\xa3\xdc'</t>
  </si>
  <si>
    <t>b'\xa1$\xf6\x16\xe5-JN\xb0\x02P\xf1\xf9\x0b\xf7\xd8\x0f\x8f\xbf8\x8c\x90,\xb7JF\xbc#\x8cMd{'</t>
  </si>
  <si>
    <t>b'\x12\x88\xce&gt;\x07H\xf9\xc4\x95\xd5\x92#\x96\x8c\x81\xc4\xb7\xe5\xddZ\xee\x8e\xe4\xbe\xf6~D\x94\x16A\x0fU'</t>
  </si>
  <si>
    <t>b'^\xd8X\x03\x06\xbe\xa0\xc3+\xb6\xce\xec\x07-\xb0\x83h\xd3q\x0c\xe1\xccV\xf1\xfd\x96\x9c9\x1a[7v'</t>
  </si>
  <si>
    <t>b'\xbb\xbe\xcesT0^\xa7P\xce\xb7\xbcq+\x93C\x837N\xec\x926)-\xe7+\x8a,Z\x8c\xfc{'</t>
  </si>
  <si>
    <t>b'\xf4}\xc4U8\xdf\x01\x04`\xf1\xc5\xee\x97D\x8d\xeb\xec\x18m\xa50\xb0\xba\x99\xa3\r\x159\xa8\x8f\x9fE'</t>
  </si>
  <si>
    <t>b'\x10\xf1\x98\x96\xa5\x06F\xde\xb0\xba\xacJ\xa8Vz\x1e[\xde\x92&amp;\x1aB\xa0\x7fI\x99\xda5\xb2\x92\x92\x96'</t>
  </si>
  <si>
    <t>b'Q\xd0\xe8\x05\x8egj;e\x91r\xa28\xbczp!\xe78&amp;uR\xf2w\xe4SY}\x0e\x01:\xcc'</t>
  </si>
  <si>
    <t>b'iC\x8b-=\xee\xf91g/\xa8\xc0H\xf7\xb3q\xd9\xb48\xc9\x1b\xe6\xa0\xf5\xaa\xea\x814O\xf6i\x8b'</t>
  </si>
  <si>
    <t>b'\x14q\x18\x9e\xa6\x1cF\xb7 \xeb\x99\xd5pY\x08h1,0\x0b\x7f\xdc\x06\xb9Hk,\xb2\x18\xafi\x1a'</t>
  </si>
  <si>
    <t>b'\x8e\x05$\x80(a"k\xfcUdW4\xbfg\x89\xc7#!\x13\xde-\xf4\xce\xb9-\xba\xb6\xb4\x88uD'</t>
  </si>
  <si>
    <t>b'\xa9z\xff\x01\xbd1\x0e\xb0\xb7\xe0&amp;LXX\x81L7\xc2=%\x98&lt;\xf6F\xfc\xfa\xf0)\x8a\xac\xc3E'</t>
  </si>
  <si>
    <t>b'\xe7\xe0\xf0\xd0v\xdc\t\xbcmu\xd8Oj\xa8\x83|\xe23[Q\xc4\x9b&gt;.\xa2q\xa4B\x06J\xddu'</t>
  </si>
  <si>
    <t>b'pL\xa7k4\xaf82\xc1\xd999\xac\xd5\xa9\x06\xb1\xabw\xa1\xbf\x1f\x8a\xb3)\xccx\xec\xa2\xb5\xce\xc8'</t>
  </si>
  <si>
    <t>b'\xbc\xb9D\xbfb\xa3D\x9bz\xf0\x95\xe7\x11\xd6\x8d\xffV\xed\x9c\x87\xd6\xb4\x85\xa5\xde\xe4M_\x8dm\x14\xb8'</t>
  </si>
  <si>
    <t>b'\xb1\xa2\xea/\xd9u\xc7\x00\xae\x10\x86\x0e\xe6\xf2"1\xd0\x8e\xf6\t\x80\xe7\x8d4/\xc7\x16\xd7\xbd5\x1d\x87'</t>
  </si>
  <si>
    <t>b'|\x82\xb8\xd9\xdbG3\xdb3\xc4u\xd4$14\x9e\x08\xdb\x92\xbeNh\xfcm=N\xef9\xc6\xe5LM'</t>
  </si>
  <si>
    <t>b'\xe0#\xc9\x19\x9f\x92U\xde\x8a?}\xf9\xa3\x8deV\x97\xfd\x07C\xf2\x0e\xc0\xd3\xe9\xb5\x14\xfbSLpO'</t>
  </si>
  <si>
    <t>b'\xd6\x0b&gt;y\xb24\x01\xeb\x94qp\xbe\x13\x12s\xc9\xd2\x8d\x86\xf5\xf2Y\xf0\x87\x04\xe2\xb5l\x8dFy\x14'</t>
  </si>
  <si>
    <t>b'\x19\xa0\xc4\x89\x99iW\xa3|\xf8=\x9dC\x11\xcf\xd9\xb5\xc4\xbd\xf9|e\x88\x82\x00U\x9e4\x867\x9b)'</t>
  </si>
  <si>
    <t>b'$&lt;=\rzS\xca\x86\x8cW\x17\xa6&lt;d\xef\xcd\x89\xad\xc7\xf3s\x863\xb6\xa9N\xe5z\x08\x8b~\x16'</t>
  </si>
  <si>
    <t>b'\x91\x17;\xad\x8a\xd4:.p\xb6\xe4\x0f\xc1}\xba\xea\xa5\t\x95x\xad\x9cc\x12j\xd0*\xf7\xdf\xc5\x8bX'</t>
  </si>
  <si>
    <t>b'\xa5\x19\x9c\xeb\xfbL\xba\x9e\n\x89B\t\xa9~\xd4;\xce`0g;}\x99\xf97\x96\x81\xf7\xe5\xa6\xe8\xae'</t>
  </si>
  <si>
    <t>b"3\xf6\xa7\xeeK\xb5\xb5|\xa9\x89\xa1onwE\xa2\na5\xb9\xbb\x1a\xa2\xee1\xb29\xc0\xea!'\xb8"</t>
  </si>
  <si>
    <t>b'\x9b;\x89,\x01\xb56\xef]\x8e\x0e\xfa-\xc73\xbc \xdc\xd30H\x96\x9a\xda\x14ZR2\x04\x8bd\xc3'</t>
  </si>
  <si>
    <t>b'\x00\x9b\xc3"e$\xbex|X\x8c\x0e\x84\x9b@\x19\xf8\xe1\xa3\xc0\xa6\xcf\xd2\x18@i\xb3R\xf1\xda(.'</t>
  </si>
  <si>
    <t>b'\xcc\xa0R\x95\xfc8\xdf\xce\xfdC\xfc,\x9fX\x98\xfds\xa6\xe1\xbfS{3\xaa6-\x11\x04\xbf\n\xcec'</t>
  </si>
  <si>
    <t>b'\x165\xf0\xf7\xdc\xb9\xfe\xe8(\xe0\xff\xa6\x7f\xb1\xa3\xf4\x1c\x99`\xde&lt;\xa0\xfcY\xe6\x17\xf9\xce\xc9\x8bl\xd3'</t>
  </si>
  <si>
    <t>b'|\x9f\xe9\xcfcj\xbff\x16\x07\xcf\xe7\xe6\xdaC\x15X&amp;\x92\xa8}!d\x0b\xcb\x1c\xa6\xeb#\xb6\xd7H'</t>
  </si>
  <si>
    <t>b'\x81\x8f\x8bz\x10@\xa1e\xe7\x88\xb2\xf9\x0fO\xd8/\xe8`\xd8\xcc\xea\x9f\xf8\x12\xcaU\xe1\x94dc\xd9c'</t>
  </si>
  <si>
    <t>b'\xd1\xd3rDe\xc6s=\xc3\xdf\xdf3o\x94\xc2\xa5\xea9\x04m\x9b\x05\x86\x99\x98F\r\xdb\x14\xc0\x96\x02'</t>
  </si>
  <si>
    <t>b'\xa8[\xe7\x9c\xc8\xa5y\xf4\xb9\x86\xe5\x95\x969dx\xd1\xad\xea\xba\xf0j\xdf\xd9S\xe4\xbea\x98\\b0'</t>
  </si>
  <si>
    <t>b"Q\x15\x97f\x03\x0b\xeeE0Zw\xe1\xbe\xdd\x02\xc1\x1bQ\xa3L\xba\xd9'\x94\xa5\x9cZ\xc9\xddd\x04\x19"</t>
  </si>
  <si>
    <t>b'\x8f\xf8\xecT#\x0f\x02\x82\x16o\x83\x8b\x15\xfd\x9bA\r\xec\x11\x119\xb6\xca\x98!^\xa4\xf1\xf0\x8c\xde\xe5'</t>
  </si>
  <si>
    <t>b'\xe3\x86s\xe5\xaa)\x1bk+\x94!p\xfca\xfa\x02\x8cR\x9bf\xf4\xc3\xf3\x9d\xc1\x1f\xc3\x9d(\xe9bn'</t>
  </si>
  <si>
    <t>b'H\x85\xcd\xb4\xd8_\x97\x9b\xc3\x02oz\x10d&gt;GAF\xa0\x1bS\x85Q\x1a#\x08\x06\xb9\xa0\xc9\x81\x01'</t>
  </si>
  <si>
    <t>b'\xf9\x8e\x88aN1\x8a\xb7\x15\xcf$&lt;\xb6\xdb\xaf\xfb\xf7\xc4\xa9\x84\x15\xf7\x96\xa8\r4\xe07-^_v'</t>
  </si>
  <si>
    <t>b'h\xc9\x8b\xaeY[V\xe0Q\\\xfd\xa4k\xad\x1b\xdf\x8c\xaa4\x98?/\xfc\x8cX;\x81\xa4&amp;\xc1\x1e|'</t>
  </si>
  <si>
    <t>b'\xca\xff\x12\xd13w\xf3on\xe1\xeeTY1\xbd\xd6H\x04d\x86+\x99\xd9\t\xbb\xd7\xb8\xae&lt;7E\xd9'</t>
  </si>
  <si>
    <t>b'\x1a5\xd9~\xde\xce\xc4x\x15\x96\xd1\x00\xb1\x93\xbe:\xb7h\xf8m\x0bd\x87M\xe2\xe3\xff\xcf6\xbc\xd4V'</t>
  </si>
  <si>
    <t>b"d\xd0\xfaR\x1d\xa2\x93-~e\xfcJ\xe26\x83'\x94\xb5\x17\xf5\x1f\x93Dy\xc3\xd5\x96.k\xb5\xf7\x1c"</t>
  </si>
  <si>
    <t>b'\x92u\xde\x11\xa1\x0f\xeb\xaf\xe1\xbc\x0e\xc3\x8a,aG,\xc8A\xe7\xf2\xb1[\xf5\xd33\x86\xd3\x889\xdc\xa5'</t>
  </si>
  <si>
    <t>b'\xd9\xc0]\xf1\xf2Rd\x92MV\xc3\xc5o\xeb\xdd\x14\x00/\xc8\x1e/m\xdbX8\xa2\xe4xJ`\x11\xbd'</t>
  </si>
  <si>
    <t>b'k/\x88b\xd9\xe7.\x8c\xb2\x8b|\xe0\xd5\xf6\xa8\xf8\xbf\xde\x8a\x81;\xd9\x13E\x12SV\x82ZER\xdb'</t>
  </si>
  <si>
    <t>b'\xa4D\xba@\x9c\xb3\xfa&lt;\x81\x1ceu\x86\xbf\x05\xd7w\xb5ALH\xa0\xb4\xdc\x9f\xb0=q\x9a$\xc3k'</t>
  </si>
  <si>
    <t>b'\x8d\xd5-*\x11\x9f.Z`\x04\xc8\xc7\x81\x85\xbc^\x1e\xd9\xb9,*\xb5\xb8\xf6b/\xd2\xd7\xb7fLc'</t>
  </si>
  <si>
    <t>b'j\xfbLBN6\r\xa8R\x16g\x85j\xd7\x80\xf0\x96\xf3\xfa;1\xdd\xc2LO\xb7\xc4\xd6\xa5\x9aR`'</t>
  </si>
  <si>
    <t>b'nr`\x8d2\xef\x92\x1a\xfe\xc54Fe\x91\x93\x8bs\xaeV|8\x06d\xff\x01\xb1z\xd1\x9b\xe9\xbaZ'</t>
  </si>
  <si>
    <t>b'l3\xfdi.\nx\x86EIT3\xbe\x0e\xe1\x81\xad\xf5\xf2\x16oM\xaf\xbd\x0f\x9bL\t\xc6\xc6\xd5Z'</t>
  </si>
  <si>
    <t>b"\xea\xa1X\x11\xa6\xbc1\xa4'\x0e\xe9\xb9 \xde0\x0c\x84P\xce0O\xac#Ou\xed?\x9btC*\xf2"</t>
  </si>
  <si>
    <t>b'\xdb\xc51\xb0i6\xc4~\x14\xbc\x02\xd1h\xf8/\x10nr\xd5\xa3\xce\xc2\xb6M\x80\x9e \xcd\x15x\xba\x0f'</t>
  </si>
  <si>
    <t>b'\xd7\xa9\xd2\x06v:\xd8\xb9.\xa1h\xd1_\xf4\xee\x82\x99M\x87\xf4x+\xf5S\x02p\xd7\xf3\xaag\x9e\xbc'</t>
  </si>
  <si>
    <t>b'r\xdaH\xff\xe6\xa7=\xb2^\xfe+%\xa4)\x01\x03\xfb*\xf3\x93\xfdy&lt;tu\xfa\xa4h\xa2\xa6\xa0\xe6'</t>
  </si>
  <si>
    <t>b'\xd7=~\x1ew\xd3\xb2\xb0k\xd3\xff\x075"\xc7\xc9JAj\xb6\xdb\xedx\xd2.*\xfb\xc3\xce\xacc:'</t>
  </si>
  <si>
    <t>b'\xd9\x8d~\x87\x9cg\xa3\xce\xacX\xd5\xac`\xa5\x15\xfb\xa7\xb3Y?\xfb\x13\xfc\xd6\x1d\x9f\x82\xf6\xb6\xe2t$'</t>
  </si>
  <si>
    <t>b'\x88\x13\xd53Z\x1ew@+I\x85u\x039c\xb2\xae$3\x8b\xc3\x02\x80\xa1|\xaf\x02G\xddHW\x01'</t>
  </si>
  <si>
    <t>b'\xcc\xb6\x7f\x8b29n\xaexA\xe5\xe2\xbd\x82z\xea\x10\xe7=\x80\xc6\x13w\xf4\xb8Z\x0f\x17\xc2\xbcA\xf9'</t>
  </si>
  <si>
    <t>b'\xfa\x18\xd9\xf7vbf=L[\xd4U\xa9\xb0\xd1\xc6\x0cG\xa7\xf3J\x98]\x19|m\x9aJ\r\xc7!\x88'</t>
  </si>
  <si>
    <t>b'&gt;\x04\xe2A\xc2&lt;j^cq&lt;Dp\x9cL\x99L\xf40\x07"\xcd-\x08Oo\xd6t\xd0&lt;he'</t>
  </si>
  <si>
    <t>b'\x14KY\x8b\xfc\xec\x03\xba\xc0RD\x8eJ%C+\x9bc\xc2C\xe4\x9d\x10\xc3\x19\x18\xdf\x86\xde\xcb\xb9\xd1'</t>
  </si>
  <si>
    <t>b'\x90#\xf8\x86\xf9K\x15\xb9D3\xee\xcc\r\x0bS@G=\xed\x8f-\xdf\xdd\x00b\x87\xd1\x0f\xca\xffeX'</t>
  </si>
  <si>
    <t>b'\xc1\xe7\x164\x89\nB\x01\xec\xa03\x85\x17dg\xd9 \xb8,\x1a&amp;?\xba\xeb\xe3\x97\xdf\xd6/\xf5\xa4\xbc'</t>
  </si>
  <si>
    <t>b'\xadS\x84,\x92G\xe2\x1av\x89\xf2O\xe13c\xad1\x03\xaa\x9f?\xe0\xc37k\xd31 cb:\xdc'</t>
  </si>
  <si>
    <t>b'\x97\xb8m\x14\xf7Y\xad\xe0\xff\xc2=`K\xfd\x04Uk\xf6\xd0\x94"\xf6!\x86\x99P4#\xf6\xeb&gt;\xc3'</t>
  </si>
  <si>
    <t>b"R\xc6t\xff\xc6|\xb8'\x12\xd3,\xfe\x83M\xd3\x1d\x00\xc9\xb4\x04\xb0\xf2\x07Wg6U \xa306I"</t>
  </si>
  <si>
    <t>b'\xea\xd3\x0b#\xf51\xa1\x0b\xd6\xe3\x93wyq\xe9\r\x9c\x1d\x90\xb98|\xb3SF/\x9c\xff\xe6\xdaQ\xf6'</t>
  </si>
  <si>
    <t>b'qv\xb6a\xfb\x18\r\x86 \xe7\x1d\xd3\xa9\x1e\xa9\x9e\xa8\xe5z\xfd\xd2\xd4M\xaf\ruE\x7f\xec3VE'</t>
  </si>
  <si>
    <t>b'u\xfa\x96uA\xd2\xbd:\x9d\xc78\x82\x08\xa3&gt;4\xde[]z\x085\x1a&lt;\\\xfa\x00\xdf\x02~\xc5\n'</t>
  </si>
  <si>
    <t>b'\xd1\x11\xb0\x82\xd0k0\x86\x80\\\x81\x1a\x86s\x94@\xda\xb3\x18k\x01hF\x94\xadDD\xfd\xfc\xe1\x8bA'</t>
  </si>
  <si>
    <t>b'\xdaA5I[\x10\x85\x19\xad)z\x04\x80\x93k2\x96B\xf6\xe4\x95h\xcaj\x83\x81Q\x07\xe8\xafO\xb1'</t>
  </si>
  <si>
    <t>b'\xfc\x8fT%\x13H\x91R\x18f\x8c\xc9\xba\xfaW/\xd6\xba\x0c\x0eS&lt;k\xea\xee\x00\x85\x818\xfd\x1d4'</t>
  </si>
  <si>
    <t>b'g\xfc(\x05Z\xef@\x06~\xe9$S\xae+\xcd\x06\x86\xb3Y\xbfB\x9b\x9c-G\xd8 8_\x1c\x81\xf1'</t>
  </si>
  <si>
    <t>b'\x19\xf8\x99k[\xf4\xbb\x04\x927|wfF:%\xe1 o\x0b\xbf4\xfc$\x13\x01\xde4"$\xbbC'</t>
  </si>
  <si>
    <t>b'E\xc3O\xd2N`\x11\xb0C\x06\xac/\x85\xb35\xe9Uw\x7f\xe6\x12tP\xb1\xf0\xe8\xec\xe6\xfc,\x93/'</t>
  </si>
  <si>
    <t>b'n\xd2\x8e2\x8a\xb0)\xb6cs\np \x867\xcfG\x8fD\xabc`\x12\x12\\\xd9C\xcd\t!\x15\x0b'</t>
  </si>
  <si>
    <t>b'\x93\xaf\xb46\x16\xc9\x04-\xea\xf6\xec\x91\xee\n\x1e\xce\xca\xcf\x84.g&amp;%K\xd1y\x11\xb5\xc9\x85G\xdc'</t>
  </si>
  <si>
    <t>b'\xa3\xfb\xf9\x8b\xd2\xb6A\x85\x02w\xe7\xc8[sD\xe1\x9f@\x10a\x0b4\x1e\xd0E\xfa\x15\x0e\xa3\xbe{^'</t>
  </si>
  <si>
    <t>b'\xd7\xf4!Sl\xe6\xb3&lt;(v\x12(\xea\xc3\xd5\xd3\x0c5\xc6\x82S\x12\xc2m|?\x1a\x8e\x8c\xad\xe6P'</t>
  </si>
  <si>
    <t>b'\r\xcb\xc7\x0f\x11 \xa2P\xca\xa7\xc4\xd9\x92\n\x0e\xa6s\x9f\xc6\xf1J\xaf\xccw?\x14#+q2\x93\xf6'</t>
  </si>
  <si>
    <t>b'\xa2\xf2\n\xf1\x19d\xbd\xd8\xe9\xa65.*(\xa9\xdfW^\x84&lt;\xb2h-(\xa5\xa3\x1f\xae\xbb]S&lt;'</t>
  </si>
  <si>
    <t>b"ef\xaf\x02\x889\xb11I\x92'\xccy\x89\xab\xfd.J\xc3.\x0b4\x0c\x0b\xe2\xb0\xa7\xcc\x1dl[\x00"</t>
  </si>
  <si>
    <t>b'\x89D\xb9,\xb9gy\xd0\xa4\xeah8&amp;.\xd9\xc6\xf4\xaf\x90\xd0*\xf4nJ\xc4m\xa7\n.akr'</t>
  </si>
  <si>
    <t>b'\x88\xf2[w\x07\xa8\xa3\x06kM\xd0\x0b\x89J\xaf\xff2;\xab\xb0H\xb1\x97\xe5\xadg]\x1b\x10\xf3\xc4~'</t>
  </si>
  <si>
    <t>b"\x06\xa0\xa8\t\xe4\xac|\x183\xae\xf7rI\xdc\xc0-\xfa&gt;\xb6\x80\xfb\x85\xe2\x82hd\x8bK\xfe'\x16."</t>
  </si>
  <si>
    <t>b'\x89#5\xbb\xec(DoX;\xb9p\xea\xc5\xe7\x82\xd5\xd1!\xe2\xed\xe6\xcb\xf4\x18\x95"\xe5\x11U\x8c\x8c'</t>
  </si>
  <si>
    <t>b'\xef\x19\xbdA\\Y\xe3D\x1b\x8cM\x7f\xac\xe6W\xe2\xb5\xce(\x9d\xb8\x0e&amp;\x0e\x11=\x12\x8c;S\xa0\xda'</t>
  </si>
  <si>
    <t>b'Q\x16\x8a\xe4\xcbI\xce\xcc"Lu\xb8\x12\x9e\xe6\x1f\xf7Q\xe8\xba\x99\x93\x14\x1f\xa2\xf9\xa1q\xd7\xa38\xa9'</t>
  </si>
  <si>
    <t>b'\xeex\xab\xa6\x19V\x99\xfb\xce,\xb0\x12\xd5G\xf5\x17V\\\xd4\x16\xfd\x85\xd7q\xe6\x0eT\x91\xd2\xc1\xd8\xd8'</t>
  </si>
  <si>
    <t>b'\x02\x19\xf7\xa4\x06\x17\x05\xe2V\x11#\xb8e=:\x9d\x1f\x115\xf6y ;\x94(:(X\x15\xcd0\xbd'</t>
  </si>
  <si>
    <t>b'\xd0\xab$\x10uGt\xddw=HB\x93\xdb\xd3}K\x90W\x07\xbc[p\xa6\xdeS\xbb\xfcqy-:'</t>
  </si>
  <si>
    <t>b'\xdaA\x95?\x1d\x14\x1c\xcf\x8f+\xebp\xeb\xc7\x16\xd2;()\xa1\xe2\xbb\xcf\x80\xb2c\x8c"\xf1\xee)A'</t>
  </si>
  <si>
    <t>b'u\x8b\xc4|\xb6\xeb\xe2\xd9\xed&gt;=6\xfdz\xf0\xeah\xd6aK\xee\xed\x83\x84x\xcdd\x19%M\x84V'</t>
  </si>
  <si>
    <t>b'\xb1z\xf7\xa2H\xeaH\xc7\xa79?\x1er\xc0\xcbIs\xbd9U\xde=\x88n\x85Z\x91\xc4K\x7f\xc0\xae'</t>
  </si>
  <si>
    <t>b'\xd6\x08a\xae\xf9\x98c\xbb\xbcP\t\xe5\x96\x1f\x16\xbbI\x87O\xd5\xd73\x17\x96Og\xd9\\4\xdf\xdd\xe2'</t>
  </si>
  <si>
    <t>b'K\x01nmA\x0c\xefFXL_\xde\x0e\xf1\xb6\x02\x80\xa5K\xe9:\xfb\xedf\x89\xc9\xec\x99;\xe0\x06\x9e'</t>
  </si>
  <si>
    <t>b'?3}lI\xfdK*\x0e\x05\xfc[\xa6\x90j\x8c\xaat\xa9\xd7\x1a\xa0\xc5\x8d%\x1e\n\xff)\x00\xfd*'</t>
  </si>
  <si>
    <t>b'\x91\'\xc2\\\xc8&gt;I\xc6\xda\x15%\x193\xe2"?\xe6\x8f\x81V\xcc\xdb\xbe\xc2\xbd\xc0\xfcT|_\x8eo'</t>
  </si>
  <si>
    <t>b"!q\xe7\x04%n\xcc;\x9a\xcc\xfe\xb52;\x98\xb8\x95'\x90c'B\xfd\x82\xa5}NB\xa8\xab\xa2\x0c"</t>
  </si>
  <si>
    <t>b",\xee\xc7zi\xd7\x970\xe4\xde\xc6\x13\xb1\x02I\x91&lt;'D\xd0wT\xab\xe2\x9f]\x81\xcf\xbfaO\xb9"</t>
  </si>
  <si>
    <t>b'1bN\xa6\xb5\xfdPV\xba\x81fXDP\x1f;\xae\xb1\xd2\xed\xa9x\x14\x19\xcef(\xfb0\xbd\x03E'</t>
  </si>
  <si>
    <t>b'qm\xc0%\xe7tvD\xd1\x18\xc3\x00;g,d\xb3\xf7\xff{\xdc\xd5\xa8\x94{+\x88m\xd9\x92\\\x90'</t>
  </si>
  <si>
    <t>b'\xcbhl\x15\xe7\x97\xbf\xba\xd6\x16\x06fy\x8a\xf8\xdf0\x1f\xb1of\x1c\x14\x1d\xf7X\x8f\xa9\xae\xd0FK'</t>
  </si>
  <si>
    <t>b'W\x19\x8f\x06V\xe3\x8f\xe6\xd7\x95\x85\xe5Yx`\xc1\xd5\xa9k\xa8\x17RQa\xe3\r9\x1b\xcbe\x11\x1f'</t>
  </si>
  <si>
    <t>b'\x85\xa7\xb8fF\x94!\xd8\x0f\xa1(\xad\xa2\x87\x9b\r%~\xc8\x90&lt;\x91\xc0kdP\x10K\xe6=\x95\x87'</t>
  </si>
  <si>
    <t>b'Q\xad[\x89U";\x9eRV\xad\x0fG\xc6\xfc\xb6_0\x83\xc2\x98\xc1&amp;\x18\x174X\x94\x08\x81\xa0\xe5'</t>
  </si>
  <si>
    <t>b'\x03H/\x1c\xbf\x1ep\\\xf4\x95\x1ag\x07&lt;\\\xa3\xfd\xedu\xc9)m\x92\x0e\x94\x92\xd4=;9\xe2\x9a'</t>
  </si>
  <si>
    <t>b'\xb8&amp;(G\xbaO\xee\xfe5\xb8\xc5\xaaj\x06\xa7\xc9M5\x14\x1d\xf3\xc3\xc7+\x02\xf2n\xf2d\xe1\xc2\x8f'</t>
  </si>
  <si>
    <t>b'J\x9f\x87\xefFN\xec}\xaa!0F\x9f-\xa9\xd3\x81\x19\xfa]Y+\xf2&gt;\xd8e\xc72\xe0\xe2\xcfM'</t>
  </si>
  <si>
    <t>b'\xf0\x11\x03\xa4\xb1\xeaF\r\xc7n\x15S\xdf\x85\x1d\x82p\t\x92$..\x12\nK\xbcM\xa7x\x17\xdeO'</t>
  </si>
  <si>
    <t>b'M\xec\x85\t_\xf2\x84\x16\xbd\x9f~\xc6D\xc0R\xff\xc5)\xee\x86&lt;Ys\xb0\xb5.\xf5\xf0\xf4\x08\x1b\xfd'</t>
  </si>
  <si>
    <t>b'\x864\\\xdbF\xce\xd4\xdf\xfb\xf9\n\x18j\xba\xb1g\xf9\x165\xad\xfc\x02\n\xf4\xb4\xb5cZ8\x08I3'</t>
  </si>
  <si>
    <t>b'\xf3\xc2w\xaa\xd2$\xf4\x13/\xc4\x01\x14\x14]MFS\xe1\xbb!\xa3\x87\x177\x02\x8f\x1f\xaf\xb8\xb20/'</t>
  </si>
  <si>
    <t>b'\xebFFb6\x87r\xfdbX\xc6\x90\x17@\xa1\x870\xb7O6\xb8F\xdd\x94j\x1b\xf0Y\xc5Z*~'</t>
  </si>
  <si>
    <t>b'\xa1P\xdbK\x14\x99\x05Kv\xb34\xddX\x9bl\xf0\xec{\xbf\x1e/\xe5\xa8&amp;~?`\xf5\x9a\xbf:N'</t>
  </si>
  <si>
    <t>b"\x9fHcu\x06\xc6\x1d\x8e\xd3;V\xec\xdc\xda\xce]\x1bx&gt;\x17'?=*\xd8\x98\x82\xd1\x94~BC"</t>
  </si>
  <si>
    <t>b'$\xd8Zn\xa7-9\xde\x7f\x03\xbfs79\xd5\x1b\xb5\xf1w\x9fL\x05\xaf\xd1\xc7P\x9a[\xea\xc8\xf0\x85'</t>
  </si>
  <si>
    <t>b'\xfa\x16L\xd2\xd4B\xaa\xfc\xd6\xad5\xc0gu\x90\t\xfe"\x0eD\xd7\xfc]!_\x99\x95bsj\xd6i'</t>
  </si>
  <si>
    <t>b'$\xbd\xb1l\x0f!\x17L\xa3\xb40\xecv\xeb\xefR\xeb\x90\t\x1a\x82\x7f\xe2\xd1\xfc\x86\xc4\xff\xd9\x10"\x1f'</t>
  </si>
  <si>
    <t>b'?\xcf\x82\xb5\x06Lv\xee\xd5\xf3Ow\xa3\x9b\x98\xab\xbb\xc0?*\xba\xcdu\xd6\xa8*\xc3\n\x9a\xda\xe3J'</t>
  </si>
  <si>
    <t>b'o?\xdb\x84\xeeY\xa5\xb2z\x13\xfc\r\x0f\xa9\xb5\xa9\xb4G\x905\xf2\x07Q{\xda\xeb\x9a\xfe$I\x0b\x0c'</t>
  </si>
  <si>
    <t>b'%\xc2\x90J0\x91\xdd\xeaa\x85\xc8&gt;E\xfbe\xd7\xab\xde\xfd\xbag:\xa8o\xffq\xc0\xc6d\x12;\xc5'</t>
  </si>
  <si>
    <t>b'J6izB\xf0\xe0\xe5\xff,\xbf\x17\x9d\x9a&lt;U\x98\xec\xf1\x86o\xdf\x0bf\xf7$\x1byT\xce|\xdc'</t>
  </si>
  <si>
    <t>b'\xf1\xfa\xcf\x88X\t\xac\x88\xb9_\xfd_\xb3\xbf\xc9\xe3\x8aF,\x12\x1e\xed\xda\xa7GCM\x97\xb1\xb3\x86\xcb'</t>
  </si>
  <si>
    <t>b'\xfd%\xf9T\xf9r\x1d\xa0\xce\xf2\x10`[\xbdj\xcf\x14\xfa\xb6\xba\xaa#w ]e\\\x17@\xe0!6'</t>
  </si>
  <si>
    <t>b'"\xca\x05\x96r}z\xb8\x05.2\x8eI\xbdsX\xa7\xe3\x1eN\x8c\xd544\xdd5\xd4\xa5g\x97C\xae'</t>
  </si>
  <si>
    <t>b'\xdd\xd6\x98C\xc0\xf8\xac\x99\xc2G8TM\xe9O\xf3W\xf1\x97\xd0%\xc6j&lt;^\xfel\xd3\x06\xe7\xb3z'</t>
  </si>
  <si>
    <t>b'2\\\xfeX\x10P\xdfJ\x981&amp;\x86\x05\xe2\x8ef\x0c\x82\x00\xaa\xc4\xda\x0bG\xef\x8e\xb3"\x98(\xa8&lt;'</t>
  </si>
  <si>
    <t>b"\xb5\xaa\x8a.\xbc\x7f+\xb8\xe5&gt;H\xe9\x9e6\x1a\x07\x9eSj\x86`'62:\x16\x08r1\xb0v\xb8"</t>
  </si>
  <si>
    <t>b'~\xd7\xd3z&lt;\xd8\xdc\x8b\xd3&amp;\x9bF\x03;\xb3d\r\xd6\x115xEt~RW\x11\x88\xb3\xcd\x00o'</t>
  </si>
  <si>
    <t>b'\xf5\x19\x9fO\xc1Pow\xea\x13"\x9e0\x94\x16\xf1\x1eV\x19\x01`T\x0ej\x05\xf7O7\xb8\x83\'\x8d'</t>
  </si>
  <si>
    <t>b'\x1f\x91|\xca\x01\x9d$\x9d\x98n!D\xf4g\xa3H4\x1ai\xe7\xb2\xbc\x99*\xc2\xb2\xbc\x8b\xbb_;\xcb'</t>
  </si>
  <si>
    <t>b'?\xf2\xb6Vnr\n,\x9e\x96\x12Z\xf1~\xf8~\x08|*6\xef\xd3\x04b\xbf\x8cB\xa1_PX\xd7'</t>
  </si>
  <si>
    <t>b"\x01L\xa9\xc7B\xeb\xe1e'\xcbjX]\xfdC\xd4\r\x8c\xbd\xcf\x9f\x968\xa0\xae(\x1c\xf9\x9e\x1b\x1e\xdc"</t>
  </si>
  <si>
    <t>b'\x97\x8f\xad,\xc9\x02\xf1fc\x9d\x8b#\xa5\x06\x8c\xe9@\xbeV\xa5e\x8f\x10\xf9\x1a3\xe7\xb7r\xd1\x1d-'</t>
  </si>
  <si>
    <t>b'\xaa\x87\x01\xf5\x87\xf7\x87\x0c\x92\x94\xe0\x0e\xea2\xd2\xac\\]\xc2\xf0\xd3t\xa3=^\x8e\x01\xecI\xa5\xd8\xc6'</t>
  </si>
  <si>
    <t>b"\xb4\xc0\x8b\xff\xce\xb7\rE\x92\x9eD'w@\xd42\xdf7\xe61h3\xb5\xef(\x1a%\xc9\xc9\x16T."</t>
  </si>
  <si>
    <t>b'\xc0-\xaa\x1c\x01*\x95\x9bTH\x80\x95\xa0\xbeI\xf4\x17\t2\xab\xda\x10;\xc2\x02\xa67`O9\xb6z'</t>
  </si>
  <si>
    <t>b'L\x9fq\xedg\xab\xbd\x8bj\x88^{\xe5(\xb5\xb1\x9f\xee\\\x08b\xdfc\xed\xd5\xe0\x15|\x94\x9c\xbd,'</t>
  </si>
  <si>
    <t>b"\xc0\x8f\xa8K\xa1\xdf\x8a\x9c\xe8gy\xcbo\x9f\x9b\xf1\xb9Cx\xc4\x14\x1e+&lt;F\xccf\x88S'\xd8\x0b"</t>
  </si>
  <si>
    <t>b'\x8an\xdc\xaf\xd1O\xb5\x9ei\x89f^~q?\xf0:\xff\xcc\x0b!\n\x84\xadS`W\xd4\xdc\xc2 \x8a'</t>
  </si>
  <si>
    <t>b'm\xc9\xea\x18\xb4\xe5\xf7\xab\xc4\xabb\xd4q\xda_z\x01\xfc\x14\x10\x86m\xfe\xf9\x0c\x08o\xd0#\xcfB}'</t>
  </si>
  <si>
    <t>b'\\{\xe5E\x10\xe41\x1c\xb7 \xf3\xfd\xc0\x97\xc2\x95\xbfY\x17\x81\xd6\xa903r\xf6\xb2\xec\xe1\x0e\xe1\x91'</t>
  </si>
  <si>
    <t>b'\x14\xf8\xb3g`\x15C\x9e5\x83\xe3\xbdl\xb6N\x18\x881\xd8\xa8\xea\xe4:\xda\xdbu\x02"]d\xfd\x02'</t>
  </si>
  <si>
    <t>b'\xb1&lt;\x01\x9e\xef\x07j\x80\x13\xdf@\x0f\xbd:\x86\xce\xebKy`\x1f\t.|\x1b`\x90\xd2\xf1\x9c#\xc4'</t>
  </si>
  <si>
    <t>b'mI,\xdb\xde\x93`\x8d\xfb\x8b\xd0-\x16E\xb5\xb5\x12\xc4,\xa1\x83\x0bWi\xda\x9e\xf1\xd18\xd0\xc6A'</t>
  </si>
  <si>
    <t>b'\x0e\x9eP\x87\xfd\xdb;.\xf0&amp;\t\x08\xec\x97\xeeh\x9f\xa0\x9f\x7fSY\xc5\xf6\xcb\x14\xfc9r\xcd\xd0\xb7'</t>
  </si>
  <si>
    <t>b'\x9c\xe6\xc3\xdfr\xaa`[b\x15dv\x94\x9e"|\xf7W\xd3\xc7\xe5\x90\xed\xdc\xd7r`\xbd\xa5\xdf\x93\x81'</t>
  </si>
  <si>
    <t>b'\xb6\xbc\xee\xa0=\xcdI\x9b^\xb2`\xe6\xf8\xeaJ\xfd\x1b\x8b\xbb@\xee\xdfP\xcch\xc0\xaa\xb2\xd0\xd2\xa8u'</t>
  </si>
  <si>
    <t>b'\xa5\xaa\xbc\xe9\xc6\xff\xf6\xd6\xdd\xa2\xf3A\x01\xf2\xe0\x92\xf3^\xd4)eAy\xfc*\xa0|\x9fWR\xce\xd2'</t>
  </si>
  <si>
    <t>b'\xd2\xa4@\xcd\x06KU\xfb\x0c\xae]m\xe9\xde\x8d\x13\x8b\xb2\xe8U=\xe1\xfc\xe1\xf8B\xb6\xc3m5\x11\xb8'</t>
  </si>
  <si>
    <t>b'\xa3\xe6a\xe4Ww\x8e\xd8R\x81w\x97\xc3\x1b\x8d%\xeb\x05\x1e&amp;9\x8e\x16\xf4\x90W.&gt;\xf2\xa9pu'</t>
  </si>
  <si>
    <t>b';!\x88\x98;\xf50Z\x86\xef \xa0/\xd3\xe4\xf2AD]\x8c\x01@\x98\xb5\xc1\x87\x0b{i\xe7\xd0\x01'</t>
  </si>
  <si>
    <t>b')\x14\xd4\xcc$\x1d\x00A+3N\xf5\xbcW\x89Z3\x9e\xe4\xf0iM\xfa\nO\xf9\x8cS6/~h'</t>
  </si>
  <si>
    <t>b"\x00\x1e\xb3\x013K\xc2j\xee\x902b\x0e\x8eF\xb4E\xe1lG{\xe6\x92\xfdk\xfe\xf1*\xefn\x88'"</t>
  </si>
  <si>
    <t>b'\x93\xbd\x98\xba\xe1{\x14\x8e\x16\xc7Z\xfc\x1e/X\xa5\x1cN\xf9\xd6\xa9\x19f\xb5\xd8\xf0\x0c&gt;NX^4'</t>
  </si>
  <si>
    <t>b':i\xab\x01\xb4\x98\x1e\xe9~Di\xed8@\xafT\xf5G\x19\xff\x19\xf6\x1f\xb6\x83\xd6\xb0W36\x0e\x92'</t>
  </si>
  <si>
    <t>b'\xaf\xc9\xde/\x00\xb6T\x85\x07o\x00\xd9\xe1k\xb5\ra\x8b\xae)\x8cg\xe3n\\\xc9\xd8\x1eC\xcd\xa9\xad'</t>
  </si>
  <si>
    <t>b'-\x8ddr\xd5\x1f\xe8\xc5\x1d#\xde\x92\xd1\xf7\xcd\xeb\xb1\xcc\xdf\xb4\xd8}\xd0\xdf)\x0bOW?s\x01\xdf'</t>
  </si>
  <si>
    <t>b'7\x86Y\x87b&amp;l3s\xcc0z\xb4\xdd\x02 \xf7\xf1\x87~\xf2\x87\xbeFd`\xaf\xa0\xd8\x12\\\x9d'</t>
  </si>
  <si>
    <t>b"\x1f=\x16G\x0f\x00]\xf3\x8e\xc1\x89'\xc8O\x8b\xcd\xb2\x8b\x93\xd9A\x82\xbc\xd6\xe0\x1b\xf8\n\xf2\x99\x92\x97"</t>
  </si>
  <si>
    <t>b'j\xca\x8a\xd2\x88\x1bU;\x9e\nKQ\xf9(\x139T\xe7\xa6\xaa\x0eq\x9d\x8eXTI\xb5\xe3\xfdiM'</t>
  </si>
  <si>
    <t>b'\x0bZ\x92\x84\xa9\x97\xf4_&lt;R\xd7\x87\xd2\x1d\xb4\x8a\xb4_(\xd5\x17\xad"\x13\x8aJ\xe1\xbb\x9af\xcc\xb9'</t>
  </si>
  <si>
    <t>b'8\x8b\xd4\xfb60\x1b\t\xba\x91\xcc\xbe\x1b\xde\xe2Y\xae\x8cj\x1bn\xdee\x07\xf8\xe5\xbf@\x05\x90\x11\x82'</t>
  </si>
  <si>
    <t>b'\x18\xa3\xcdq\x87k\x0e$\n\x1c\xf5\xfe\x05\x83\xd21H;\t\x85G\xfa\xda{p\x86`{\xb3*\xa9\xb0'</t>
  </si>
  <si>
    <t>b'\x0f\xf1eU+\xe7*"\xa4\x1d\x92\xe3\x19[D\x8f\x06\xab\xee\x1c\xe7\xaf\x18\xf3\xef\x9bbl\xd5\xbe\xd6\x19'</t>
  </si>
  <si>
    <t>b'\x18\x9b\xa3\xbfP\x12\xbaJAv\x857\xce\x03\x03\x13\xb5\xd0U\x9c\xad\xbf\x0b\x17\xc3\xbd\x07\xf8\xee\x14\x1b\x8c'</t>
  </si>
  <si>
    <t>b"\xe7z\xb4'\x0f\xdbg\x88&amp;\x06\x1a\x136\xdb\xddD\x10b\xf8\xf6\x99\t/\x95n\xb0Q\xdcF\xa8\xeaj"</t>
  </si>
  <si>
    <t>b'$\x14S\xc7\xc0/,\x9c\x85\xa0\x88\x1f\xfd\x96\xce\xd7\t\x9b\xa8\x10\xb5\x1da\x80\x13\xd4\xb2b#H\x1ey'</t>
  </si>
  <si>
    <t>b'\xd0A\xc1\x99qV^\xa0\xe8\xfc\x82\x00\xa0\xd1\x01\xebo\x80\xe2c\xcd t\xaf\xfb\xdex1\xaf1\xcc\x98'</t>
  </si>
  <si>
    <t>b'\xe9a\x977B\x90U"]|\xbf\xf48&lt;\xeb\xa6E\xca\x05\xb4\x7f\xad\xe3\x18!\xc9&gt;vc\x9fY\xe1'</t>
  </si>
  <si>
    <t>b"\xb6\xa9\xe8\x1ca\x01\xe0Kv\x1f\xdb$\x8b\x0b\x89.F.'\x15\xb7{R${oT\x16$\xdd\xf8l"</t>
  </si>
  <si>
    <t>b'\x19\x85\xdb\x05=ht\xb1|%\xcb\x17e\x8b\xc3\xfc\x80\xc2m\xa6!-:\xe0/\x1e\xcd\x1c\xdcb\x03;'</t>
  </si>
  <si>
    <t>b'\xe2\xbb\xec\\4\x81\xb4K ^A\xdb\x975\x113\xab\x86\x16\xef1\xe30\xbf~=\x08\xcc\xac{\xfe\xac'</t>
  </si>
  <si>
    <t>b';\x04\xd3\xf8^\x81\x19\xa6EG\xdc\x03(\x83\\\xf8_-\xb7\xdf\xaf\x1a\x14\xcd\x8f\xba7\xc3\x07\xd1)H'</t>
  </si>
  <si>
    <t>b'2\xa0\x12\x1a\r\xf8\x0c&lt;\xb7%Kln\xa2d\x1e\xe0j\x1f\xe5\xb4\x89PruLZ-\xa9&amp;\xceM'</t>
  </si>
  <si>
    <t>b'e\xc3\x1d\xaa"\xd4\xd9\x97\x16\xda\xa9\xe2\xcb@~K\x80y\n\x9f3\x10\x1e\xc2\x91\xc9L\x94\x19\xbe\x03o'</t>
  </si>
  <si>
    <t>b'\xff\xd5tk\x1b~\x11#\t2\xc6\xcc4\x00\xf9\xbb\xca\xe6\x99o\xe3\x96\xb2\x0b\x1b\xa45\xfb\xb3\xa7\x17\xe8'</t>
  </si>
  <si>
    <t>b'\xb40q\xf7\x82\xd3o\xda\xddo\xe5@\xa7\xc1\xbc\x12\x80\xd4\xab\xbf\xa1\xb69\x83\x9b\xc8h\xdf\xdd\xe8\xf0v'</t>
  </si>
  <si>
    <t>b'oky\xb9s\x00\x83.; M\xac)c\xa7\xc6na\x8a\x9b\x15\xb2t0f*\x92\xf8\xc5\xd9\x85$'</t>
  </si>
  <si>
    <t>b'*\x92\xbfR\x99\xb6\xd7\xc3\x99\xdc\x0f\x0c\xfa\xa2m\xa6/r\xbc\xc0!\x19\x85\xf3\x88\x92f\xa3\xf6\xf3\xb2\x1e'</t>
  </si>
  <si>
    <t>b'\xd8\xb8-\xa0\xb7\xe0G\xcd\xe4\x81 \xae\x87\x9f*\xd7\xbeS\xf5\x80ZO\x07\xb3\t\xf1#2\xea\tl\xf9'</t>
  </si>
  <si>
    <t>b'\x1dBk\xddL\x9a`\xa0\xc5\xca:\xa7L 7\x939\x95\x83\xdef\xa7\xf3\x15z\xcb8\x85\xa0\xbd\xafL'</t>
  </si>
  <si>
    <t>b'\x8aOu.--\x7f\xb8\x1a\xed\x89q\x19\xb7\xa9\x8e\xa1\xf9-`p\xdb\r\x18\xd8;\x0b%\xfdmE\xec'</t>
  </si>
  <si>
    <t>b'6`\xc9.+f\x9a\xb3A%\xe8&gt;\x89\x15\xdb\x92m\x07\xcf \xcc)\xea\x8d\x00]\x00.P\xcd4\xe5'</t>
  </si>
  <si>
    <t>b']\xc7\x7fc\x9a\x9b\xe5\xb54\xf3\x84J\nD+\x96r\xcf=\x9az\x8a\x9c\xa8\xbf\xcb\x1d,\xd5\x82\x9c\\'</t>
  </si>
  <si>
    <t>b'\x80\x12\xf1y\xcc\x11\xda\xf9\x85\x7fa\x83\x0flV\xc1L\x82\xc7q\xac\xa5\xd7Q#\xc6\xe9{\xbe\xeb&lt;1'</t>
  </si>
  <si>
    <t>b's\x04\x11tsr\xebn_; \xe0\x04\xba\xb7\xccc@K\xe2\xca{|i\x1eC\x80Y\xd2\x9a[ '</t>
  </si>
  <si>
    <t>b'\xdar_\xd7\x8ficnP\xa4r5,\x16g\x11m\x93\x1a\xa0\xae\x1f\x86i\x0fS\xf4\xe2\xf5\tw\x01'</t>
  </si>
  <si>
    <t>b'\xfa&amp;\xf4\xb1?\xd3\xd1q\x07\x1e\x19#]J\xd0[2]\x9c\x1b\xc8\xd0f\x0e~\x04\xf3t\x821&gt;\x91'</t>
  </si>
  <si>
    <t>b'\xb7\xaed"Ok\xb0\xfb3\xa8\x81Q\'`\xe3\xbdo\xb0\xb9z\'\x1f\x8b\xa9\xb2\xec\x10d\xecC\xaa\xe3'</t>
  </si>
  <si>
    <t>b'#\xca\xe4\xef\x82\x86\xb7\xce\xf3\xa5\xf8\x92\x0e\xf4\x95\x9c\x19\x0f\xa0R \xc4\x9833\x97\x89(\xe9\x02\xa5R'</t>
  </si>
  <si>
    <t>b'\x94\x84m\x0e\x8dQl:M\xf1^\x92\x7f\xe2\x12a\xc6"VD\x90\xb3\x9e\x08L\xab\xe4NP\x94\xe9M'</t>
  </si>
  <si>
    <t>b'\x9a\x15\x03J\xdcn\xa9~2\xdeo\xc8~\xe7\xce~\x06\t9k\x9d\x03(\x88\xd0\xcd\xb6}\xe5&lt;\xb2*'</t>
  </si>
  <si>
    <t>b"\xd1\xec+\xa3\x89\xd0\x8a\xa1\xf23j\xf9\xbe\x81-\xc8;\xf0\xe6\x8c'O\x05\xd2*&gt;\xe5p\xffO*3"</t>
  </si>
  <si>
    <t>b'\xca\x17\xc6\xd4?"E*g\x92!\x0c\xdd\xe8 \x03\x85\n\xa8\xe2\xe4\x8f\xbd\xb4\xf0w\xa8\xf4\x00HUm'</t>
  </si>
  <si>
    <t>b'\x1b\x14$c\xb8j\x9b\x1b\xa0\x1a\x06&gt;6\xa8\xb7\x85\xd3i\x05S\xac\xff\x93"\xabhW\xf9#2fk'</t>
  </si>
  <si>
    <t>b"c\xc1#e\x9eI\xd0'MF\xf9\xfa\x1a\xbc\xd2\xf5\xa0R\xac\x17\xa9%o\xca\x08rgwu\xe7\xde\x15"</t>
  </si>
  <si>
    <t>b'\xf0\xc3W\xbe\xd0\x1f\xf3LU-\xea\xabz\xa4\x106I\xcc\x80y\xde\xcf\xbaJ\xc2\xab\xa34\x9b\xf9\xf6\xad'</t>
  </si>
  <si>
    <t>b'\xd4\xed\xabW\x8f0\x9d#\x1ai\x80xO\x92\tb\xaf94#G\xa6\xc7\xc1\xb8\x92X\xaa7\x94\x04\x8f'</t>
  </si>
  <si>
    <t>b'\xdfv\xb7 \x91\x85\xbf\xc3\x1e\x8d8^\xf2\xfc\xebc\xc7\x8e{\xd3\xb8+\x7f\xe4\x98\x15\x00#\x86Kk/'</t>
  </si>
  <si>
    <t>b'\x7f\xe3\xc0z\x10\xca@,~;\x0emG\xce\xd9\r\xa2C\x88UU\xfd\xc5\xe6\x1fY=\xd3s\x8f\x1f\xe8'</t>
  </si>
  <si>
    <t>b'\x81\xc0\x92m0\x95\xfaK&lt;\x8f\xb3\xfa\xa9\xf4N\x02\x98]\xdb\xf0\\\xa4.&amp;\xdfU\xb7\x8e=y\xad\xb2'</t>
  </si>
  <si>
    <t>b"\x1afM\x07b\x05\x9a\x1fm\xedZ69\xdf\xef8\xe1\xfe:\x11\x1c=f\x1fy\x96,\x9f\xa9\xfd'\x12"</t>
  </si>
  <si>
    <t>b'\xae*\xa4\x15\xd3\x9a\xfe\x87\x17ow/+\xb0i\xe7\xc2\xc6\xf2O(\xa8\xd0\xf5\xcb\x10\xde\x1f#\xd5\xd6w'</t>
  </si>
  <si>
    <t>b'e\xca1\x15U\xe6\xdf\xd4\xee\xe2x \xf8\xf3\xa1@,\xb4\x98)o\xbf-\x95z3-\xb4\x8b&gt;\x14\x81'</t>
  </si>
  <si>
    <t>b'\\\xbd\x84\xa3\x9au\x94\x99\x9e\xc9KS\x8c0j\xa2\xecES\xf2\x17\x9f\t\x89\xd8\xc8\x03Mok\x13\\'</t>
  </si>
  <si>
    <t>b'\xa2\xd2\xd1\xe5,\xca\xb5\xcb.\xeb\x17\xfd\xb8\xb0O\xe2S\xf3\x99\xaf\xe8\xcf\xff\xee%\xf8\xfc}\xc1\xd0y)'</t>
  </si>
  <si>
    <t>b'\x92\x83\xe2Q\x9f\x01\xddb\x0fIP\xb5\xde6Y\x85\xf75\xa59\x7f:\x1462C\xc6\x06tmN\x8c'</t>
  </si>
  <si>
    <t>b'?!C\x0c\xc2\x84\x9d\xc9\x919\xdb\xf8J\xa6R\xb0\xe5:\xee[M\xe4$T\xec\x9f\xf3\x1b?V~\xd0'</t>
  </si>
  <si>
    <t>b'H\xec\xa2\xff\xf1\x88~\xfa\xc1O\xe2\x91\xc7\x92\x0fF\xb6\xc2EqQ\xa3M\r\xa9\x06b\tR\xaf\xc2\xfa'</t>
  </si>
  <si>
    <t>b'\x05\x1a\x8d\x9f$\xba\xebx\x0eKQ\x84\x86\xf1\x01\x10\x1f\xb3q\xa5\xad\x05\xb6\xb2B\x98\xb8p\xb5\xc3\xf6\x7f'</t>
  </si>
  <si>
    <t>b'O\xf3V^f\xc0\x82$\xa1\x1a9\xdc\xa7\xa2-\x82\xa6 Y\x8e\xac\xb8\xae\xcd\x8a\x05\xad}\xe1\xa8Gg'</t>
  </si>
  <si>
    <t>b'Eb\x1f\x80\x87,\xa9\x08&lt;\xe9\x1b\xc3\xf17E\xd4\x01\xa7_\x98d\x11\xdf\xa2\x9e%\xc2\xe2+\x1b\xaf|'</t>
  </si>
  <si>
    <t>b'\x9e\xf4g\xec#\x94\xedG\xe4\t\x10\xa8\x04\xca\x1d\xdd$\xd3\xd0\xf5l\t\xad\x8d\xd8\xbe\xad|\xd9H\xae\xc8'</t>
  </si>
  <si>
    <t>b'\xa8\xe7%\x14\xc1\x0eUp\xf3er\xbf+\nz\x19\xdd\x02\x95\xc6\xf5\xdc[I3.\xf0\xd4$\xff\xf1y'</t>
  </si>
  <si>
    <t>b'\x9a\xf6\xa7\xf1^*4\xc6y\xfa\xf2\x90\xadk\x18\x01=+\xe3\x01\xd8Ut\xe6\xe6\xe3E2\xaawH\xcd'</t>
  </si>
  <si>
    <t>b'\x16\xce\xcb&gt;\\\x80\x97\xbdr\xd5\x13\xa2\xfa\xaf\x01\xfe\xb4\x17\x9b+\x1a\xf5^P\x1f\xacze\x86\xbf8f'</t>
  </si>
  <si>
    <t>b'\x1d\x0f?\xd8\x8d\xc5Z=\xfby\xdc\x98sK\x0c!\x88y\x81"r\x8e\xf6\xf2\x9f\xf5\x94\xe8\xcbM\'\x82'</t>
  </si>
  <si>
    <t>b'\x1dx\x1a\xf2$kx\x1af\x1c\xbf\x91\x86\xe1Gm[\xb3*z`\xaf\xf9\xc9\x8f\x17\xc4qm\xa1\xec\x97'</t>
  </si>
  <si>
    <t>b'v5\xf1\xe4\xc8L\xaf\xd2y +E\\PGB\x9falz0\xd2\xb5{\x0b\x82\x17M\x98j30'</t>
  </si>
  <si>
    <t>b'\x94K\xd7\xcd\x80F\xefh\xc5\xc6&gt;\x84-\x1cP\x85\x8b\xb1\xa3i@\xf5/\xcf\x8e\xea\xe9\xad\xb8\xbe&gt;\x0e'</t>
  </si>
  <si>
    <t>b"c\xe6\xa8\rT\n\xe9\x97\xdd\x9c\x97\xd9AL\xe1\x0f\xf2\x96\xe0x\xc6\x9a'u5:3\xeb\xb1\xc1\x99\xb1"</t>
  </si>
  <si>
    <t>b'u)\xd5\xf2\xde\xe5m\xec\xa3\xe99\xdav\xb0\x95\xd2\x92\x90\xaf\x01hl\x84\xa5\xcc\xb0K\x0fA\xc4z\xec'</t>
  </si>
  <si>
    <t>b'\x116\x02\x91\\\xaf\x1e3\xae\x1c\xb3\xf3\xbd\x84W\x8b\xb8T\xcf\x0b\x93&lt;\x96\x0b\xbe\x01V\xfb\x9bS\xafd'</t>
  </si>
  <si>
    <t>b'\xb1\xd3\xd6t\x11\xf22kB\x93\xb4\xde[gW*\x94\xa7?\xfdF\xbfv\xcb\xb8k\xe3\xd3:\xf95v'</t>
  </si>
  <si>
    <t>b'\x89\x81\xeb\xdc\nG\x084\x1c\xf5I\xf7\xdaP\xd2\x86&gt;a\x15\xd3\x8c\nYo+\xbd\x03\x13\x0b:Y\xc4'</t>
  </si>
  <si>
    <t>b'\xdcTb\xaeg\x11^\x1d-\xaaVEs\x81\x8c\xa4\xb4\x08\x8f\x9e\x1cF\r\xcfe\xc8^E\x19\xdb\\\xc2'</t>
  </si>
  <si>
    <t>b'\xd2Q\x90-sW\xe6\xb80\x00\x83\xd7 \x00/\xd1[\xc0~\x016h#$Y\x97\x97\x17\xa1\x1a\xb7\xe9'</t>
  </si>
  <si>
    <t>b'\xf6\xcf\xc6\xc7(\xb0)D\x92\xb1Uu\x8c\x1e\x1c\xce0H\x86\xfe\x0e\x9c\xff_]\xec\x8e"l\xee\xd4='</t>
  </si>
  <si>
    <t>b'\xa5*Nm l\xb6]p\xf5HH\xbf$\xc7\xe6\x84\x7f\xd1\xdfPv\xc5|\xdaW24!\x05U\x9e'</t>
  </si>
  <si>
    <t>b'\xb0y\x03\xed@\x8f\xdb8Fqy\xd3Y\xde\xc6\xdc\xe1\x83\xb1\xdc\xd3_\x82d\xbaw\xd6\xba\xd9\xc1\xb2\xcf'</t>
  </si>
  <si>
    <t>b'^\x86 \x8c\xbd\x04\x91\xed\xee\x96:&gt;\x05q\xd9Y\x03:\xda\x93\xfc\xf7;\xf9;\xd9\xac\xb9)\x90\xb6\xbc'</t>
  </si>
  <si>
    <t>b'\xd4\xdcT\xad\xd9\rH:\xe0+\x8cm\xd1\xc1\x9aa\x95\xe5&amp;,T\xa8"[\xbb\xa4p\x10\xac\xdb\xdd\x80'</t>
  </si>
  <si>
    <t>b"\xdc|\xecog\xe6i\x88u\xca\xce\xcf\x86\xa5Y\x8c\xdcA\xd3\x8f\xb8\xc0\xbai\xd9M'\xd5$\xa1D\xf2"</t>
  </si>
  <si>
    <t>b'c3\xf4\x9d\x05/\xe2\xc7\x92\x94\xf9\xa2B\x1f\xfb \xf9\x8e\xdet|,x\x1d]\x9a\x070\x9d9\x12\xf1'</t>
  </si>
  <si>
    <t>b"d\xf2&amp;\x8fKJ\xa4\xdc:\x8dA\xad\x13\x83\xdb\xe1\x99\x88\xe6\x165\xeb\xfa\xd9\rho\xa7P\xb2'\x13"</t>
  </si>
  <si>
    <t>b'P\x07\x1a\x85\x9f\xb8\xbe`\x12\x1d\xf7\xd2\x94S\xb2&gt;51a\x08(\xae\xdd\r\xca\xcf;\x1d\xfe-\x89;'</t>
  </si>
  <si>
    <t>b'\xba\xecwE\rE{X@\xce\xa93\xe2`q\xc1\x1e\xdd\xb3op\r\x12_\xc8\xb66\xdcQ\x0e\x00c'</t>
  </si>
  <si>
    <t>b'\r\r04`\x18\x11A\xf8\x8e\xb0\x8f\xb1\x94\xcf\xc3-\x00_\xb3S\x81\x93\xd9\xb1\xdd8\xd5\x83\x96)x'</t>
  </si>
  <si>
    <t>b'9i\\0\x94\xc1\xa0)6\x80\x1es\xca\x04\xd1`\x0f\x12\x03\xa9]\x9ds[C\x95\x7fc\x83\xfa\x9c\xff'</t>
  </si>
  <si>
    <t>b"0\x81\xcb\xefJa\xd8 \x9cAN\x83\xb5^\x9f\xc0\xa8wD%\x16'\x081/\x88\xa0\x8c\xa4\xea\x04\x8a"</t>
  </si>
  <si>
    <t>b"\x11\xcc\\\x18\xa2E\xa3#Kf\xef\xfc$Y#\x90\x04i\xc6N\x8f\xe3\x8b;'\x13\xab\xf9\x10\x7fW["</t>
  </si>
  <si>
    <t>b'\x82\x8b\x85\xe5\xdb6\xa2\xd2\xa8\x93\xfc\xcf\xae\xb7\xb4\x83\x04Kz\xbd\xbfr\x041c@PM\xa5\x0cbe'</t>
  </si>
  <si>
    <t>b"\x1a\xfa\xb6\xf8\x01\xc3\x08\xe4\\w@i+\xb5\x8dz\x80\xf5'\xbfR\xfcz\xd1i\x8c\xa7\x0c\x90\x1c\xc5l"</t>
  </si>
  <si>
    <t>b'i\x04\xbb\xa4\xcb\x97[\x9d\xa7\x17\x1eY\xd9\x8b\x98*p\xf4a?m\xec\xcd\xc37\xde\x99\x9eq;\x90!'</t>
  </si>
  <si>
    <t>b'\x06\xf2I\xb0\x95\xd4\x18\xb4 \xa7\xa1KV\x04\xc1u\xa4K|\xb4\xa3\xb1\x15&lt;\xdf\xd7gu\xd2D\xe0\xd9'</t>
  </si>
  <si>
    <t>b'\x8dX\x85\xd81\xe2\x18u\xd8d\x85X%\xc5\x84\x02\xf5c@\xad\x8e\x02c\x81R~\x88\x16\xfd\xe7\xac0'</t>
  </si>
  <si>
    <t>b'\xa3\x01\xd9G\xbf[\x1a\xa6V\xbe\xc7"\xab\x0c*\xb73\xf7\x13\x7f\x0e5T\xf1Q\xb43\x1c\x98\xcf\xa5z'</t>
  </si>
  <si>
    <t>b'\xdf\x8c\xf2(\xe4\x13\xc6\x1f\x95\xcd\x19 \xaa/\x8aV\x85 \xa1\xd4\xb8,\xdd\xa12\x89\x88\xa5\xb2\xf1H\x9a'</t>
  </si>
  <si>
    <t>b'\xb07r\xce\x17\x13\x94B\x1b\x96\xb4G\x90-(\x1a\xdf\x0f\x04]\x18\x07\xef?\x12\xf9\x9c\xc7]\xdb\xe3\xf0'</t>
  </si>
  <si>
    <t>b'Ka\rW\xe1\xd4\xbc\x1c\xf5\xf4\xc2l\xf8z\xe5\x95\x05\xadH?Cx\xed\xf2\x87\xcc\xac9\x1d\xa2\\\xb1'</t>
  </si>
  <si>
    <t>b'\x19\xa6\x9e\x1a\xb34\xd6S4\xf2\xd0_|\x1a&lt;\x96\x85t.\xb1\xb1W\x1fyQ/\xc5\x0f&amp;\xa2\xbc\x12'</t>
  </si>
  <si>
    <t>b'\xc8o\xc5\xda%xu:*\x9f\xe3\xbe7\x11 ;\xcf\xac9\xe12\\\xeeq\xa7\xbaejz\xdcS0'</t>
  </si>
  <si>
    <t>b'\x9e\xec\x03\xc2\x8bBW"\xa7\xe0D\\\xe5N(\xc57\xaco\xd8\xac\xe5\'}S~\xb9\x9ac\\ \x13'</t>
  </si>
  <si>
    <t>b'\r\xf3\xf9OZ]\n&lt;n\xec\xd5@\\`*\xa2\x087G\xf1D\xc6Y-\xd2\xb5\x9a\x95\xdc\xa5\x8d\xb9'</t>
  </si>
  <si>
    <t>b"\xc0fIY#=\xf5'Rnmc\xac\x07\x07\x91\xd4T\x03\xc6\x86\xc7O\xe3_\xa1@:0\x9c\x99\x1c"</t>
  </si>
  <si>
    <t>b'7\xad\xa5\x0b\xeb\x17\xa7JuH7\x80\xe0\xebm4\xc4\x97\x99\x92\xfe=\xc9\x1a\x85\xd0\x8c8\xca/\x91g'</t>
  </si>
  <si>
    <t>b'\xac\n.\x17\xa3\x05A\x9ec[M\x8f\xb9\x1e.\xf8\xf8\x12\xcb\xcd]E5\xb9\xd9P\xa6\xbe\xec\xcb\x17\xf3'</t>
  </si>
  <si>
    <t>b'p\xcd4\x85\x95\xe3p+~\x1e\xeb\xc9Q6\xe7R\xd7\xc2\xe8\xf2*x\xd0\xa3Y\x1a\x86\rq{I\xed'</t>
  </si>
  <si>
    <t>b"\x16\x1b\xc9:\x17Dv?\xed\xc4\xf8gg\xda\x1b\xd1Gi@I[\xeda}\xe1\xd0$\x14 ''\xda"</t>
  </si>
  <si>
    <t>b'\x18\xc9\x0bt\x8f\x92\xd9\xc4\x1f/\xae\xb4\xa8\xf9\x01\x1dG#\xd6\xf0\xcc\x1b\xd8\xa3\x12\x95j\x9cX\xffz\xe5'</t>
  </si>
  <si>
    <t>b'\xff\xc4\x99gq~\xf0i\xff\x90H\x8a\xd0\xabtA%\x0c\xbd\xb8\xd4\xe1\xa1\x16\xf1oH\xe5\x9c;\x0c\xb0'</t>
  </si>
  <si>
    <t>b'+\xc4\xd3\x08\r\xe7\xddB\xfa\x82{\xb7\xc4\x1b\x7f%@&lt;\xc5\xe701\xa0\xc2\x19\x95$\x06V\x94\xcd6'</t>
  </si>
  <si>
    <t>b'\x11\xbd\x05\x1dl\xe3\xd8\xd2\x0f\xde\x05Zio\x08\xab\x16#\xdf\x02E`R\xd1\xc7;\xf4\x08\xd7\xca\x02\xce'</t>
  </si>
  <si>
    <t>b"u\xef\xdc\x1c\xcd\x11\xeb\xd0\x85\x0f~\x07\xd5Wbb\xd6\xf9\x9a\xf65\xf6\xbd'\x07k\x8e+u\x9bc\xd1"</t>
  </si>
  <si>
    <t>b"\xdd/%\xc8\xde|ND\t\x08\xec\x93\x8b\xdb\xb4\xb8\xb7j'\x97\xc2g'NE\xda\xf7\xa6\xd9\x0b\xc2\xf8"</t>
  </si>
  <si>
    <t>b'u\xd5\xaap\xe7\x9bc\x1bBQ\xd2t\\q"\xbb\x95\xdc*\x8f\xb8\x7f\xfe&gt;\x9e\xa1b|\xe2\xce\xae{'</t>
  </si>
  <si>
    <t>b'\x07\xb2D\xb9^\xf5\xa5\xd3X-\x92X\xcc\x90\x00\xe7\x08\xd9&gt;Q \xf9\xc0\xff\xb76\xc6\x91\x83\x0c\xd8\xb3'</t>
  </si>
  <si>
    <t>b'\xb22\xe0\x17\xc3\xb4\xfb\xc3\xac\xc6\x10\x83\xaa\xd2\x11\xf5Q\xd5\xddXQ\x1c\xc7\x0c\t\xa8\x1d|\xd4\xb9\x0f\xde'</t>
  </si>
  <si>
    <t>b'rZ\xe9\x80\xc3\x1b\x18u\xf3\x88\x82Zx\xa7DM\x02T/\xf1\xd2Me\xca\xae\xbe\xf4\xc8\xaaW\xd0a'</t>
  </si>
  <si>
    <t>b'+\x95\xf4\xd1X&amp;S\x98\xa772\xfb9F\x9b]\xa5F\\\xdfr\xd2\x9f\x9c\xea\xe0;\x90\x8a\xc3+\x12'</t>
  </si>
  <si>
    <t>b'M0?S\xd3\x9a\x97(t]V5C\xf9\xd0\xf4\x87\x94\xb8\xf6\xb3/\xd7\xf5\xd5l\xdc\x01\x8a\x96\xe4o'</t>
  </si>
  <si>
    <t>b'\x00\xe1\xef\x1f\x95\x83\x91J\xa0(6\xc8\xf4\n\xe5\xfaD\xa1\xf4\xb7h&gt;P\xbc98\n\x1e+\xe3\xbdn'</t>
  </si>
  <si>
    <t>b'\x91=\xc0\x0c\x12\xe7\xdb\x14\xf02\x97\x92\xcc9\x9c|\xa0N%\x9f$\xf4\xb7\xdc\xe8d\x8b\xc0"\x0eE\x94'</t>
  </si>
  <si>
    <t>b'\\\xc4\xae\x86\xa8\x9a\xc8X\xfaV]\xa4\x89\xed\xd2\xea?P\x02\x9a\xa3K\xff\x99]\xf3l\xe9\xe5\x8d\xdb-'</t>
  </si>
  <si>
    <t>b'w\xfa\xb5\x0c\x81+\xad\xce\xf3\x0b\xb6\n\xac\xc7\x10n&gt;\xd93\x9c\x167\xa7\xc0x\xc9\xdb\x87F\x8b`\xef'</t>
  </si>
  <si>
    <t>b'\x88\x8c`k&amp;\x96&gt;!\x16\xe8p\xf2U \xcc\x8d\xea\x02\x82\x9ci\x19\x0f?\xf5\xb8p\xe0\xb4\x1e\x7f\x0b'</t>
  </si>
  <si>
    <t>b"\xe1'\xb9 \x1b\xd8\x89k\xe7\xcaV~\xe6\x15\xea\xfeP?\xecc@\xa3\xb7\xa2_\xc7f\x15\x16.:\xeb"</t>
  </si>
  <si>
    <t>b'Sb\xfd\xdc%0\xcd\xe3\x181\x0f\x13\xf3\xb2\x04\xf4\x10de&gt;2\x98(\xf7\x91o\xf0\x15\\\x8b\xd9\xc8'</t>
  </si>
  <si>
    <t>b'R\t\x11\x7f\x07ag\xa3\xa8x\x99\\\xa0aUc|6\x90\xb5\xae&gt;Xw\x82L\xe0\xdb\x80\xa2\xf4\xa9'</t>
  </si>
  <si>
    <t>b'P\xdb\xdfV\xd7\n\xb4!\xbb)[\xfcP?E\xbd&amp;\x1cq)&gt;\xb2\x03\x81\xceN\x1d\x81\xbb\x15\x17\x9a'</t>
  </si>
  <si>
    <t>b'\xb0\xc1f\x08\xa9\x08&lt;\x12}G9\xb0\x99\xbe\xd4n\x15\xde\xf7Xm\xa34\x0e\x833\x94\xb6M\xf0\xf0\xa9'</t>
  </si>
  <si>
    <t>b'\xd4\x92@\xa1x\x10%\xbb\x1e\x1b"i\xd2\xf17\xea\x0f\xb5\xbc\\p\xf4\x1e\x14(#\xc1\x11\xa8\x1c\xb8\x02'</t>
  </si>
  <si>
    <t>b'\xae\x8eR+\x94G\xc5\x87\x9d#\xc3X\xc8\xea:\xd7q\x19~7\xf1\xa9\xda\x88lY|\x99#\xd9$p'</t>
  </si>
  <si>
    <t>b'5|-\r$\xaeVHy\xddz\xcdB\xbf\xfd\xd8\x89t\xd21m8n\xdb\xa4\x95Q\xe8\x9e\xddf~'</t>
  </si>
  <si>
    <t>b'\x1eA\xe8p\x0c\xc6\xf290\xf6\x07N+\xef9U\x03S\xaa\xfc\xf3&gt;\ra0\xb8\x85\x1e"\x14$\xc7'</t>
  </si>
  <si>
    <t>b'7y\xdd\x89\xfd\xd2\xe3\xc8Q\xe9\x9fr)\xb8\xef\xe0\x9e4\xd4\x0c\x8c\x82\xa4_\xad\xcd\x107\x8d\n.\xa8'</t>
  </si>
  <si>
    <t>b'\xe1opO\xa2\xb2z\xef\xbaO%\x98.\xe7\x8eu\x95\x94\xa4s\xd5\x05f0\xb6\x89\xf5UK\x9f\xd0\xd8'</t>
  </si>
  <si>
    <t>b'E\x91y\xb5\x06\xc7\xe4\xcb\xb6\xaf\xf4m\r\xe2\x85\x00\xfc\xb9W\x87I\xc7\x8dS\xbcx\x1c\xee\xd3|\xc3\xa7'</t>
  </si>
  <si>
    <t>b')K\x08\x9f\x83\xe4\x85\x94\x9c\x99\xa0s]Xw\xe5\x17\x97]\xe8]\x0c\xd2\xca\xafO\xa4\x8e\x1a\xae\x92U'</t>
  </si>
  <si>
    <t>b'\x94a\xd2\x95*:\x1439\x10v[\x1b\x8f\xf4\x9bS]\xf4\x0fS\xc5\x14r\xdc[U\xb1\xb1\xf6\xf7\xf4'</t>
  </si>
  <si>
    <t>b'q\xa4Q\xe0\'\xe3yD\x82dx\xe6w\x10\x00\xb2\\\x99s\xe7X\xa0Ta\x07\x1e=,A\xf4"\xa8'</t>
  </si>
  <si>
    <t>b'zl\xa0\xf9\xaeD\xa9\x9d\xbd\xa5\x8a\xac\x990\x9b\x1dQ\xebc\xb36Z\xadhUt\xec]\xd7"_\xf8'</t>
  </si>
  <si>
    <t>b'jW\x82\x8e\xd7\xe2\x1d\x1cMSC\xc5\xe1\xf5\x0c}\xc9\\?h\x84\xfdQ\xdf\x01\xff\xdc\x1e\xf6\xba;@'</t>
  </si>
  <si>
    <t>b'r\xd3\xf1&amp;\xfc\xdc\x80\xb5\x03$d\xdd\x89M7\x92\xb0\x84\xbb\x1e\xa2\xa2\xb9@^\x04\xf8\x81\xd37\x92\xd5'</t>
  </si>
  <si>
    <t>b'\x184^\x14T/&amp;\xe7\xd9\xeeO\xbdX-3\xf8\xbeK\x93UaJ\x8cz\x18\x93E\x0e\xf7\x15\xbf\xc1'</t>
  </si>
  <si>
    <t>b"\xad\xcc\xebo\ti\x85\x0b\xd76;'9\x10\xbd\xdc\xd6:\xdd8\xc7V3EW@\x00\x96\xd4\x15\x00l"</t>
  </si>
  <si>
    <t>b"kB\xc0\x83g\x8bQ\xaf\x1f\xda\xde'\x14!u\xad\xc5\xa3\xf6\x07\xa9\xda\x08\x10\xd8\x9f\xa0\x1d\xdb\x89J1"</t>
  </si>
  <si>
    <t>b'0\xff\x13\xcbh\x03\xf1\\\xe6_\x06\xea\xc0\xaa0\xbe\xc2\xa6\xbd\xac\xf8\xd7j\xe9\xa9\xb4\xe6X\xce\xec\xe9\x17'</t>
  </si>
  <si>
    <t>b"\xa8%3\x17\xe4\x1ah\x0f\x9b'\x15\x7f\x91/\xdc\xa1\xdag\x87\xa7\x0b-+s\x18\xbc\xac@\xf2J\xa2n"</t>
  </si>
  <si>
    <t>b'\r\xff\n\xd1\xce\xddR\xba\xac\xe1\x98\x18\xb0\x8b\x8e\x07`\x99p\xaeAx{\x92W._\x19t\xb7\xc5\xff'</t>
  </si>
  <si>
    <t>b'\xca\x0b\x98\xa5\xdc\xadJ\x03\xdbX\xf1\xfaJ\xed4\x07\x1d\xe9~\xedZ\xf1\xef\xa0\xbd\t\xe3\x12\x0b\xd8#\x7f'</t>
  </si>
  <si>
    <t>b'\x1ffvE\xe0g\x11\xa8Q\x11i*\x066\xec\x9e\xe0\x1f\xdc\xf5\xc2\x04\xde\\\xbf\x8e\xf2\xda\xc0\x9a\xd7\xea'</t>
  </si>
  <si>
    <t>b'\xc4&lt;q\xec\x8e_L\x18\xa8R\xa0\x0e\xa7X\xae\xcf\xc9*\xc5\xb1\xbd\xaa\xdc\x0fb\x1c\xf72\xcc\xdf&amp;%'</t>
  </si>
  <si>
    <t>b'\x0b\x17\xd8\x1b\xee;l\x90s\xdf![\xc3\x9b:-\x96\xe5i\x9fVC\x12\xa6O\xfd)H\xf4\x90\xcc\xea'</t>
  </si>
  <si>
    <t>b"\r=\xc9\xab\x13\xb9.'\xc4\x9f{\xa3v\xdc \xd9{H\xc0,H\xaami\xf5\x911\xd0tM\xa9?"</t>
  </si>
  <si>
    <t>b'\xb9\xb4C\x10\x9a\xa2\xeavp:\x87 \xfa\x08w\x07\xbb\x1e-\xa0\xe9\xd0\x91&gt;\xfb\xab9\xa7M\x88\x03?'</t>
  </si>
  <si>
    <t>b'\\\x82\x14z\r\xc7Y\t\xe8\xa4\xb6\xe1\xc4w\xc6f \xf5\xb8d*\x00\x9aT \x82\xbd\xf6;Z\x14\x18'</t>
  </si>
  <si>
    <t>b'\xb7\xcd\x88e\x9c\xf4\x15\xdc\xdb\xb7\xc0F\xca}\xb8*#\xd4\x16K\x8aHy\xf0\xa0\x93\xffvb\xe5\x03\x16'</t>
  </si>
  <si>
    <t>b'\xd9\xf8\xba\x0c$%\xee3+\x1a\xc7\xa5R\xbe\xbe\xaf\xe3\xed\xbf4\xf3\xf4\xb1\xdd\xb6\xaf)w\xbe\xf7\x04\xb9'</t>
  </si>
  <si>
    <t>b'"\xc4\xef\x97\xce\xfc\xe0\xe3\xe4\x97\xc2\x14G\xbc\xf5\xf3oT\x16\xe5Z0M\x15&amp;N\xcf\xf4\xbcc\x8dd'</t>
  </si>
  <si>
    <t>b'f\xf7)\xa4&gt;)7\x00\xe1X4Qn\xf2\xbee\xaez\xe2\xcb@bT\xff\xc3\xec6\xbd0\xb5\xc8\xce'</t>
  </si>
  <si>
    <t>b'\x92\xe5Lb\xc6\x94\x83k\xde\xc0\x9ar\xea\x8f\xe5\xd8\xd9q\xab\xe8\x83E\xaaZ\xb0\x08\xab\xb3\xc7 5\x82'</t>
  </si>
  <si>
    <t>b'\xb8\x94\xb3]\xbe\x9dA\xd8Yw\xee_v\xbcQ\xd3a\x10*\xd6\xdd\x99\xfd\x8c\xbd\r\xf2\xe8\xf1\xea\x1b\xba'</t>
  </si>
  <si>
    <t>b"2\xe4\xc2\xc4'\xaf\xc6?;(\xd9\x14&amp;\xe9\xcf,\xcb@\xf8\xbd\xd1c\x05|\x1e^l\xa0\x824z\xe5"</t>
  </si>
  <si>
    <t>b'\xef\xb2\xe0\xe5Z&gt;\xfb\xbf\xec\x9f\xe3\x9f\x91x\x18\x14\xf7{\xb4\x9d\r$\x10\x1eY\xa5;\xae\x81\xf9Ck'</t>
  </si>
  <si>
    <t>b"\xb3@o3P/v'I;\nZ\x02\xbb\xd1z\x86\xcc\x16\xa5\xa23\x05]U\x11u \x1d\x07T\x8b"</t>
  </si>
  <si>
    <t>b'qq\xc1\x018i\x84\xf9\x07\xc2\xe0e\xf6\xd9t\x83\xb5T\xad\xe2`\xa4B\xfcT\xbcG\x8aO\x0c\xd6\xa8'</t>
  </si>
  <si>
    <t>b'\xa4O\x95\x18\x93\xb6\xa0\xfe\xa6mN\xc3E\xf1\x7f\xd9\xfb\xa6v0or\xac\xfaK\xd3\xf4\xe3D\xea\xf3\xeb'</t>
  </si>
  <si>
    <t>b'\xd9=\xf3;\x19\x80\x10\xac\x16\x14i]P&lt;"\xd8S\xee\xc4\xd6U\xab\x7fQTL~8\xc8\x9c\xd0Y'</t>
  </si>
  <si>
    <t>b'\x83\xa9\x19\x81Ni\xfeJ\xc4\x81,\x9e:\x83\xa9m\xfd\xe1o\x0f\x03\xd1\xf7\xd2h\xc5\x9dM\x82g\x7f\x07'</t>
  </si>
  <si>
    <t>b'\xd5\xa2\xd5\xf7At\x0e+\xaa\xec#\xaas\xc6,eC\xaa\xae74N\xe4\x84\x1e\xb78\t\xe9\xdb\x9af'</t>
  </si>
  <si>
    <t>b'du)u\xcc\xeeM\x1f-;0\xa6?\xfd\xd8\xa2\xfegl9\xaa\x9e\x1e\x9e\x8b\xcd\x87\x99\x92\xb2\xf8\xcc'</t>
  </si>
  <si>
    <t>b'\xec\x000aR\x8e\x83\x92s\x90p\xf7\xa9Bl\x8d\xa8l\x02\xe1f\xbeUz\xa9Y?Wx\xb3\xf6\xcb'</t>
  </si>
  <si>
    <t>b'X\xc6\xc0\xf2\x1df\xdf\x80|s{\x9c2u\x81\xf3z\xd6\xd8E\x80\xac*\t\xfe\xfaT\xc1\xf4\x86\xa4\xc5'</t>
  </si>
  <si>
    <t>b'\xae\x00,\xafGJ\x03\xc5\x1c+\xaa\x9dIyq#:o\x18Z\x97\xc3\x98\xbd\\P\xc9\x15[\xf1\x97\xff'</t>
  </si>
  <si>
    <t>b'\x8c\xed-\xce*I\x9e\xcb\x86\xdfk\xdc\xab\xc3\xdb\xc5\x7f\x05\x96\xda#L0F\x9f)p\xe6\x08$+\x14'</t>
  </si>
  <si>
    <t>b')\xc6|\x19\x8a\xd8H\x16zAztN}r9u\xaa_\xad\x02h\x0f+\xe6}i\xe0s!@b'</t>
  </si>
  <si>
    <t>b'P\xec\xa1\xadME\xee\x13\xf7\xbd\xbee@\x06\x05\xed6\x83y\xbc"\xc2J\xbcw\x98\xaeU\x97&gt;\\0'</t>
  </si>
  <si>
    <t>b'\xba\xde\xc1\xf4+\xbb\xd6J\xc46\xf1,\x9f\xd0\xa8\x04\xeci\xd0\xe1\x19\xeb\x19\xf6\x98\xb2\x90\x94\x19l\xc4~'</t>
  </si>
  <si>
    <t>b'&amp;\xa5\xceN\x03\xee\x07:f{$0\xf8\x9d\x1a\xd2,\xd8s]\x17\x9b\x86u\xd8U\xd4\x82\x1fq\x98R'</t>
  </si>
  <si>
    <t>b'\x9b\xb7@W\x0f\x91QiY\xa4\xa8\xfc\x06\x8f@\xcd`\xbb\x99\x05\xe1\xe3\xee\x07\x13k\xbd\xb3\xec?}_'</t>
  </si>
  <si>
    <t>b'\xf7\xf9\x08-\xa0\xd0*\xdd~\x82\xc3\xdf\xe9\x00\xf5\xae`\xcf\xb0\x7fw\xbf\xf0\xbe\x08\xd6\x19\xe2\xd7r\xe4\xa4'</t>
  </si>
  <si>
    <t>b'1\xda\xdd\xa10\xf3\xb4\xc8\xcb&amp;TE\xf8\xfc\xad\xe7\xf9\xa2\xf1\x8c\x17\xbf\xac\x90\xc6\x8a\xb23\xb51\xc4m'</t>
  </si>
  <si>
    <t>b'IW\x9d\xc6\xab\xee\x82\xbc&lt;{\x9c\xea\xdfh\xb7\x93\x04\x89hW_\x12(\x15\xbfy\xbaXc\x01\xc0B'</t>
  </si>
  <si>
    <t>b'q&lt;\x06\x05-\xc6\x93\xe6\x86\xaeFC\xaaA\xf3)l\x8d\xc7\x11z!\x83\xc3\tH\xc5\x8f\x97\xf4f\xdc'</t>
  </si>
  <si>
    <t>b'}5l\x00\x1a*&lt;^\xa8\xe3\xad\xd5b\xad\xa3\x111\xd6\xda\x91\x1d\x89\xda\xcb"\xabCJO\x8f\xee\x9f'</t>
  </si>
  <si>
    <t>b'\xda_^\xc6Jw\xddR\x82\xb9\xdf\x0f\xccP07*\x03D\x1c\xd4\x18\xf7\xe8\x0c\xd9\x98%\xfd\x89Qv'</t>
  </si>
  <si>
    <t>b'\x93\xaa\xed\xac\x95(\x7f\x12\xeb\xddc\xd2\\,\xcc\xf3\x980\xebD!R\xe2\xc0\xcbe\t\xb7g\rnT'</t>
  </si>
  <si>
    <t>b'\xdb\x89\xad\x9d\x05\xd9M\xd3\xb1\xea\x84\x16\xa3\x1b~\xd8\xb4\x96HC\x0c(M\xceg1Df\x8a\xd0\xb8\xfe'</t>
  </si>
  <si>
    <t>b"J\x7fY-\x11\xa4\xae'Rsx\x9e\xf8 \xed\x8e5\x9e\xd99\x1a\xcb\xbd\xb0\xeaXm=\xc6\xb9\x9c|"</t>
  </si>
  <si>
    <t>b'E\xa8\x1ei\xb3\xfe|\xaco\x11\x12\xd7Eq\xe0\x88\x1b\xbb\xe6\x7f\xbc\xd5{\xd5\xe0\xebBx\xdawz\xde'</t>
  </si>
  <si>
    <t>b'&lt;:\xc8\xa0S\xfcu\xd2\x9e\x8c\xf2\xef\xf548A\x147H*\xe4\xf1\x8d\xea\x9f\x05\x9eu\x8cA\xcd5'</t>
  </si>
  <si>
    <t>b'\xd4\xb7ql:\x88\xcf\x05@Yh\x06\x95\xf4m\x044\xa7]:4\xda\x14\xff9s\x0e\x990z.\xb2'</t>
  </si>
  <si>
    <t>b'\xbc\xd9\xd2\xecu\xa8\xaa\x8f&amp;\xe3U\xffGc\xfe\xa2\xe1\x19Qz]\x97^E\x87\xf8X\xbf\x81f&amp;\xba'</t>
  </si>
  <si>
    <t>b'\xf1O^Vs\x03\xb4\x1bKl\xc6V\xcf\xbd\xd1\xaf\xe64\xfa\xd4V\xe1{\xa1Z\x8ab$\xac\xe0\x0b\xe2'</t>
  </si>
  <si>
    <t>b"'`K\xff$\x8a:\xc4\x9a\xb6\x95\xb0\xebXG\xb2\x97\xf3B\x98Z\x881-\xd1\x93\x0f\x17\xb7\xa0\xf3\xf3"</t>
  </si>
  <si>
    <t>b'l\xb5\xd2\xd4Z\xf3\'\xd1\xd8\x9d\x96T\xe7P\xee\xde\xa1\x9e\x91\xf1\xec\xb0\r0\x9aJ\x85\x87z*\xf6"'</t>
  </si>
  <si>
    <t>b'pAc\xe2\xaf?-\x95\x95\xde\n\x96\x8bn\x1b\xbbQ\x06E:\xc8\x16b\xebY\x125h7\xba\x07y'</t>
  </si>
  <si>
    <t>b'\x9et\x83\t\xe5\xaa\xea\xf8bK39s\xd4\xe6\xf6b`\x90\xd5\xf7\xc7\xeb\x90=\xb8\x04\xa9\xfe\xe6V\xf6'</t>
  </si>
  <si>
    <t>b'?\xd6\xbb\x85\xa6I\n\x97\xcd\x9a(\xdfE\xe6A\xaaW"[\xd2T\xd5\x84\x83\xba\x10&gt;\xf0xZ\xd6\x8f'</t>
  </si>
  <si>
    <t>b'a\x9a\x82\n\xc0vKP\x8c\xdb\x8c!\xd2\xc6op]\x88_\xda\x96L&gt;\xaaR\x18\x1c\xf2uA\xc6\xb2'</t>
  </si>
  <si>
    <t>b'G\xec2\x0f\x03z\xa7{\xf1y\x8d\x04u\x9d\xa4-\xfeS{\xe0\xce\xaa\x85A\x1b\x03T\xb7\x8d&amp;\x8c\xd6'</t>
  </si>
  <si>
    <t>b'\xad\xbb\x8f\x1c\xd1\xb0\x99:\xf6\x00\xb7\xc1\xa30\xaf\xd0%\xcf\x00\xb1\xad\xb8\xe6\xe6\x14\x8cG\xd0\x88A\x105'</t>
  </si>
  <si>
    <t>b'\xb1Z\x92\x86\\\xa5\xd6\x0f\x1f\x95\xcb\xe4\x9f$\x86\xe7\xb7/Sy9e\xd7VJs:T\xf5%\x16/'</t>
  </si>
  <si>
    <t>b'\xee,\x8d\xf1\xecu}\xf65\xee.\xe2\xa7[)51\x85j\x97K\x9dQ\xeb3$\x0c\x0b\xe2I\x0b2'</t>
  </si>
  <si>
    <t>b'\xfb\x0b3W\x12\xa4C\x84\x07\xab\\\x06\xc9\xf4\xcbM\xe2\xc136\x8bc\x93\xc5\xe2#\xb1\x98f\xcb\x87\xeb'</t>
  </si>
  <si>
    <t>b"E\xbd\xea'\xc2\x88x\xd2\x84)\xbd)\xfc\x1d\xab$\xfdJ\xd9\xe3I7\x08\x1c*\xf5 K\x03c\xbd\xa5"</t>
  </si>
  <si>
    <t>b'\xa7J_Rg]Z\xa5\xfb;j\xd7B\x91\xd8\xe3\xe9\x00a\x9d\xcd\x87\xce\x80Zkd\x1d^-0\xe3'</t>
  </si>
  <si>
    <t>b'\xa9HOcks\x81\x9a\x9eW\xf1N\xe0~O?p\x9d\xd2Be\xe6\xa3\xac\x0e?d(\xce\xd3\x18\xb2'</t>
  </si>
  <si>
    <t>b'\xe6\xfez\xbe|t1\x8e\x15\x13\xf6\xa1NNF\x9dD\xc4\xff\xf4{c\x87\xdd;\xe8\xcc\t\x93W\x05\xd6'</t>
  </si>
  <si>
    <t>b'\xddk+v\xd7\xda$\xa2\x08\xc9\xf0\xcfwO\\T\xa0\x18\xd6/\x9a\x905\x15\x8e\xbb&gt;\xdav&gt;\xf8O'</t>
  </si>
  <si>
    <t>b'\xed\xf2\xc3\xcaAfx,\xc9\x82\xd2V\x92\xc1\r\xd0\xce\x843\xaaQ\x909\xbe\x7f\x8a\xe0\xe1\xb4]H\x12'</t>
  </si>
  <si>
    <t>b'\xdct\xfb\x9f&gt;\x9cF\xed\xc7\x1cp\xae\xfdu=U\xa9\x1a\xcau\xcf\x831\xc8\xa0N\xdd\xff\x90\xbf\xa3\x97'</t>
  </si>
  <si>
    <t>b'\xb8h\x89\x11\xa4;\x06\xabP\xf7:\xc5\x1e^D\xd8GW\xcap\x9a%\xf3\xcb\xd7\x0f\x8f\xef\x15/x/'</t>
  </si>
  <si>
    <t>b'&amp;\xec\xbdSf\x9e\xcb\xf4E\xf9\x125\x11w\x88\xb7U\xb2\xc7\xe7\x98\xb3\x92u\x12Y\x85\x02\x06\n\xba\x15'</t>
  </si>
  <si>
    <t>b'gk\xad\x12\x1ah\xe1\xc0\xd5\xdaQF\\\xe9s#_\xcc\x1e\x93\x05\x9e\x15\x12\x8f\xd9\xb9X}\x89\x01\xb3'</t>
  </si>
  <si>
    <t>b'\x15\x96\xb5\r\xc9\x84OLL\x13\x9b\xbfy\xf2\xd3~D\x9f\x86\x92B\xce\x83\xeb\x95\xa5~\xbd\x97\xc2\xd3\x9a'</t>
  </si>
  <si>
    <t>b'h\x8c\xf65D-\xf3\xea\x15\r\xdeV\xa8\xed\x17\t\xb9\\\x85\x10\xbfW\x01\xa4`\x04\x83\xaf\xeb\xc5\xb7\x8b'</t>
  </si>
  <si>
    <t>b'Y\x05\xf5\x12V\x10A\x99\x9d/\xb1N\xc9bO\xd0n\xc8g]\xee"\xb1x\xb2\x9bo(\xda%\xdf\x05'</t>
  </si>
  <si>
    <t>b'e\x9dS\x0b\x17\xb3\x8a\x95(\x1c\xfeZ\xa3\xc4\x97\x98\x93\x88\x8aLH\x86&amp;\xa5\xafIOw\xde\x0f?d'</t>
  </si>
  <si>
    <t>b'`\x11\x01\x82\xf3\xa3\xf1|h\xda\xad\xfe\xedB\x83\x19\x10[F\xe7\x1f\xfaE5\xf7\xfb\xb4\x1dVy\xd2\xbe'</t>
  </si>
  <si>
    <t>b'\n\xc6\x8f\xed s\xff\x1a\xad\xc4\x99aI\xb7\x0b\xaa\xc5#\x98\xf3UD\x14%\xf7Y\xf1\xad\x93\xb83\xfa'</t>
  </si>
  <si>
    <t>b'\xe8X\xaa\xd2\xc0\xa5\xc4\xc4\x01\xd4\xfc\x07\x1a\xda\xba*hg&amp;C"\x02#g^\xeb\xd5yV@9L'</t>
  </si>
  <si>
    <t>b'\x07\x8b\xc0\xb9"\x85`m(\r41\x14H?\x80\xb8\xf0J-&amp;)\x94\x86\xa2\x8d\xfeYoPwc'</t>
  </si>
  <si>
    <t>b'o`Q\xbb\x04\x8c\x96\xdb\xc9\xd3N\xaa\x1a4k\xa6]Y7)\n\x01\xf8\xb0&lt;%\xd1\x85\x0b,\xa0\xac'</t>
  </si>
  <si>
    <t>b'\x1b\x7f\xb2v\xad\xe8\x98T76\xba\x9fg0\xa0\xe8\xd1#\xf3e\xd3\x16\x8eGt\x9f\xdf\xcb:v\x97\x8d'</t>
  </si>
  <si>
    <t>b'\xbeO\xa2\xc3\\\xa2W\xc7h\xba}\xf0\x16\xfa\x86\xd7\xa0\x13\xefy\x07v\xe63\x86Iz\x94\xe0h\t\xd3'</t>
  </si>
  <si>
    <t>b'\xcf|\x8c8\xe2\x95\x1a\x00k\x03\x89\x84\xaa\x84\x94\xc2\xb2.{\xff\x12\xcf\x87\xc5\xedH#\xcc%\xbb\xbe@'</t>
  </si>
  <si>
    <t>b'\xef\xa9\x12\x9e\xc3Qno|\xe7\x9a\xed\xde\x9a\xa2H&gt;\x9c\xbc\x0c\x0e\xdey8\xa6#\xc5\xb3\x18@\x1a\xbb'</t>
  </si>
  <si>
    <t>b',&gt;\x80U\xdc\xa3\x1d\xd7\xa5\xd1\xf7\xb8.\x9d\xd0\xa2\rWn\xda\x95-\xd5\xf2\xa0\xff\xb1\xa33\x13\x9c\xfa'</t>
  </si>
  <si>
    <t>b'\x003\xc2#IP\xb94bNNW\x8c\x16&amp;8(\x17\xd5\x99\x93\xdf\xe5\xd3\xf42+\x97\x90\r\xe8\xf1'</t>
  </si>
  <si>
    <t>b'\xea\xd8z\xb1X\xf5/\xd5\x92\xc9\x8f\xa9L\xb7a\x00Ak-\x8fQ\x92\x89Y\xf5\xdd\x8e\x19\xd6V\xf1\x04'</t>
  </si>
  <si>
    <t>b'\x15L\xa5\x8c\x17m\xcbC`\xf3\xfb\xcc\xed\xf1M|\xbc\x93~\xb0\xba0\x7fk.\x0b\x15\xc7?\x03\xa9\xd7'</t>
  </si>
  <si>
    <t>b'f\xd9\x8d\xf4e\xf0v\xc8\xa6\xb1\xc3\x83\xb4\x0e\x02\xe1\xd3\x1e$XZWt\x82\x1d}\xd0\xa0\xde\xde\x9e\x1b'</t>
  </si>
  <si>
    <t>b'\x1f3t\xf2\x04\x89N\xf58\xc8\x1e\x96\xac\xf6\xe6\xff\x01\x1e\x01\x8c\x93\xa9\xca\xd1\x8b\x1d\xb5\xc0\x89V\x9f\xba'</t>
  </si>
  <si>
    <t>b'X\x1eff\xc8{\xfe\x7f"\x81 \x1e\x02\x9d*\xf6\x7fl\x9b\xf7~\xb4\x04\xca\xcc\xe3\x17\x0fp\xb8\xe3\xb0'</t>
  </si>
  <si>
    <t>b'\xc5#@\xc2\x17\xac\x95C\xbc\x01\xc9o\x0b\xa7!&amp;-HD\x9f%\xe9_vhU\xb1\xf9\xef`\xca\x17'</t>
  </si>
  <si>
    <t>b'\x98\xac\xd5\x9a\xd7@\xa6\xdd\xfd\xd4\xd3\xc2}&amp;{\xf3\x80\x03|5q\x1a4\x07=Y{\xfbFs\xefl'</t>
  </si>
  <si>
    <t>b'J\xfe\x88d\xd8[\x97}\x18\x1a\x98\xf6:c\xf7\xcaO\x0e?\x80\xbf\x87\xcauc\x8cRznu\x1b+'</t>
  </si>
  <si>
    <t>b'R\xcb\xd0U_#\x0b[\xaf\xd53\x8d\x84-5Gz4\xe6\xb0\x9d\r\x8f\xf8\xad\xed\x13\x19\x06\x8ah\xe3'</t>
  </si>
  <si>
    <t>b'Cb\xceYn?\x1f\xb3\x9b\xdd\x98\xe5\x03\xdb\xbaJ\n\x85\xc4_\xc2,\xab\xf5\xe9\xa2\xa2A\x1b\xcf)\xea'</t>
  </si>
  <si>
    <t>b'\xd7\xb5rjBY\xf0\x8d\x91\x8a\x06\x91\xdd\xcf6\x9b\x0c\xca\xc4rk\x88i:\x89\xeb5\xeeW\x9c\xf7\xea'</t>
  </si>
  <si>
    <t>b'\x89\x94B\xd2c\x81\xc32\x12\xa1,\x88g\xc9\xe4{JS\x8f\x02\xd8&gt;\xb8Xj\xb9\xbf\xa0R\x17\x84 '</t>
  </si>
  <si>
    <t>b'\xcc\x14\xe8\x12B\x03\x17\xb7W\xb2\xf8\xaf\xbc\xc2\xa4\xa0\x0e\xd1\xf2\xa7w\x7f\xd3!\\+\xdd9q\xe7\xe1\xe3'</t>
  </si>
  <si>
    <t>b'\xff^\xb6v\x80`\x9c:SJ\x94\xaf]Eu\xfdn\x17\xf5\x08\x87\x0f,2\xd9JV8V\xd8\xc9\xee'</t>
  </si>
  <si>
    <t>b"\x9c\x89\x1fv\xbe\xfc\x9d\x06%S'\xd30)\xe08\xc0\x18n\xc3\xc2\xf0\x9e4gm\xacL\xc64\xfa\xc6"</t>
  </si>
  <si>
    <t>b'\xcdA\xdc\xf6\xd4\xdaf\x9a\xe8\xd9\x8bU\x86x&gt;K\xc5ldn\x97\xffTat\xc9\xfbjOA\x8c\xaa'</t>
  </si>
  <si>
    <t>b'\xd8vq\x83v\x9aa\x1b\xb7j\xfb&amp;,\tL\xff\xb5\x85\x8f\xd1g\x8b\x12 M{\x81({\x98\x8b\xb9'</t>
  </si>
  <si>
    <t>b'\xb7\x15\xf3:+\x02\x98\xdc\x8dT\x1cC2\xdb\xc0*5\r=\x80\xc8.\x08\xf2\xc3\x8c\x10s\x8f+\xdc\xe1'</t>
  </si>
  <si>
    <t>b'\x03k\x0fcf\xb7\xdf\x81s\x19\xcceWp\x01\xd0J\xf2\x10\x98\x16\xbc\n:8I\xe3\x9f\xe9\tO#'</t>
  </si>
  <si>
    <t>b'\xa3ML\x1e\x17\xfc\xf2\xb1\xab[\xc2,\xedP\xc0\xaf\xb9Q5\xcf{\xf3\xe3\xf5\xb8"\n\xaa\xb7\xaa\xd8\x7f'</t>
  </si>
  <si>
    <t>b"(7\x12\x02\xd7\xdf'k^@\x98\xb5U\xb5\xc8]\x19\x1eE\x15{\x90\xc7\x90\xbf\xf3\xf7\xd9\xb1\xcb\xaa\xca"</t>
  </si>
  <si>
    <t>b"\xbe\x9a6\x8f\xd4\xc2{s\x8cB\x19X'\xf6\x1b\x19\n\xf0ge\x8e~4\x19\x9ey\xbc\x16m-\x93\xff"</t>
  </si>
  <si>
    <t>b'\x81\x00\x1b\xc3\xc2\x06T_\x8d\x9b"\xccl\xb1\x000\x96\xb0\xf5\x83\xde\x96\x14\xf9\xed\xa4we b}X'</t>
  </si>
  <si>
    <t>b'd1:\xac\xbeD\xe1\xc5S\x80\xaa\xe3\xa5\xb9\x87\xee\x80d\x9fS\xde\xdb:\x19\xb9V;\xde\xf2&lt;d\xc1'</t>
  </si>
  <si>
    <t>b"\x98+A\xf9E\xce557\x01\x05\xfc\x1b\xb2'J\xeb`y\xf2zkF\xb3\xafEFF^`\xac\xe9"</t>
  </si>
  <si>
    <t>b'\xc4\x86\x00\x1e\x1f\x8a3\xe4\xb7\xc7\xb8\xcdO\xf3;M\x9f\t\xad\x04\x80\xdc\x03\xb4;\xcb\xb0\xf4\xd5*\xef7'</t>
  </si>
  <si>
    <t>b'p\xcb\x8d\xa3\xd0\x89\xc9&lt;\xb3\x9d\xd2I\xb5\xf1R\xfd\x12\xf1T\x84t\xb7B\x0b\xe6}\xb9^\xd5\xf6\xe5X'</t>
  </si>
  <si>
    <t>b'"\x17\x17g\xac\xaa\xaa\xf8\x8dgF\xd5\xb9\x9c\xfeE\xfeR\xaa]\x05\\KV\xeb|\x02\x08\xed\xe43l'</t>
  </si>
  <si>
    <t>b'\xddy\xde\xd8\xcb\xbd\xe7\xaf)&gt;\x8324\xae\xbf\x1ba\x18j\xa15\xb0\xf6s\xc4\xe4\xb4\xad\xdc\x88\xf6\x05'</t>
  </si>
  <si>
    <t>b'\xdbV\x9fe\xf1\x02\x18R~\x81\x04D\xbf\x9a[4\xb5)\xfaM\xa44\xbaf\xeb\x9a\xac\x83RLc\xa2'</t>
  </si>
  <si>
    <t>b'uX\xda9\xaf\xdd\xf5\x95\x1dm\t\x06\xef\xe3@\xb1\xa2[\x0fJz\xb86rq\xd0$\x19\x86\xa5\xb4;'</t>
  </si>
  <si>
    <t>b'\x00\xa3X9\xd7\xa61\xbe\x91\xba\xf9\x10\xae\xaf\x18k\xb1@\x1f\x18,\xce\xd5u\x19\xff\xc1\xf3\x14b\xc8\x0e'</t>
  </si>
  <si>
    <t>b'\x8aAde\xef+\xb1?\x91\xff\t!V\x0b\xa7c\xa4i\x08G\xd7\xcf\xfd^\xc3AO1{Uz\x8d'</t>
  </si>
  <si>
    <t>b'\x1db\r\xcb\x98Uf\x8bjG\xdb\x86\xc4\xbahF\x12\xf6a&amp;\xaf8\xcb\xe4~\xca"\xe9\xcd\xf4\xa9\xae'</t>
  </si>
  <si>
    <t>b'P\xd7Y@\xbdN(\xa9\xf5\xde\xf5WV\xd5bqz\xcb&gt;;^\x11GS\xc2\xf0\x14\xa1D\x0f\xe2L'</t>
  </si>
  <si>
    <t>942xx</t>
  </si>
  <si>
    <t>b'\x11j\x16e\x94\xf5\xd5XsJ\xffh\n\xec\xfe\xa5\x8fp\xfb~\xe59\x8d\xf2\x0b\x98\xfatH\x8c\xe6\xb6'</t>
  </si>
  <si>
    <t>b'T\x05\xf2\xa8.\xf2W\x17\xd1\xf6\xaf\x19\xb8f\x03\x90-\x89\xb1\xc4+\xed\x12\x04e\xfeN3\xa72\xf1\xee'</t>
  </si>
  <si>
    <t>b'\xe3Yy\xbdj\xc9\xcd9*\x1bN\xe8b\xd6[u\t+\x91\x0fN0YA\x90\x17\x85\x04&lt;&amp;\x0c\xf9'</t>
  </si>
  <si>
    <t>b'\xe4\xf2ks%"\x08-\x96\xbe|\xab\xb7\xca\xf3\xab\x1d\xb0\x87\x87S\xbeQN\t\xa4\xc5\xfa\'\xf3\xb1O'</t>
  </si>
  <si>
    <t>b'\x1f,\xe0\x96\x98i&gt;\x1e\x8f\x1fA\x88\x14\xf2\xdb\xefS\xd7\x84.\xac\xc0n\xdeE\x89Q\x90\xf6\xf3I\x03'</t>
  </si>
  <si>
    <t>b'H\x1b\xe4\x9c\xdc\xe4$ .K\xe5\x0b\x1c!\x9bS\xb4\x1d\xb3\xeb\x89\x0bix\xbd\xd52\x9d\xa3:N\xa2'</t>
  </si>
  <si>
    <t>b'c\x05\xd8@Urk]\xa7GG]^\x81\x05\x14\x82\xa9\x03\x8d\xe62\x1e\x88"U\x1eh\xff\xed\xe7\xcb'</t>
  </si>
  <si>
    <t>b'\x12\x11\xbe\xc4\xf1!\x84\x91\x98\x98"\xb1Q\x82h\xe3+#m\xea\xe0z\xeby\x8f\xa2\x89\x91\x05~\xe6\xc9'</t>
  </si>
  <si>
    <t>b'\xec\xb5\xb3@X\xd0\xf2?#\x1b\xd1F\x1eg\x80\xaf\x8fL\x97\x93\xd6\x88$\x95 K}u\xc4\xa0\xe4\xd3'</t>
  </si>
  <si>
    <t>b'}\xb1W\x1bS\x1f\xff\xe1\xe1\x19\xa6r\xc6\x98x\xd7`\x8c\x9aL)\xe3\xd1\xaf\x9e\x83GAYT3\xa4'</t>
  </si>
  <si>
    <t>b'\xa4\xdfvF\x8fh&amp;e,\xfe\xea~bg\r\n\xfa\xb0.$\x04\xebb\xb1\xe0\x92\x8a\xfa:\xf4$\xbd'</t>
  </si>
  <si>
    <t>b'\xc6]L.\x08v\x7fG\x96\xdd5\x95Q\x1c;\xc2\x9a\xad@\xc8\x08&amp;&amp;\x0e\xf5S4}b\xec{\x13'</t>
  </si>
  <si>
    <t>b'[\xacKC\xc3\nV\xd2\xab\xfd\xa1d\xa0P\n8\x02\xde\xdd\x9f\x936f4\x19\xfa\xe7\x99N\x1f\x87\xd3'</t>
  </si>
  <si>
    <t>b'B\xc7YLO\xecG\xafZ\x1f\x9a\x91\xec\xdd\x1a\x8ec\xe1|\xd5\xcfa\xfe\xc3\xb3\x83\x1a\xad\xbb4\x85\xb2'</t>
  </si>
  <si>
    <t>b'\xc4+8\x12\x05\xab\xc7\xae\x90\xbd\xa6\xe4\x1c\xa8}\xe0\xdb:"\x82\x8e\xd2\x01\xf9\xe6\xff\x88\xa4\xf7\xbf\x92\xdd'</t>
  </si>
  <si>
    <t>b'LL\x15\xc3&lt;h&gt;\x9f\xd0\xe8\xe1\xda\xe5_\xb6[\xbdJ\xcd\xda\xa0\x7f\x12\x13\x1d\x98kzf\xa3\xd7I'</t>
  </si>
  <si>
    <t>b'\x98\xd6[\xa8\xe8\xbeA\xf1\xda\xf9(\xe0\xfd\xbf\xef\x19\xfd\x8e\x10(^\xa2\xd7\xff\xff^c\xbc\x82\xed\xdd\xee'</t>
  </si>
  <si>
    <t>b';T\xdd\x92\x89\x87\n\x82\xc92\xcb\xbc\xc7\xecy\x8ef\x14\xfc\xad\x96D\xf5\xc3\x9c\xa2\xbf\xe6s\xf5\xb4\x85'</t>
  </si>
  <si>
    <t>b'\xff\xdf\xe9Z2\x06&lt;\x8b\xc0\xd7i\xfa\x8a@t\x8d\xa9&gt;E\xef\xd9\x17\xdbv\xb3\x9e\xab1\x8bh\r%'</t>
  </si>
  <si>
    <t>b'\xb9\xa3\xdad \x0fL\x07\xed\x8a\xacJq\x0b\xde7H:-dYx\xd0\xf7Z\xa1^\xfe0\xbb;q'</t>
  </si>
  <si>
    <t>b"\xab\x08\xc4\xe1\x9b\x17u\x0bx\x9bt\x87$\t\x82&amp;\xc6\x95\x11\xcc\x90\n\xff\xfa\xfd'F\xfb-5\xab/"</t>
  </si>
  <si>
    <t>b'\xbeX\x0c\x1dN\x0fN\x93\xda\x80\xb0Ax.e\xba\xfb\x9d\x87\xe2\xe5\xdbdM\xf4c@\x9d*\xa0k\xaf'</t>
  </si>
  <si>
    <t>b'\x92H\xf2\x11(\xe3\xf1\\\x86EGLWH\x0f\xd2\xc5@\xa7\\r\xc2\x15\xe0\xb1D\xf2\xb9\x87\t\x89E'</t>
  </si>
  <si>
    <t>b'p\x9a[\x88zl\xdb)\x84\x8ea\x9bn\xac\xc9wW\x90\xd1\xaan\x8dO\xcci\xd7\xc2\xff\xf2\xaf\x1f\xee'</t>
  </si>
  <si>
    <t>b'\xbe\x9c\x00f\xc4B\xf7 \xb1\x9b\x98\xdf:q\x93\x07\x9ex\x06VAc\xcc\xc7\xe8\x80\x97\xf7q\xd8\xe4I'</t>
  </si>
  <si>
    <t>b'\xa7\xdc\xc76\x9d\x8fg\xe1H~\xda)\xc6t\x14\x1d\xc9\xfb\xfes~$mnd:H\xf9\x8e\xc6\x0c\x9c'</t>
  </si>
  <si>
    <t>b'&lt;\x82\xea\x86n\x8c\x00\xae\xe7t\xc8\xbd\x1d}X\x8f\xa0\xdbh\\F\xf8\xdc\xbb\xd0Q\xb6\x96\xb2. N'</t>
  </si>
  <si>
    <t>b'/\x86\x89\x0bq\xc0VM\xc1O\xd4\x80z\xb0\r\xa3Sx\x08_L\xf7\xee\x18Xnc]o1\x98\x91'</t>
  </si>
  <si>
    <t>b'\xa0\x1a\'\x87b5H\x8f"Q\'\xee\xa6#\x05d\xb8\x89w\xd5\n(\xa3\x97\xe0\xbdih\x05ML\x05'</t>
  </si>
  <si>
    <t>b'o\x8f\xaaXP\x0f\x9d\xe1\xca\x01\xb2V\x84A\xd4\xf9\x1e\x13{_\xfd\xd9\xec\x04f\x03\x85\xfb\xe5\x8f\x9e\x11'</t>
  </si>
  <si>
    <t>b'\xf7\xef\xb8h\x9dQ\xcfL.\x93\x9d\xa1\xee\xdb\x92%_\x9a\x8f\xe5\xe1`\xc5\xbfJ\xdd\xa3j\xa4cfZ'</t>
  </si>
  <si>
    <t>b')\xbe$\xb8\xdfa\xed\xbb\xbd\x89a\xc4\xd6\x9c\x82\xa6\x0c&gt;\r\xb9\x11\x85\xc2pE\x10\xbbJ\x1b\xa3I\xac'</t>
  </si>
  <si>
    <t>b'\xbe\x95\x17b\xc2\x8fxch\x15\x8e\x9dNS\xc6\xba\x10P\xddl\xd0\xd6r}\x83\xff\x05\x9b\xf7\x80.\xde'</t>
  </si>
  <si>
    <t>b'\xeb\x9c\xa1\xbf?\x0f\x97\xb7\xe7\xc0\xae\xc8\xd1\xa30\x0f]\xf3T"A\xec\x12\x17\xaa\xbe\xbf\xaa\xf0o\xe0\x93'</t>
  </si>
  <si>
    <t>b'\xa1\xf7,5o\tg\x95\xdf*\x0e\xad\x98\x8c\xc7\x06`_\xaf\x86\xe5C\x1f\x82\xc9\x1c\xdd=\xf8\x84\xbf\n'</t>
  </si>
  <si>
    <t>b'\x9a\xa5Zl\xb2\xa6\x100}\x11\xce\x88\xd4\xd6\xdf\x8b#\xe1\xcbY\xeb[m/\xc2\xa6\xea\xd7\\\x8e\xb6\x1b'</t>
  </si>
  <si>
    <t>b'\x1et(\xa0\xd6\x84\x8f\x8e\x15\x13#;\xb6\\\xd4\xa1\xcd\xaa\xca\x9f\xb1\x96W\x0f*\x8e\x0f\xa8\xd0\xbf\xa3\x85'</t>
  </si>
  <si>
    <t>b'j\x1e\x9e\x1b\x97~\xbc\xc0h\x01[\x8c\x1c\xd9\xe7qR\xd0\x01P\xdai\xcad\x03f\x02&gt;\xd4\x90F\xa3'</t>
  </si>
  <si>
    <t>b'6\x0f\xa6\x85\x80\xe4\xf9\xa5\xf4\xd0\x86\x14\xbag\xe6\x89\x1d\xc3&lt;\x08\xc45M\x14\x8a\x89\x9c@\xeb\xbdg3'</t>
  </si>
  <si>
    <t>b'\xeb;\xd8\x193pH\x9c\xbf7\x97\xb6\x11\xc5\x11\xa6\xd7(v?\x12\xf2{\xef7j{"\xccw\x8bL'</t>
  </si>
  <si>
    <t>b'\xc7\xf0J\xbc.\xb6fm\xb9\x8e\r\x18\xa0q\xb7C\xfb\xb7\xfeI\x15\xcfk\tE\r\xb7\xc2\xf1\x87\x18\x8d'</t>
  </si>
  <si>
    <t>b'5\xbe\x84\x9e\x9b8SU\xbe\x93\xd9\xdc\xaf(\x82\x06K14\x17+\xfb\xa3v\xc5\x98/"j\xceL\x8b'</t>
  </si>
  <si>
    <t>b';\xac/\t\x07\xec\x94\xb7\x93#[w4\x00Rh\xc0\xddq]h\xdf\xc5\x04\x08\x19\xf3\xd8g\x9e\x8a\x08'</t>
  </si>
  <si>
    <t>b'\xbc\x90\xf8\xaa\xa1y|\xa6\xe0\xc8\xc0\xcd\xbe\xbc\xcc\xf7\xe6e\xb7\xb0\x16}\x90\x06\xa3\xcf\x14\xc7\x1a\xc3k\xf4'</t>
  </si>
  <si>
    <t>b'\xc0=\x04Y\x91\x00\xd2 \x96%\x98s\x90\n\x11\xadg/\xdaU9\xe3C\x0b=\xaf\xc8c\xdd\xf2:_'</t>
  </si>
  <si>
    <t>b'\xfc_$9\x95\x9c\xea*\x82L:y\xaf\x10\x90\x98\x85\x96&amp;\x85"I\xf7\xc8\tj\x84lu\x87\xae\x11'</t>
  </si>
  <si>
    <t>b'\xba81l\xff5\xd4\xfcM;}_]c\x86\xd5\x93\xd0\xdb\x11\x92\xf4\xa2\x14+\x84\x03r\x88b|s'</t>
  </si>
  <si>
    <t>b'\x93\xd4\x04\x18&gt;\xfc\xacF&gt;\xe3\x8f_\xb4eJ\xd9}\xb6Z(D\xddu\xf2B\x9f\xac&lt;&amp;\xbf\xc4F'</t>
  </si>
  <si>
    <t>b'\x08\xd8\xfd\xbdD\x96\x04\xe9v[\xab]V\xfd\xb8\x92\xae\xcf\xb6\xa1m\xb4&gt;\xa8\xca\xd4\xf5\xd1&lt;\x87L\\'</t>
  </si>
  <si>
    <t>b'7\xa2\x96\xa29\x93\xda\x06\x8a\x9d\xf1\x84\x9e\x07#A\xe1h\xa5Y\xe6\xb5A\xa5\xf3\xd9\x82\xe6\xdc\xee\xb9a'</t>
  </si>
  <si>
    <t>b"\x90\xae\xd9\x02\xb1\x03\xc7\xfd;q}PE\xdb\xee|\x8e\xfe\x12\x0e\xe4\xe8_\xe5\x89\xa0\x1f\x94\x10\xc2'\xc5"</t>
  </si>
  <si>
    <t>b"6\xa9\xda}\x0b!\xff\x8e\n\xf5\xc7\xa9+'\x89\xce\xf0J o\x16\xb1\xbed\x0b\xf1\xec\xdc\xd7*K\xfe"</t>
  </si>
  <si>
    <t>b'\xae\x1b\xdc\xd3B\x98\x14$P\xbbi\xd9\x9c\xbb\x80D\x85\xa5z\x18\xed\xe2&amp;\xe1\xeclb\xa7\x9c)~\xd5'</t>
  </si>
  <si>
    <t>b'!Z?^I\xfa\xa5(j\xc3iS\x99\xf6 \xb3\xef\x94\x89\xac\x7f\xdc\xb1\x1d\xa0\x9f\x19\xca\xc3\xbd\xc5\xf7'</t>
  </si>
  <si>
    <t>b'\xb3\x86\xec\x884\x15\xddJ\\(#\xa1\x80\tK$\xf2\x97\x8b\xd9\x87T\xa2yG\xac\xd3\xb0N\x12\xaba'</t>
  </si>
  <si>
    <t>b'\x95\xf5\x02\xe4\x8a\xe4\x820gPL\xe6\xa3\xa94\xaf&amp;\xe7/\xbbIa\xf7\xc5\xfcUS\xa2e\rzy'</t>
  </si>
  <si>
    <t>b'\x95\xcf\xe7\xff\xd5l\x91\xb1\xdcYSm\xa7\x83 \x0f\xb8M)\xaa\xe4\x03\xc2\x19E\xe3\x97\xf3\xa1\xf6\x91\xb5'</t>
  </si>
  <si>
    <t>b'\xfd\x02\xef\xe5\x80q \x1b\x05?\xb2\x8b\x9ed\x1f\xf5\xe2\'\xfe\xdcu\x08\xf6\x01Vq\x00\xbf"\xbb\xd1 '</t>
  </si>
  <si>
    <t>b'~T\xe5\xa2YxcCq\x92\xebR\x1c~\x84&amp;.~\xd1ci\xe6#\xc1Nth\x96\x83\x0b(\x1f'</t>
  </si>
  <si>
    <t>b'3\x0c\xbc\x03M!a\xec\x81\xa5\x06\x1e\xe28\xdb\xbd\xc71\xd3\xfeS\xd6\xe4HJ\xc7\xdf\xe5\xc3Q\x07\xef'</t>
  </si>
  <si>
    <t>b'\x04\xd4-\x8e\x9f\x94j\xdc[|4\xd1v\x8a\xbf\xc6\x1e\xcf\xe4\xc3\xc1u ,$\x1a\x12)\x02WU\xe0'</t>
  </si>
  <si>
    <t>b'l\x8e\xc9\xe0\xd3\xd0\xc9\xec~Da1\xea@\xfa\x00\xabP|\xf2\x05b\xfb/\x10\xb1\x194&amp;\t\xff\x85'</t>
  </si>
  <si>
    <t>b'1\t\x8a\x05\x9d\xb4|\xfa_L\x0b\xc6\xc9\xac&amp;1\x9d\x99\xd0\xb7\xbe\r\x91\xca\x85t\xce\x86U\xd2\xc2\x87'</t>
  </si>
  <si>
    <t>b'\xa3#\xab~/\xdd\xa6\tu\xcd\xf4\xcc\x98\xe4\x91-\x93\xf1W$\xd5\xe3m\xd2\xab\xc3T\x98\xe2I\xd0\xf3'</t>
  </si>
  <si>
    <t>b'\xf0\xf7\x99[\xe1\xdb\x1f\x8a\x8c\x00&lt;\x81lI\x9d\x00s\xc9\xeeW%\x8e"\x1bW\x87\xbe5O\xec\xaa`'</t>
  </si>
  <si>
    <t>b'\xc4\t\t\xaf\xbf\x0b\xd8L\xea\xfcCD\xa4\x87wM\xb1S\x90\xad\tf\xdf{\x9f`\xfe\xcf\x82!\xd5\x1a'</t>
  </si>
  <si>
    <t>b'+\x990L\xbe\xa6P\xa6X\xe8-\x1d\x12\xbd\x1b\xf6T\x98ONa\xd8\xd8S\x86,\x94w\xb8\x1e\x80\xa7'</t>
  </si>
  <si>
    <t>b'\xdf\xb8\xca\x8d\xc2\xdc\x03x\xcd)5:\xad\r\x83\x14\xb1\xfe\xa9(\xbe}$Bp1\x14\x1e\x81-\x15*'</t>
  </si>
  <si>
    <t>b';\x00KL\x8bu|\xc5Gx\xf0Se\xebW\xd6\x8c\xf9#L\xb8\xba\xb2\x9a&lt;\x8c\x0cj\xd5S\xbbF'</t>
  </si>
  <si>
    <t>b'{\xd5I\xa4K\x00~\xe8u\xf5\xa70[k\x02"\xb5"\xb83\xad!\xbeu3\xf7\x8d\x91\xee\xe28r'</t>
  </si>
  <si>
    <t>b"\x7f\xa8\xa0sx4\xb7\xda\t\x9aS\xa0\n\xfe\xa6\xcf\xa7\x11\xb5'\x17\xba\xb6\xc8\xb1\x00A\xf2\x8e\xbd\xf5\xa8"</t>
  </si>
  <si>
    <t>b'\\!\xce\x11\xe6\x10\xcd\xd0\xf5n\x16\xc5\xa8\x97\xbd\x05A\xb2\xa2\x1f\xcc\xb9\xac\xe4\xfb\x16%\x95\xfc\xe8B\n'</t>
  </si>
  <si>
    <t>b'\x8e\x07\x1dU\xe9\xed\x98\xf7J\xa6w,\xe7Mf=\xf0;\xeb\x83M\xa1O\x08\xbbb\xef\x92\xe6G\xa38'</t>
  </si>
  <si>
    <t>b'\x1e\xdc\xf4!\x806\xca0P\x8e\xc6\x1c\r\x1d\xe0\x14\xcb\xbbNM\x8a(\xed1\x96\xe5\xaaV!Q\xe0O'</t>
  </si>
  <si>
    <t>b'\xf4\xb4\x17\xad\xd15\xba\x05\x85Au0\xe0r\xf3:A2\x1b\xedVwDc\x98&lt;\x90?\x07\x97!\x1c'</t>
  </si>
  <si>
    <t>b'0"y,\xb9A\x8a/\xeb\x18\xee\xa4\xaa\x0bP\xaa98_\xee\xce\xa8e$\xe3M\x19]%h\xaf#'</t>
  </si>
  <si>
    <t>b'U4\xc2\xa75_\x00l\x8e\xd3\xaf;6\x84\x9b"s\x9f\xa4\xa8f\x9e\x12\xbd\xdc\xf8\xf8j;+7\xd7'</t>
  </si>
  <si>
    <t>b'\xd0\xa4\xcd[\xd3\xe0"N#0y\x86\xe2\xe8\xfe\xcf\xe8\'\xf3\xd6\'6\xadZ]\xa8)\x8c\xa3a\x16\x88'</t>
  </si>
  <si>
    <t>b'\x0b j\tpHo\x1bCoGu\x84\x1c\x91k\xc0\xbd\xdb\x8c1\xaf(8\xfd\xdaz\x00\xc7\xa8\x99\xc4'</t>
  </si>
  <si>
    <t>b"\xee!z-\xd8\xe2\xff\xd0\xb7\x94*K/'\xfc\x8d\xb7\xb3\x84EI\x85h\xa2\xcd\xda+Fx\\\xab\x01"</t>
  </si>
  <si>
    <t>b"\xe2-\xe9\xad\x8c\xe3^\xbf Z\xa2\x84\xce\ns\x07T\xd1i\xda\x13\x03\xe3\x9f\xeefTT\xbcn&amp;'"</t>
  </si>
  <si>
    <t>b'\xd6\xa7=\xc8\x82\x04.\x13\x04\x98\x00U\xbe\x9ayL\xc6\xa9\x0f!\xbed\xe4\xe7S\x98&gt;l\xcf\x84\xab\xc6'</t>
  </si>
  <si>
    <t>b'\xa50\x1d\xc9\x02\x07\x8b\xdc2\xafs\xfe\xac4Q\xe4\xcb@\xf2\xf3B\x87\xdf\n\x98.\xee\xe9\x9d\x0e\x99\xc1'</t>
  </si>
  <si>
    <t>b"akA\xbd\xa7'Y\xb2f\xf2\xd3\xdb&gt;\xf9m\xedm\xa6\x03\xfe\x14D\xc33\xa321\x14\x17\xbd\xd9\xfb"</t>
  </si>
  <si>
    <t>b'Xj\xc7\n\xf2J\xad\xf6A\x08\x0e\x9d~\x9c\nB\xaej\xada,\xdf\x9e(\x8dv\x952\xf01\xe3\x06'</t>
  </si>
  <si>
    <t>b'\x87\xed\xdd\xf2CWR\xc9\x0f\xac\xa5\xf9aT\x85\xc3\x92\xbf\x8e\xfc6\xd3PF)\xd4\xd3l\xb9\x971\xc9'</t>
  </si>
  <si>
    <t>b'7 ?\xf6\x90&lt;\x85\xb2\x05\x91\x9bK\xf4\x87A+P\xb1\x00\xcaLVf\xa3H\x8e\x0cq\xdfh1\x10'</t>
  </si>
  <si>
    <t>b'\x92_\xc5\x88\xa0\x8b(\x11\xa4\xe7FX\x7fE"_r\xb8\x12\xee\xb5\xc5\xb4\x10"\x9e\xd8\x14\xad\xd1\xcd\xab'</t>
  </si>
  <si>
    <t>b'\x1b\xac\xe7\xbf\x1e\xf8\xce0\xd0"\x9f\x0c\xb0\x9a\x1c\xdf\x13\x88\xb2\xd1\xc9\xcc\x91/\\\xe0\xaa\x1ee\xac+3'</t>
  </si>
  <si>
    <t>b'6\xf3\xbb\x0c\xaa\xed\x1cP\xaf\xc0n|\xd4Mi_\xf8G|\\\xc9T\xc3t\xc0`\x8b\x08\xe7\xaa\xca\xa5'</t>
  </si>
  <si>
    <t>b'\xd0F\xdd\x8d$\xeb\xe2\xabeW\t\xd2o\xc5U\x8aZ%\xd7\xcbY%:\x00\x1c\xba\xc2\x14\xe4D\xd8,'</t>
  </si>
  <si>
    <t>b'b\xd6\xb1\xfd\xd4e\xd4\x10\r\xec.0\xb0Y\xf5\x11\x01~\x85\xcf\xb2\x0fw\xd3\xa3\xe2\xfdt\x0fy|\x95'</t>
  </si>
  <si>
    <t>b'\xbb\x8d\xafU\x8c\x01\xfdK\xa1^\x8c\x9a\xef\x15\xdc\xe8\n\x97\xd3p\xd87\xce\xee\x05\x1c\x9f\x802\\\x19\x18'</t>
  </si>
  <si>
    <t>b'\xde\xc2h\xa1kEu\n\xc2Sb\xa0\x96|\x11\xa1mX\xc0\xa4\x80Sp\x1a\xd1\xad_\x92\xe9\xe8Z\xc9'</t>
  </si>
  <si>
    <t>b'|P\xec\xb7\x85\n\xd4\xfb\x94\xf5\xd5q\xeb"\x8a\xea\xda\xa0\x8c\x01\xa5\x08\xf0\x97y\xe8\x7f$\xa9\xab\x02{'</t>
  </si>
  <si>
    <t>b'Q\x01\x95ci\xc0_at\xf7%\xe5\xbdG\x1aX\x86-\xad\xd9!.t=\x1dZ\xdc\xcc^\x9e\xf7\r'</t>
  </si>
  <si>
    <t>b'\xe7\x9da\xb7\x05TcC\x85\x92\xaf\xd1`\xae\xc4\xd3L\xeaS\xdd\x07\x1a\x0fip\x078\xfe\x06\xee\xf4u'</t>
  </si>
  <si>
    <t>b'\xa3\xf6(\xce\xe0\x1brR\xcdH\x1f\xfep\x1d\xe4\xdc\xcf\xa7Wi\xd3\xc6#C9H\x82d\x05m\xbfv'</t>
  </si>
  <si>
    <t>b'\x84%c\xf3\x05OEv+\x95\xf0\xfb\xa4\xae\xa1\x16b\x99n\xb2|"F\x0b\xe0\xed\xa7\xf8\x1c!\xf5\xf3'</t>
  </si>
  <si>
    <t>b'\x0e\x03N\xf3&gt; \x9c&amp;\x9d\xe6\x81\xd1/1\xc0\xf2%\xb7\x1e\x80\xbd\x90o\x18\x05^\x1d\xad\x1a\x1d\xd2\xc5'</t>
  </si>
  <si>
    <t>b'9G\xa2\xb2\xe9+}\x16Y\xc1\xd3\x02\xb5\xa3\xb3~\xd0\xd9\xa6\x0bEX\xe2\xdcJa\xde\xa4\xf02\xd5\x10'</t>
  </si>
  <si>
    <t>b'\xc8R\x92\xa6\xd0d\xfao\x81\xb8\xa2\xbd\xaaj\x97\xb0W;\x8a)#\x84\xea\xbf\xf1\x1b\xfe\x19k\x92J\xc7'</t>
  </si>
  <si>
    <t>b'b\xec\xe2\x92c\xb8(ug\xa8\xe9\t\xdd=\x1b\r5\xe4\x81\n\xe4\x92\xb0\xd9T\xff\xaa\xd7\x03\xd5\xb3\xd8'</t>
  </si>
  <si>
    <t>b'r.\xb5v%:V\x0e\xeb\xcf\x19\x1d/\xf4-\x8a\x97\x9e\xed\x96\xe3\x85Q\x82\xc7\xb1\x9f\x86F$LO'</t>
  </si>
  <si>
    <t>b'\xd3\x0c\xd0\x0f\xfb\xb4\x1a\x9d7\xd7\xcd\x00\x94\xf8\xad\xc4\xf4\x00G\xc0\xe7\xdc%\x83*3\x16\xc4P\xec+\x01'</t>
  </si>
  <si>
    <t>b'\xcfH-\x0fm~^\xc5\x17s\xc5\'\xd6\xb0Tl\x12"1\x1e\xb0l\xb6\xa2\xceS\xa9\x11E\x9dy\xc2'</t>
  </si>
  <si>
    <t>b'\x8f\x93\xa1N\xd4FH3\x8c0=a\xa9N\xbf\x18^\xe3O8\x9fT\x04\xfa\x14\xd9\xacg\xa4d\\\x8e'</t>
  </si>
  <si>
    <t>b'D\xe7\xfd\x1c\xd9eyp\x1a[\x86n\xa1\xa4\xed\x1a\x87\xe2\xf4\\\x8a\xc5Q\xfeu\x8e\x0fg\xd2\xd8\xf3+'</t>
  </si>
  <si>
    <t>b'\x99\x8d1\x18f\x081\xe9%\x98\xb2\x05\x95\xe7t\xc8\x19\xbeM5\x0b\xa2w\xfd\x12\xa5c\x10\xa88V\xaf'</t>
  </si>
  <si>
    <t>b'=\x17lSp9\x1a\x91\x05\xdbG\x1b\x0c1%\x9arY*\xea:&lt;2$tmZd\xe0\x7f\xa9\x91'</t>
  </si>
  <si>
    <t>b'\x86\xe4\xeb\x83\xbb\x85G\xde:\xb6\xaa\xa4\x9f\xc3_M\xd7\x9a\xed\x97\xb0a(\x0cP\xb6\x91~z\xb6H\xa1'</t>
  </si>
  <si>
    <t>b'\xf6B\xbdX7\xbc\x91=l_\xa2\xdf;\x88\xc3\x95\x9b\x16\xdc\x82 Ci\n\x87\xc0\\\x18Q\xe4\xf0}'</t>
  </si>
  <si>
    <t>b'($\x9f]\x17M\xe3\xa0e\x9e"\x0f\x0eV7\x84H\x91\xbe\xa9yp\xe1\x87v\xcdQE[\x1e\x0b\xea'</t>
  </si>
  <si>
    <t>b'\xaes\xa2\xd6\xaf\xcef\x182\x89tr\x1c8\x83B\xaa\x94\xec\xda@\xfb\xc6\x17UG\x85\xcc64P6'</t>
  </si>
  <si>
    <t>b'[\x8f\x80f\x9c\xb3\x13D\xb1\xbb*\xbc\xc1oe\x92\xb2;\xfe:\x1e\x87\xf3\x08`\x02W~se\x9a\\'</t>
  </si>
  <si>
    <t>b'\r\x10\xbe\xa8(~\x99\x97\xfc\x06\xcd)\xd2\xc3\xc8)3X$\xda\xfa\xfe\x9f\x90H\x1a\xbcr\x00v\xa7\x15'</t>
  </si>
  <si>
    <t>b'A\xdc\x91\xc7\xc6\xf0\x1d\xe3\x91sZ\xc4\xb5$\xe4F\x81\xf1N\xb7\xd3\x83\x88\xb8z\x80\xf8\xa7\x8d%\xa6\x95'</t>
  </si>
  <si>
    <t>b'\xfb$\xdd\x14(d&amp;\xa9\xd9\x93!c\xbf\xa4\x1d=\x80C\xf1w\xfcf\xc2$\n\x98YJ\x8b\x97l\xf8'</t>
  </si>
  <si>
    <t>b'\x9d\x87\xea\xe2It\x97)\xa9\x04\x18\x9d|5t\xad\xf7vW\x07\x85O[\x1f\xbd\x88\xed,\xbbY*l'</t>
  </si>
  <si>
    <t>b'g\xdb\xf6`\x9c\x7f\x17\x8c\x95#\x11L\xcf\xa5[\xb3\xb6"|k\x15\x88\xe7p\xf9\xdf\xf4\xfb\xeb(\xf8\xf7'</t>
  </si>
  <si>
    <t>b'\x10\x08Od\x9c?\xba\x12\xf2\x99\x00x\x9f\xf4A.~\xa0}\xfa\xd6\xaff|F\xc7o\x0fN\x15\xbd['</t>
  </si>
  <si>
    <t>b'g\n\xba\n}K\xd1\xfcx\xf6\xc6E=p\x19\xcbX\xb0\xb2\xeb\x1f0\xfe\xa6 \xc5*a\xc2r5\x90'</t>
  </si>
  <si>
    <t>b'\xd3T\x9b\xc2\xe5fME.\x00\x11\x98+\x8e\xf5W\x8dB\xc2\xbc\x97\xc6\xb7M\xbb\x82\xd3\xfa\xfd\x82\xdd\xb7'</t>
  </si>
  <si>
    <t>b"D\x00\x82j\xaeK\x1f\x86\x9e'%\xf9\x9e\xcanl\x8dIO\xce4\xd3\xf66\xbe\xd1g\x08\xc9=\xee["</t>
  </si>
  <si>
    <t>b'\xf8\x00\xa5\x1f\xf7\x04\x8f-\x16O\xcd\x1dg\x11\xadk\xac\xb3\xa3\x85\xdb\x9c\xe5\x0e\xde\xa1\x10`x\xd9o\xca'</t>
  </si>
  <si>
    <t>b'\xd7\xbd{\x98\xa3\x19\xf1\xdb\r\xc2\xdd\x16\xe5d\xdaI\xf0!A{\xb9\xb7\xd4\x06\xed\xd4\x809$\xcd\x082'</t>
  </si>
  <si>
    <t>b'\xc7+\xa2\xbds\xfa\xebAt\xf9\x8d])t)R\x88@\xe6\xd8\xb9\x9c\xad\x9a\x19\x1d\xf27\xc5gG\x7f'</t>
  </si>
  <si>
    <t>b'p\xcb\x8d\xc9\xb8u\x19\xf7\xed\x91\x1eoU\xd9kp;\xad\xe4\x96\nw\x02Z\xf5\x04\xba\x02H\x0f\xa4\x89'</t>
  </si>
  <si>
    <t>b"3U\xd5\x18\xc4=\xfd\r\x15\xe8n\x03K\xfb\x01\xf8\x96\xf8\xcc \x878\xdf\x0cA'\xa3\xe8fh\xff\xd9"</t>
  </si>
  <si>
    <t>b'\x17\x94\x89\xed}Xl3I\xc6$EZ\x82\xa6bT\xc2{g\xd7\xae\xfd\x98\x0b#\xb5\xf8\x81\xeb\x82\xf2'</t>
  </si>
  <si>
    <t>b'\xcd\xefB\xa9\xe8n:(_\xc6?\xcd\x9f\xed\xba\xbd\xfaJ\xfc&lt;\xbf\x08:\xb8\x1f.\x02\xe6C\x18|\xd9'</t>
  </si>
  <si>
    <t>b'}T\x99\xe8=\x04W\x92\xc4\xb0\x07\x04\x96\x00\x83z \xd9\x90\xa1\x95\xc0\x85\xd2\x00Y\x98k\r\xa3\x19\x8b'</t>
  </si>
  <si>
    <t>b'\x87\x9f\x81d\x1e\xd8-\xf4\x1e9O\x7f\x88\xb0\x85\xbb\xc5 \xb7\x1d\n\x9b\xd55\xbcq\xb0@\x1d\xf8\xaa\x9a'</t>
  </si>
  <si>
    <t>b'F\xaeV.\xf8tJ(\n\xb67\xe6\xb2\xdd\xfb\n\x1f\xacK\x87\x8c\xf4\xbf\x13\x96\x03\xbbJ\x9f\xb55\x1e'</t>
  </si>
  <si>
    <t>b'\xa0\xa4\xad\xb8\xcc\x11OZ\xbd\xe4\x99\x12\xbd\xc0\xbcx\xd7(\xfe\xb7[\xef\x8a\xdb\xb7\x03\x1fU\xaf\x81X\x80'</t>
  </si>
  <si>
    <t>b'\xf3SVQ\xea\x9bh\xa9\xfda|D\x11\x08*w\xc9\x96\x87\x91\x0f\x90e\x98E\xa8&lt;\xec\x06Q\xf2\xb1'</t>
  </si>
  <si>
    <t>b'\x9f1\xe6\xd9\x97\x07\xe0\x16\x89\xd7\x96\xb8d\xa6\r&lt;\x94\xd7L\x02\\a\x97iB\xcb\xbc\xd9\xdc\xad\t\xbc'</t>
  </si>
  <si>
    <t>b'C\xbd\x95\x835O\xcb\xf3\x0b\x82\x90t@\xc8KMJ\x8e\xf6M\xd8\xc4\x90\x19\xd4\xa3_)\x97\x1cL\xad'</t>
  </si>
  <si>
    <t>b'bo\xc8\r\xd5)\xe2L\x1f\xbdp\x11u&gt;1\xf6\xa3\xbe&lt;\x15\xccEI\x1a\xf1D V\xf06\xd5\x1f'</t>
  </si>
  <si>
    <t>b'U\xa7kf\xe0\x9d=t6\x84"\xf0\xc7\x8bY\x18\x91\xa6\xb0\x89\x84@\x95\xc7Q\x9a\xe1\xf3&gt;5\xcf2'</t>
  </si>
  <si>
    <t>b'8C\xcd\xa3\xf4bq\x8d]\x02\xc0f\xdf\x90\xebt\x98\x9d\x9f@\xa7\x86(u\t"\xee\xf1\xaf\xfcOV'</t>
  </si>
  <si>
    <t>b'\x1f\xcaI\xa96\xef\xbb\xdfL\x1d\x14\xbb\xaf\xaa\xec\xfe\x03\x14t\x93*;v\x03\xfb\x1es\x12\xf7B\xec='</t>
  </si>
  <si>
    <t>b'\x8a\x0e\x18\xe1c\x19\xef\xe3\xe5\r,\xdaA\xc0:\xc0\xb9\xac\xfaU\x93b\x96\xd9\xefz\xdc\x8d\xdcq\xc0_'</t>
  </si>
  <si>
    <t>b'd6\xc0\x0ebyA\xa3\xe3/\xf3G\xc8\x8a\xf0\xd2Et\xf3\x8c\xf3e\xa2\x19\xa9\xf3)\xb0]\xc7\x1fB'</t>
  </si>
  <si>
    <t>b'\xb1\x8fN\x8d\xd9H\x97\xed\xb2`f\xd9mt\xf2x!-HJZ\xf8\xd0"\xf0\xca\xba\n\t\x91\x1fz'</t>
  </si>
  <si>
    <t>b'G%\x04\xb3\x03mU\xfb\x15\x98\xdeo\xd9\x8e\x00\xfa\x18\xbd1}\xc4\xe3^\xac\xd4\xbbtH\xdah*\xd9'</t>
  </si>
  <si>
    <t>b'@%\x87,%\x96\xf7[\xcc1\xe0.\x900\x91\x1a\xda\x93\x1a\xea\xe2\xf3\x0f\xfe8d\x0c\xc8R\x92\x1b\xce'</t>
  </si>
  <si>
    <t>b'\x9e!*w\x99\x03\xa0\xcf\x15\x92:V\xf5\xa5\x95v\x94\xaaF3\xf8Y\x88\x91/\xf0\xcb\xfe\t\x15 \x15'</t>
  </si>
  <si>
    <t>b"\xed\xaf}\xbc\xe9\xa4\x0b\xb4\xaci;g\xd5?\x13g\xdbJ\xcd\xf0\xfc\xe5\x9d\x03;\x870\xa2\xed'\x83\xb9"</t>
  </si>
  <si>
    <t>b't\xe2\x12lJy\xe7\xe3\xc3o\x96\xd3\xe25\xe8\x8a\xf8k&gt;&gt;\x97\x03}\xae\x16\x05s\x14\xe1kO`'</t>
  </si>
  <si>
    <t>b'\x9c+i\x97\xb7\xad8\xe7\xaf\xfa\x1d\xc1\\v8\x89\xab/"\xe3\x9aI\xf0\xab\xe7\xfa\r\xa9/0\xce\xe4'</t>
  </si>
  <si>
    <t>b'\x9bX\xe5\t,\x00\xa8w\x92\x87\xabw\xf9\xe8\x15\x06\xb6\xb2\xed\xa1((\x8e\x86\x11n\xa8\xe5\x12\xce\xc64'</t>
  </si>
  <si>
    <t>b'\xc0l&gt;n\xa3~\x8aw\x97+\xd4\x98\xab\x9fR\xd8\xe2\x11\x16\xbe2!\x1bI\xe2\x81(\x19\xe7\xa2\x98\x83'</t>
  </si>
  <si>
    <t>b'\x98\x10\xbd\x91\x01k\xb6\xff\xeeVgJ\xbdo}8A\x96\xe2\x00\x00\n\xfa\xa5\rHMX\xa0\xc4\x1cm'</t>
  </si>
  <si>
    <t>b"&lt;\xac\x16 b\x8ag\x14Ow\x81\x91\xac\xb7\x93@\xad'u\xab\x83\xcf[\xf9\xf9\x07\xccV\xe6\xb9+/"</t>
  </si>
  <si>
    <t>b'\xdaAP\x88\x95\xefw\x05~Q\x89\xc9\xdc\xd1\xf7\xc6\xea\no\x91kW\xa0\x88\xf0j\xf7]\xd32\x14\x0e'</t>
  </si>
  <si>
    <t>b'\x0f\tE\xb5\xa6\x03\x92\x9f0T`\xb4\xb2\xa6[\x95o\xb4G\x9e\xd3w\xc2\xbe\xc7F\x8a\xc7\xba\x17/\x91'</t>
  </si>
  <si>
    <t>b'\xf5\r:\x88\xd5\xa0\x1f\x99\xfe4e\xb04\xa5B\x8f|^V\xcc\x92f\x16\x87\x87YM)\x89\xc5`\x05'</t>
  </si>
  <si>
    <t>b'\xe1\xe1V\x07\xbb\xe4a\xa9\x15\xb5f&gt;\x81\x89\xdccbWKEOl\xf9A\xce\x8e\xb7!\xfd\xba.\xfa'</t>
  </si>
  <si>
    <t>b'+\x93\xf6\xa7\xd4\x1d\x10\x03\x05\x89@\xd4x\x163\x0c\xa78\x8a\x18&lt;\xd6\xb4&amp;\xdb\x86\xc6S#\x05\xe7P'</t>
  </si>
  <si>
    <t>b'q\xd4=H\xb3\xcb\xed\x91\xe9A\x1a\x1d\xf8\xa3ihNx7\xb5\x95\xe3@\xb7\xad\xc8\x95}}\xb0\x12\xcd'</t>
  </si>
  <si>
    <t>b'DF\xca\xcc\xdf-\xe3\x14y\xde\x00*\xcf\xd2\x10xa\xd0\xda+\x8f\x97\xd2\xf7\xf9\xbe~I\\\x87\x89\x1c'</t>
  </si>
  <si>
    <t>b'\x1e9\x1a[\xb7\x0e\xd6\xc4\x92\xcf\x0e\x80iL\xe2\xcf\xc4\x9a\x10\xb5M\xe4\xac\xb8\n1E[\x0b1\xd9P'</t>
  </si>
  <si>
    <t>b'\x86B\x00\xc1Wd/\xec\x8c\xeb\xb8,\xe1\x10\xf5\xa4\xda}%\xfd4\xc7\x11\xa4:\x86\xd9\xff\x19]\x97\xd1'</t>
  </si>
  <si>
    <t>b'\xcf\xbb\x18\xc4\xbb\x84\xa8\xb7\xe7\xb0\xd6A\xc5\xc9\xf2\xca\x8f\x89\x07\xca\xcb\x10\x84\x8d\x0e\x19~\x04uu\xc6\xdf'</t>
  </si>
  <si>
    <t>b'\xf3\x1d\xaa\x02B\xeaq\x08y\\\\\xf8\xcd-\xe1\xe8\xcf\xb0\xb4\x07\xfa\xce\n\xca\xe7\xa1\x9b\xeeC\x9aY\x87'</t>
  </si>
  <si>
    <t>b'D;q\trM\xfaAp\xee=\xad_P\xf7\xd2\xe4\xb7\xe3\xc9\x8a&gt;\xe7\x81\xffX\xe9&amp;\xb7H\x06\xf1'</t>
  </si>
  <si>
    <t>b'\xa9\x8aA(PZ\xa1\x1e\xb5u\x99\xf7\xcc\x1d\xf3.N%\x1e\x89\x94}\x1cT\xba=\xb9\xd9\xa4uUq'</t>
  </si>
  <si>
    <t>b'o8\xc0O\xae\xd7\x08\xc6\x9d\xe9Q\x00\xceA\x08\xa3\xb4\xbc\x97\x0f]\xea\x92(\x96\x01+\xc8\r\xe4\x13\x81'</t>
  </si>
  <si>
    <t>b'\xbe\x00y\xbd%j\xde"bb\xc9Y-j5\xfeTS\x00\xbfu\x18\x0c\xda\'\xf93\x15M\xc92@'</t>
  </si>
  <si>
    <t>b'\x08\x1d\xdc\xfd\x91\x8e52L0\xb3:\xf1\x13\x8d;\xc2MW=\xd0\xeb\xd4$H\xf1xF\x03\xce\x02\x00'</t>
  </si>
  <si>
    <t>b'o\xa1\x02\xa9\xe5\xe7\xe2DH\x15\x18-\x92fM\x07\x13S\xbe\xe5\x8dVJ\xee&gt;\xc2\x0b0N\xd4{\xd4'</t>
  </si>
  <si>
    <t>b'\x04-\xe2O\x87/\x14\xe9lP{3\xb1\x94\xdck\x0c\xdc\xc5\xf4\x1f\xea\xfb\x1d!$\xc6\x91\xe2\xb1\x7f\x85'</t>
  </si>
  <si>
    <t>b'\xefxkR\xac\x15\x8b\xa4&gt;\xd9f \x89Nb\x97\x881&lt;\xef\x93\xb9\xcf\\\x8d-\xedwq\x90\x16\xc5'</t>
  </si>
  <si>
    <t>b"@\xb4\xa0\x13\x8eX0\xe7\x9d\xcb\x05j'\x94K\xc8b\x96\xfe\xb09b!1\xb7\xd7\x9d\xaf\xd2\xf0JZ"</t>
  </si>
  <si>
    <t>b'\xec\x00"\xe8\xce\x13;a\x97U\x8b\x90\xae4\xf8\x84\x8f\xff\xb0\xe0\xcb\xde\xaf\x10\x14nP\xd3\xa7\x05\xfd\xa0'</t>
  </si>
  <si>
    <t>b'1\x86\x843Q\xf7\x99}\x0b\x8c\xec\xfeD\xff\x91J\xc7\n\xdd}\xb3\xea\xfc\xfa\xda\xd5E0y\xd6D\x98'</t>
  </si>
  <si>
    <t>b'\x93\xafwl\x15\xd4\xe1\x9d\xd7\x8c\xd1\xb6\x07\x1eY%\xd8\x02\x00\xf9\xc8\xac(\x11Wr\xc4\xc8\xfb\xc2!\xcf'</t>
  </si>
  <si>
    <t>b'\xe0c\xa5`\x19\x0bRN9\xf4\xb1\x0c\xb4\x82H\xb2(\xe4\x15IA$\xff#1\x8f\x8cw\x83\x86!4'</t>
  </si>
  <si>
    <t>b'0\xfc\x05X\xa8\xcd\xe7\xcc\xd0=u\xc0icB\x1f\x04B\xa3#\xa0_\x80\xd6\xc0\xe5\x81\xd6P\xeam\x8b'</t>
  </si>
  <si>
    <t>b'kR\xa0\xc9\xd6\x96\xb5d\x94\xf5N$\x0b\x85\x8d\n\x85:\x83\xde!\xb5\xe1\xc3\x95&amp;\xef\xd5ZJ\xc9\x9e'</t>
  </si>
  <si>
    <t>b'\xd4\xbc\xb2\xe5\xb124\xdf\xd6+\x9c\xe7\x08=\xb5\xd5\x88\xb6\xe4[\xa6\xff\xdc\xf1#\xc4o\xb8%\xb2x7'</t>
  </si>
  <si>
    <t>b"\xab\x13\xdb4o@i\x04G\xda\x99F\xec\x9f\xa8G\xf7\x0c\xb1\x83\xfa'\xed\xc78\r\xfe\x07\x87\xefu\x99"</t>
  </si>
  <si>
    <t>b'\xae\xaa\x0b\xf8d\xe3\xf0\xb5\xed7\x94\xff\xc6\xafZ0\x05a\x9b?\xe8[5&gt;x\x01,\xbb\x9fI\xe6\x91'</t>
  </si>
  <si>
    <t>b'\xe4hC\xa1\xc2\xaf\xcc\xc2N#\xc3\xa2w\xf1\xac\x8d\x93]s\xaf\xdd\x1c\xceb:\x8a\x05\x1f\xf9\xfd\xa7\xc4'</t>
  </si>
  <si>
    <t>b'\xba0\xc3\x80#\xd1\x04hP(\xe7\x1f,\xaf\xbdG\x8fP\xef\xde_\x91/R\x97\xa7\xacL\xa8\xc1\x9c\x11'</t>
  </si>
  <si>
    <t>b'\xca\xb0\x86\xaa\x0f \x80\x97k\x13\xfe\xd1\xcb\xdf\xae\x86\x94\xc9/\xf0\xc9Xk\xbb\xc2D\x1f\x0e\xb0mA\xd5'</t>
  </si>
  <si>
    <t>b'\xa1\x99\x0e~U\xa4\x0c\x8d\xac\x91\xb0\x8dp\xa1\xe4.\x8aP\x03K+\xb3\xfc\xb8\xfeL\x1b\x05\x8b\x01\x9b\x13'</t>
  </si>
  <si>
    <t>b'\xb7\x0e6%\xb4\x15\xce\xf5j\xbb\xc2\x93?\xd2Y2\xda\xff\xac\x8f\xa1}h\xd4\xc2\xb3\xad\xad\x99+\xe5H'</t>
  </si>
  <si>
    <t>b'\x92\xbe\xa2\xcb\xed\xe5\x87\xe1EE\'n\xd0\x85\xf4\xd4\x19 \xf4\xd2"\xce\xc4\xb7\xf4A\xc9]\x13\xdaM\xaf'</t>
  </si>
  <si>
    <t>b'\x1f\xc4&amp;\xc2pa\xb3y\x07\xdf)\x0f\x9bwh\xec\x0e\xdazT\xd0\x15\xf5\xf7u\xdcA\xfd\xf9\xb1\x01\xba'</t>
  </si>
  <si>
    <t>b'\x12U\xac \x06\xef&lt;\xba\xbf\x1aS\xf8xj6,\xfb\x96\xbb\x98o\x15Ol\xc9\x195\x8a\xd2\xd6\x96\xee'</t>
  </si>
  <si>
    <t>b'\xd8\xae\xee\x98\x92\xd7F\xc5(\xc6i\xc1\xab\x99\xbax\xbf\xe7\xff\xff\xadO\xbe\xc4\x7f\xa71\xf2peo0'</t>
  </si>
  <si>
    <t>b' G1\xa0\x82\xc5]\xc4\xd5\xe9\xc4o\xbc^\xe9\xea]\x0e3\xe3\x7f^f\xa4\x88\x0e\xef\x89}\xbb0\x8d'</t>
  </si>
  <si>
    <t>b'\xf6+A\x8b\xc8wF\x91o\x10$l\xe0\x1e$l\xa36a"~9\x16R\xb2i\x93E\xcc{\xb8\xaa'</t>
  </si>
  <si>
    <t>b'\x93\x00\xce\xfb!\xfc\xca\xbf\xf1Y\xdec4\x10h\x04\x8a\xf7\xe3\x11\xfcN\x10\x7f,\n\xe0k\xae\xf7\x1e\xc2'</t>
  </si>
  <si>
    <t>b'B\xa7\xcb\xd4\xee\xa0d\xcfHo\xcd&amp;\x9fq\x17Gx\x1cUxb\xf5\x13\xe5\xa9\x97"V\x8b\n\xe2!'</t>
  </si>
  <si>
    <t>b'\xd0\xafe\xb5)\xc1\xc0\x94\x85 \xae\x94\n\xffY\x98w\xc7=\x7f\xe8\x94\xc4\xd6\xa9\x0cn\xc2\xf5\xb8\x81&lt;'</t>
  </si>
  <si>
    <t>b'^\xad\xbf\x83E\xfa\xc0l~\xe0\x1bcx\xb6.;\x01\xc6\xab\xf5\xef\xc7\xf1\xf4E\xc4\xad\xd2\xf2,\xcb\xc4'</t>
  </si>
  <si>
    <t>b']\x87\x02}\x11\xc9yi\x0c\x1f\xa41\xe2(\xbf2\xa4\xce\xf9N\x82*P\x1e\xe7\xb9E\xc48\xe8\xbda'</t>
  </si>
  <si>
    <t>b'\n\x03\xbeI\xdf\x88&gt;\xa9\xccZ\x8be=*\xd5\x8a\x8e+RU\xfd\xeb\x1b\xf6\xfd\xc7+#\\\x99\xed;'</t>
  </si>
  <si>
    <t>b'\xc9\x8e\x16\x13x\xb7\x99\x999P\xe2\x12\xf0,\xa6&gt;\xb6\x9f\xca\xa8U)l\xd0\x1eVx\xf6\x8c{H\xcb'</t>
  </si>
  <si>
    <t>b'\x1f[\x05\x03\x95\xf9\xac\xf9"\xad\x7f\xb2\xac%\x9b\xc54N\xbeXQ}u\xafv\xcb\xd0\xf2\xefN\xcc\x06'</t>
  </si>
  <si>
    <t>b'\xfd\xe1\x8f3\xf6^A^\xadp\x80\xc1X\xfd\xaf\x9e\xffr\xb0\xa4\x169\x90\xfb\xf7UL2&amp;j\xaf\x82'</t>
  </si>
  <si>
    <t>b'\x0fT\xee\x82\x9b\xc9T"\xf1\x91\x1f\x01\xedn9\xc7\xa8\x02\xf9\xc5\xb7\xa4\x9e\xec\xc2+\xe9\xd2I\xde\xca+'</t>
  </si>
  <si>
    <t>b'N;\xad\xf7\xa0\x11\xfe\x9f\xd3\x1cm\xd0\xd5\x95\xa9\xdbr:%\r\xbdi)R6\xaaX\x989F.\xab'</t>
  </si>
  <si>
    <t>b'\x18D\x07\xca\x06\xdc\x98\xb6\x82\xb4\xfbj4\n\xca\x9b}\xb1\xe3\x85\xd9\x10\xadqG\xb5\xfe\xbe\x96\xa4\x82)'</t>
  </si>
  <si>
    <t>b'\xb3\xa7\xde-T,\xc2\x10\xf2\xaa\x00\xe5p\xb9\xb2tq\x88\xa3Cn\x1b\x93\xc2W\xe0\xd7jEBd9'</t>
  </si>
  <si>
    <t>b"\x1c\x17\x7fPEYu|\xee\x88h5J\xc5\x00\x10\xb8:\x1f'\xbb\xba\x92f\x1f\x9a(\x8ba&amp;\x07H"</t>
  </si>
  <si>
    <t>b'Jf)[\xbd\xf8\xab1-\xdf{\xdb7\x88\x12r+\xa5\xc4\xdcvO\x1e\xdc\x03\xdd\xa9\xa1\xadh=\xb5'</t>
  </si>
  <si>
    <t>b'\xe3X\xb5\x1f0\x98\xaf\xc5\x91Y\n\xc5yE[\x95,\x1f\xa0\x8dbK\xae@\x7f\x1e\xc9\x87\x04\xaa\xcc$'</t>
  </si>
  <si>
    <t>b'\xaaP\xfd\x93\x91\x16\x1b+c\xfd\x0f(4\x8a2\xc4\xa5R\xfc\x87e?\xc3\x81V\x8d\xc0\xa2i7\x88\xb5'</t>
  </si>
  <si>
    <t>b'\xc9T\xc0\xd5g\xddnSi|v\xf7#O7\xfb\xf5\x15\x9f:\xb8._\xea:\x8c\xd0\x0f\xc4\xb7\xf5\xb7'</t>
  </si>
  <si>
    <t>b"\xa74Fz\x03\x01\xcb\xcaW\x19\xd4\xee\x91}^\x8e\xd3'\x01\x8fs\xcb&lt;\xad\xfd\xb4`\xca\xd5\xd7\x85\x8e"</t>
  </si>
  <si>
    <t>b'\x86\x8b:\x94\xdb\xdf\x8b\xed\x81\x92\xba\r\x83\xf50\xa7\x01\x13Y?\xa1\x9d3F\x9d|x\x9a\xb0\xe3UD'</t>
  </si>
  <si>
    <t>b"\xb7'\xcf\x98\xc9\x07\xee_\xe3e\x86\x1b\xf9\x93\x14#};z\xbc\x9a\x11\xd4\xb4\x8b\x97\x12\x98B\xcf1\xcd"</t>
  </si>
  <si>
    <t>b'0\xe6Jpy\xc7 \x7f\x19\x14\xe70\xb8\x892\x84\xf2\nB\xd7`\x84\x81\xb6\xce]\xd7\x80W\xdf\xc19'</t>
  </si>
  <si>
    <t>b'&amp;\xac\xecm\xc7Mw\xe01\xa4\xf7\xc9\x96\x82\xbf\xc3839\xca\xc8\xa6y$y/\x03K\xae\xa4\x04\x85'</t>
  </si>
  <si>
    <t>b'\xd6En1G^\xfa\xe6c\xccB\xf2\xb8\x9ee\x02J&gt;`\xe1\xd7\xea\x00l\xd0I\xfc\xea\x1aWlS'</t>
  </si>
  <si>
    <t>b'Ju\xa4\x9e\x85\xea\x9c\xbb\x11\x8c\xaf\xe5l9\xde/\r\x96\xcfp,3\xde\xf8}\x02&gt;\xf7g\xe1x\xce'</t>
  </si>
  <si>
    <t>b"\xcf\xb2\xf5e@\xa4\xf1\xe1I\x8f\xa1\xb1\x03xe\xbd\xa5\xee;\xec;I'%\x85\xe9\x8b\xf3\xde\x93\tq"</t>
  </si>
  <si>
    <t>b'\x95I\x16\x1c\xde\xb6\xbf\xe0\x91\x88Z\xb8D\x11\xe2%,\xb3\xdb\x90\xef3[s\xf2\xeb;j\xdb\xc6\xdf-'</t>
  </si>
  <si>
    <t>b"\x1bi\xea\xd5B\xa3\xa0\xd7@\xe2\xb8)'\n\x82#\x1f\xc9|F{n\xf6\xc1\x8e\xbc\xee\xc7\xb5\x1a\xb0-"</t>
  </si>
  <si>
    <t>b'&gt;\x1a\x0b\x1a\x07\xa1mZHKN\x8a\xfdD\xbc\xb3Kh\x90\x1d\xf4\xdb\xdf\xbdq\xd3\xa2$\x0e\x826\x99'</t>
  </si>
  <si>
    <t>b"q\xf5\xd1\x85;\x00\x12\x01w\xbcB\xd4\x1duk+\xc1\x10\x97\x1b6\x8e\x19'm\xe1\xa89\xf2\xbc\xd4\xf1"</t>
  </si>
  <si>
    <t>b'\x9c\xce \r\xfa\xd6\xe0\x01\x83olZ\x93&lt;\x84\xd5\xe1Q\xcba\xe6\x8bN\x0e\xfa\xfa\x9c\xbf\xa1\x17+\xd1'</t>
  </si>
  <si>
    <t>b'zKmw$\x1fF\n\xda\xae\xd0s\xf8~(Cp\xf6+\xa27\x93\x1fq%\xbf\x17\x0f\xc0U\x1e\x9d'</t>
  </si>
  <si>
    <t>b'f\xdf\x0e\x89\xcb\xee\x87\xe4\xeb\x16K\xd5#2rg\xe7V\x8b\xac\x9c)\xfa@\xf2O\x84\xa0\xff{jf'</t>
  </si>
  <si>
    <t>b"\xb1QW\x0fE\xfb]\\\x97\xd1P7\xe9bv\xa1' \xb7+v/\xa2\x03%$gk\x8d\xfe\xa3c"</t>
  </si>
  <si>
    <t>b'\x1fD\xbc\x9f\xce&amp;\xf8/\x01=\x0c\xe1"\xe5\xdel\xe1&amp;Op\x91\x90\xdd\x8f\xcf\x8b\x8b\xb7\x99\x02L\xc8'</t>
  </si>
  <si>
    <t>b'\xe2\x01\x00D`\xbb\xd9{\xe7z\x80\xdc^+]\xe2(&amp;`4\xdd\x1f\x1d\xf0\x0c\xb2\x90Q\xf6\xc6$\xcf'</t>
  </si>
  <si>
    <t>b'y)A\xbb}\x8f\x95\x01\x9e\xb14h\x8e\xf8\xcfWn\xd5B0\x88\xc3\x0b\x9b!#@G\x14\x9ch\x95'</t>
  </si>
  <si>
    <t>b'V\xd0\x1e)|\x98\x0f\x07\x16v\x17[\\\xd3d\xb7o\xc5\x9b\xdd\x87zT\x03Fch\xc5\xb1&gt;\xf8\xa9'</t>
  </si>
  <si>
    <t>b'\xa1\xa1"PO\x0b\xeeZU$\x8f\x19\x7fER\xafy\t\x02i5]\n\x19\xa1\xbb\xf7\x1b\xf9\x14\x11#'</t>
  </si>
  <si>
    <t>b'\xec\x13\xd8\x88\xbf\xba\x08\\\xf5\x9e\xf6\xcfB\xca\r\x84\xe6K\xae\xcb\t\xc7\x99P\x8e\x16\xa5b\x05xgr'</t>
  </si>
  <si>
    <t>b'\xda\xe9\xc9\xac\x10\x1c\xd2\x05g\x87\xf9\x81nfr/\xa8:\xdag\xcd\xb9M)\xb81\x12\\\xf5\xc0\xb4\xeb'</t>
  </si>
  <si>
    <t>b'\x0b_\xa6\x9d\xecXD*\x14\x7fo\xab\xf4 \x93\xe1\x0e\xc9Y\x12\xad\xd3\xfd6\x90}\xe8@=\x1e\xa2\xab'</t>
  </si>
  <si>
    <t>b'\r\xe0\t\xa4t\xd7C%7:\xbee\x11\xef\xf9\xc8\xdf\xb4J\x89i\x1c\xf4\xb7&gt;\xa4}\xb2\x88z~\xb3'</t>
  </si>
  <si>
    <t>b"Xp'v\x7f5\xf7:\x96\xc3F\xea\xde\xca8\xb6\xcd\x80\xca\x0c\x1c\xffk\xf2U\xb9\n)\xb0\x10\xaf\x8c"</t>
  </si>
  <si>
    <t>b'r\x80\xf8E\xff\xa1$\xfa\xb6\xed\xeaJ=B\xb029{\xc1\xa8s\x87#\x8c\x12\x0b\x9a)\x8a\xb7\x05\xc3'</t>
  </si>
  <si>
    <t>b'6\x1aL\x13v)\xcf\x9el1r\\\\m;\xf0TG\x9f9S\x1a=\xd5\x9b\x91m\x93\xa2\x99\xd7\xa0'</t>
  </si>
  <si>
    <t>b',}\xec$\x1e\xba\x96MVw[\x18m&gt;:\xd98\x12\xe2\xafp\xd0\xb6\xbd\x9b\xa0ny\xde\xd3\x98h'</t>
  </si>
  <si>
    <t>b'\x81&amp;\xaf\xf3\xcd\xbd\x07\xfe\x19\xc6L\t+\x0b\xda\x96k\x028\xea\xe5\xf1\x81\xf4\x10XAR\xc5\xd7\xad\xb1'</t>
  </si>
  <si>
    <t>b'\x06Y\xde8\x0eB\xaa\x90\x86\x17xE\xfa\xc7\x0f\xd1\xdc\x8ba:%S\x16\tQU\x91-Y\x00\xfb5'</t>
  </si>
  <si>
    <t>b'\x95;q\xfe\x19/\x98\xb5\xad\xc8ieP [\xc3\x91\x936\xb4\xd3\xc3\xeeSfA\x01\xbb(\xf6U\xb2'</t>
  </si>
  <si>
    <t>b'\xfac\xd9\xbf]}r\xc3\xc5"9X\xdc\xb5\xb4\xa4\x93\xdbN\xedN\x1f\\Wi[\xe12\x9a`\xda?'</t>
  </si>
  <si>
    <t>b'\xbe\xcc\x0c\x04/\x1c\x9c8\x01x\xc0\xc9W3\xafq\xf3\xfc|\x18\xba\xf8\xec\xe6\xe49\xd6\xc9\x90\x82\xc5\xb8'</t>
  </si>
  <si>
    <t>b'\xc1\x06\x82"\x15G4N\xb5uq\x8cd\x01\xaf\x8a\x1b\xbb1C\xac\xa4\x84\x9a\xc2T\xa9\x8e\x0c\x12\x81e'</t>
  </si>
  <si>
    <t>b"\x0e\x96\xfd'-!\r\x99\xdc~2\xca\xfb\xa1\x82\x149hl\xc6\x88\xa7\x97\xe8\xf3\x15\xb6,\x84Tg\xa4"</t>
  </si>
  <si>
    <t>b'\x9c\x7f\x82\x97[\xae7\x04\xda\x1a\xed\x0f\xfe4\x7fAw\xc8P\x0eV\xc5\xf1\x15\x1cm\xb5\xec\xdfU\xd5}'</t>
  </si>
  <si>
    <t>b'\x96m|\xden\x85K\x15\xf2\xd6(\xfa)\xeaE~\x0b\xf3\x04\x9c\xd0l\x1f\xc3\xafk\xcc\x96\x90\x98`q'</t>
  </si>
  <si>
    <t>b'/p\xd7\xcb\x87\nl\xeb\\\xa1f\x97mRY\xc2E\xa5@\x12\x81\xdb\xda\xfc\xa5E\x93\x08I\xd1\xef\x8c'</t>
  </si>
  <si>
    <t>b'+F\x06)\x91a\t\x01\xcd\x05\x02\xcb"\x92t\x82\xa9w\xe4+\x95=\x0c\rA\xfa\x88b\xd7\xd5u('</t>
  </si>
  <si>
    <t>b'\x01\xd2\x001y\xb1t\xd5O\xf0\x15eP\xbf\xed9G\xb9\xe0\x9eq\xed\xb1\xb8\xd9\xea68LRor'</t>
  </si>
  <si>
    <t>b'\xec%v3\xb6\xe2\x1amJ\xc7Z\x94s\xdd\xd4\xb8\xb4\x82e\xc2\x1e\x16=\xda\xc0\xe9\x9e\xf9NK\xb2W'</t>
  </si>
  <si>
    <t>b'V-\xb96\x11\tO\x988Tgp\n\x8a0EM\xb9NzL\xdf\x82\x1f\x9b\x11\xdd,\x01\xa1\xdc\x04'</t>
  </si>
  <si>
    <t>b'\x93$k\x99\xa5*~}\xd0g\x1e8p\xaa\x05*7H\xd8D\xa9\xab\x9d\xb8\xfe(\x08\x82\x93K\xc9\x1b'</t>
  </si>
  <si>
    <t>b'\xa0@\xf1{\xd1\x07\xa5\x92u\xa2C|\x1e)\x90\xb8\xa5h\x94\xe2\x86\xb7M\xef\xf8\x17\xf0p\xcb\x96\xef}'</t>
  </si>
  <si>
    <t>b'\xff,\xcd\xfb\x93\xa6\xb8\xcfV\xae\x8e\x1b~O+\xee\xb0`v\xf0S\x07~\xfd\xd5\x95\xd6r\x88\x1b\xdft'</t>
  </si>
  <si>
    <t>b'\x1a\xb2\x16\xe6\xe5\xaa\x93nX\xd8P0\x90$f\x97Ml\xcb\x80\x88\xc4\xfd\xea!\xc9\xf1L\xc8\x8a\xed '</t>
  </si>
  <si>
    <t>b'@&amp;\xf2\xcf\x04\x80/\x08\xec\x0eN\xa0\x8d\xd3\r:&amp;\x18\x9avU\xcdY\xfc\x91\x9a2\xedK\x9d\x93\xac'</t>
  </si>
  <si>
    <t>b'nn\x85\xac\x1f\xa1\xa5=D8\xbcF\xfba\xac\xd7\x0b\xfe\xe4X\xfdP\xdd\x9c\x88~\xb3Qyx)\xe2'</t>
  </si>
  <si>
    <t>b'x\xbf\x11eHm\xfb\x82\x98\x88\x1dT\x8f\xf7+\xf1\xc0\xc4\x98;\xd1\x16\x93\x16R\xce\xd7YP\xf0\xce\xac'</t>
  </si>
  <si>
    <t>b's&amp;\xa4\xdf\xb9\x80\xc7E\x8co\x84\xe2\xc2(\\\x8e\tB}\xd3\x87\x1b\xa7\x94;95\xe1\x97\x8e#L'</t>
  </si>
  <si>
    <t>b'\xb7i\xb6\x86t\x88\xbb\xd5\\3\x91\xeb\xe0T\x7f\x8d\x89\x10\x98(\xb1\xc5\xe3[q\x86\xd4i\xd2\x0e\x85\xab'</t>
  </si>
  <si>
    <t>b'e\xb6\xc2\xac\x83\xee\xa3c\x03\xbb=\xcb\xd4\xe5\x1b`\x02`Z\xa6\nD\xc0\xd7\x0ck\x95\xfc\xae12\xaf'</t>
  </si>
  <si>
    <t>b'\xb5\xc8\xb2\xd6\xd0\xed\xa5\x16&lt;l\x7f\xf7f\xe7\x0f\x03F_\xa1\x0b]\x9a\x10\xf3\xad\x94\x18Vam\xf9\xcc'</t>
  </si>
  <si>
    <t>b'\x86$i\x93\x1c\xb7\xc0\xb6w\xd3\x06\xcb\x98\xb8\xa7\xe8\xeb\x94\x17e\xa3\xe1\xceu+\xe9\x0f\xd4\xca\xd0\x9f\xdb'</t>
  </si>
  <si>
    <t>b"cM\xaa\xee\xe2\x9c\x86 \xf7\xe8?'D\xfb?\xf44\xfa\xd87\xf0\xd9\xbc\xa8\xb2\x9e?\xc7r\x13\xdd\x17"</t>
  </si>
  <si>
    <t>b'\xc5e\x8b\x17\x90\x80\xb1\xe84z\\\xd3&lt;7\xb7!\x85\xf0^O\xa9/L\xb90B-\xa1\xf1\xe2\xb9\xb0'</t>
  </si>
  <si>
    <t>b"\xe9\xf1@\x0b\xeb\x7f\xe3\xb8`\xda9'\x9b\x06\xaa\xb7\xb0\xa4P\xd26\xf5\x85\x89\xd3\xb6\x0c\x1b\xea{c?"</t>
  </si>
  <si>
    <t>b']\xf8\xac\x0e(iP\xec\xcb\xd9\xe4\xaeI\xfa\xa37\x81&gt;\x8f`\\\xcb/\t_V\xd7\x81\x1c\xd3(\x12'</t>
  </si>
  <si>
    <t>b'X\nI\x9c\xd9\xbe\xca\x86\xa9\xa0\xa7\xc7@\x86\xa6\xf1&amp;\x10\x13\x96\xec\xec\xfa\xf1\xe1\xb0\xe3c\xcb\xa6\xa7\x8a'</t>
  </si>
  <si>
    <t>b'\xa3\x02\xc2\xfe\x84\x1f\x91\xd1q\xf5U\xdc\x1aJ\xd9\xf8\t\xb36\x10\xc2\xf5Z\x8ft\xc1\x10\x9bT\x9f\x00\xb6'</t>
  </si>
  <si>
    <t>b"\xfd\xea\xd3\x8e\xb8\x9cE\xb2\xf5\xb6\xabbV\x06g\x1a}\x172'\xbc\xe8\x8eg\xe8\xac\xb1F\xc3\xa4\x15\x84"</t>
  </si>
  <si>
    <t>b' \x05\x88\x1c[;\xe0\xd4l\x05\x01\xce\x04\xb4H|)\x98\xe7{]f\x03\x13\xfc\xae\xb3\x04a\xedC`'</t>
  </si>
  <si>
    <t>b"\xac&amp;\x15\t\xd8O\x8b%\xa6\xbb7_\xa6,7\xd9,F|o;:\x05\x11#\xf2\x97\xa4&amp;\xb8c'"</t>
  </si>
  <si>
    <t>b'\xc7\xcd\\\xbb\xfe\t\xcf\\z1\xdf\xe9\tu\xb6iy\xf7.3\xb8)\x9d\x998\n@\xc1o\xf0\xa2\xba'</t>
  </si>
  <si>
    <t>b"M\xce\x9f\xb6\x06*K\xa5\xf1\xc0\xe4'\n_\xf2$x\x8c\xc98\t\xa8\x13\xb2\x1a\x80\xca\x9b\x0e\xda\xda\x0e"</t>
  </si>
  <si>
    <t>b'\x95z[\xae\x93K]C@\x81\xebB\x88\x7fW\x12;c\x04\xcax\x06*b\x08\x13T\xe0\xb295\x96'</t>
  </si>
  <si>
    <t>b'\xc6\x9ae\xd2\xfa\xc2r\x88\xaa3\xd4\xa4\xea\xe8\xe7Y\x8a\x87\x90\x83}*\xcd\xca\xa5)\xad\xf5J\xf4\x13\xa9'</t>
  </si>
  <si>
    <t>b'q\xbf\n\x8d\xd1\xa0R\xfd\x10[_\xfd\x04\x07|\xd4\xe8\xdf\x7f5c\xdc&lt;\xd8\x93\x19\xc9c\xc2?rx'</t>
  </si>
  <si>
    <t>b'TF\x1f\x06\x9a*\xc5&lt;\xd2jA\xe2\xd9\xb0\x19y\xee8r\xef?-6\xb2WG\x89\x037\x82\xe5\xe3'</t>
  </si>
  <si>
    <t>b'JY\x18Z\x01!\xda\xcc\x11L\x95\xb9\x1dN\x82x\xff\x8c\xbb\x135^\xa2\x08\xb2\xc9;\xf7\r\xae\xd9\xc7'</t>
  </si>
  <si>
    <t>b"_\x15T\x9dQav\x8c\xe0\x1c#\xf1\xaa\x15\xf2\x884]&lt;&lt;\xaa'\xa6(4&gt;\xa6f\x1d8\xf4l"</t>
  </si>
  <si>
    <t>b'\x16\x03\x12\x13:\x1d=\x91\rm\xf9[\x1c\xe5\xbbu\x1d\xd3\x8d.\xdf|\x9c\x9e\xc45&lt;\xef\x908\x07X'</t>
  </si>
  <si>
    <t>b'F\xfc\xf1\x0b\xcdu\xd5Q\xd6\x9f\xdb\xab\x9a,N\xfc7j{T\xfbkQ=\xae9\xc3\xe6\x8d\x8a\xf88'</t>
  </si>
  <si>
    <t>b'e\x9e\xa6\x0b\x88c\xad\xed]\xfe\xd7\xf1\x05 \xc1\x14\xf8f\xfe\x97K&lt;b.\xd1\xd8\xc2I\xc2\x9e\xe9\x87'</t>
  </si>
  <si>
    <t>b'\x865\x9a\xd6\xfe\xc5\xa2\x89\xb2\x80\x82oa\x9a.\xca\xe3n\x19\x12h\xf4\xb0\xca\xd2\x9a\xd8\xc3x\x01\xec '</t>
  </si>
  <si>
    <t>b'\xf2\xec\xa4\x93\xe0\xe8\x06B\xdb2S\xb3%\xe1\x03U\xab\x8eDS\x03D\xaf#_\x089\x02\xc3\x9f\xfa\x16'</t>
  </si>
  <si>
    <t>b'\xb1\xe36\x8e\xcc\xf4\xe9;\x87d\x00!\x86\xa2\xa5\x0e\x99I\x0c\xc1\xcc\x10\xe8O"E\xd3)\x07LK\x08'</t>
  </si>
  <si>
    <t>b"2*\x85\xe4\xb3\xa6w\xf0C\xb8\xff\x0b\x88g&lt;L\xce\xbf\\\xe6\x19\x85\xd8\xb8\xfd8&lt;za'\xe3\x00"</t>
  </si>
  <si>
    <t>b'\x8e\xf6L\x1b\xd0\x8f\x18\x8a\xe8\x9c\x0e\xe8k*sE\x8d\xe7\x9fkp\x13\xe5w@R\\4\x9c\xe3Y\xd4'</t>
  </si>
  <si>
    <t>b'8\x1e(7\xdb4\xda\xd4\xe5@\x06f\xfe\xac\xc5\x98B7f\xcby\x7fP\xa0\xdc\x9eS\xa3&amp;\xf3Q\x92'</t>
  </si>
  <si>
    <t>b'\xc4Z\x8d\x9f}\xf56rK\xae\xc9K~\n\xa2\xfe%\xc4h\xb9V#)\xad\xf1m\xf6t\xcb/g\xa0'</t>
  </si>
  <si>
    <t>b'\xa7\xda\xf7\r\x1b\xee/\xcb\xc7%q\xe2\x9a1R\xdd\x00P\tp&amp;\xa8%B\xcaH\x9d4\xb6~U\xb4'</t>
  </si>
  <si>
    <t>b'O\xabr\x97H\xdd\xf3\x0f(;\xad\xc8v\x91*G!\xa5\xfa\xa4\xc9\x11\x0eSW$tD&gt;2\xdb\xee'</t>
  </si>
  <si>
    <t>b'\xf37\x7f\xb9\x97\x1d\xad\xfb\x13KG(&lt;~\xbeg\xa7\xc0W@G\x0f\xc5(\xeb\x0c\xe0\xd1\xb3\xeb\x91='</t>
  </si>
  <si>
    <t>b'I\x1dC\x02\xd9b\xe2H\n\xf8\xf0\x8fD\x0bx\xbdG"l/\xd0\x03\x92\xe8\xdf\xd1\xc9\t\x0fR\xd2\xb5'</t>
  </si>
  <si>
    <t>b"\xdc\xe87\xbe|\xee\tOk$\x10]\xd1\x10\x1e\x89i\x08\xc6\x02\xc7\x08'\xd1us^\x8b\x18H\x1c\n"</t>
  </si>
  <si>
    <t>b'\x9b*\x19\xf0\xe9\xd6_,^\xd1\x86D\xac\x0c|5C\x97P\x96\x7f|\xd0\x94\t\x8f&lt;g\x03\x8c\xefS'</t>
  </si>
  <si>
    <t>b'\xae\x03N\xfbM\xd4\x0b\xf3\x80\xca\x88\xf4\xf2\xack\xd1\x99\x80\x00\xb1\xdb\xa3\x06\xc8\x19]X\xfd\x05\x15\x0f\x9a'</t>
  </si>
  <si>
    <t>b'\xceL\xc5\xcd\x81\xbe\t\xcf0$\x8c\x7f\xd2p2\xf1\xb6\x13D\x18\xdc!\x05\xd3\x91\x08M\xd0:\xda\x11\x9f'</t>
  </si>
  <si>
    <t>b'\x1f\xe8-\x16\xe57\x8a\xf1KM\xb2\xce\xba\x85!!z\xe3\x8e\x82\xb0L\x99\xfb\x17\xbd\xdf\x9c\r\n\xa4\xe1'</t>
  </si>
  <si>
    <t>b'\x07\x9ca\xe5\x04D\xf0y\xe4(\x0e\x7f\xc4\x01b5\xect4KvZ\x86\x9b\xcf\x8cCX\xaf\xa4\x83\x95'</t>
  </si>
  <si>
    <t>b'&gt;\x98\xb0\xd7\x0eq\xd6\x08\x8d\x8f\n\xae\x10)&gt;\x021\xb5\xa9\xcc\x9d\xc8\x90\xa6\x9e&gt;\x9d\xbd\xab\x84\xe9\xa3'</t>
  </si>
  <si>
    <t>b'V\\\xdc\x04\xafR9\x16\x91\x0fXLU\x9bB\xc7\x98\xb2\xea\x1a\x0b\xcd\x0e\x13\x07\x10\xe2\x8b\xdd\x05\xa8\xed'</t>
  </si>
  <si>
    <t>b'\x0e\xb9\xb2\x8f\xcd]\x88\xb1E\xc7\x18NZ\x1dHi\x06\x93mp&lt;\xd8\x86\x0fi\xb4\x04&lt;\x80n\x1d\xd2'</t>
  </si>
  <si>
    <t>b']\x97|`\xda\xc2\x94PQ4\xec*5\xd8\xc8\xd6\x91v\x808\x07\\!\xa6 \x83)f\x89\xc9qd'</t>
  </si>
  <si>
    <t>b'\xc5\xdb\xe9x\x02M\xc25\xaeHa\x1d\xa8\xe5\x95\xdc#6\xa1\x83\x8d\xd1\xb3\x849m\xcf#J\xb9\x96\xf6'</t>
  </si>
  <si>
    <t>b'\xe7\x87z\xc9&lt;WYZ3y\xc2\x10\\\xf8\xffWb\x9e\\\xdf\x91^\xb9\xca}\x9d\x08o?\x9d\xb2\xfb'</t>
  </si>
  <si>
    <t>b'\xfe\x1f@\x11\xfe\xfc\xf0\xb7\xae\xf3\x80Z%D@{\xfc\x83\xe9\x13&gt;\xabw"=k\xd4\x8a\xa7\xcb\xf7\xaa'</t>
  </si>
  <si>
    <t>b'\xc5\x13\x83\x00\xf2\xd0\x8d\x8f\xeb\xed\x94\x1cA\x9b\xe3\x99&amp;\xf2\xf3NC\xa6b\xf9\xe2\xaa\x10\xe0\x13wM\xeb'</t>
  </si>
  <si>
    <t>b'\xf3W\xf9\x12\xc8%aS\xe1\xb3?\x1a\xb7s\xf8\xe8\x80i\x93\x04\x93\x07l7\x06)\x9e\x14lX\xc1\xc8'</t>
  </si>
  <si>
    <t>b"\x9e\x07\xf1\xd6F#\x16rch7\xbe;\x97\x95''\xd2\xa5\xac\xa5\n\x16\x12\xa2\xb8\x0ee&lt;5\x8b\x9c"</t>
  </si>
  <si>
    <t>b'h\xcb?\xd8\xa6g\xf9\xda\x1b\xb3c"\x1f\xb9\x05\xeby\x95r8\xd0\x1e)\xd9\xe5q\xdf]l^\xdaA'</t>
  </si>
  <si>
    <t>b'E?\xfb\xa9.[\xac\xd0\xfb\xd0:%\xf6\xeemb\xb6?4\x9b\xab\x00N\xa4\xf5\xf7(\xb9\x98\xa6y\x1c'</t>
  </si>
  <si>
    <t>b'|?(M\x0bo\xb6l\xfc`\xe7aX\xff\x7f\xac\xa2\x83\x10Y_\xc5\xb9\x88$\x9dE\x8b\x8b\xe98V'</t>
  </si>
  <si>
    <t>b'\xe2\xb7g(\x1cl\x99EH\xb5\xd7X\xc1\x83\xe5\xa3\x088\xa5zv\x1cE\x08\x8a9\xdd!kG-\x9f'</t>
  </si>
  <si>
    <t>b"\xad\x99\\\xa4\x11 \xe7'\x0b\xf1D\xa9e\xfd\xe5\x9egy\x18\xc0\x90\x81\xdb\xfbi\x08'\x8e\xee\x93[\x9e"</t>
  </si>
  <si>
    <t>b'n\xec\x969\xe70\x02\x07\xe8\xc8O\xf8hX\xb56\x8b\xa6\xfc$\xcf\xa3/\xe8\xc3\x9b\xb63\xed&lt;\x15\xa4'</t>
  </si>
  <si>
    <t>b'\xa7K\xb7m9\xb3\x86S\x96\x0b\xa0X\x1d\xce\x0b\xc6`\xfb\xa0\xe8(\xf0~\xb2\xfe\xa5\xc2\xff\xb2\xdf^n'</t>
  </si>
  <si>
    <t>b'\r\xb0\xfb\xaaG\x07\x1b}\xa8\x10\xd5z\xa62:\xc2_\x84[\x1d\xea\x9eT\xb0|\xa3@\x97\xf0\x95\xffM'</t>
  </si>
  <si>
    <t>b'\xba\xc2\xd3\xfb\xf9\xd4y#&amp;\xf9\xb9\x94\xde\x17&lt;\\\x9d&gt;&amp;\x92\xd9\xae\xf8\x1d\xab\xf1\xba\xeb\xbd\xe9\xed9'</t>
  </si>
  <si>
    <t>b'\xb4\xb4/\xb1\xa8U\x8b:kD\xe9&gt;\xc3\x10\xf65\xe2\x86\x91\xf7\xfb\xa4\x107z\xa6\x7fMZ\xaa\xea\xf3'</t>
  </si>
  <si>
    <t>b'\xa3yb\x1e\xc5NVs\x14\xef\xa7\xd6H\x80\xae!\x1a\x86\xc9\x96\\\xbc\xea\xe2\xf1\r\x1c\\\xbay z'</t>
  </si>
  <si>
    <t>b'`\xc3\x067\xc7\x8d-\xb9\xa3\x8c+\xbbL\x1b\x01 g\xdb\xf6\x91H\x1c\xe2\xc5\x06\xa9\x9d\x93\x06\x1c\x06\xb7'</t>
  </si>
  <si>
    <t>b'\xe8#9\xeb\xfe\xe1\xea\x91g\x9dFpP\xe2\xa8\x88\x8c\xf6\xad\xf7\x9aZ\xa2\x9b\xf3\xf8\x16\x17WM\x17\x08'</t>
  </si>
  <si>
    <t>b'Zh=;kz\x9fLl$\xcb\x9fS\x02-~\xee\x95)#\x94O\x0f\xb5\x84\x04y\xcf\x086\x7fQ'</t>
  </si>
  <si>
    <t>b'\t\xb6\xd5\xa3Vw\xef\x0c\x0e\xdc\x08\x94\x1c\x1f@a\xd1\xf1\x90\xc2o\x14yt\xae\xb6\xa7~7X\x1d\xe7'</t>
  </si>
  <si>
    <t>b'\x06\x02\xdd[\x1b\xde`eN\xaf0\x19\x9e\xc6!:\x05\xbcZ\xe9 \xc5\x01,b1\x9b\x82\xa4\x1dK\xa6'</t>
  </si>
  <si>
    <t>b'\xe2\x19\x00:\xd1P\xb4\x1f{\x01\xf6\xa4\xa1\x80\xccO\xdcW~CV\x07\x97\xd0\xc6\x9c&lt;\xb9\x96\xc1\xeaO'</t>
  </si>
  <si>
    <t>b'\xb5\x9f;\xfd\x8f\xd1\x89\xfbk\xd2\xf5Z\xd2V\x17\xba\xd3\xe1\x07\x17\x8b\x18\x8c\x12\x08\x99\xd7\xbd\x90\x18Pm'</t>
  </si>
  <si>
    <t>b'C\xdb\x8eW\xee\x10IUw\xb42\xf1Y\xd4\xae[F~\\o"J\xa7\x8c\xdf\xcf)\xc8\xa9h\x8e9'</t>
  </si>
  <si>
    <t>b')\xc4\x03\x08\xe3\x19C=\xe8\x80\xd3t\xb6\x14\xcd\x1a\x19/\xe5Z\x896NNxR&lt;\xbexK%\xca'</t>
  </si>
  <si>
    <t>b'\x04\xcf\x0e\x89\xc1xy\xdc\xe8\x00a\xc3\xc4\x7f\xc0\xe2\xeeDI\xc5\x0b\xd6\x9b\xd3\xdd_\xfc\xf7\x8d\x94cr'</t>
  </si>
  <si>
    <t>b'O\xf6~\x97\x9e\xc7\xf61\tG\xae\x03\xcc\xf0\xf5\xca\xa8S\t\\\x91\x99\xcb\xba\x11J@\xb2\xa5f\xda\xe9'</t>
  </si>
  <si>
    <t>b'^\xb9l\xf4\xf8\xcc\xd5\xef\xf6\x08\x84-`\x18\xdf,&gt;\xfcy\x1d\xbcI\x96\x11%:7\x1b\x98\x93G\x94'</t>
  </si>
  <si>
    <t>b'\xe7\xc6\n\xaa-\x8c\x04\\\x8a\x04HAv,\x99\x11\xb8\x84\x02b\xae\xff\xc8\x14oD\xe7\xb1\xbb4\xe9"'</t>
  </si>
  <si>
    <t>b'\\&amp;l\xf4\x07\xfeb\x95\xcc~}\x10\xfa\xf4b$\xd0\xc4\xa2\xb7\x82\x83&gt;7\xc6B\x08\xc5\x15h\xaeU'</t>
  </si>
  <si>
    <t>b'C@\xe7([X\xca\x9f\xbf\xc8\xf3\xa5\xb8\xb3i\x17\xec\x17\xbe\xba\x08gq*\x99\xc2T|\x04A\xed*'</t>
  </si>
  <si>
    <t>b'\xf7o\x89\x9f.\xf0i\xe4$!g\xe4vZ|u\x18b\x94\xd1/\x8b\xcb\xdf:\x98\xfa}\xc2\x92\xaa\x97'</t>
  </si>
  <si>
    <t>b'\xb4J\x8c\xed\xec\xf61\x13=\x1f\xb19\xda\x07.\x11(\xacBAF\xdc\xaej\x02\x16\x7fI\xf1\xd6\xe5`'</t>
  </si>
  <si>
    <t>b'\x92\xe3\xa9\xc0\xc5\x80\xa0?\xc7\x85@\xba\x02\xf5\x85Hi\x956\xba/\xc6\x92\x8e\x8e\x13\r\xd0MI&lt;\xf5'</t>
  </si>
  <si>
    <t>b'ogj\xe2\x13\xe6\x8a\x17z\x9aM\x83\x92\xde\xa9I\xc3X\x97\xa5\x0b\x05\xd2\xfc\xe4!\xefX\xf0\x99\x8c\xd7'</t>
  </si>
  <si>
    <t>b'~\xa1\xca\xf5\xa7#bC\x97S\xc8R\xa2\x86\x94\x00\xc2\x1c\xd5\x8f#\x0b:]\x11\x19\xa9B\x0b\x07\xab\x08'</t>
  </si>
  <si>
    <t>b'z\x1dA\xe8\xa0cA\xbb.%G ~\r\x94\x9b%\xed\x8e\xf8O5\xac\xdaX\x0c\xf1\r2}\xb6\\'</t>
  </si>
  <si>
    <t>b'\xdal\xb8\x06z\xa7\xf5\xbc\xc0y\xa1q\xea\xe8r\xbb\x0cL\xea\xe4\xf8p\xb8\xc1#Jy-"\xa5\xba;'</t>
  </si>
  <si>
    <t>b'\xc9\xe5\xee\xb4\x1c\x83\xc3(\x1e\xf5\x02-\xa0\xee\x8a\xfe[q(\xe9\x95lP\x0e\xc7\xfd@+\x9e\xcb\xa1\x1e'</t>
  </si>
  <si>
    <t>b"\xf1b\xc6\xa5\xb5CX\x9dZFZ;p\xec\x06\xb8\xb9FC\x9c5)Lc3\xb0\x15\xc7'\xa5?'"</t>
  </si>
  <si>
    <t>b"'\xb1P\x9fy\xfe[\xef\xf0\x18\xba\x9d\x1a\x86\x95!\x9a\xab\xd50 xm\xa5\x10\x84[\xf6&gt;e\x1b&amp;"</t>
  </si>
  <si>
    <t>b'\x8f\xdcs\x0f"\x9di;K\x15\xc9/\xe6\xfa*@\xd3.c\x82\x90\xe05\xf0\x85Q\x80\xc1"\x91\x12\xb4'</t>
  </si>
  <si>
    <t>b'u\\\x0c\nv\x1b\xe5\xb8\xc3\xe8\x95`U[\xba\xae\x95\xbfktW\xcdWm+/\x0c\xb0\xf5j&lt;\xba'</t>
  </si>
  <si>
    <t>b"V\xd6\xa9\xbf\x90\x8f\xad\x90*\xca\xe5`&gt;\xa1\x13%\x86GVV\xbd\x1d\xd5\xa6\xee2\xac0Y'9\xee"</t>
  </si>
  <si>
    <t>b'\xf4\t E=\xcal\x15\x88\xb5\x03\xa7\xbc\x1b\xb5&amp;\x9d\x91@\xa4\xdd\x8c\xc3\xbfz\x89\xca\xc2{\xe6\xe8a'</t>
  </si>
  <si>
    <t>b'\xa4\x1b\xf6"ZBi\x91xz\xc2\x98\xcd\xed\xf1\xd6/\x06#\x8fi\x85\xb7\xbb&gt;\x9flz\xb2\xf9H\xc0'</t>
  </si>
  <si>
    <t>b'\x89L\x18\xd1\x0c\x7f\xf5\x00\xdc\xb8z\xcc\x97\x9f~\xfbu\xd6+W\xdd\xc3\xb0\x1f\xa1F\x17\xcf\xf0&gt;\xad\xee'</t>
  </si>
  <si>
    <t>b'=\x97\xbe\xf64\x13Q\x8e\xd6\xf1\xbc\x1c\xf2\xc3\xc5F-\x16\xc9\x80J\xe2\xf7\xbf\x8db\x17\xaeg&lt;\x08\xb8'</t>
  </si>
  <si>
    <t>b'P\xda\x89\x19\xbb\xec|&gt;\xc5\x86h^\x1b\x0f\x0c\x9a\xff1\xf3\xdf=\xd2a#Y\xa2\x88\xd7n\xe1U\xab'</t>
  </si>
  <si>
    <t>b'\xc9S\xa1\xad\xe9\x9f+\xb7J\x7f!\xb6\x00\x11\x8e\xe1\\\x7fj\x12\r\xea\xaab\x8a\xc5\x1f\xa1-\xc0yK'</t>
  </si>
  <si>
    <t>b'\x92F\xc0\x06\x05\x85e@\x08\xd6m\x8e\x81\n\xa4E\x10\x9a\xa0\xba\xf5.\xe2Z\x08\xcb\x06\xcb\xb3=PM'</t>
  </si>
  <si>
    <t>b'\xe2$\x00\xcaZ?\x89\x80\xb6\n\xd4\xe3\xfa\xebK\xd4aCw*\xeb\xc9\x14\xaf\xe3\xf5\xde\x7f\xfe\x14b\xaa'</t>
  </si>
  <si>
    <t>b'Q(,\xc4\xb0\x0e4\xec;(\xe4\xa0\xdd\xdb\x02~\x0e7\xd8\xd1\xbb\xfc8dQ\x1fj\xfa\xf5U\xbf~'</t>
  </si>
  <si>
    <t>b'\r\xb3Z\x83:.\x06Q\x1f4@\x1d\x93z\x96\xd2\xb0U\x01\xa4\x9e&gt;\xdcR\xd8\x14\x8b\xae\xe2\x14|\xbd'</t>
  </si>
  <si>
    <t>b'\xba\xda1QKE\x14\x88\xdeL\xd6\x18\xd1\x05\x10\xb2\xd8\xc6:\xfbU\xdck\xe8:h\x7f\xf2n\xb4?\x96'</t>
  </si>
  <si>
    <t>b'&lt;\xbc6\xf5u\x00\xea\x12S\xbd\xf2\x98H\x8f\r\xf8\xd7\xe1\x91\x8b-\xfcc\xb8F\x7f\x12N\xee\x92\xbaS'</t>
  </si>
  <si>
    <t>b'\xf0k\x92\x14\x8f\xa8Vk\xe3\x1d&gt;yy\xd4\x04\x0c~\xd6Z\x03\x85mG\x94SJ\nX_\xbb\x89a'</t>
  </si>
  <si>
    <t>b'\xc7\xef\x95\x9fI:\x08y\x02\xd4R\x92H\xc7\xa7\x9b\x88o\xd6\x02R\x96Tp1^\xf3\xe7\xf0\xf0j\xc9'</t>
  </si>
  <si>
    <t>b'9\x83\x80P\xaa\xce\xa2q\x1a\x1e\x98\x86\xab\x8d8"\xd9\xe3\xc4\xf6\xfe\x98No1\xa06O#g\xce\xd1'</t>
  </si>
  <si>
    <t>b'\xdbE\\\x91\x87G\x9a\x90r&gt;\xe4\xbe\x7fR\xd3@1\xbb\xfe\x0etvmN\xbb(gy\xb8\x1e\x16\x19'</t>
  </si>
  <si>
    <t>b'\x91\x949\x8e\x8ff\xacW\xba\x8a\x823!\x89\xeb\xc1f\xbe8}\x1c\xefa\xe3-\xa0@.C\x8b\x957'</t>
  </si>
  <si>
    <t>b'\xe3\x86\xcb\x1b\x07\x9a\x14\xdas\x91S%\xe1\x1b{\xf9\xd3M\xb4\x9a\x80\x8fs\xc7\x16\x01\xa3\x91\xc0\xf1i\x84'</t>
  </si>
  <si>
    <t>b'S\x95\x88\xb5\xd9\xeb\x92\xa0\xa0t\x12\x18a\x1b\xc9\x03\xde#qU\xafAGBLH\xee\xe8Q\x87\xedH'</t>
  </si>
  <si>
    <t>b'\xa7\x9e\xc0\x85\xb7\xfaC\xe7P\x1e\x98%f*\xd6*\r&lt;\x82m\x94?W\n\xa4\x95\x00\xb3I\n\xcf\xe8'</t>
  </si>
  <si>
    <t>b'so\xa3\xefe,\x81\x84\xf0b\xcfa@k\x89\xc36\x863nT=\xd2\n\x16e\x9b\xbb\xe6\x11\x02\x95'</t>
  </si>
  <si>
    <t>b';\x06\x91\xe4\xde\xe7\xff]dVtW\xa3\x17\x1a\xe2(\xb4\xc2\xbaN\x8b\x9d\x84\xda\xb8#\xd4\x0bg\xba6'</t>
  </si>
  <si>
    <t>b"\xf3`\x16J\xdc\x86\xa1\ra\xb7\xa2\x87H\xfc:'\x96\xe2gyNpy\xf5\xe5?\x00o\xdc\\\x9b\xde"</t>
  </si>
  <si>
    <t>b'\xa8\xb6`\x1e\xbc\xfc\x9f\x047\xdas/\x1f=\xdd\x9b\xd9\r\x1b\x03\x82R\xe8\xcc\x91\x87\x9c\xdc\xae\xf4e\xa7'</t>
  </si>
  <si>
    <t>b'=O\xa1\xf9?Gv\xddea\xd7\xd9UO\xd3l\x8b\x83\xb2\xfd\xcb\xfc4\xb1c9\xb1\x8c:\x8b\xbd\x1d'</t>
  </si>
  <si>
    <t>b"\x94\n\x0f2\x03\xb6Q\x1d\x84\xad\xbb,\x01sn\x8c\x8b&lt;\x85H'7\xa7\xc0\xa4\xfa\x98j\xd3\x17\xf5\xe6"</t>
  </si>
  <si>
    <t>b'\x80&lt;\xce\xd1\xa8\xc4:3I\xf4\x07\xe8\x15\x82\xdap\x8d5\xd4\xf9\rT\x10\xa400\xabP\xf0{w\xb6'</t>
  </si>
  <si>
    <t>b"\x8b4\xb7\xea\x84\x89n\xa0\xf1\xcf\xac}R\xb0\x7f5\x94#\xfc\xaa^\xaf&amp;'\xbd\x95\xe8\xf4xh\xa1\xd5"</t>
  </si>
  <si>
    <t>b"\xbfB\xfe{}i\xbd\x9a)I\x04\x08G\xa3\x8a\xdf.\x89i\xf2)\xc7\x9f$\rl\x0f\xa4'3,\x05"</t>
  </si>
  <si>
    <t>b"+\x1a\x17h' \xc2K\xf4\x05\x95\x97\x90\xf6\xa6!\x13\x1d\x86\xb8\x98\xef\xc7\xcd\xb2qw:\xe2\x8e\x94T"</t>
  </si>
  <si>
    <t>b'\xb8a\x14#3\x89p\xa93\x03\xb7b\xf0\x87\xcd\x0b\x18\x16\xb3\x06C\xc7oNW`\x87\x04\xc7\xfa\xa8\xa4'</t>
  </si>
  <si>
    <t>b"\xfcT\xbbgv\xbe\xcc\xdc\x90\xe6W\xf9\xc2\xa2\xbb\xca\xcen\xd0.'\x94D\xdc6I\x83o0q\x10D"</t>
  </si>
  <si>
    <t>b'Ah\xbe\x1b\xaa\x80.\xcf\xbdD\xc7bf\xda\x83\x95\xaf\xb4\xae~\xc2\xed\xe6\xaaK+\x13\x08,\r\x06='</t>
  </si>
  <si>
    <t>b'\x87\\\x0b\x86$g\x92\x9b\xeb\xa6fZp+=\xbb\x1f&amp;$\xb3\xd4zijW\x13\x8a\xf5\x05\xcd\xef\x8b'</t>
  </si>
  <si>
    <t>b'\xe0}m8\xbb\x1d\xdd\xfc\xd7:\x8a/\x07t+p70x3^hm\x16:\xa65\xef\xef\xd9\xa2\x1b'</t>
  </si>
  <si>
    <t>b";MO\xae\x077\xe2{\xbdGV \xfb#\x1d$@'\x90\x91{\x04\r\x97\xb2nQ\x0c\xef\xba\x07\xed"</t>
  </si>
  <si>
    <t>b'\x84i6\xd8T\xb9\xf81\xb6\x0cQq\xf8%I\xb9\xb1\xe6\xfd}Y\x12P%\xeb\x1c\x1a%\x94p\x8c\xde'</t>
  </si>
  <si>
    <t>b'!\x81\x97/\x7f\x945\x16\x90\x84$#\n\x06H(bR\xb0\x1f\xcc\x874Z\xf9P\x89\x92,\x9a/}'</t>
  </si>
  <si>
    <t>b'\xa4\x1fD\x8c7\xec=\xed\xab\xcby(\xd5-Q\xcbb\xecH\xa0\x0e\xb9\xca\xa4v\xfdR\x1d\x9f\xc45\xd3'</t>
  </si>
  <si>
    <t>b'x|!=\x11K\x14\xf9\\35H\x15\\pzd\x80\x0c\x8d\xa3\xdd\x97\xf1\xad\xf8\x9e\xc6\xd7\xf9\x1f\xa8'</t>
  </si>
  <si>
    <t>b'O\xf8\x8a\x9aH\n\x97\x87\x0b7s\xee\xeb\xc2J(\xf7D\\\x04W\xb1\xf93\xbeT\xef\xb0\x13\xaf\xa7\xc9'</t>
  </si>
  <si>
    <t>b'\xa9\x95\xe2\xc4@\x99\x03\x1d\xb4\xb6\xb8\xa9\xb4B\xe0\x82\xe9\xf9\xa4\xbb.\x97G\x00^\xa3\xf5J\xefi5\xee'</t>
  </si>
  <si>
    <t>b'w\xc6\x9f\xa9 \x84\tq-\xf2$\xe5\x1f\x01\xed&amp;\x95a\xe5\xa3\x14\xc4F\xc2p*\xaa\xafXGl\xb2'</t>
  </si>
  <si>
    <t>b'\x7f%\xb3\xf7ea\xb4\x89\xcf"\xd6h\xa4\xe6\x97\xff\x90Z\x13F\xb4\xa6\xae\xc4z\xbf\xe5zb\x01I#'</t>
  </si>
  <si>
    <t>b"\x7fk\xf1\x8a'\x8b\xdb\x1e\x1cf\xab\xdb\xb4\xbf\xb8a\x92\xc9I\x9bWn\xbaT\xa0\xdd\x8cU\x19@Xo"</t>
  </si>
  <si>
    <t>b'\xff:\x80#-\xc1\xcf\xee\x13\x1d6\x14\x01\xe4\xd1\xdd\x18+M\xea\x94\x93rG\x99\xe3\xb0&amp;\xa6c\xa0\xbf'</t>
  </si>
  <si>
    <t>b'\xd5\x18w\xf64aOK%b\xfd/4\x17\xd2\x9c\xfc]\xf8\xff\x1d0\x1fW\xf4n7\x91\xdc\t\xaa0'</t>
  </si>
  <si>
    <t>b'm/\xf0=\x08:\xf4\xdb}#\xcaK\x1a\x0e?!0\x18\xdfl\xcb\x89$p\xcaE\xb3\xf6\xb4V\xc1\xa4'</t>
  </si>
  <si>
    <t>b'\xb5\xcf\x07\n\xae$\xd8\xb6!\x13\xbe\xbaRe\x8f\xfb\x85\x86\xe9\t\xdf&amp;Q\x9eX5\xfe(\xdb3\xb6\xe4'</t>
  </si>
  <si>
    <t>b',\x1e\x17\x8a\x8b\x0c\xc2\x87B\xd3\xa94\xd7\x91\xbe\xf0\xa5\xd6;w\x102\xd8\x9f\xf0\xcb\xfa] \xb4P\x96'</t>
  </si>
  <si>
    <t>b' \xb3\xe9\xbf\xe5\xfb!\xe8\xe1\xfbI4\x9a\xd2\xf7\xb6\xc5S\xde5a&gt;m\xce\x98LkxU\xbb\xc7\x02'</t>
  </si>
  <si>
    <t>b'=\x0b\xa0\x9f\x0b\xd0\x01diY\x91W\x196\xbad\xe4\xe5\xe9w\xecppYd\xc6@\x97\xef\t\xd11'</t>
  </si>
  <si>
    <t>b'\x90&lt;Q\xc3JC\x198[\x97\xa9\x1es\xd6\xae\xab\x8d\xd4\x80\xaa\xae\xa5\xc4\x16?\xd8\xe3Eg\x14\x91\x1f'</t>
  </si>
  <si>
    <t>b'\x0b:^\xb6\xef&gt;\xb1\x02\x9f\xf3\xf4n\xef\xa1a\x1f+4#$kXd\x14{\x0b\x89\x9bP\xf5!\x18'</t>
  </si>
  <si>
    <t>b'\x89&lt;k\x1ak\xf1\x9c\t\xa6\x9b\xff\xb8*0\xc5\xd9\x15\xc5e"\x8b\xff\x05!\x02i\x8dE\x19\xb4\xc8t'</t>
  </si>
  <si>
    <t>b'\xea\x9eue\xcd\xc2lu\xad\x99\x19\x90+\xc2\x8f5G}\xd1\xdcrbH\\\x1d\r\xbc\x1c\xe2\xb9\xea\xd1'</t>
  </si>
  <si>
    <t>b'\xed\xb1\xbc7\x86}\x8c\x1c-\x01\xc2]k\xa8H\x1f\xacK\x99G\r`a\x1d\xb4\x8b3\x99\x0b\x80\xb3\xa9'</t>
  </si>
  <si>
    <t>b'\x1e\x81H$\r\xba\xa8\xed\xc3O/:\x05\x85\xe7\x8e\x81\xd8\xf8\xd30\x14*\xcf\xe55\xe3\x0f$\xac#\x96'</t>
  </si>
  <si>
    <t>b'\x8d@\x01\x8erYz\tas\xad\x8d\xd3\x90\x180\xbb\xd8fr^\x19EQ\xb7\xa4\xf4\xa0\x8a\xee\xf70'</t>
  </si>
  <si>
    <t>b'\x0c/9\xc2\x16\xfe\x03H\xcd\xcer|\xd2\xe3\x1f\x18\x90W\x9f\x89[\x08\xacU\xf5\xf4\xf8\xff`\x80nD'</t>
  </si>
  <si>
    <t>b'e\x1e\xf3t\x11\x14\xc2)\xb1\xe5\xaf\xaa\xed\x17\xfa\xe5!z"\xc3\xbe\xc9\x12\x14Bs\xac\x87\x99q\xad\xa4'</t>
  </si>
  <si>
    <t>b'u\xbc\xce0\xd7\xb9\xcbe\x85A\xea\xeaf\xfbU\xf4\x18\xf1\x12g\xc7AY\x87\xc6\x9b\xfb\x0bI\xb3\xa6|'</t>
  </si>
  <si>
    <t>b'Z\x933\\\x8664f\xf8\x97\x9a\xbae\x19\xb6\xc9QTc\xc38\xab\xe3\x17\xed!|\xfb\xc4\xb8(\x82'</t>
  </si>
  <si>
    <t>b'vu\xb8\x96\xa2\x9e7E\xe6[\x81O\xc7\x9d\x9cG\x88\xef \x9c2\x10\xba\x9c\x9e\xb5\x98\x1f\xef\xa8\x17='</t>
  </si>
  <si>
    <t>b'\x9c\x92\x01n\xc01\xcc\xb4JE\x07D\xae\x13}\xdd\x11\x93j`\x86\xc7\xde [\xed\x80\x89\xc3\xf3\x85\xee'</t>
  </si>
  <si>
    <t>b'nq\x9d\xd5\xd9E\xcb\xb2\xff\xfa\xb1\x966\x0b\xe4;dQ\x85\xda\x9c}\x02%\x9a\xff\x8d\x886.\xa8\x80'</t>
  </si>
  <si>
    <t>b'\x10\x0b7\xf0\x9a\xd2\xc2\x1b\x8cA\x1e\xf2\x07\xd0@jb\x17\t|\x07\xd6*kK\xb4\xd6\xd4h\xb7o\x9e'</t>
  </si>
  <si>
    <t>b'\xd8fy\x16bj\x1b\xbee\x84\xfd\x02\xed\xb8Ir:\xc2\xb4\xcd\x84\xff\x03\x16fN|\xd1\xed\x11\xbe\xb1'</t>
  </si>
  <si>
    <t>b'\x91\x99\xd0\x8a\xa8\xbcD\xff\xee\xd4\xe4\xeb\xd7\xe2\xdfs\xfc)\xb1\xe8-x:\x1aUN\x16,=\xc1\x86x'</t>
  </si>
  <si>
    <t>b"\x81#\x90\x1a\x04\x15\x01\xe7\xab\x9e\xb8\x99\xad\xfe\xd7\x1c\xe1+~\x00\x99sCa|\x9fT4'b-\xba"</t>
  </si>
  <si>
    <t>b'z\xa7\x9b\xa9\x8a\xb6\xd9\xe6d\x99\xafHSpB\xe3\x7fc\xd2\xdf\x0e\xf3\xe6\xff\xfb\x17\xf8\xb6\xd8\x86\x89S'</t>
  </si>
  <si>
    <t>b'\xcb\xadG\xcd\xd7\xe4A\xf5\xde\xe1\x7fY\x12\x15\xcf\x7f$\xb33\xd8\x7f\x9a\xa9\xf6"r\x08\x01@sn\xfb'</t>
  </si>
  <si>
    <t>b'\xb7\x91\xaf\nU\xd3\xc9\x88\xf4\xe9\xa6b!\x18Xf1!\x04\x8cBS\xc6\xaa\x1f\xbdSO\xb9\xfdcW'</t>
  </si>
  <si>
    <t>b'\x87\xc6$$\x99\xe1\xb2/m\x1d(\xc5\xdb\xbfn9\xecTm\xfa\x8e\x04\x0c\x81\x19\xcb\x07\xad\x96\x91\xcdy'</t>
  </si>
  <si>
    <t>b'2\x1d\xa1\xd5)4x\x1b\xba\xb9:\xcd\xf7\xb2,\x04\x13y\xe0\x1ev|\xbcb\xd4)g\xa3\xcf\x12\xd0\x88'</t>
  </si>
  <si>
    <t>b'\xf7\xf4\xe2\xa6I\x12\x15r\xb4\x01:\x19ge_\x1cJF\x88\xbfb\xbd\x0e\xa7.\x80\x86\xbd\xc1\x01\xdf^'</t>
  </si>
  <si>
    <t>b'\r\x941\xd6t\xc6\xe0\xf0c\x94\xf1\xaae\xc4\x83\xe8V~\xd1W\x08\x18\r\xdc\xafg\x92\x8f\x15\xa2\x8e\x13'</t>
  </si>
  <si>
    <t>b'\x06_\x11\x85 \xb6\x85\xe4\xe7A\xc1\x87\xdc y&lt;\x18\x0c\x01\x95\x95\x0f\xb7\x9c\xb9(\x9d;\xb6|\x83\xf7'</t>
  </si>
  <si>
    <t>b't\x961}\\\xcb\xcb\nm\xb9\xadX+\xdfb#\x1f\x0ct\x1d\x84\x12\x83\x8b\xa2\xe2\xfa\xae\x7f\x0cS$'</t>
  </si>
  <si>
    <t>b'\xb1\xd7h\x13\xfe+iGw\x90\xb3\xb5\x1cn\xa7D?Uzq\x88\x1a\xe8K\x9b\xad\xe2\x0eEhz\xb3'</t>
  </si>
  <si>
    <t>b'\xb9\x12\x8fZu\xf3Vf\\\xe9\x1f\x88\xd9\xb6a\x0c\x80\xe4f$^\x89\x1c\xd3\xa1\x17b^\xbf1\xebR'</t>
  </si>
  <si>
    <t>b"\xab\x1f\x89\xb9\xd4\x07\xed&amp;\t\xbb\xcd\x90\xf8JN9\xa8].4\x8b\xca'M1H\xda\xa6=,\x01j"</t>
  </si>
  <si>
    <t>b")\x8dz'\xf3\xf4!W\xd1-\xca4\xd8\xe3s\xb3&gt;\x06\xe8]\xba@\xab\xc5\x12\xcb\xc0\xdc\xdb\xe9\x1d\xc2"</t>
  </si>
  <si>
    <t>b'\xe8$\x9d\xe0&lt;\xd1\xa9b\x88\xf0 4\xa7\x12\x89Ws"\x862\xd5\x99\x81o\xa9\xc7;\xfc=bA='</t>
  </si>
  <si>
    <t>b'G\x19r\xe9\x83B\xc6\xa9\xefZ|\xc2\xd5\xa6^\x14\x87\xad1\x07?\x1b\xb1\xbbl4\x82\xac\x8a\xf8\xdf\xdc'</t>
  </si>
  <si>
    <t>b'V=\xd3\x84\xe5N\\/;\xbb\xfb\xa5-\x05\x81_\x02\x19\xa6_nx\xd7\xfd\xcc\x1c\x13\xd6K\x98\xb3\xa7'</t>
  </si>
  <si>
    <t>b'\xbe\x1a\x84D-u3\x911\x04`3\xad\x0cCk36\xd6\x80\xe7\xdd\xae\x86\xc6\x8a_\x8b\xa9B\x05\x9d'</t>
  </si>
  <si>
    <t>b'\xa6\xadb\xa5\xf4IE\xbb\xb3\xf0\xcd\x97\xb9\x08\xear\xe9(\x80\xa6\xaeR%\xed\xe6\xf4=\xd9\xf6\xff!\n'</t>
  </si>
  <si>
    <t>b'\xb9\x03\xc3t\xbf\x1c\x0f\xc4Gv\x1a.1\x955\t4\x17\x85\x0e\xdfp\x85zL\rH\xc6f%\x80\xd0'</t>
  </si>
  <si>
    <t>b'J\x9ek\x15R\xec\xcd\x03]\x8f~\x07\xd2Cb\xb3\x8df\xa3uV\xf2\x0fRfi\xa7\xb5\xf6\xd3\xfb*'</t>
  </si>
  <si>
    <t>b'#Ih\x98Ym\x98%p\x06\n\x02\xe7\xeb\xbc\xc2{x\n\x96\n1\xce\xea\x9e\xd5k\x9f\x91\xe6\x0co'</t>
  </si>
  <si>
    <t>b's\xd1,:h\xd0\xc2\xeb\xfa\xb3\xbf\xf2\xe9\xe9nq\x1e\xd2\xfa\x05\x0f\x80\xc8\xd3G\x1c\x85\xdb%\x9c\xef\xfc'</t>
  </si>
  <si>
    <t>b"\x1d\xe9En \xc8\xbe\xc8\xc0\x05\r\xaa\x9d\xf6\x99\xa9\x8a?\x03\xd4\x17'\x01\xe1\x13Y\x14\xb5\x13\xb1\xd7\xf1"</t>
  </si>
  <si>
    <t>b'4\xff|j\xaa\x14\xc2\xe7\xd9\xb0Pp#\xc0\xa0\xfb\xd9o8\r\xd4\x04T,+HWK\xc7\x02\tE'</t>
  </si>
  <si>
    <t>b'Z{\xdc\x13\xc7\xf8\x98\xb7@^D\xdc\x01r~\xf0\x97\xd4\x07.\x19\x04\xc9\xe9\xcd;X\x12\xa5t\xc6\x9d'</t>
  </si>
  <si>
    <t>b"\x93Fm\xa5\xfe\x92\xb8'\t^\xbc9p{\xc3\xb5\xf8\x0c\x0b\x02\xcf\xbd\xbbB\x8b\xeesS\xd9\xb5\xcf&amp;"</t>
  </si>
  <si>
    <t>b'\xa8\xe0\x96\x8c\xe0\xa6\x98e3T9\xef&lt;\xf5\x9d\nd\xbd\x85\x1a*\xe4\xdf\xfb\\MO@\xe3\x96\xf7\xb2'</t>
  </si>
  <si>
    <t>b'TO\xef\x95&gt;\xe3g\xe9\xa8\xa1\xdb\xe7\xa3\x89&lt;*\xc3\xf1\xe7\xc3\x0c\xc5(\xbd \x07\xb5\x86\xd9\x9c\x1b\x07'</t>
  </si>
  <si>
    <t>b'\x1e\xc8\xf0\x15^\xe0=\x97\x7f\xb6\xc03\xef\x04\xc8\xca\x90\x11Z-\xa4\x96&amp;\x8c&gt;\x04\x05\xcc\xba9\xd3\x96'</t>
  </si>
  <si>
    <t>b'q\x14A\xfa\x8e\x0f\x87Y\xe4\x12y\x80\xc2\xae\xf5\xa4\xea\x9f\x13\xa9\x9b\x9d\xca\xe5\x02g7px\x08\x9e\xb2'</t>
  </si>
  <si>
    <t>b'`\xad\xd0\xe0o\xece\xfc\x91\xdel\xe3n\xf0sV\xcc:\x18\xe3PW\xd5My\x8cy\x12\x83\xac\t\xd8'</t>
  </si>
  <si>
    <t>b'\xc5nP\xa3\x1b\x83\xa8\xb2\xd0\xfdC\xd7_M\xd4\xc7\x88\xcd%[\xf3\xfcV\xfb\xf6[_\xfa%\x13\xf7F'</t>
  </si>
  <si>
    <t>b'H\xbe\xda2\xeb\x9a\xca\xff+\xa9S:m\x8e\xa38\xfcE\x04\x95v|-\xad\xa5&gt;\xc9\xb3R\x80\x92\xd0'</t>
  </si>
  <si>
    <t>b'(\x81z_\xe5\xeb\xd9\xba\xa14\xe0A\x05`#\xcak\x8b\x80E\xf1q\xee\xec0\xec\xcaI\xf6\xa1-\x02'</t>
  </si>
  <si>
    <t>b'~*I\xfb6\xca\x95\x898y\n\x11\xf6\xad\x7f\xfb_\xa0\x136$\xcb\xf9\xff\xe3v\x19\x01\xc4\xcb0B'</t>
  </si>
  <si>
    <t>b'4\x83\xf1\xdd\xda\xeaZ\xcdG\x9d\xc44"\x03b\xa0\xc7\x19\xf1\x13"\xb1;\xaeR\xd6\xa9\xd9j]y\xae'</t>
  </si>
  <si>
    <t>b'\xd0R\xb7\xcd\xf6\xf7.k\xa5\x94\xc5^\x8f\x82\xfaY\xaa5w\xee\xf52\x882\xdak\x19\xea\xc8\xd3\x8fp'</t>
  </si>
  <si>
    <t>b'\xfd\xecg\xf8\x84\x8a\x99I\xb8\xc5\r#\\\x19\xf8\x16\x11s31YV(ak[\xf7y\x8e+\x17\xbd'</t>
  </si>
  <si>
    <t>b"\x0b\x03\xd6r7\xb4\xc5\xbf\x1cS\x15\x1e'\xf8Zk\x18\xaf\xd2\xb3\x9b.\xa0\x81\xdfV\x9b\xabg\x0b\x04\x83"</t>
  </si>
  <si>
    <t>b'S\x19Z\x1aY&amp;\xf2&lt;1k\xcf\xb3G\xa3p\xf7\x80P@eS0\x81m\xd9\x8e+\xc5\xf4B\xbf\x96'</t>
  </si>
  <si>
    <t>b'U\xb3\xc9G\xcc\x13P\xcc_\xb9\xc6\xd7 348\x15\\jSu\xf7i\x8e\xabP\xb3kI\xf48\x84'</t>
  </si>
  <si>
    <t>b'\xbax\xa0\xd0\xb2ws\x118\xac\xd6&gt;\xd40\xcb\xac\x8c\xd3\xc0-\x87\xc3\xc1\xcf\x95\xb4*-\x18\x8aQ\xdd'</t>
  </si>
  <si>
    <t>b'\xf5\xd0\x9f4\x14\xd3\xa3I\x99\x95\xce\x11\x84D\xad1\xd8\xae\xc4\xb1\x0b\xdd%\x10H\\\x18\xa1\x16#\xdf\xe2'</t>
  </si>
  <si>
    <t>b'DtB:L\xa27W\x9f\x97\x06\x17\x90)}\x0f/k\x101z\x17\xd5\x98\xbbze\xa6\x13\xfa\xe6\x90'</t>
  </si>
  <si>
    <t>b'\xd5z\xbd\xa7\t\xe0\xadi\xd6\xfd\xdeH\xa7\xcd\x92\xcd\x88\x8d\xf4\xd2\x95\xfb!)tT\xdb\x97\x03\xba\x07\x8d'</t>
  </si>
  <si>
    <t>b'p\xb6&amp;e\x15\x8f\x01J\x89:\xbb\x8c\xc2\xe1\x08\xe3\x94\xc8HI*\xc6\x8b3\x8bInS\xfcpOy'</t>
  </si>
  <si>
    <t>b'sk\xa4\xf2\x00&amp;\xd4\xa3\xd6\rb\xe8\xbb\xc6W\x88F*\xcf\xfb&amp;\xd9D\x9b\xbf\x02w\xb2\x0b\x01\xa1\xc0'</t>
  </si>
  <si>
    <t>b'k\xea"s\xa5\xf4{^\xe6P\xb4!\x91sik\xed\x07\x8a\x8d2p\xfbeM\xcdA\x83\x7fbv\x19'</t>
  </si>
  <si>
    <t>b'x\xefj\xa7\xa4\x01B\xd6\x02nU\xc2\x93\xcd\xda.v@\xa5\x06;\x84\x02p\t\x9e\xeb\x99y\x80RO'</t>
  </si>
  <si>
    <t>b'\ngDV\xf0\x06\x99\x05\x0f\xd3\x9f\x8e\xfdE"U\x7f\xfd5\xb8L\x16\x8c\xc0S@\xd7V9\x92\xd3M'</t>
  </si>
  <si>
    <t>b'\xe5\xc3l7\x10\xfb\x9e\xfbw\x8cGB\xb4F\x8bL\xc1\x0f,\x84h\xeag\x99:o\xf7\xb3\x12[\nu'</t>
  </si>
  <si>
    <t>b'\xb0)\xf6\x94\x08\xbdN\xf0\x1d\x1e\xe5\x12\xf6\xdb\x98l\x96T\xa1\xf3\xc7v\x18\xbf\xb6\xcfc\xcc\xc7\xe1E\xa9'</t>
  </si>
  <si>
    <t>b"\xf9YZURD\xf8\xb2\xa2\x02\xc5\xd5\xe8#\x9dY#'Xh\x04\x1cG@\xb5u'\xaa~s\x8a\xb2"</t>
  </si>
  <si>
    <t>b'*[\xecch\xdb\xc0\t\x92qr\xbfJ\x02\xb6:R\xc1\xa1\x06\xba\x04\xcb\xf0\x9b\xc9+\xef@{-N'</t>
  </si>
  <si>
    <t>b'\x8b\x99&gt;\x9c\xe8\x90-\xdd\xd4G\xfa\xf1P\x95Z\xf7\xdc\x1f;b|\x1e\xcc\x802E\xcd\x8e\xd4ia\xba'</t>
  </si>
  <si>
    <t>b'p(\xec\x9b#8\x98\xff\xc8\xbc&amp;s/\xb5/D\x8a7i)\xd6\xd4"\x00\xd7~Yv\xfb\xc8\xfd\xb2'</t>
  </si>
  <si>
    <t>b'Yj\x16\xd3\xceQh\x0cB\xf1\xb2\x1b!r\x85R\xef\x91\xc7\x7f\xe7\xfdm\x83\xbd\xb97\xd32\xb2\xe8\xdc'</t>
  </si>
  <si>
    <t>b'S2\x11f\x11Y\xb2\xe8\xb5\xf05\x89\x0b&amp;\xb6\xd2\x83r\xe4F\x9aU\xc1\xe1\xc4\xdc\x83M\xe3-\xca9'</t>
  </si>
  <si>
    <t>b'u\x89\xc1\xc8\xc1\xd2\xa1\xb5\xbcdk\x12F"\xc1I*\xfe\x19\xaf1\xc7X\xcd\xde.\xcbd\xa9\x12;\x99'</t>
  </si>
  <si>
    <t>b'v\xe8#I\x84\x07z9\xc8S\x8e\xb3\x19\xf7\xca\x15i5\x8e]\xb1Z\xf84\x8d\xd1xW\xf5\x89\x0fV'</t>
  </si>
  <si>
    <t>b'\x89]\xd0 \x15mp\xa8X&amp;\xc5\xbam\xd0z\xf0\xc8z\xa3\xc0\xdc^7\x83\xf8\xda&gt;K?\xc1\xf6\xac'</t>
  </si>
  <si>
    <t>b'O\xb6\x89TY\xeb$\n\xacgltv\xb1\x0e\x9d\xa72R\xf0\rMCmV\xa2g.\xca \xa2\xd1'</t>
  </si>
  <si>
    <t>b'\x86\x96\x98\x8d\xe2\x9c\x08\xbd\x8c\xf6\x8e\xeeK\xcat\x1fA\xe3\x03!\xd4\x98\xd3o\xb2r5o\xfc\xf5\x9d\xb7'</t>
  </si>
  <si>
    <t>b"\xf3p\xeea8/K\x85g2\xaa@\x9e\xbac\x96'\xd8v\x8d\x10\xbb\xca^\xa6\xed\x80\x1d\xdf\x97\x00\xda"</t>
  </si>
  <si>
    <t>b'\xd4p\x84\xd2\x86\xd9b.\xc7\xe4\xb8\x99k\xc0\xf0&amp;\xa59h\xf3\x9b\xe5G\x9c:Wu{-!\xac\x18'</t>
  </si>
  <si>
    <t>b'|C\xba\xad$U\xff\xb2:\x9b8\x8f4\x02-~L`\xf8@]\xb8\xfb\xab\xa9R\x1d\xc9\xc8\xd0\x083'</t>
  </si>
  <si>
    <t>b'"Hkx\xed\xf7S\xd2\xbb\x13\xc8\x05\xcc(\xdcl1\xfd\x14\x94\x087\x82\xab\xd2\x9e\x00\xffl\xae\x00\t'</t>
  </si>
  <si>
    <t>b'\xa7\xfe3\xe0\x81.\x01F\xf4L\xbf\x17a\xa9m;\x7fMH&gt;n\x99\x9cL&gt;\x1f\x8e\x8a5\x83\xdf\xde'</t>
  </si>
  <si>
    <t>b'\x0b\xcd\xb4^\x86\xe1o\xb9\x1dgo\xc9g&lt;QB\xea\x1cD\x833\x854\x16\x0f\x08v6\x98\xb1#\xdf'</t>
  </si>
  <si>
    <t>b"\xde\t2\xb8\xeaW4[L\x9a\xe4\x0b\xa5:\x1c'\xb6CL\xf5^\xc5\xbd/\xe1\xf4\xe7wBCGd"</t>
  </si>
  <si>
    <t>b'\xdao[\x8c\xc5\xfdSh0\xc2\xf4r@m\xd8\xb7v\x99\xc9|G\xfe-\x123B\xdf\x9b\xdb\x83{\xc2'</t>
  </si>
  <si>
    <t>b'\xab}\x07Z\xc33\x8bu\xe7&amp;\x11\x80\x8c\xb9\x8fSK\x0e\xccI\x93\xfa)\xd1\xe9\xfe6)\x05B\xe8\xa5'</t>
  </si>
  <si>
    <t>b'\x1f\x84\x12\xa6.\xf0\xa3\x9f\xa18#[\xe9\x91\xb1\xffi\xf6\xf7\xe2\xbdxp@|:\xd9\xecS\xd93-'</t>
  </si>
  <si>
    <t>b'W\xda.\xa3U\x8d\xc0+\x8b\xb9\xa1&gt;\x844\xa8\x18\xde\x8a\x8d$\xb4]\xd5\x03[\xd3&amp;\xf6\xcd\xa2\x85\x96'</t>
  </si>
  <si>
    <t>b'c\x1fZ\xb3\xda/k\xf2\x9c\xcd\xa1}\x7f\xe7\xa8\xdb\x16L\xb9Q\x1a\xac\x97"\xac\x98\xda\xb3@\xca\xe9\xfe'</t>
  </si>
  <si>
    <t>b'\x94\xacu~\xfe\xad\xea\xc1\x1a\x19\x9c\x96\x8e\xa0\xf7z\xe1U\xbcj\xe1\x14\xec\xb9\xaa%A&lt;?\xa6}\xd5'</t>
  </si>
  <si>
    <t>b'H\xa1\xaa\xb3o" bhw7bdn\xac\x8bP\x89\\\xae\xbe\x899+U\xcb\x9d\x13\xc5;dQ'</t>
  </si>
  <si>
    <t>b'\xed\x9bk \x88xnr\x05N\x97\xfc\n*\xd2\xf8\x06\xe4WE/\xaa\xeegy\xec8rO\xf9+\x12'</t>
  </si>
  <si>
    <t>b'((\xbb\x0e\xc1&amp;\xd6jc\xaf\xdf\xc8\xe59\xe0o9\xc3\xc7T\x16\xea]X\xe4cU\x88E\xf1q\xa2'</t>
  </si>
  <si>
    <t>b'\xd4q\xef\x17\x15\x10\x80p\xc5\xdd\xb8\x81:\x7f)\xa3\xc8-\xba\xe6@\xfc8\xbb9\xc4\x1e;!\xe9\xb6+'</t>
  </si>
  <si>
    <t>b'\xcc\xeb\xe2e\x00\xec]\xfcN~#\x1b\xf8\xd9\x94\x0e\x9f\x8e8\x85\xf2\n0l\xdfr\xe80\x00H#\x01'</t>
  </si>
  <si>
    <t>b'Y,:\xa3\x82T"A\xec\xed ;\xf5#\xdcS\xa5\x15\xb8\x1b\x12\x15\xa9\xf0|0\xc83z\x80\xf1x'</t>
  </si>
  <si>
    <t>b'\xa2a\xc6\xfa\xfdY\xaf\xc1B\x18\x0f{\n\xccn\x8b"\xb4\xf6\xe7\xe0&gt;\x13dr\'uy3\xf8HZ'</t>
  </si>
  <si>
    <t>b'\xc8\xda\xa2\xbe?\x85\xb5&lt;R4\x94\t\x1a\x0c\xc1Ys\\\xd5\x07\x82\x13\x9c\xb2]u\x1f\x02n\x01\xb1"'</t>
  </si>
  <si>
    <t>b'l\x8c\xb6\x02\xf2\x82v\x9a5(\xf53m\x14\x7f\xc7`\x9az\xa5\xf8\xa8s\xbcM\xe7\xaf\xd7\x88&gt;.\xd6'</t>
  </si>
  <si>
    <t>b'\xd8\x08\x9a\xe2\x91=\xad\xferwUs\xb8J\xd7\x8d\xdf\xc6\x1f\xcaH\xeb)0\xb1\x07\x00\xb3\x89\x05\x02\r'</t>
  </si>
  <si>
    <t>b'\xba\xbe\xdf~\xc6S\x12\xdbc\xf6\xb3\xcd\\\xa3\x84\xccp_\xd9\x82\xff\xc1&amp;\xacZ/\xfc\x9cH\xb4\xa2\xe8'</t>
  </si>
  <si>
    <t>b'b\xb2\x12}v\x1cV\x0f`b \xdcORQ-\xe8\xda\xd9m\xf5\xdbD6\x9f\xc9\x0b\xeby\x0b\xac\xe2'</t>
  </si>
  <si>
    <t>b'}@\x99\x121\x11\xae\xaef\x9c\xdeBN\xe1\xd3\x15\xc3 Ce\x16T\xefx9\xc7\x13_\xe1s\xd6='</t>
  </si>
  <si>
    <t>b'\x83\xb8\x90\xd5\x91V\xaa\x92\xdb1h\xef\x0f\x92\xe6\xcft\xd7)s[\x86\x8c\xb4\xe1\xa9=r\x11MN\x9c'</t>
  </si>
  <si>
    <t>b'\xee(\xf8\xf7lB\x07\x85\xf1\xa3b\x9d\xaf;6\x8a\xe4\xc4w\xb3\x17\xcd\xdf\x05\xb1\xa3\x82\xd8V\xe8\x1e\xf5'</t>
  </si>
  <si>
    <t>b'U^RD\x95\xd9\xdd\x84*)\x9cI\xaa\xb5\xba[h\xf7do\xb7c\x08()\x9ac\xaa\x87\xf7\x1em'</t>
  </si>
  <si>
    <t>b'\x95Z\xb5\xde\xf2\x0e\xa6\xbal\x97\x03\x02\xb6K\xf0\xc3wr\xed\rX\xe6\x0fR\xbe\xea\xc5\x94\xb1`2\x83'</t>
  </si>
  <si>
    <t>b'\xd7*S\x1d\x8c\xf1s\xdb\xee\x14\xe4-%\xc2\xee3*;\x08\xa8`Th\x16H\xacf\ne\xaah.'</t>
  </si>
  <si>
    <t>b'\xbel\x05"3\xc9\xf2j\n\x81wY\xe86YSB;($&lt;f\xf0\x8c$\x91\x14\xe4\x89!\xe3\xa7'</t>
  </si>
  <si>
    <t>b'F?I\n\xe2\xa94Q\xe0\xdf\xca\xb2c\x02\xbes9\x15\x00\xd0\x8e\x80\xa0\xed\xfe\x89\xfa}\xb3\x9d\xbbz'</t>
  </si>
  <si>
    <t>b'E6\xc8V\x82\xfd\x06\x15\xdf\xe1\x8c\xd7\xdc\xb7\x85I;;U\x9b\xcc\xefJ\x00\x0c#H2\xd0\xc7\x9c\x03'</t>
  </si>
  <si>
    <t>b's\t\x04\x7f\xda\x19\xe4A\x95\\\xe9{fT?zB\xcd\xa2G\r\xf3\xb0\xec9nUi\tO\x95h'</t>
  </si>
  <si>
    <t>b'tA\xcd\xc6\x14\xb7\x1bW\xb8\x95\xb8\xa8X;\xcd\xf6`UvY\xbd\xde\xd6Sqs4J\xfd\x0b\xef\xd3'</t>
  </si>
  <si>
    <t>b'+\xfb\xfe\xb7`\xcf\xb21\x17\x7f\x91,|\x9cn\xe0\n\x87m\x9e\xf19\x8f\x1e\x8c\xe8\xe3\xac\x94\xfc\xcfO'</t>
  </si>
  <si>
    <t>b'm\x1c\x01\xb5_m\xd7\x11^\x12\x8c\xda\t\xa3j\xb2\x0c\x9d{\x0c\xe2\xe2\x13]\xeda\xd4t\x1f\xc7o\x90'</t>
  </si>
  <si>
    <t>b'\x13Hw\x10\x87\x8eMLK2\x0e\x8a\x7f\x06\xff6P=k\x01\xa9\xdcp\xedp\xcc\xa8\xb1\x8e\x99D\x9b'</t>
  </si>
  <si>
    <t>b'\x06\xb5h\xf8g\xb2r\xa9\xc4\xde\xcd?%\x7f\xb8\xb5\x179\xa5\xe1\xc3F\xddp\xe8\x84%\xa0\x9e&amp;\x14}'</t>
  </si>
  <si>
    <t>b'\x9c\x16\xd6N\x870\x03b\x0f\xca&gt;\x9d\x88\x93\xbc\x8f\x0c[\xed\x14m8\xf46l\x1a@\x80k\xd1\x8c\x19'</t>
  </si>
  <si>
    <t>b'\xf6\xbc\xd8\x9c\xf3\x87C\xc3*&amp;E&lt;B\x07\x8c\x06\x8d\xb1\xe9\x04\x9e\x13\xd7!\x15\x8d1TY2\xe4\x0e'</t>
  </si>
  <si>
    <t>b'tN\x10;\x84\xb0?\xbb\x9cm\xca\x9cA{x\x94\x88\xf0-\xbb\xb0\x8bg\xee;\x07)\xee\xa0\xdaB\xe6'</t>
  </si>
  <si>
    <t>b'/\xba\xf7\xfc\x8f:w\xaf\xec\xad\xdb&amp;a\xe2\xbaRq\x93\xb5\x96\x9a&gt;u{\t\x8adD\x90\x9fH\x95'</t>
  </si>
  <si>
    <t>b'\xbf\x80\xb3l\x1f*\xc7$\x87\x80D\xe4\x12\xf0\xaa3\x89\x02\xf7\xa7+HR\x01uo\xbb\n\xb8\xc6\xac8'</t>
  </si>
  <si>
    <t>b'%\x1c\xb81\x19M,X\xf3\xd3\xbe^\x0bS\xf1\xc00\x8b$V\r\xaf{\xde]A~\x85aL\x0b\xf3'</t>
  </si>
  <si>
    <t>b'\x8a\xbd\xd3Y\xa7\x17\xb6\x01\xfc\xf6\x91\x86\x8e\xc8\xe9%\x05f"\xfd\x8f\xb3-j\x8f\xec\x9f\x18\xa1.D\xc8'</t>
  </si>
  <si>
    <t>b'L\xeb\x1e\xdcQe\xcbY\xc4\x05\xb62\xb5\x8db\xaa:G9\xf5\xf1\xfe\x9d\x92\x11\xd5\x1c\x05Uu\xa3\xad'</t>
  </si>
  <si>
    <t>b'\xb0\x97N\x1b\xff\xba\xb1g\xc3k\x90a\xe544\x90Vw=\x1b\x17\x9a\x08\n\xf7Y\x84\tR\x93&lt;\x16'</t>
  </si>
  <si>
    <t>b"\xa7\xf9oh[i\xa0\xa02\x12\xef\x89 S\x82\x87\x84\xad\xc1\x1d\xe0\x97\x9c\xb7'\xd6\xd2\xc5\xf2\xbd\xb2D"</t>
  </si>
  <si>
    <t>b' \xcbt\xe71e1\x89\xf7\x9dU`S\xfb\xda\xf3\xa8\x13\x99\x95\x9f\x83\x9e?\xb5\xe6\x17\xf3&lt;\x123y'</t>
  </si>
  <si>
    <t>b'\x00\xdb\x13\x89\xa91\x08D\x95\xa1j\xf5\x91\xe5V\xae!\xf2\xf8\x92n \xdet=L\x1a\xa6\x82\xba\xad\x84'</t>
  </si>
  <si>
    <t>b'\xdb7o\x17\xc0+J\xc8g\x91\x884\x1b\xbe\xa6\xfb[( \x98\t8R\xba\xe7\n\x7f\xb5J&amp;\x81\xd5'</t>
  </si>
  <si>
    <t>b'\x0b.\x11#!!I/\x81\xca\xd6\xb0Q\xc9-\n\xdb\x81l\xc5\xa4A\xff\xba\xddz\x0f\xbcy3\r\x80'</t>
  </si>
  <si>
    <t>b'n\xb5\x82\x01\xfa\xd5\xb6\x06\xae\x99\x83\xd5\xd10\xd1\xadN\x9b\xc3\xc4\xaccI\xef\xd4$\xea\xb8\xbe\xd4$\xf0'</t>
  </si>
  <si>
    <t>b'\xbc\xddQ\xb9\x18\x17/\t\x91\xaf\xd2O\x82\x94W\xbeo\xce\xb5\x83nZ\xbe \xf1\xbd\x8fD\xa3\xbc\xd0\xa7'</t>
  </si>
  <si>
    <t>b"\xb2o'\x8b\xc4X!\xc7\xce@\xe0\xabj\xa3\x1de\xcc\x0e\xf8\xcc\x06\xff\\\xefQ(Q\x82\xbc\x1f\xf9\x1b"</t>
  </si>
  <si>
    <t>b"\x16`|P\xfc\xd6&amp;r\x1d\xb6U\x82Z\xa9\xfb\xaf\x15Ax\x92\nV\x80\x1d\x9f7'Y\x19\x00\xd9f"</t>
  </si>
  <si>
    <t>b'\x05\x88\x88\x1f\x98\xde\xfc\x84VN\xf3r&gt;?\xc6\xd8\xd8h\xf3Mq\xe6\xdc\x9a&gt;r\xc3\xe3\xf9\xa9\x1b\xc2'</t>
  </si>
  <si>
    <t>b'\x00\xb4\x1ehl\\Z\xd9-&amp;\x1f\x89\xc6\x93E\xfc\x94\xd4\xa7\xc57\xfa\xdb\xa4O\xc6\x7f\xee\xfa\xa6\xf7z'</t>
  </si>
  <si>
    <t>b'\xfcl\xb5\xe5\xef\xf10\xd1\x99\x86\xba\x11u\xc4F\xfd\x8ecN\xeag\xbb\xb9\xeb\xba\x1b\xa2\xe4\x159\xb58'</t>
  </si>
  <si>
    <t>b'\x9f\xa1/\xbe\x1fi9\xaalzZ\xf5\xea\xf9]\xb3\x00\xb46\xdb]=V\xefz\xcd\xea\xb5\x89CRE'</t>
  </si>
  <si>
    <t>b'u\xd4_\xb6I\x08l\x99\n\x9f\xe4\x7f\x94\xec\xf8C\xdf\xa49l\xd2\xd0w\x1fD&lt;dd\x0ff\xa0P'</t>
  </si>
  <si>
    <t>b'\xd0h\xff\x95\xbb^\x0b,\xf0~\xadK\x0b\xcco\xc9\xc4\xee\xda\x9b\xb5Tq&gt;B\x12AP}JM\xa8'</t>
  </si>
  <si>
    <t>b'W`|\xcc\xdfl\x8c\r-\xf1s\xf2\x926V\xec\x9e\xb8\xe9\xc4\xf4\xe3\xd4\xe2+R\xf52\x83m \xe3'</t>
  </si>
  <si>
    <t>b'}\x93\x10BAS\xac\x9e\x7f7\xebe\xf6\xdf\x06+\xd8_\xa5\xefu\x98\x9a\xd9\x9f\x84\xe5&gt;/Nf\xc6'</t>
  </si>
  <si>
    <t>b'\x92\xd6\x195\xeaK_\xa0"\xf6\xec\xdc\x0eM\x1f\x0eU4"\xab\x07:\x96\x16\xdc\x9d\x15k\xd9\xef\x96\xa3'</t>
  </si>
  <si>
    <t>b'\xc7\x1f\x12~@\x83\x8f\xdb\x17_Y\xd8\xce\xb1\xe3{\xc5N?\xc8n\x9b\x87^\xfc\xd6ow\xf0,w\xaf'</t>
  </si>
  <si>
    <t>b'\x12|\xf3\xdf\x1aU\xa3!8\xd6\xe3\xfb9\x82\x1fFK\xfec\x1f\xce\xae\xaa\xc6\xde\x84^t\xfa\xb3\xb9K'</t>
  </si>
  <si>
    <t>b'_\t\x0c\x97\xe1M\x8b\xe7.\xfb\xb7\x0c\x9c,\xe3\xefS\x17Eg}\xff\xbeC\xfbb\xa2\xfb\xe65c\xc5'</t>
  </si>
  <si>
    <t>b'\x99\xba\xe1\t\x1d\xaa\xcf\x96\xc0\x1d\x18\xb4Q)\x92\x0c\xeb\xfd\x0c+=X\xd4H\xae\xa4\xda\x13\x81P`\xea'</t>
  </si>
  <si>
    <t>b'\x94\x9aI0\r\xefX\x15\xd7\xb5-Q~\x96\xf6\xa1i\x01\xfa\x98\xb1}\x01\xad]\xf29\xa9C\xbc\xfc\x17'</t>
  </si>
  <si>
    <t>b'r\xe66\xc2\xed\xdd\xba\xd7\xee\xfd\xb9\xd6w\xa2cl&gt;\xdc\xc2\xcc\xe8=\x9eF\xa18\x11\xee\x13\x8d\xeb\xef'</t>
  </si>
  <si>
    <t>b'\xfdl\x85\x9av:\x15\xbaM\x96\x83Cc\x01~\x10M\x1f\xbb**\xf1\xab\xb7\xe1\xef\x94\xb1\xf9\x84G\xba'</t>
  </si>
  <si>
    <t>b'\xb3` B{\\\x19z\r:\xe9\xa0\x88\x15\xd8q\xa3=\xaf\xfc\xc8\xc7\xd89Z}&lt;\x1d\x98\xc5\x07\xe5'</t>
  </si>
  <si>
    <t>b'\x04\xbbj\xb6Oz\x9e\xfd\xc0\x99\xb1\xe6\xcb\xd8\x13\xfc\x9102Z\x8d\x8f\x01\x9b\x9ft\xc01e\x0e\x98\x9f'</t>
  </si>
  <si>
    <t>b'o\x85w\xf5g0\xef}\xb4F\x9c\xf0\xaa?\xa1\xc3\xf6\xe4\x19_\xce\xa1k\x19\xfb]\x03\n\xd8\xb5\xb5\x84'</t>
  </si>
  <si>
    <t>b'\xd8\x8a\x9e\x93\xbf\x141:o.p:Rb\x9e\x94&lt;\xa5:9\xb6\xf3J\x95\x8cJ\x00\x00\x0b\xe4\xcfQ'</t>
  </si>
  <si>
    <t>b'\xddW6M\x18\x99]\x1a\x9c\xc9}\xd5\xec/\x1c\x9c\xdf\x16~\xdf&amp;\x1d)\xf2\xd9\x00\\\x98\xde\xfc\xcfO'</t>
  </si>
  <si>
    <t>b'\xde\xbb\x98}\xfa7\x85\x1d-\x02\xa7)\x16\xa62\xa6\x99\xc5f\xeb\xe9\x0c\xd6D\xab#\x11ch\xcf^3'</t>
  </si>
  <si>
    <t>b'\xe9y\x1c\x94\xcd\xef_\xd9 \xeax\xad\xd7\x9e&amp;=X\xfa\xf33\xb5\x08\x8d\x99\xc3\xd8\x9fW#~\xc4\xbf'</t>
  </si>
  <si>
    <t>b'g\x94E\xd3\n\x80\xc1\xf1\xe2\t\x19F\x04\x85\xcd\x0b\xf2b~\xac2\xb2\xf6f\xf2\xb4\xce\xfb\xc1\x8d\xc4v'</t>
  </si>
  <si>
    <t>b'\xb9)\x1d)\x05\xdf\xeb\xbd\xa2\xcc\xb9\xcd\xbe\\1R\xb0z\x9aP\x89I\xae\xa34\xa8-\xbe\xc5\x9eQx'</t>
  </si>
  <si>
    <t>b'\xbc\xe0\xae)\'\x9fvq\'bR.a\xc8-\xe9\x92"\xec\xd8O\xb0\x15\xc3\xfde0\xe8]\xd4B\xcd'</t>
  </si>
  <si>
    <t>b'I\xa2\xdb\xfa6\xee&gt;\x05[&amp;4\x18\xe8\xbe\xbe\xc4l\xbd\xf6\x19\x1e\xa9\xee\xb6c\nD\x87J\x9a\x00\xd7'</t>
  </si>
  <si>
    <t>b'W\x88\xd69*\xc6\x96\x9b\xf0X\xecp\xf9\xca\xfb\x89.jt\xc7\x847\n\x8f\xd8\xd5\x1f\rf&amp;\x1d\xf6'</t>
  </si>
  <si>
    <t>b'\xb2\x9f\nA\x1a\x1b\xa1\xa8\xb6:\x05\xe5\xa4\xf0\x9f\xe8x,\xc3?3l\xa7D\x9c\xef{\xc6\x17*\x90&lt;'</t>
  </si>
  <si>
    <t>b'\xe6\xb8\x1b\xe7\xd1\xec&lt;\xd3m\xc0lI(t L\x9b\xb6FD\xf1\xb2\xea\xc0\xd6\xb2\xcbA\x17\x89\xbc\x01'</t>
  </si>
  <si>
    <t>b'\x93\x99\x00\x9b\xf9\xf2M\xc7\xa6:NcF\xb7s\xb9\xc4\xc1Vi\x1a\x02\x1e\xf3h\xc6v{rFd\xdb'</t>
  </si>
  <si>
    <t>b'JN\x0ceb!I\x1f\xe5\xe8g\x82\x0c\x8b\x1f6\x17\x94\xfcR\x8f\xf78\x94\xbd\xd9\x8bA\xb9\x00\xb3o'</t>
  </si>
  <si>
    <t>b'L24\x8a)\x88?\xa8\xf9!\xd6\x01)\xd5e\x81\xb8;`\x17e\x89\xa6\x1e\x8acj\xfa\xddG \xad'</t>
  </si>
  <si>
    <t>b'\xfe\x97O\xd8\x8f\xd17\xb2\xc8\xd6\xdc\xd0\x04P\xefB\xd6\xfa\xf2\xf8\x10\xb3\xa4\x1f^B\xa0)\x1d\x92%A'</t>
  </si>
  <si>
    <t>b'\r\xd2\xedPk\xe0\xb0:z:f\xd5e\x08\x10Cx*\x14P7\xeeK\xf9\x7f\x18\xaau\xd2w*\xf6'</t>
  </si>
  <si>
    <t>b'"\x18\xf7\xc7.\xde\x89\xa0\x97G\xae\xac9\xb6\xca$\xba\xe8\x80S\x1f\x19\xf23\xe6\x9d\xa6\xc1\xd3~\x07O'</t>
  </si>
  <si>
    <t>b'COW\x87\x06\xe5\xda\x00\xcdJC\xeaC\x7f"6[\x99\xfe\x16h\x12\x1f\xe5\xe8\xf6\xcb\xe0(M\x943'</t>
  </si>
  <si>
    <t>b'+\x1f\xa8\x1bw\x00\x99\xe9\xb2\x0f2\xe4\xc116!a\x00\xd6z\xf1K6\n\xa5\x08\xd2T@|\x1d\xa3'</t>
  </si>
  <si>
    <t>b"\xablE\xc4\x82\x9d\xe0\xf9'\xde}s\xc0\xfe\x05)\x01\xa6Ku\xc0\xdd\x9e\xe4\x9c.0\x86'r\xd7\xe1"</t>
  </si>
  <si>
    <t>b'\xc6\x88\xaej\x8e\x15\x1fY\x03\x9e\r).\x8b\xf7\xdd\xab\xda\x85\x0e\xaa\x89\x12\xe5\x8e\xb0\x8f\xd4\xbe\xfb\xe5m'</t>
  </si>
  <si>
    <t>b'\xa1\xbdm\xffT\xe0\xfb|\xdf\xd1W\xed\xaeM\xa5\x8c\xe2+Y@{\xcc\x8e\xe5\x95\x85\x88\x85o\xcb\xb0\xb3'</t>
  </si>
  <si>
    <t>b'#\xb1\xbcS\xae4&amp;\xa1\xcf\xc0\xbf\x88\xbd\r\x99&gt;\x03\x84\xc6\x82\xe8\x8ao\x1f\x7f\xe7m\xe6\x10\x0bm\x94'</t>
  </si>
  <si>
    <t>b'\x91\xa7\xcf4\r\x13\x154\xdf\xe5\xe2\xc0O\xbc\x1a\xaf)\x82\xdc\t\x07\xf6\xb8\xde\xf0\x0f\xaf\xdc\x1b\xaf\x8f\xc5'</t>
  </si>
  <si>
    <t>b'\xa1\xbf\xf1c\x83\x88\x9e\xa9:\xf3\xc5\xb55\x035\x85F\xb8;&amp;Q\\\x13\xd9]|\xb2B\xbf\xa1d\x02'</t>
  </si>
  <si>
    <t>b')F\x01w=\xfc\x86\xe9\xfag\xa7_\x1f\x7fN\x94{9\x11\xebYx~\xcf\xd0\xd1\xa6\x88\xb3\xe2\xca\xca'</t>
  </si>
  <si>
    <t>b"0\xe6\xd1\xbbl\xa9\xa2I\xd42k\xe3\xf9W\x7f\xb3\xa4\x06\x98\x1d\x04\x88\x0e\x91,\xfe\x14\xf4'DI\xca"</t>
  </si>
  <si>
    <t>b'\x9b\x17\n6\xa3"\\"\x17|\xa6\xc6j\x0e,\xf6D\xd8\xc1\xb7\x9d\xceyX\xaf\xda\x7f\xd3s\xa0&gt;\x9a'</t>
  </si>
  <si>
    <t>b'a\x7f&amp;\\\x9bx\x13\t[\x0b\xbe[uIs\x15#8\xcbsn\x9bG\xe1\xaf;\x17\x81\xe2\xaa\xddl'</t>
  </si>
  <si>
    <t>b'!\xc9\xc8\x0b\x1e\x82\x9eSu\x93\x14\xb5\x99\x97\xb9\x10\x1c\x07\xc7PJ\x07g&amp;\x9cR\xa0\x12W\xe5=\x84'</t>
  </si>
  <si>
    <t>b'\xe2\xba\x10\xdb3n\xb2\xa1\x98\x9dZ\xbd\xc8\x90\x8d\xb0;\xb4dA*u\x89i\xda;+\x95j\xedzz'</t>
  </si>
  <si>
    <t>b'\x9c\xe2\xbf#\x10\\\xdf\xa8?(\x80\xd4\nE\xd0\xce\x19{\xc4\xc5\xc5\x98\x1aJ\t\xe9\tE\x8b%\x86\xe7'</t>
  </si>
  <si>
    <t>b'\xbcK\x9a\xe9\x03\x91\x9a\x9c\xf5-\xe7\xfbZ\xc3Cr~B\x1c\xe8\x8d\xf0IS\n\x8d\xb1\x1bQ\x8b\x84H'</t>
  </si>
  <si>
    <t>b'\xe5M!Vk\xa5\x10\xf4\xc2^\xad\xe05\x04l\xa7\xb8\xe3\t\xf4\xbc\xef\xb0\xb45\x87\xe0U\xe3\xcb$X'</t>
  </si>
  <si>
    <t>b'G\x9f6\xc2[\xb6m\xc9\xa6\xd3\xbc]\xcc\xbe\xbc\xaf\x11\x8d3&amp;8\x04\xb8\xe9LTu`\xcef\xc5\xe2'</t>
  </si>
  <si>
    <t>b'\x06\xc0\nJ\x88\xf8\x9c#=\x90\xaen\x95\xd1\xa2eZ\x0e\xf3K\x19W\xec?\xf5\xc6\xc3\x0e\x7f\xb7\x9f\xe4'</t>
  </si>
  <si>
    <t>b',\x84&lt;\x0c\x02%\xc0\x1f\xc7\x99gm~n^\xc9}\x1f\x88\x9eY1\xff\xff\x9e\x97T\x92\xee\x98\xe3\x17'</t>
  </si>
  <si>
    <t>b'I\x0eF.\xab\xbc\xcfG\xc8\\\xd7T\xdb\xa8\x1e\xe97\x1f\xc8;\x13\x80z\xd4T"\x94`\x97\x17\xfe\xe2'</t>
  </si>
  <si>
    <t>b'\x15\x14\x9f\x94\x8bP\xe4\xa8T\xa2\xa9\xf7\x88\xb6y?\xdc\xe3\xc3S+O\x07\xf3\xd1\x8b\xc0\xf5\x06\n4\x7f'</t>
  </si>
  <si>
    <t>b'\xa5{\xfe\xa6l\xeaG\xc4\xbf\x91\xbf\xabUc\xbb\x8b\x90K\x1f\xc0(3\x86\xe3\xabR6E\xab\x82\xe4s'</t>
  </si>
  <si>
    <t>b'\xc8\x9d6D\xab\xc4^&gt;\xd6\xcc\xe0\xee\x8aFh\x9d\xa8\x0fK\xd2\x87\xef\xd0\xc0x\x18\xb2\x7f&gt;\x18\x8cI'</t>
  </si>
  <si>
    <t>b'\r=\x10\x11\x1d\x9e\xde\\\xee\x9f%\x05@&lt;\xb4V\xceq,\xeaM\xc4\xc7\x02M\xfc\x1eM\xab\x07H\xe7'</t>
  </si>
  <si>
    <t>b'\x1f\xeeQ\xbf\xb2=y&amp;)\xc5e\x82j}jKEI\xb5\x9a\x93Vk&gt;n\x94\t\xa0\xa3\\\xcbh'</t>
  </si>
  <si>
    <t>b'_$\x81\xcf\xa9\xaaO\xac\xa8\xd1v\x06\x10\xa9f\x86\xfb\x9a\x8ak\x1d\xc7\x0b\x81-Mk\x90?\x9bix'</t>
  </si>
  <si>
    <t>b'\xab\xadu\xa1\xbb\x9d\xde\x19MdR{\xe9\xd2#\x115\xa7\x1e\x10\xf1\xa4\x9b\x99\x1df\xc4\xdf\x99W\xfc\xdb'</t>
  </si>
  <si>
    <t>b'\x0c\xbc9\x1e\xb89+l!\xe4\x9aic\xf3(\xfb\xb8]?\x82W\x9ez\x803Y0R\xc2N\xe5k'</t>
  </si>
  <si>
    <t>b'L\xed:\x8b\xc7\x18\xe9\xb5\xfd\xc7\xed\xef\xe8\xf1\x19\\\xa3WE\xc2~\xfeV\x9a\xeb\xb0\x94\x04p\x1d\xfeg'</t>
  </si>
  <si>
    <t>b'\xaf\xaeH\xe4\xa0\x08\xb5\xc1\xc0\xea\xfd\xb7@M\x07)\xb0\xab&amp;{\xb9\xcc\xeel\ng\x8a!\xfb\xf0\x10n'</t>
  </si>
  <si>
    <t>b'\x1c\x13\xde\xc8(\x1f!&amp;\xf1\x13f\xe3\x12\x87\x0e\x16\x06\xac\xc0[\xf0\x16I\x87\xda_T\x1c\xa3\xd34K'</t>
  </si>
  <si>
    <t>b'\xe8\xb9l\x15(\xa7\x08U\x0c\x9f\xa4\x7f\xbf\xc2hX\xf8\x0e\xca\x80\x8da&lt;hW\x90\xec\xaa\xb7\xc8\x8a\xab'</t>
  </si>
  <si>
    <t>b'\xdf\xedxIy\x0b\xb1H\xd2\x82\x0b\xc4\xe8b?\x1f\x1ex\xd6\xa0/\xb8xU\x04J\x8c \x85\xd2\xa9\x07'</t>
  </si>
  <si>
    <t>b'\x89}\xb2m\x17\xaf\xcbaK\xb2\xdf\xf3d\x95F$C\x0b\x15\x06\xb1/\xe7p&gt;\x82\n\xaf`\xd4L\xf6'</t>
  </si>
  <si>
    <t>b'\x8f\xe2\x94\xb1\x06S\x1a\x86\xc4\xc5Jp\x16\x85\x87\x98\xd8\x93\xf0\xc5]r\xe5\x19\x8a\x93\x94\x93\x0e\x08{\x87'</t>
  </si>
  <si>
    <t>b'M\xe4Do\x89\xe1F\xcb\x9ef\xbe\xd6~\xd2w\xef;\xa3M\x9a\xf0]\xf9v\x90\xe5\xa0y)O\x8f\xcc'</t>
  </si>
  <si>
    <t>b"$7\x8cB\x05\x1c5\x8e\xc4\xc6\xe6\x17\x95\xc3\xb9\xe1\xd6\xdb&amp;u\xb0\xa2\x14\xfb\x95q\x96\x19;\xa3\x17'"</t>
  </si>
  <si>
    <t>b'\x01T\xc1$\xfe\xf9v:{\xb6\xadG\xf7\x87&amp;dF\xa5\x14+\x9c\x91\xd4Zo\xe0\x8bv\x1f+4\xd5'</t>
  </si>
  <si>
    <t>b'\xbd/trw\x1bb\t\xea8;^K*b\xb4y|\xce2\x8c\xe4\xa0\xf5\xe4\x94\xde\x86Q\xd8\xf4\xa7'</t>
  </si>
  <si>
    <t>b'\xd3\xbd\x1bTS\xd5*Z\xb1Nz\x1bI7\xcb\xa6-\xec\xe6\xdcs\x03\xf4\xdc\xadu\x15{X\x8f5\x19'</t>
  </si>
  <si>
    <t>b'\xe9;\xfb\xde\xc7\xd2\x1e0H\xfdx\xb4\xff=\x87\x97\xa7\x9b\x9d\x8d\xd9y\x1f\xe2P\xaf6\xcd+w*\xe5'</t>
  </si>
  <si>
    <t>b'\x01\xae\xb6Wz\xfc\x10\x1d\xcdo\xd6\xdc\xf0\x17\x82\xea\x9f\x96\xd4\x86m%4\xd12\xf9(c\x97\x0f.\x9b'</t>
  </si>
  <si>
    <t>b'z\xa3\xb4\xc1q\xa3\xb1N\x1b[\xede\xd8^\x87\xd2\x15\xc5\xfdc\x06\xa6:\xc2\x86-\x1d\xbciF\xdf\x1e'</t>
  </si>
  <si>
    <t>b'\xc6p\xe5$\xc4\x83\xe3/\x96\x8c\xb8^\xcf\xfd\xb5\xb3{\xdb\x9eK\xf2\xde\xf2\x05\x0cu\xa1\x9f\xb7\x04!\xa8'</t>
  </si>
  <si>
    <t>b'E\x11\x17{\xfc\xea\xa8f@\x18\x80P(d:W\xe4M&lt;\x122t\xb0\x82\xd2\x1dzd\xc6\x17\xd7\x9a'</t>
  </si>
  <si>
    <t>b'\x1a\xe7]h\xc7Y\x92s\x11\xce\xaa^\xc6\xfc\x96V\x1d\xc9\x0bH\xb8\xd93-\xaaE\x9a\xee\xd8\xb7W\xe4'</t>
  </si>
  <si>
    <t>b'\xbf\xbb\x1e\xf2\xed\xb5\x85\xe4a2\xceC\x8d\xb25\x0b\x1c\x06\xfb\xa5\xd6\xaf\xfeC\x0c\x8f\xb4\xd3\xf3\x9c(w'</t>
  </si>
  <si>
    <t>b'\xa6oQ\x00\xedF\x99\xa0\xa8\x95\xc1\xe2=\xf6\x80\xab2\xb4\xd4\x9cEP|\x0f#~\xf3\x10(\xe5N\xab'</t>
  </si>
  <si>
    <t>b'\xffRY+\xc5Z\x0e\x15"u\x07ECO\xc3mO\x99\xe0m\xd1\xbfMP\x96\xa4d4\x03\rKO'</t>
  </si>
  <si>
    <t>b'C\xa9\xed\x8c@\x85\xbc\x13\xf3p\x95W\t\xfb\xef\x96\xc4\xed\xb7yf\xf1\xc1F\x90\x84\xf0\xf4R\x80cq'</t>
  </si>
  <si>
    <t>b'\x1aJ^\x19\x83\xdc$\xfd\xfa!\x1a\x9b\xf6\xd7\xae-\xc3c\x86{4\x9c\xdf+t\xd5\x1cbu\xff\x94q'</t>
  </si>
  <si>
    <t>b'\x13\xbf\xc1\xdb\xe6{U\xf5S\x03j\xbd\xff\xfa&gt;X\xa4\xf5\xc3A\xe7W\xc7WE\xf7\xdb\x89o\x8b\xe9Q'</t>
  </si>
  <si>
    <t>b'\xff\xb7\xa5X=4\xdd\xfb&gt;P\n\x95\xf3` @A\x19\xe2sC\nM\xdf=\xdf.\x1fr\x07\xc8\xf2'</t>
  </si>
  <si>
    <t>b'\xf3F\xc8\x96!Y_\x1f\x80\x16meuG\xb6\x8a~\xa4\x1a\x8a\xfd\x9ak\x8dmQ\xd2\x08?\x90J\x88'</t>
  </si>
  <si>
    <t>b"\xef\xa5Y0Y\x82\x9a[\xda\xa9X\xb7\xf4f\x1a\xa9~%\x98\x84'\xbd\xa0\x87\xbeU\xd0\x07\xfe\xf7w/"</t>
  </si>
  <si>
    <t>b'Q\xf8\xb7\xe5\xbat\xfe\xf5\xf7\x1e\xc2;f\xf9;\xab\x06\x88\xfe\x8b\xd8\xe1\xfc\x98R\x7f\x97\x9c\x90\xa0q3'</t>
  </si>
  <si>
    <t>b'\xec\x8e&lt;\xfe\x8a \r\xf5q\xe6\xb7Qz\x9c\x9a\xcfgG[\xb3\xde\xeb\x17\xa2 \xf6\xcc\xacv&lt;E\xf3'</t>
  </si>
  <si>
    <t>b'E\x8c]\xa5#\xc5~\x8f5x\x02\xbb6Y\x19\x13\xbc\x82r\x15\x07QpWD\x82e"E\xb0CM'</t>
  </si>
  <si>
    <t>b'\xfa\xd3\x90L\xcb}@\xaa4\xc3\x9a}\x96\xb6\xad/\x1fL[\x92\xfa\x13?\x9e)$T&lt;G\xff\xbb\x88'</t>
  </si>
  <si>
    <t>b'&lt;\xca\x00b\x87\xe0\x90\xa8\xd1=MX\xe4QA\xa4`V_@LDa\xb2\xf8\x07;%\x8b\xb8wm'</t>
  </si>
  <si>
    <t>b'\x88\xacZ?7\xfb_\xa8\x05O\x13\x1a\xac\xb2\x99y}\xd22D\xf3 ]\xa4\x87\x9e\xa5\xdb\xc1\x99\x1e\x1d'</t>
  </si>
  <si>
    <t>b'\xdf|\xd83\xec\xe8\xe1P\x95\xec\xc4\xf8\xe7-S\x8c\x99\xcb\xb5\xfdGM_\xe2;=\xf5\x82\xf7\x08\x92"'</t>
  </si>
  <si>
    <t>b'\xcf\xd0(J\x03\xe4\x0f&gt;e\x94DP=\x9f\x1et\xbe\x16Qh0\xfe\x9a\xd8\x9a\xc8X\x7f\x82\xb2\xe4\xe3'</t>
  </si>
  <si>
    <t>b'\xb9\xecl\x927\x06]\x80\n\x87\x19\xeft9\x88J\xa0si\x8f\x8f,\xe3\x19\xf0\xe0\xa5\x81\x01[-\x01'</t>
  </si>
  <si>
    <t>b'qg]\x9eGP\xb2\x1c?\x1eb\xa2M\x14;\x84\xf4\x03=\xaee\xfey\xc6\xd2\xea\xfc\xbe\xa0\xdcR\xe7'</t>
  </si>
  <si>
    <t>b"U5\x84\xd8\xb1$\xcb\x8c~\xaf7\xc2\x92j\x1f\xc6\xb2@\x0b'\xcdO\x07jJ\x05\xab\xfb\xc2$\x92\x8b"</t>
  </si>
  <si>
    <t>b"\xdc\x9do\xa4\xb3\xf39GGxO\xa8\xf7\x95%\xc0+k\n\xbc \xd0\xa4\x88C'Z'(\xde\xf7\xc3"</t>
  </si>
  <si>
    <t>b'heu\xa9\x85\xfbp\xee\x07\xc3\x1f\xb3\x93$M\xc0(\x82(\xbd{P\x18\xe7\x18\xadB%\x96y\xc7W'</t>
  </si>
  <si>
    <t>b'\xb07\xf1\xe7n1\xa0\x01\\\xde\x0bO\x87\xf3\x01\xc8\xc8\x11(U{u\x00K\xf2\xf2\xab\xb3J\x8a\x86\x84'</t>
  </si>
  <si>
    <t>b'S\xb6\x19\xf8\xdbe\x96\xb2!\xea\x87}\xa4\x13Z\x99\xe3\x92\x14\xd1e\x90\xad\x0e\xcc\nk?\xd9\xdb\xca~'</t>
  </si>
  <si>
    <t>b'\xb1P\x19\xd0"\xa0,\n35XQ\xcc\xb8\x0b\xd2\xbc\x13\xaa\xddJ\xf7FR\xe2\xd4\xa6\xe1\x15j\xf8\xcc'</t>
  </si>
  <si>
    <t>b'\xa0\x92\x8f\xc8\xe7\n\xaezO\xeah\xf9\xd71\xe1\x96\xeeb\x8e(t\x90|oY\x14\xeaIn\x7f\xc6\xf2'</t>
  </si>
  <si>
    <t>b'\x0e\xb3\xb6\xe9 T\xe4\xa5\xa3\x1b\xb6\x17}\xca\x98\xce&gt;\xd9\xb5\xa6IW\xcf1a\xdf\xf20\xafb\x8d\xc7'</t>
  </si>
  <si>
    <t>b'n\xa1\xb0\xb1|\xf9\x98O\xefE\xabq\xc0j\x86\x14[\xda-~S\xb0r\xa8n\xbf\xe0\x17\xe1*_;'</t>
  </si>
  <si>
    <t>b'{P\x8c.\xba2\xaf\x89\xd9\x83M\xb7\x90|\xa1`\xacJ\x1dFh\xfd$\xcb\xf4\xc1!.\xbd\x95\xa0\x84'</t>
  </si>
  <si>
    <t>b'\x0f\xcc:Mj\xcd\xe7\xfap\xf7 sA]\xea\xac\x94\xee\xd7n\x17\xb2\x05\x8f\x1f\t\x98\xe3Q\x08\xa8\xeb'</t>
  </si>
  <si>
    <t>b'\xf1\x19vW\xbcm\x89!\xab\xa4\xed[\x1d\xb1\x1d\xb9\x15B\xc7\xf0\x9c\xf8?\xa7:\x85\x13\x08\x98%c\xfc'</t>
  </si>
  <si>
    <t>b'E&lt;\xeb%\xd9\xdc\xc7\xe6\x87J&gt;\x97D\xda\x03\xaa\xcd~=\xdaZiY\xa9B\xa6\xc9\xba\xf0V_0'</t>
  </si>
  <si>
    <t>b'M\x13x+N\x8d\xe7\xf5&lt;\xb8k\x9e,\xb8\xb0])\xdet\x95\xde\xa1\\\xaaQ+\xe4[?\xc0\x9e#'</t>
  </si>
  <si>
    <t>b'\xb7 \x07l\xb1\x19\xf4;O\xf3g^\x19\xec\xfa\x03P$?\xdb\xdd@D\x8boM\x9d\x96\xa6\xf6W\xd9'</t>
  </si>
  <si>
    <t>b'\xe4(#rla\xb4\xdb\x02\xe5\x98\xbd\x91\x92\xc2\xd8\x9a\xb3#*\x83\x18.r\xbc\xc2\x81tJaf\xa6'</t>
  </si>
  <si>
    <t>b'\xdc\xe0\x91\xc3\x1f\xd2\np7M\x10\xfd\x9eDc=\n\x1a\x94\xe5\xbb\xb3\x19l5\x0f+!\xdd\x92K:'</t>
  </si>
  <si>
    <t>b'\xc8\xf9\x1bp\xbe\x91U\xe1\xad2f\x9dcR\x8c\x90\xa1\x00%{\xe9_$Xz\x13&amp;\xbb\x86\xe3\x96\x1b'</t>
  </si>
  <si>
    <t>b'\xb4\x0e\xaf\x86zk\xbdd\x8ci\xf2\x80e\xe7\x0b\xb9\x7f\x06\x0b-\x85\x17\xc8\xbe\n\xe4p|\x8bS\x11\xeb'</t>
  </si>
  <si>
    <t>b'\xb2\xb6\x16\xfco\xf5M\xb2\x19\x87\x91\xd0\x974X^\x95\x08.\x84\x11\xe5&amp;\xa3\x88y4Ub\x1e\xc0k'</t>
  </si>
  <si>
    <t>b'0V\xcd\xad^\x13\xd7\xa4"\xc0~P\x8e!OA\xa4Y\xca\x04\x13\xbe\x8c\\\xe0\x19FS2B\x85z'</t>
  </si>
  <si>
    <t>b'\xe0\xf1\x85\xb4A\x1c0/\xd3[\xee\xea@[\x13J\xb0\x11\xfbG\x04f9\x1e\xd3\xadE\xd8\xdc\x98/\x1a'</t>
  </si>
  <si>
    <t>b'!\x0bc!\xde\xfc2\x02\x86\x13\xbe\x0f\xa6\xa6\xd3q\xb5\xbca=\xe0\xce]\x02O\xf1OO\x0b\xbf\x05n'</t>
  </si>
  <si>
    <t>b'\x08`\nl\xe4\xfd\x91\xd2\x00qQ\x1b\xe4\xaf\xf4\xb3\x97\x81\xd7*\xd4\xb4\xb0\xa8\x12/\xf2\x0e\xb81\xb3\x83'</t>
  </si>
  <si>
    <t>b'?\x9b\xc6\x9a2?\x07\xbdAz\xf5\x01\xf4\xf1\xf0\xd8Q\xce\xecK\xca\x8f+\x1b\xbd\xbb\xed\xbc\x11\xc8K\xea'</t>
  </si>
  <si>
    <t>b'\x03e#\xae\x8cI\x06\x91\xdc\xae\xd2c\x94Krr-\xc9-\xa4~\xc0\x83\xda\x86\x90\xed\xa9\xdcnV\xf6'</t>
  </si>
  <si>
    <t>b'\xef\x9f\x00\x0e\x11$\xdc\xbd\x99\x00z\x89O?\xb8+\xe5\xb6;\xfd\xaa-au-\x8e\x83}\x92\xe9\x88\xf6'</t>
  </si>
  <si>
    <t>b"\xf2\x9bP\xf3wk \x87\x0c\xb3\xce1M\x9f\xb7v\x1dL\xf3r\xc9J'\nw\xb9\xb4f\x9a)Wp"</t>
  </si>
  <si>
    <t>b'E\x8c\x9c\x97\xb5\xd19\x10\xd7\xe1du\x99\x1c+\xe2\xdf\x0c\xce\xefC\x89P\xd9\x97\xf0lM\xb7\x896&gt;'</t>
  </si>
  <si>
    <t>b'\xa4\xd4i/\xe0\xda\x07\xf3\x82\xc3\x94N\xea\x17(\xd6\xac\x0eT\x8fb=b\x98q\xb0\xaa\xe8\xef\x13A\xf1'</t>
  </si>
  <si>
    <t>b'Z0\xdf7\xc0\xf2\xf5\x8ew\x94^\xa8q\x9c\xc1\xb6s\xb2&lt;AI\xe2\xc7\xd5\xdbq\\G\xf4\xe6\xfa\xd1'</t>
  </si>
  <si>
    <t>b'\xcf\x944[w\xc95~\xb7\xc6\xee#\xb0\xdf\xadL,\x80\x168\xfa2\xcc8yFJA\x7fd8\x90'</t>
  </si>
  <si>
    <t>b'&amp;\x81\xa8\xe4\xe8\x0c=\x06\xef\x15\x15\xc9\xbc!\x11\xfc\xb9\xc6\x1f\x118;W\xf2\xf4\xcc\xf7b\x8c\xdal\x1f'</t>
  </si>
  <si>
    <t>b'\xf9\xa7\xa97\xfb\xb7\x9d\x89\x13\x82&gt;\xa7n)[\x03@LH\x95\xcb\x94\x8c\xa9I\xa9\xd9\x84\xe0c\xf5\xc1'</t>
  </si>
  <si>
    <t>b'~u\x17\xdds\x97\xfa\xbe\xc1\xd2\x04\xf4\xfd\x0c\xc6\xd2\xe2\xebg$HV\xcc\xe9&gt;\x17\xfe6D\x08\xc8Z'</t>
  </si>
  <si>
    <t>b'\xef@\x16\xe5.\xfakqq1\x02\x9f\xbd-a\xa7\xf5u\xd9j\xb5um\x88\x91\xdc\xe0\xd3\xd0r\x12U'</t>
  </si>
  <si>
    <t>b'\x1e&gt;m\x1c\xb0\x8f|\x03Q\x85\xca\xb4(\x96\xb6%\x9eo\xea\xac\x91\x13\x05\xac\xb3\xcf\xa5\x08\xbc\xa5\xdf\xb2'</t>
  </si>
  <si>
    <t>b'.\r\x03\x96r\xca\x14\xac?\x1e0\x97\x1cA\x07g\x107i9\xd6\xb993\xc2\xfe\xb5\x02zm&lt;\xe3'</t>
  </si>
  <si>
    <t>b"\xde\xca\xe7'\rj}\xb31\x0e\xcaB\x8cj\xd8\x8f\x02\x05}\x9c\x88\xdb\xc4i\xc9\xd0m\xbe\x13\x9c\xfc\xba"</t>
  </si>
  <si>
    <t>b'^\xd4\xach\xe6N"-\xad\xecK\x8bWwrY\xb6\xf9s\x9bv\xfeMC\xb2Vw\xf4\xadX\xb5\xd3'</t>
  </si>
  <si>
    <t>b'\x85\x89g4\xd2\x15O\x81\xee\x88\xc9\xe0=c\x1ams\xd7\x9eD\x88\x93\x07\xf2f\x18!H\x90\xaa{\x0c'</t>
  </si>
  <si>
    <t>b'\xc9W\x97\x9b_\xc2\x17c]\x8e*\xabs\xabA\xc8 \xfcQ7\x0ccV\x89\xb9\x84%\xfc\x13a\x99\x90'</t>
  </si>
  <si>
    <t>b'H\x1d\x12zeoI,F\xd4\xfb\xf9\x9d\xec\xdf\xfeAC \x0b\xdc\xfe\x05\\D\x81\xddf+!\x0c\x85'</t>
  </si>
  <si>
    <t>b'tn1\xac\x18\xc1\xa9\x10\xee\xb7\xef)\x08\xd9\x8cE\x8f\xee2z5P\x8b3\x8e\x04\x92\n\x8d\x1e\xe1\xa2'</t>
  </si>
  <si>
    <t>b'\xfd\xf3}[\xfe}+D\xe6\x01\x94i\x98\xe3\xcd\xb3`\xa6\xfe|\xfe\xa2\xc5RK\xbe\xc1:lw\xfc\x93'</t>
  </si>
  <si>
    <t>b'\x96fW\xfd\xa9\xa1\xf9\xcd\x17y\xc1\xd2V\xff\x1bFG\x1al\xa7\xd7\x16\x12lQ]L\xd9?)m\x9d'</t>
  </si>
  <si>
    <t>b'\xf3p\xd7\x86\x18\x16a8\xf3hy\x1cr\xfcC\xb7\xec&lt;"\xa7x\xf5\xa16\x14\xe4\x03\x8e\xd4\xe72\xb2'</t>
  </si>
  <si>
    <t>b'\xc4\x04\x97\xba\xc5f2J&amp;w\xb8Z\x08Z\xc8\xf0\xea\x19o3C1\x04\xb0;\x04\xfdnb\xcf\x0c\xbd'</t>
  </si>
  <si>
    <t>b'$t\xe1\xf8l1\xb9\xec\x01P\x12-\xc4\xca/W,\x0bo"\xc2\xc5\x865bk!\xdd\xf4\xdak\xf5'</t>
  </si>
  <si>
    <t>b'G\xa8\xae\x85\xd34e\x82\xdej\x1aB\x8f\xa7\xf1\x86\xc2N\x1b\xdaK\xdb\xec\xe3q\xd4\xa4\x95\x04\x9b\x88;'</t>
  </si>
  <si>
    <t>b'\x1d\x05p"+\xc7\xad4\xf0\x17Zg\x02B\x02~\x87T\xc8\xff\xb1y\x10\xb8\n\xfe\xc1\x02\xc4]\x9a\x05'</t>
  </si>
  <si>
    <t>b'\x9c,\xec\x196\x87_\xa7\x08?w\xadZ\xae\xbf;L\xd8\xc4\xc0\xc2.jDJ\x04\xbaT\x08T}\x03'</t>
  </si>
  <si>
    <t>b'\x9a\x1fe\xf7H\xd9\x10\x8a&gt;VI\xf7a\x0fpA\x99\xb3\xeb\x85Mh\x8f+(\x93\x84]\xf7\xf9\xd9I'</t>
  </si>
  <si>
    <t>b'\x05k\x12\xbb\xc4}/\x17d\xc4\n\x17v\xe9\x9a\x8c\x1c\xd5C\xc0?\xd6vH\x94\xcdeY1\xc3\xb6\xa0'</t>
  </si>
  <si>
    <t>b'\xa1\x86\xa6\xc5T\x7f%\xd01\x01F\xda\xa1\xc9\xc0SJ\x1c\n\xc1t\xe5\xa2\xc4-v}\xa0\x9cp\xc7R'</t>
  </si>
  <si>
    <t>b'V\x08\x8f\x1d\x95\x12*SXbR\xaa\xab\x15\x10^\xd8\x07\x9b\x18l[$\xe5%K\xcc\x89M*\xd5\xad'</t>
  </si>
  <si>
    <t>b"\xee\xcf\x11z\x93'~\xa9d\xec\xa4\xea\xab&amp;:\xa5S\xc99\x1d\xdd\x93\x83\xe9\x1anj\xafc\x8d\xbdo"</t>
  </si>
  <si>
    <t>b'n\x86\xf4!\xba\xb0;\x00v\xc3\xb4\x82\xfc\x10\xcf6B8o\xfd\xdd\xa4\xe3\xfat\x0c-\x101\x00\xf4w'</t>
  </si>
  <si>
    <t>b'\xf5_\xb3\x12\xf1\xa0\x99\xcb\xc3\xb5I\x1c\x81P\xf1u@\xc5w|a\x8c\x02\xe4\xcc\x94\xa1\x0c(\x0c\xfb\xa5'</t>
  </si>
  <si>
    <t>b'\x8d\xd2\xb8\x91x.G \xa6\x96\xec\x80\xd2\x06\xc3\xd8\xb4\x06\xf9\x1c\xda\xberb\x13P\xdal&lt;\xac\x93\xf2'</t>
  </si>
  <si>
    <t>b'4L \xf9\xea\xd4#@_\r\xfa\x0c%\x16;\xb1,\xc0\\\xa5\x82\xd1GQ\xf4\xc9\x9b\xcd=\xa7\xf9\xd5'</t>
  </si>
  <si>
    <t>b'\xf3\xe5\x19\xa5)6\xb0\x80\x9at\xeeV\xa8a\x19\xfc\xd0\xb5\xf2\x91-.!u\x87 \x84\\p\xfd\xfa\x85'</t>
  </si>
  <si>
    <t>b'\xfb\xe9\x8d\xc35DT:\ncij}\xde\xe5\xd1\xbf}z\xcc\xeb\x9c\xeaU\x03\xcaP\xae\xc3I\xb8_'</t>
  </si>
  <si>
    <t>b'*\xfbB\xda\x14\x03X\x05X\xf1\x18\x19_\xdc\x9e\xd8}i\x9a\x8c\xf2\xe9\xa2\xb5\x89%\xbfcX\x17\xba\xc9'</t>
  </si>
  <si>
    <t>b'M\xb1\xa6u\xdfk\x89\xc0t\xc5\x02\xa5\xbf!\xa5\xb6w\x92h:M\x10\x14\x11\x95\x9d\x14\xf5\x96\x93\x87\x1e'</t>
  </si>
  <si>
    <t>b'_U\x884\x94(2M=V&amp;\x7f\xa2\r\xca\xd3\xc2v\xb6\x1b\xb7\xc6\x1b\xdc\xc4\x0b\xbf[\xb7#\xa4$'</t>
  </si>
  <si>
    <t>b'6$\x11W\x12\xed\xc9\x15\x11r\x0b\xfc\t!\xabu\x80~\xba&gt;/\x08\x88\xdcY\xd6U\x96\x1f\xa4(\xe5'</t>
  </si>
  <si>
    <t>b'\xf2\xff\x06\xa4\xca^\x98\xafl&amp;\xe2#\x08\xaaV\xe0Az\n\xfd\xa9g#\xf0Wc#x\xbby\x8cI'</t>
  </si>
  <si>
    <t>b'\x9a\xd1"\xeb\x93\x12\x16Vr\x12\xa4[q\xd7#\xc0\xab`\x85&lt;\xd6\x17-Y\x11\xc9\xa5]\xa68\x9b\xd2'</t>
  </si>
  <si>
    <t>b'\xb0v\xd4\xda\x82\xdaI\x1e\xd7\x9e-\x0e%,9c\x1c \xaa\x00+\xcfE$L\x1a\xe9E\x1f\xc3qj'</t>
  </si>
  <si>
    <t>b'Q`\x06E\xe6\xcdA\xc2\xf0W\x1d?Q\x89\xf3\xa4w%&amp;D\xeb\xd8\xf7\x14\xceOD\x16Y\xc5\x8f\xd4'</t>
  </si>
  <si>
    <t>b"\x15%\x04\xfePo\x00\xdaS\x8fR\x80\x83\x04I\r'5\xc7%\xd6T\xe6\xb2\xd7\xb5\xb6\xf2\x86\x16p\xc1"</t>
  </si>
  <si>
    <t>b'\x10\x12[\xf8\x0b\x8a\x98cm\xc6\xe2D\xd5i\xf6\xc6n\xc6\xce\x8a\ny\x9f\x14\xd2?\x8cG\xf0\xf5|]'</t>
  </si>
  <si>
    <t>b'?\xf5\xa6/\xe5\x0b\x1a\x97\xdf\n\x1c\x9c4\xefl\xf4\xe3\x91;\x9b\xdb\x0b/\xcb\xc3d\xa7\x0b\xbaq\xb1\n'</t>
  </si>
  <si>
    <t>b'\x05@=\xf6&lt;\x0e\xa7\x14=\x02(4a/|\x85(\xcf*H\x84\x8f\xed\xae(\r\x116\xdfG\x82Z'</t>
  </si>
  <si>
    <t>b'ihC\\\xe0\x00\xf5\x8f\xdb\xda\x9ewm\x050\xc7\xe3\xa6\xc3@\xdf4BL\xca&lt;\x19X\xac\xd3\x026'</t>
  </si>
  <si>
    <t>b'?In$\\H\x93\xe6\xc9gS\xb4\xc7\xb5\xb5\xe5\xb5\x1b\xd3\xe3Z\x05\x8fo\xe5+\x91\xa1E\xa8\xab!'</t>
  </si>
  <si>
    <t>b"\x0bE~\xbe4\xf6 x\x8b\xa9N\xcdx\xd9d\xecj\xbf\x01\x7f\x80x\xa0'Yq\xd2eB\xf3)\xf3"</t>
  </si>
  <si>
    <t>b'\xa6\xf6\xed\x13\x11c\xfe\xd1Z\xb1\x8cNv{\x0c\xe9\xcd\xc3\x93\xf4\x19\xa7\xe1\xccf\xc3"\xcf6\xdc\xf6T'</t>
  </si>
  <si>
    <t>b'\x82Z\xad\xf6\xc2,lKq?\x00\x00\xa7\xfb\x0c\xa9\x15\xb2\xeb\xcc\x18s\x80&lt;C\xb9\x84\xb8\x81\xa5\xfcC'</t>
  </si>
  <si>
    <t>b'&lt;\xcf\x0f\xda\xdc\xad2\xeeL|\x08\xf0i\x86\xdf\xb3\xe0K+S}5\xbe\x8f\xfd2\x9d\x07\xb4\x82\xe0\x1a'</t>
  </si>
  <si>
    <t>b'\xb2\xd1\xa9\xfb\x07H\xa8=\x02|\xc0\xde\xb7bL\xdc\xaa7{*\xbbn\x98\xa0\x98v\xa4\x89\xbf\xf1\x04\x85'</t>
  </si>
  <si>
    <t>b'\xb7\x92!\xe9\x84\xdd\xa6\xea\n\x81\xaa\xfa\x84\x95\xca\xfc\x86h\xadErF\xc7\x82\xe3G^\xdb*\x8d\x96-'</t>
  </si>
  <si>
    <t>b')\x9d\xb4.h\x88Kv\xb7Xg\x88\xb4k\xf0\xddx\x0e\x7f\xea\xd26\xf8Yz\x05\xafU{\xc7f\xca'</t>
  </si>
  <si>
    <t>b'\xdc\x83\xdd\\\xfe:\xbc"6\xeb\xe9&amp;\x13\xe3g\x11\x8dN\xb9\xbc\xbe\xcd&gt;\xf5\xdf8\x91_\xb3^\xf4\r'</t>
  </si>
  <si>
    <t>b"m\x7f\xf1\x9d\x7f\x08\xf9R7L\x12%?:w\xdf\x0f\xed$a\x98\xdfg\xaf\xf6`\x85\x07'\xef\xb9v"</t>
  </si>
  <si>
    <t>b'\xb8e\xa1\x91n\xd7#\x99J/\xc5\raF \x133\xbb]\xe8@ln\xb0\xb9\xae\x00\xb0\xfc\x13\xd9+'</t>
  </si>
  <si>
    <t>b'?L\xb3\xd8Q\xb82\xa7\x90\x98\xcb\xd3\x19._\x13l\xe9\x89*Pb\xa9*\xce\x0b\xc5\xdf[P\xc0\xa0'</t>
  </si>
  <si>
    <t>b'!\xed\x04m\x7f\xb8\xb0\xbc\xf82\xa3\xdf\x94a`mD%\xd5\x18\x99\xcf\xa4\xb1F%7\x81\xcf/\x13I'</t>
  </si>
  <si>
    <t>b'L\xb1\xcc\xd3g\x0cx&lt;&lt;\xf7\xf3\x9dYW\xabH}\xaf\x9f6\xed\x90\xf9H\xa8\x8e\x9d`\x11\x19\x90\xee'</t>
  </si>
  <si>
    <t>b'\xd4E\xcc\xc7zYcN\xbb\xa5\x9e\x05\xb4\x1e\xf8?\x94\xc1\xb2\xb6oc9u\xe6\x7f\xb3\xa4y\xfdw\xc0'</t>
  </si>
  <si>
    <t>b'\x13\x97\x99Z\xbdl7\x14\x1cM\xe0\xefK\xb6\x94\x9b\x19rS\xc5&amp;\x16\xbaD0\x02"\xa7\xe3\x97\xad\xf3'</t>
  </si>
  <si>
    <t>b'\x83]\xc3\xd2k*\x91i3\xe4&gt;`\x90\xb4\x93k\x83\xe1\xfcK,\xfa\xa8\x9anC\xe76\x00\xe5;\x1c'</t>
  </si>
  <si>
    <t>b'\xf1\x1cc\xa8\xbc&amp;\xd6\xee\xaf\xe5(\xc3z\n\x9c\x9dZ\x0b\xd3\xc7q\xde\xf3\x19\xa0\xe2_\x86b\t\x01\x9a'</t>
  </si>
  <si>
    <t>b'\xbf\xe2\x19r\xc46\xf9\xc6\x81\x83\xed%B\xa6L\xe9\x10\xb3\x04\xb3n\xfd\xc6\n\xab`\x05hclk='</t>
  </si>
  <si>
    <t>b'\x9fw\x95\x05\xe9+\x9a\xa8\x98On[\x822\x15r\xddc\xc6#\xd3(\x93\x06\xa3\x03\xa2~\xf1%\xa4T'</t>
  </si>
  <si>
    <t>b'\x8e\x89\x8d\xa9v\xe1\xf5C\x9e\x8d\x9e2bqs_\x9e\x8f\xf9)&gt;9\x9c\xcf\x1d\xd0\xed\xf6\x06:\xc05'</t>
  </si>
  <si>
    <t>b'\xfb{Q\xd0|\x13F\n\x1d\xe7\xca\x15\xe5\x8d\xd1+\x80\xa9\xb2\xaa\xb0\xd3\x82\xdb\xf8\xfc\xcf\x91\xecE q'</t>
  </si>
  <si>
    <t>b'\x95 \xec\x8b\xec\xe5;BE\x99\xd2\x19+\xb1r@\xb2pr\x91\xb1"\xe4\xfe!\x81i\x92\xf7\xecF#'</t>
  </si>
  <si>
    <t>b'\xc7n\xbePt\xe9D\x95\x9b\xbc&lt;\x0e\x05\xc2\xab\xd2\xb2)R\x0fnW:@\xd8\x88k\xdc\xb7\xca\xfbO'</t>
  </si>
  <si>
    <t>b'\xe5\xf9\xde\x02\xe4\n\xba\xb2k\xfev%Wp\xfaL#\xf5\x87\x9e\x95P\xbd\x10\x10%n\x92\xe1\x80\xf2\xe2'</t>
  </si>
  <si>
    <t>b'\xf7\xc4\xbc\r\xf2\x12\xb4\xd7\x91\x93/3\xaaQ\xef\x941i$\xc2\x89\n\xc51v\x86OUh\xdd~\xf7'</t>
  </si>
  <si>
    <t>b'h\xd9V\x14\xabo\x00\xb6\xe3l\xd8\x02\xf6\xaeo5|\xbf\x95\xa0\x19\x1d\x96a\x11\xf7P\xe7\x06\x01l\x01'</t>
  </si>
  <si>
    <t>b'\x01\x19"\xc2\xe4\x11\xba\xe2\xd5a\xc8B\xb8\xc5\x9d(\xa3\xe7\xee\xf5S_L2[\xc4]\xe0\xf9\x95}~'</t>
  </si>
  <si>
    <t>b'\x10&lt;\xa79\x92\xc3\xed\xde\x19SN\xbb\xd0\xf0\xe7\x15s!\xe6\xb1\xeat\xf4\x03\x9d\xde\x8b\x16\x1f\xec\xe5\xea'</t>
  </si>
  <si>
    <t>b'xK\xbc\x82\x08\x946\x9fP\xed&lt;\xc3Z\x8d\xb5\xfcx\x8a\xfb\xfa\xb9w\x1b\x9aO\xbeL\x89\xad\xe2q\xd8'</t>
  </si>
  <si>
    <t>b'1\x92\r\xe5\xc9\tw\x85\x03\x1c\x9e\x85\xc6\xdbN\xbc.\x87\x85\xebMU\xbe\xdd\xaa\xc8S\xc8\x8dgG\x98'</t>
  </si>
  <si>
    <t>b'\xdc\x1b\x1b8\xa8:\x1f\xfar005\x14BQ\x89\xb0\x10&amp;\xaeN\xf4x\xda4ZQaO\x9c`6'</t>
  </si>
  <si>
    <t>b'\xf0V\xa6o\xa2,Y\x00V\xb1\x03To\xc2\xc0]\xa3f\x86\x83\xecO\x878\xa8\xd7l\xfb\xcd\x9c\x00\x7f'</t>
  </si>
  <si>
    <t>b'\xa71#\x97Z\xfe^\x95$t=X\x96I\xd7x\xda\xce\xd3kZ\xcd?,\x1dA\xda\x026"\x9a3'</t>
  </si>
  <si>
    <t>b'\xa2\x80\xf9(\x97\x16a\xd7\x1a\xd6\xd5\xe3\xb2A\x1fv+\xef-\xc9\xf6\xe5\x19\xf0a\xb8]U9\xb8\xd5\x92'</t>
  </si>
  <si>
    <t>b'dc\xdfd\x02\x1a-\rJ&lt;\xa3\xa7v\xc9\xec@\x1a2hH E\xa0U7Y&lt;RB\x9a\xb4\x1c'</t>
  </si>
  <si>
    <t>b',\x89\xdb\xa5\xbe\xf0\x8bS\xf0\xd2\xcd\xbfF\xc5\x91\xfc\xa9\nD\xa356\x94\xe0 E\xa2\xec\xd9\n\x11\xa7'</t>
  </si>
  <si>
    <t>b"\xde\x14'\xd7\xe3\x88\xf6\xec\x91\xf8\x7f\xd9\x1d\x18\xc1O\xd4\x08\xfc\xa8g\r\xb6\x8d\x06\xe7FU\x83\x14\xe0\xcb"</t>
  </si>
  <si>
    <t>b'\xaf^G\xb7&amp;m\xbb\x97\n\x81\xd9:\x17\xfbA/\x0f+-\xa4\xf3)\xb7G\x02\x82T\xde\x16\x14\x93\xa3'</t>
  </si>
  <si>
    <t>b'\x9e\xa0"8L\x18Q\xa0\xb2\xbe\x84\x05\xa0\xcc\x03\xd0\x99\xe9\xd1$V\xa76\xc7\x97\xfbu\x87&amp;\xfe\x0cm'</t>
  </si>
  <si>
    <t>b'\x13\x17\xd4\x80\x9d\x11\x0c\xf8Q\n!\xb6q\x87~\x0e}\x1c\xf1!\xac\xa0\x033\xb8\xb3Rv#-\xd1\x88'</t>
  </si>
  <si>
    <t>b'QUl\x82\xcc!\x7fK?\xbc=\xb9\x1e)\xb4R"9\x86\xa5\xfc7u\xf2\x87H\x11S\x9e{ \xfb'</t>
  </si>
  <si>
    <t>b'\x17\xf0\xcd\x8e\n8"\x0b\rr\x8d\x97\xf7\x00\xb6\xe4+\x9b\x85K/2\x03\xe4\x8c\xb9C\x9f\xd0\xe2\xa0O'</t>
  </si>
  <si>
    <t>b'\xb8\xf7\xf9\xfb\xdc}\xa6\x9e\xad\x01I9\xd5];\xe4\x18]\xe1wE\xa3\xb54\xd0u\x14\x18\xb3\xaen\xc3'</t>
  </si>
  <si>
    <t>b'G\xa9\xd7-\xa9\x83\x1a{\xd2\xb2\xce\x9e\xdf\xcf\xf4\x93\xf43su\xcf\xf3\x1e\x94H\xc3\xc5bE\x96\x0b\x99'</t>
  </si>
  <si>
    <t>b'\x1b\xcf\xfd]\x1b\xd6;\xc1\xd1\xa2n\xf8,\x9cXr\xda\xae.~\xde(\xf5(\x9b:\xc7\xf5\xa9\x03\x8e\x1f'</t>
  </si>
  <si>
    <t>b' \xbc"\xaf ]X\t\x90\x84 \x9f`\xfc\r\xfb\xc3\xd9\xec\xa4\xc0d\xdd\x1c\xdd8O\xba&gt;F\xa4\xd2'</t>
  </si>
  <si>
    <t>b'\xcdU%\xd2\xd8\xbc\xbe\x8b0U\x002\x8f(\xcf\x0e}*\xf1\x95\xce\x0bU\x8aluvA\xad\x17~\xcd'</t>
  </si>
  <si>
    <t>b'?v\xb4V\xe7\'\x89\xd7Wq\xeez\xd0\xb7\x81g\xac\xe2T\x97\xfd"(\x91z+L\xbf\xdca\xf2\xcd'</t>
  </si>
  <si>
    <t>b'J\xbb\xcd\x9b\x15w0\xd7\xc6\x9d\xd4m\x9a\xf4\xb3\xe2`H\x0c\xe55\n-\xd8J\xf7\xe0W\xd4\x1aI\xb2'</t>
  </si>
  <si>
    <t>b'\xc2\xee\xce\xd9u\xf2\x19L\x10.}\x9e\xf9\x15\xcc\xa2q\xa7\x9c\xda\xfb~\xf7\x1b/\xf0\x92\x1f`\xa1\x9e\x14'</t>
  </si>
  <si>
    <t>b'mIu*/\x81\xf4\xe1x\x06\x1b%Ms\xfbH\xd9)e\xd1oO]:\xc9\x08\xc6\xcc?\x94q\x06'</t>
  </si>
  <si>
    <t>b"5\xcbR\x18a\x00\xb2Z\xbd\x91?\xe5'\x13\xe4}k$0\xael\xe05\xf4\xe1\x0eh\x97\xdeK/+"</t>
  </si>
  <si>
    <t>b')\xa5\xf8&lt;\x04U\x9e\xfdW\xbe\x81\xfc\x1d_o\xe6(\x8fv\xa3\x12du;\x18d\xa4{C\xe6 \x90'</t>
  </si>
  <si>
    <t>b'\x86\xe4\xc3p\r\x08\xcd\xc4\x96\xd3\x82O\x80\x7f7\x14\xfc\xb0f\x1c\x85\xf5\x97\x80\n\xfd`^Y\xaeV&amp;'</t>
  </si>
  <si>
    <t>b'\xf9z\x16\x13\x0f\x84\x80&amp;\xf6\x84o\x07S\xa4\r\xf1!\x0cy\x84a\x8e_3\x19\xdc\xcd\x17\xaf\xbeL\x19'</t>
  </si>
  <si>
    <t>b'L\xcd\x80\x98\xd7\xdbgAe\x07dq\xf6\x80X$\x99\x05\xb8\xac\xbd\xe9\xc4\xd5z\xe1u\xccs\x13I\x13'</t>
  </si>
  <si>
    <t>b'\x01\xfb\xf1\x83\xb0\xde\xa4\xc7^*\x0b(h\xed4\xb6\xe9Q\xe8\xdf\x8e\na\x0f\n\\\xf9\xb3s\xc2\xaac'</t>
  </si>
  <si>
    <t>b'i\x87\x12\xac\xbbS\xf4\x9cA\xe4;\x88r\xf21\x97\xf3\xe6#\x8c\x85\xa1L{\x82e\xd7p&lt;\xba\xe29'</t>
  </si>
  <si>
    <t>b'$\xfb\xe9\x90e\xc6\xbc\xd2&lt;[\\\x0b\xda\x91\x1c$\xaa\xb9\xd1\xf4:\xda\xcci\xe7\xd4b\x0f\xe4d\xe7\x1e'</t>
  </si>
  <si>
    <t>b'\xba)|\x8cT\xfd\xe9\x03\xbbTe\t_\x18\x9d.\x0f_\x0b\xeb\xe1\xbaE\x1f\xda[\xde[\xe4g\xfd3'</t>
  </si>
  <si>
    <t>b'\x8a5xx\x1e\x91]VHX\xed\xab\xbc\xb4\xa8Pr\xec\x02\x12\x9f\x1ei\xb4=\xd3\x17\x9c\xc6\xea\x06j'</t>
  </si>
  <si>
    <t>b';\xd8\xfd\xa3\xa3\xf6tlt\xa9&lt;s\xad\xd6\xa1\x86\xa3\xc4\x0c\xc6\xdb\xef\xd2\xe3O\xf8\x9cVZc\x91\xea'</t>
  </si>
  <si>
    <t>b'R\xd0\x92\xc6\x9cO\x86X8;\xd9\xafX"\xcc9\x01\xc1\xc2J\x8e\xbbr\xd0\xdf\x1e\xcb\xce\x1a\xd29^'</t>
  </si>
  <si>
    <t>b'Oo\xd7\xfd\xa1\xf2~k\x1f\xa0t\x95\x84\xd8N\xccI\xdf\xee_0\x04uY\x9fV\xfb\xfd\x0b\xd8\x16\n'</t>
  </si>
  <si>
    <t>b'\x8bv\xca\xb4\x94\x9e\x9dG}R\x80\xe4\xb8\xa6\xf7t\x99B\xd0CD\xa8\xf4\xc6&lt;\t\x91\x80u;\x81\x9b'</t>
  </si>
  <si>
    <t>b"'c\xd0`-'\xe2\xab\xf1\xcc)]\xe5\x8a\xe0\xdc\xe1\xd8\x92\xc7$#u\xc1\xbd\x99\xdd4\x84\xaa\x9a\x89"</t>
  </si>
  <si>
    <t>b'\x06\x8f\xc6\x03\x8bi\xe8!|\xa4\xc6\xad#\xf1\xbd\x12\xdbf\xb7*}\xaalf\xe5\xc7KP\x9d*9\x83'</t>
  </si>
  <si>
    <t>b'\xa1#\x05w\xaa\xb7\xdf\n\xddi\x9e\x9f\x9d\xef]\x04i\x19\xaa\xfa\xdeg\xa0\xe5P\x9d[\xc6/\xc5|W'</t>
  </si>
  <si>
    <t>b'\xb6\xc1\xefwe\xba1Pr\xbf"\xbbE\xcc\x81\x973\xf2q;(r?\xf5\xce\x0f\x00cL.\xf7\xa8'</t>
  </si>
  <si>
    <t>b'\x00\xc1\xf6N\xf3\x12\xbd\xf2\x0e%\xf8)ro\xe1^[7u\xf0G\xc12o\xe0\x9c\x8f\x1e\xe9\x7f\x19J'</t>
  </si>
  <si>
    <t>b' \xfbYs\x01\xf8\xddH\xe5\x17%\x0c\x11\xbd`\r1,\xc0\xdck\xdc\xc4\xf0\x00n\xb9Oa\xeb\x1d\xa5'</t>
  </si>
  <si>
    <t>b'\xb4h\xfd\xed\xa7\x06\xf0\x8b\x1c\xc9\xd9u\xceX\x8f\xa0\xe2\x04\xf6Y\xe5\xc3\xad\xc9\xa5z\xdf\x11\xbc\xcdZc'</t>
  </si>
  <si>
    <t>b'\tr\x8fh\xd6\xbb6\xbb\x83\xd2]%\xa4n\xb6\x84\xce\x93\xf7\xb4\xf3\xa3\xe9\x02\x91\xa6:9jeH\xa2'</t>
  </si>
  <si>
    <t>b"\x0f\xfd\xeaz\xd8n\xf0\x0f\x95\xd6\xc9\x08\xcfK\xd4\xfa\xf0|a&amp;K* l\xf9'\x1d\x9c\x84\xcc\x9b\xa3"</t>
  </si>
  <si>
    <t>b'\x85\xe2Y\x9e\x85N\x08\x8f\xc7\xb73\xf6\xeeZ&gt;!\x8bK\xcb3Zp\xc5\x0cPL\x17\xe2\x96\x7fO\xb3'</t>
  </si>
  <si>
    <t>b'g,\xdb/\xb8\x97\xebr\x9c\xf9\xfc\x85\xb8[{_\xea*\xa3\xb0\xed\xab~PU\xefF\xb0\x87\x0e\x00f'</t>
  </si>
  <si>
    <t>b'\x93\xa3L\xa7\xbc\xedA\xfb0\x10&gt;6\xadzQ\x9e\xe3d?\x02x\xc0\x88w;4MO;\x80L\xdd'</t>
  </si>
  <si>
    <t>b'\xde\xedJ\xd9\xe4\xdc\xac8\xcbA\x03\xcex\x7f(:\xb3\xfa\xf9u\x82\xee\x9cq\xf2}\xef\x16\xf2A\xc6.'</t>
  </si>
  <si>
    <t>b'\xf9$P\xfc\xf1k\x14kpT\xf8a\xb6b\xa1\xcaB\xda\xd7)/\x8ft\xe1\xdb!\x95\xb8\xc6\x82\xc4O'</t>
  </si>
  <si>
    <t>b'\x8f\xa6\x01\x95\xa0\x0ew\xe7[\x90z3r\xbf\xfe\xef\x0e\x06]\xc5N\xf8\xf7\xe3\xdf\xf2\r$f\xe3\x80/'</t>
  </si>
  <si>
    <t>b'n\xe9\xc6\xae\x8dV\xe9D\xce\xc9\xff\xeeG\xff\xc9,\xae\x91\x1b\xe2\x14\xd4\xe5\x9b\xe4\xc6\xa2#\x8e\x88\xbe\xaf'</t>
  </si>
  <si>
    <t>b"r\xbf\x93\x17 A\xee\x89\xca\x1bu\xea\xea\x93,\x81'\x85b\x98\x98\xe8\x7f\xbfl6\xa46\x96\xbf\x10\x9b"</t>
  </si>
  <si>
    <t>b'z`9\xec/\xa5\x96nB\xf2\x96\xcfp\xf8\tO\x89E\t\x90\nu\x07\xbaM\x97\x19taxr\xf1'</t>
  </si>
  <si>
    <t>b'\xdf\x98F\xf2\x0e\xa4\x06c\xa1}\xb1\x9d\xd4\xebz\xf9s\x833\xac\xa0{P_Kb\xb6w\n\x11\xf0f'</t>
  </si>
  <si>
    <t>b'\x07\xa2\xc0\xad\xf2o\xd2O\xd5#"\xf7WGWy\xa5\x9e%q\xd7t\xbe$u\xe0\x1d\xe9\x89\xcc3\xdf'</t>
  </si>
  <si>
    <t>b'\xd1\x85WZq\xe7\x93pM%\x8d\xf79\x19\x0b\xb1\xa6\xa6\x04Z\xb3\x17\xabk\xf5\x13$\xe2V)\xa8t'</t>
  </si>
  <si>
    <t>b'\x0cb\x11\xdd\xb0\xc0*\x0fm+\xd4\x9c\x7f?\xb2\xae\x85\x01?9$\x0c\x17\xe7\x0fa\t\x8fU\x95\xd9\xd9'</t>
  </si>
  <si>
    <t>b'\xe1\xf9\xd7\xa3\xc8\xbb%,\x82\x14\x96\xc5\x9a\x9cna\x90\x18\xa4\xda\x94^\x1aqK0\xf2\x1d\xf3\xac\xb0u'</t>
  </si>
  <si>
    <t>b'x\xa7\xfe\xa0t&lt;#\xc3\xcd\xbd"\x80\xa0\x1b!\xfd\xadc\xff\xfaB\xae.\x89\x12\x96\xc8*\x04\x85\\\xac'</t>
  </si>
  <si>
    <t>b'\x1c\xe3\xd2\xc6\xdd\xc4\xfbS\xf5\xd0\x7ff\xb0yh\xf6U\xaf\xe3$\x8b\xef\x0cG \xaa\xbb\x8c\xccJ\\\xe9'</t>
  </si>
  <si>
    <t>b"\x84\xfa\x0f\xff'=\xf1=\x9b\x96cT\xd5\xeb+R\xda\xcf\xfbX\xd6\xf0\x80\xd9\xdd{\x0c0\xf4\xa6\x84&amp;"</t>
  </si>
  <si>
    <t>b'\xb1\x8f\xfc\xea\x17\x95G,\xe9\xfdG\xaf\xe1$3E;\xdf\x02\xc0\xb5\xa8\x07\x98z,9\x1d&lt;\xf8\x1eU'</t>
  </si>
  <si>
    <t>b'h\x8f#*\x10&gt;\xdb\xc2\xc2\xd9r\xe2\x17\xe5j\x94\xef\xed\xc7B\xec\xe4\x8a3O\x96\xbexBL\x06g'</t>
  </si>
  <si>
    <t>b'4.\x97\xb9G\xb3\x02\xd6A\x90\xca\x08Z\xb8i\x92\x06\x84\x12\xb0c\x06\x86\xb0\xd1\xa5\xff\xbb\xf8\xebg#'</t>
  </si>
  <si>
    <t>b'*\xca\x18\xba\xd2:\x04\xd0\x9d\xb8\x0e\xb7\x0c5.9\xc0\t\x00*\xd6Et\xcf!\x011\x1ei\x06\x1b\x1b'</t>
  </si>
  <si>
    <t>b'z\x13wg\x83\x00L\xb8\xaf\xcd\xf6g\xa1:\xbb\xb1\xe1\xaf\x99\xa5\x12\xe7m\x8av\xad\xfaC\x04\xaa\x1e\x13'</t>
  </si>
  <si>
    <t>b'l\xf6*(?\xb56\x94\x16\xe79s\x92\xd1*\xbd\xc8\xcfF}\xab\r\xe8\x1es}\xd9\xf7\xae:\xc1\xe4'</t>
  </si>
  <si>
    <t>b'\xb8\x01=+\xcf\xe3\xc6)6\xb5P\x08\x8f\x7f\x94\xcf\xc0\xd3=]\xa2\xbeuYN\x04\x98(\xca\xbe:\x16'</t>
  </si>
  <si>
    <t>b"\x85\x120:.gaX\x8cdv\x9bM\x9a\x14\xc5\x8f\x9f\xf6cd\x87\x87\x86\xde!\x0e\xef'YS*"</t>
  </si>
  <si>
    <t>b'\x99\xd8\xd2\xa2\xbb\xc8Mk\xc0\x7f\xe0\xf4\xa8\xffYi:\xc2\x96A1k\xd7\x7f\xad\x1c\x08\x14\rY\x83\x9a'</t>
  </si>
  <si>
    <t>b"\x9d\xe9\xf3k\xac'\xb2'\xdd\xdfuCc\xbb\x0f\x13\xd5\xe7\x89\xa2S\x83w\x8a\x99\x1f\xee\xe0Was\xa6"</t>
  </si>
  <si>
    <t>b'pk\x8e\xc0\xde\xf3\x06\x1b?#\xe4\xd4Q\x9c\x0e\x9e\xa9\xc0\x9b\xc7\xf9\xb3j\xb2`\x88\x17\x9f=\x14\xd6\xde'</t>
  </si>
  <si>
    <t>b'{3\x06cU\xbby\xe9\\\xc0]\x97\x99i~j\xe2\xaa\x1aC7\xd7&lt;Dr\xaa\xa9\x89\x9c\xe3\x0e\x01'</t>
  </si>
  <si>
    <t>b',\xd2\x91y]\xa3\\\xfd"\xe6jl\x04&gt;\xe5\xedI3\x17j`v\xb0;\xaa/b;\xc1\xfe\x0b\xaa'</t>
  </si>
  <si>
    <t>b'm\xcc\x96${\x82\xea\xc4\x05\xc2?jJBM\x0c\xd3%1X\x96=\xf1\xe6\x14&amp;\xfa\x17\x19\xb6B '</t>
  </si>
  <si>
    <t>b'\xb1\x14 @\xc3\xb1-\xceA:\xa02[\xb6\xf4N\xe3\x9d}`U\xbf\xe9w\xc0\xb7\x12((\x14\x95\xd3'</t>
  </si>
  <si>
    <t>b'\xd1\xfb\x1c/\x9a\xedfZ\x9a&lt;\x8a.\xc1\xb0\x8d@!\x15\xbd\x13\xde`4\x89d\xb6\x90\xff\xcb\x0e+\xb7'</t>
  </si>
  <si>
    <t>b'\x9f\xe7#\xc1\x93\xa0\x15Z9\x13\xb2\x02\x06\xff*\xd2tM0J-[pN6\xde&lt;)8\t\xcbN'</t>
  </si>
  <si>
    <t>b'hI\xe96\xc4\xf7\xe7\xa5\xe6\x19h\xf0\x97Jqu7\xa4:\x87\xa9\x9d\xd0iq\x98\xc0X\xf7\x13\x8e\x85'</t>
  </si>
  <si>
    <t>b'\x95b%\x11u\xfe\xde\x91}\xc7\xa5^\xd8\xe4\xe8\xde4\x9fA\x81\xf8E],$\\\x04H\x99\x9f\xe5\x14'</t>
  </si>
  <si>
    <t>b'Xz\x99{\xca\x90\x9a+\xaa\x99R\x89\x9b\xb7?\xb7w&amp;\xa7\xaa\x9f8\xfa\xd7H+#w\xb4\xc5\x17\x11'</t>
  </si>
  <si>
    <t>b' p[\x19\xdd\x8c\x0e\xe9s\xf8\xdfMb#\x02\xd3\xa9\xf6\x16J\x18\xd5\x8e\x02/t\xc1\x80_\xac\x06\xe2'</t>
  </si>
  <si>
    <t>b'\xb6Ez\xa9\x0b\xe4fr\xb4\x88\xaf\x9f\xb5Q\xcev1\xaa\xc6o\xealb\r3\n\x91\x82\x8dM\x17\xf0'</t>
  </si>
  <si>
    <t>b'\xbd\x97\x89\xc0\xf3\xc2o\xff\xc2e\x1e\xaep\x9a\x04R\xbb\x8a\xdd5\xfb\xb9x\xdc\x8d\xfd\xa36K\xe9\x01\xc9'</t>
  </si>
  <si>
    <t>b'\xd0X\xd99Ck\r+\xa4\xc3\xbf\xbcU\xc55\xa5\xa1\xaa \x1e\x85A\x95\xb3\tB\x0c-\xed\xf7_9'</t>
  </si>
  <si>
    <t>b'\x11\x95i\x18\xdcN\xb3\x81g+\xe9\x03V\x15\x9d\xc9\x94\xe1(&lt;\x84\xfe\x81\x8c\xaf|:k\x00\xce\xaf\x8e'</t>
  </si>
  <si>
    <t>b"&amp;\xe7\xfa5\xae\xc9\x1b\x03\x0c'\xfe\xcb\xc6\x01\xbb\x85:\xdc\x04,\x02\xd1\xb5\x1ea\x94\x0f\x0bs\x8cP\\"</t>
  </si>
  <si>
    <t>b'}.\x1a\x1e\x02\xcaN\xffc\x05\x08PJ\xd4\xbc\x9c\x0b0\x18\x81p,&lt;\x9eZ@&lt;\xb5\x1f\x9f\x10\xc3'</t>
  </si>
  <si>
    <t>b'\x16e\xa3~\xc8\xcc\xd2\xff\x1c\xef\xa7\x06tS\x97PB0\xb8o\xa8q\xc71\xc7\x94\\\x86\x80\xa7q\xb6'</t>
  </si>
  <si>
    <t>b'\xb9\xbc*(\xb02m0\xc2\xa28a1\x97I\xad*\xdd\x91d\x9c\xb6X4\xbf\x17\xcf\xda\x1cF\x0b/'</t>
  </si>
  <si>
    <t>b'\x84\np\xdbW\xb9\xf7\xbe\x08)/\x953\xbd\x1f\x13Z\x10\x8d\x1c\x83\xe0}\x1c\xf4\x7fY+^t\t\xe0'</t>
  </si>
  <si>
    <t>b'\xed\xda\xf73\xd4: \x8b\xdb\xabps\xc4\xfe\xd0\xb2\xfcU\xd7\xf8x\xe4^\xa7\x1c\x8f9[b\xcb\x80Z'</t>
  </si>
  <si>
    <t>b"$\xc1\xd1g}I\xc2\xafd\xc0';&lt;\xe7\x81\xef(\xdbtURd\xe0\x00Dj\xe3\xf4\r\x8532"</t>
  </si>
  <si>
    <t>b'x|5,\xf1}wm\xfd\x9cA!a\rjr\xd5\xa5\xffBN\x13\x14\x1f$\xc1g!qc\xe8&lt;'</t>
  </si>
  <si>
    <t>b'H\xb7\xbb?\xfa\xb7O$Cl\x02\xc4\xc0D+\xa8\x8a\xd0\xf1~v\x02\x12\x01\xbf\xa8u\t\xbf\xe2\xec\x1e'</t>
  </si>
  <si>
    <t>b'\xd3\x14 \xbe\x81\x88\xa2\xdd\xdc\xd7\xc3\xdc\xa60\x14u6a\xf1\x93I\x9e\x98\xe1\xa1\x9dZ)\xa2\xf9\xb4\x8a'</t>
  </si>
  <si>
    <t>b'\xb1`i\xa8G\x9c\xcf%\x08\xb4Ng:a=|\x00v0|G#\xa7!y\r\xfc\xd6L7c\n'</t>
  </si>
  <si>
    <t>b'\xd1\xfcD\xa9V\x7fm\xf9\xaeq\xa5\x97\x9d(+\xed\xb0]\x97y\x02}#bx\x05{\xa6\xf6\xe90A'</t>
  </si>
  <si>
    <t>b'5\x01\xfc\xd6\x8f\xf3T\x98\xeb\x85E\xe0\xec\nN\xec\xd8\x04\xf9:\xd6\xda\xf9\xef\xa9\xb1IrQ\xbf\x9aG'</t>
  </si>
  <si>
    <t>b'-\xc64&amp;\x803\xe5\xb3\xcf_\x9e\xe2\xd5R\x94\xb2\xa8\xc4\x19e@L;C\xf9C$\xa8\xc5\xf6\xeb\xb2'</t>
  </si>
  <si>
    <t>b'a\x19J\xa8(\x15#w\xdeG\xf7&gt;\x88@\xcd\xb2\xf7vdo\xee"{\x177j\xa2\xbd\xf4\xa6\xde\xa1'</t>
  </si>
  <si>
    <t>b't\xff\xe3u\xbd\x97fb\x87\x08\\bbIM\xae\x033\xb8\xfc\x9a\x88\x05\x84\xe7\x0f\x93\xe6\xe0\xbf\xc4l'</t>
  </si>
  <si>
    <t>b'\xf8\xd1\x08e\xca\xc4\xb0\x04n~\xcc{\x9dJy\xa1\xadwA\x0e\xd78\xab\xf7\xd8.0$"\xce\x8c\xcd'</t>
  </si>
  <si>
    <t>b'\xa5\xa3z\x0b\x882\x02\x99\x9b\x91\xc8"n\x9f`"\xb9\x8b\xff\xcd\xfb\n\xd1\x1c\xc3\x10M\xa3\xe5\xde\xee\x03'</t>
  </si>
  <si>
    <t>b'\x0b\x12\xb9\xbe\xa6\xf2\xfbqyD\xae\xc0\xbcB\xaf\xe9\xd5\xf5\xbcU\xcc\xac\xaf-\xa4\xd8Wu\x0e\xf5\x90\xc7'</t>
  </si>
  <si>
    <t>b'\xbd\xfb7\xf2\x8f\xb7\xd0\xc99c\xb5\xfd\x1b\x14\xbc\x9a\xeb~}%\xb9\x02%\x0bK\x8af\x8d\xdc\xc3\xa8\xa7'</t>
  </si>
  <si>
    <t>b'~n\x8c\x88\xcfh\x04\xeb$\x18\xa6\x073\xc8\xc3m\x95\xe43O\xc3\x90!\x14\xc6\xceRYx\x19\xeb\x11'</t>
  </si>
  <si>
    <t>b'\x04\x90\x9b\xfa\xe9F\xb8\xfa\xd2\xae\xa4\xbc\xbb/A\xff^P\xde\x8aUj\x8a\xb9\xa3\xe4\xe3\x90\x10hN$'</t>
  </si>
  <si>
    <t>b'Z\x94UR*\xa3Q\xc1l\x9f}\x1c ~H\xd2\x12a\xf6A\xf0\x14,\x19.?\xd2\xbf\x8eC\x99\x84'</t>
  </si>
  <si>
    <t>b'\n\xb7\x8d\xb9&amp;t:F\x86\x83\xc7\x82W\xb0L\x15D\x8cs\x81\xe3\xef\xfe*W7~h\x99R\xac\x0b'</t>
  </si>
  <si>
    <t>b'\xccv\xbf\xd4q\xd3C0&gt;O^\x80\xe4\xc0\x8c A\x0f\x9b\t\xb9?F\xd1I=(my\xc7K\xae'</t>
  </si>
  <si>
    <t>b'\xe5\x00\xdcTZ\xb0\x1d&lt;\x899\x02%\x8a\xd6o\xd4r%|6\xc4p\xa1\nX\xad\xd3\xd8\x81\xed\xc1,'</t>
  </si>
  <si>
    <t>b'\xf2h\x8e=\xfe\xac\x1cx\xf86\xd3&lt;\x08z\n\x1a\xc7\xef\x8ac\x05\xa9\xb6~\xb9N\xb6\x03\xa2\n\xe9n'</t>
  </si>
  <si>
    <t>b'\x19\xc01\x18\x13\x8b-\xa0\xd9}\xd1&lt;\xc1DP\x95\xce\x8c\xf8\xa7\x1e\xebm\xd3\xa9\x0b \x0fl?ik'</t>
  </si>
  <si>
    <t>b'&gt;&amp;\xbf\xca\x10\xaek\x02\xdah\x1a\xaa!\xfb\xb1\xcf\xbd\xce\xe3s\x86q5.k\xbeh\x93C\xb0\xa2\xcf'</t>
  </si>
  <si>
    <t>b'\xf1mWX,\x1b\xc0`)z\xb2wI\x91i\xe1n\x8d\xbc\\\xc2\x11&amp;\xb5\x144\xa2te\xde\xf9\xf1'</t>
  </si>
  <si>
    <t>b'\xb2\x81\xbb\xc0X\x96\xb9;|\xda\xbe\xfa\xdf\x1fF\xf2\xe3\x84&lt;\x88/]\xab\xfa\x18L\x1d\x89F\xcbo\xbd'</t>
  </si>
  <si>
    <t>b'\xfb\xe2\xdf\x8a\xac\xd5\xb0+\xc3\x0e1r\xdc^uW\x01\xe5\xe9\xc59\x88\xbfI\x01\x08\x16\xb6\xce\x97J%'</t>
  </si>
  <si>
    <t>b"\xab\xccJtl\xf6o\xac'dK&lt;=\xfd\xe4Q\xe4\xc3\x17\xd0\xe9\x1d?o\x05\xbb\x06]@\xcc\x16\x87"</t>
  </si>
  <si>
    <t>b'\x9b\xa7`1[\x0c(g\x82\x0e)\x8f\xb3F-\xc3\xb1:a\xcf\x01\xa0\xca\x02\xe9\xcb7\xa6y\x1c\x81\xae'</t>
  </si>
  <si>
    <t>b'\xfe\xb3\x819\x03\xaf\x98O\x05\xd1\xfcRufo~\xab\xd9\xe3:\xc0i\xe1{\x08\xee\xa2\xbb\xfeu\x17i'</t>
  </si>
  <si>
    <t>b'}l\x141\x9a\xa0\n\xb6E\xec\xfb\x0f\xaf(\xbf\xce\x8b\x8er\xd7w\xcd\xee\xa7\x06l\xec\xe2\xb5O\x01\xcc'</t>
  </si>
  <si>
    <t>b'\xeeu\xed\xb2\x9a\xc3\xe5\x8a\xf7\xbe\xa2a\xa5f\xf4\x0b\x838\xb8\x8fDP\xa2\xafa\xc6v\xcd\xf1\x97Bv'</t>
  </si>
  <si>
    <t>b'\xb5\r\xd45G\xc4\x82\xb11\xc8\x90kKx\x12F\x82A\x83\x95\xb3\xd9T\x92\xfb\xea\x1cL\x06\xcb\xdfL'</t>
  </si>
  <si>
    <t>b'z\x8e\xad\xa5u=\xd9\xc0\xc1\xed\x07\xeaCW\x02j\x00n\x0e\x0e;U\x84\xf2\xf7\xde\x0fX*\x7f\x05\x8b'</t>
  </si>
  <si>
    <t>b'\xac\x9e\xe0n\xc7\xf4B\xc2[\x9c\xe0Z\xb6\xec\xb2\x04z4Jx\x95\xe9\xa7\xado\xa3\xecE\xdf\x86\x0f\xa2'</t>
  </si>
  <si>
    <t>b'\xfb\xca\x85\xd4\xc4\x9c\x01\xecmF\xb0#\x14N\x7fl2^\xd0M\xb8\xc4jh("\x900\\\xf3\xbf\x1d'</t>
  </si>
  <si>
    <t>b'.\xbf&amp;\x89\x96\x9f)\x93\xa1|\x8a|\xd5\xbd\x8b\xcd\xc7\x06\x06\xe5`\x1a\xa1\x11M\x1e*\xf0\xa44\xf0\x0c'</t>
  </si>
  <si>
    <t>b'\x98\xe3q\x8c_\r(\xa6!\xf7\xffL\xbe\x1e1\x12\x83}\xe9\xf5\xa0K\x1a\xf2\xee2\x17A\xb0\x8b%\xb6'</t>
  </si>
  <si>
    <t>b'\xb56\xf4\x9e\xd2r\xfeP:"c\xf8\x15\xb0\xbfV\x93\xc8\xb8C\x9a`\'E\x15\xaf\x8bG&gt;S[\xbc'</t>
  </si>
  <si>
    <t>b'9\x88\xa3wVg9LH\xa9\xc9[\xcc\x7f\xc9\xa8n\xaeCw\x00\xf9&gt;\xa7\x7f\xf8f0;\xb1\x8a\x1f'</t>
  </si>
  <si>
    <t>b'\xb1\x185V\x94\xac\xc6\xc6.\x93@\xc19&gt;\x864u\xc3\xe0n\x19\xc4\xf8-\x96\xaf\xf4\x87E\x81\x19\x8d'</t>
  </si>
  <si>
    <t>b' %\xee$\xf0\xf4\xbe\xe7X\x19\xab\x10\xf1\x96\xfd\xb7!\xe0\xfa@\x84\x0b\xee\xe1;\x1d\x85\xbf\x87\xf7\xea\xc2'</t>
  </si>
  <si>
    <t>b'\x95\x95\xd4\xc6\xfe\x92.z\xdb\xe5\xc0\r\x98B\xc6\x86\x94\xdf\x06\x06\xec\xb2@g\x8a\xe44K\xd0o~v'</t>
  </si>
  <si>
    <t>b"!\x89E\xd8(A&gt;\xb6\x11\xce\xb4\xa7u\xb9\xae\xbb\x16\xe5L\xbbH3\xbe\xf3\x15'\xce\xdf\x16-\xf2\x1a"</t>
  </si>
  <si>
    <t>b'P\xb8\xf7\x87\x8e@\x8dt|\xfc\x88y\x93\xc9\x85\x8b\xf9\xcc}\x0b"\xc9\xb5\xebQ\xb1\xc6\x1c\xc5\x99\xb1\xb9'</t>
  </si>
  <si>
    <t>b'}\x83\xe4c\x00i\xd6\xf8\x01\x84\xb6\x8c\xc5C\xc7J\x05\x85A\x00\xed\x82\xa8Et\x12\xf6K#\xd6\xd7B'</t>
  </si>
  <si>
    <t>b'\xd0\x81\x96h\xff\xa1&gt;9\x93^-\x83)\xfe\n\xef\xf1\x15\xed\x1c\x16\xb1\x13\\E\x05\xe3\xf9?,\xec\xe0'</t>
  </si>
  <si>
    <t>b']\xcc\xaeb\xf0\xdf\x17Ga\xa6\xf9M\xd5\xac\xa2\x8a\xb2\x8d\x12\x90\xf4Ga)\x91^s+%\x1ed\xf9'</t>
  </si>
  <si>
    <t>b'R\xb2Y\xf4\xff\xed\xb9:"\xcf\xc97\x1b\xc2+\xc5\xa9\xc1\xd3c M/@@\xec\x9f;\xb3\x16\xfb\xe1'</t>
  </si>
  <si>
    <t>b'+zZ.e\xd4\xeb~\xbe\x9bg\xce\xb1\xf2\xca\xe9\x12\xd8\x80\xc4&gt;jK\x9d\x97\x92\xa2\x1cS\x82p\xd5'</t>
  </si>
  <si>
    <t>b'Z\xd9\xecf/\xdb\xdd\x03\xb3(\x90\x13\xde\r&gt;\xe0&lt;b\xde\xb0\x8e\xbe\xc2w\x88\xcfp\xc3\x00\xd5-V'</t>
  </si>
  <si>
    <t>b'\xb6H\xfc\xa4\xb9m\xb7\xa3G\x9c&amp;&lt;V\x19w]\x94{\xc6\x0eOy\xe9[~u\x97\xbf\xce\xe3\xb5\x0f'</t>
  </si>
  <si>
    <t>b"\xf9\xfc\xa61\x8f\xee\x93Cx\xb0}\xd9\x1f\xa5+\x89\x89\xe8\xe9\x16\x9b\x96\xee\xdc\xfb;'\xc4\xbe\xb9\xaa\xf4"</t>
  </si>
  <si>
    <t>b'\xf7z\xc6\x06\xc5\x16\x13\x92\x83V\xa4m\x0c\x93e!\xe5N\x93\x96"D\x8c$\\\x18\xed\xff\xec\xe5\x1b\xec'</t>
  </si>
  <si>
    <t>b'eg\xcb\xacN\xddn\x82\x99\x05V\x82\x93\xb1\x0eV\xe1\xf7\xc3\xd0\xcf\x9f\xe0Ss\xc7\x83\xd1\xeb\xf0\xbeI'</t>
  </si>
  <si>
    <t>b'h\xa9\xd0\xa2E\xcd\x8a\x80c\xbc~\x00\xdc\xf2\x89FO\xf3l\x83\x1e\x95\x07\x1a\xce&lt;\xcf)IL\xbb\xc1'</t>
  </si>
  <si>
    <t>b'm|\n\xd0\xd7\xa2}\x9dB\xdbg\x98\x12D\xc8\xff\xd1\xa4O\x04g\xa2\x18\xb9\xc73)}\x1d\x1d\xba\x8b'</t>
  </si>
  <si>
    <t>b'\xff\xb3\\\xc0S\xfb\xee\x99\xd6h_\x8cp\xaaV\xd4\xa1\x96\xb9\x87\x03\xc1\x8c\xc1\x12\x8e\xf5:\xefr\xef"'</t>
  </si>
  <si>
    <t>b"'\x12\xd3U{\x80,~\x8a\x04\x9b\x18\x83\xbd\xbd\xfe\x04\xe8\xe6D\xa6`W\x0c\xe8b\xf7\xeb\x02\x16\xa6z"</t>
  </si>
  <si>
    <t>b'\xf58\xf2pb\xee.\xe6\x93\xa0\xf5L\xeb0-\x10\xad\x870\xefk\xfa\xefjJR\xe78\xd2\x82\x05\x95'</t>
  </si>
  <si>
    <t>b'\x7f~F{\xdb\xc9e\xb9I\xd4\xd8/w\xa7A\x97\xc3f\xd5\xe7+m9\x8cG\x06\x06(=\xf1\xe9u'</t>
  </si>
  <si>
    <t>b'\xf9DX\xf8\x15\xb7\x87:A\xfb\x12\xd6\xc7\xc4S\x05\xd0\xbc\xb3\xde\xb8\xed&lt;}\x17\x1e\xf3\x8c\x00\xcb\x11\x12'</t>
  </si>
  <si>
    <t>b'\x99\xdd\xd5\x86!\x96\x85\xc3\x17\x84;\x97\xc2O\x15\xb0n)\x8f\xe0\xd5\r\xf0\xe0\xbe\xba\x83cn]\xb7\xc1'</t>
  </si>
  <si>
    <t>b'\x83`\x92\x1f\xe5}\xae\xbb\xdd\xf0\xa6&gt;\xd1\xe9\xea\xc8\\\xabWC\xed\xb0\x1e\x160\xe9\xc3g^H\x01\xe2'</t>
  </si>
  <si>
    <t>b'(\xfaZ\xebm\xe6\x88\xcb!h\x97\xd4WG\x9bn\xb9\x80\xe6\'\xef\x06\xb7gS.p\xf5\x96\xb1J"'</t>
  </si>
  <si>
    <t>b'ovq\xba\xc8g\xf2Y\x07\x81\n\xa4\x8c-Ql\x01O\xc65\xdc\x84\xd1\x16\xf2\x7fy\x84\x02(9\xb1'</t>
  </si>
  <si>
    <t>b'C\xce\x16\x19o\x1f\x86v\xd8Z\xe0s\x84\xa6\xf2\x8f\x9e4\x00\xeeOg(\x00N\xc2\xe0\xd4\x85q%\xe0'</t>
  </si>
  <si>
    <t>b"\xc7\x1c\xddO\x18&gt;`\x88&amp;\xf8\xce\x1f\x999-\xfcm\x1a\x8b#\x99\xb1&amp;\xd2]\xd7|f'8\x00\x91"</t>
  </si>
  <si>
    <t>b'\xc9v"\x87i\x0e\xb7\x7f\x14\xc95\xe4\x87\xa8\xe2t\x9f\xca^\xe52\xf4\xa2\x85\xc2\'\x07\xa5\xf6\t\xd8\x0f'</t>
  </si>
  <si>
    <t>b'"T\xa4\xd1\xdd\x1ect\x11\x9c\xf1]!\x02\x9c\xa3\xe8,\x1f\x8a\xe53&amp;\x8a\xbf\xea,B\x9d\xf8\xaeY'</t>
  </si>
  <si>
    <t>b'\x80\xda\xcd\x08\x08\xb0\x93\x1c\xcf\x07 \x14K\xe4\x8d\x12\x84\xb9&amp;D\xbbQ\xc9\xb4\xed\x17\xf1\x0c,"\x9d\x82'</t>
  </si>
  <si>
    <t>b'\xec\xe1\xf8\x9faE`m\x82\xfc\xd2\xeb\xde\n\x99O\xd2=R\xc5\x0e\xcf\\\xc4\xfd\t{\xd8}-\xbd\x81'</t>
  </si>
  <si>
    <t>b'kL\x19\xa6\xcb.\xfe\x7f)^d\xb5W\n\xddv$\x1f\xd7\xcdvA\x1eP\xb1\x94^(\x7f\xadP\x81'</t>
  </si>
  <si>
    <t>b"Q\xae\x83\xcf'\x89~\xcb\xfa\xef\xd4h\xf6\x8d\x82\x97=r\xd2\xc7\xa5\xf8\xe6\x18gR\xc0\x96\xaf\x12\x91\xf8"</t>
  </si>
  <si>
    <t>b'\xf7\xe8\x169=-\xa2\xe7\xeb\x10\xcf(9\x13c\x89\x8c\x8b\xad\x8f.\xf0sZ\x96\xd0\xe0"\xc4OhP'</t>
  </si>
  <si>
    <t>b'\xb7\x9dCOUj\xaa\x0f\x10C\x16-\xc5Z\x7fgs\x91\xab\xfe\xa8\x94\x0c\xec\xf0\xeb\t55\xed\x0e8'</t>
  </si>
  <si>
    <t>b'\x9a\x19.0\x9b\xc9!\xf7i\xf7\x0eX\xf7&amp;N\x9fU&amp;\xc8\x9f\x85\t%\x92\xe2UW8\x03(\x12"'</t>
  </si>
  <si>
    <t>b'\xcd\xde\xb4\x92\x82k\xcd\xceP\xae\xff#!;\x9c\x8f\xf5\xe10\x08$\x82`L:_\xc1@\x11\x16\xfa\x95'</t>
  </si>
  <si>
    <t>b'B&gt;\x1d\rNv.b\xa8\xcaD\x1e\x84\xdc\xb99\x8b\xca\x91\xd9\xe7\xca\x13\x1d\xddC$\xf1\r\xfekW'</t>
  </si>
  <si>
    <t>b'$T\xf9\xa4\x8dTl\xaf?P\xe7v\xb2\xb0\x93\xd5n\xb9\x81\xfd\x9fM\x05\xe1|\x81zF&amp;\xdf\\\xc6'</t>
  </si>
  <si>
    <t>b'\xa0\xe1\xd3\x18\x86\xdad\xb5*\x96\xef\xf8\x00\xf9?\xa9}[\x9a\xf7\xb5\xab\xa3p\xfe-B\x00f\xd9\xfa\xba'</t>
  </si>
  <si>
    <t>b'\x92\xa8\xae\xdc\xb0\xca\xbf@\x97\x16\x83a\xc3\x84\x94\xb2\x06\x03\xcb\xe8"\xba\x04+\xed.\'\x83\x86\xa2\ti'</t>
  </si>
  <si>
    <t>b'=B\xf5\x9a\xd5;\xb8\x88J\x90\xf7\xcb6\x84\xcb\x96x&lt;\xc8\xb7j\xafm\xa5?\xbau-\xe9?Q\xc8'</t>
  </si>
  <si>
    <t>b'\xf8\xd4}\xc2\x12\x946&amp;\xf1\xd6\x02g\xf0\xbb0\xf5\x81&gt;I\xb5\x94Nl\x01D\xff\x13\x15\xaf\xadTy'</t>
  </si>
  <si>
    <t>b"La\xa8V\xddF\xf3\xc8N6o'\xf7Qr)(\xb4\x8f\x83\x05\x85\xcd\xf8\x0e\x9e\x90\x81\x0b\x9ca\xb5"</t>
  </si>
  <si>
    <t>b'\xe9\xbf\xac\xed\x9f\xa9\xa5\xb5\xa4\xa7\x8d=5\xb0\xa6\x19\xbe,=\x92\xbf\x8eh\xaf^Qu\xc4N\xd5\t\xa6'</t>
  </si>
  <si>
    <t>b']\xd9\xbc],}r@8H\xc9\xcdlF\x96\\\xe2*\x90G\xf9\xe1jN\xaa\x0c\xb3t\xf1\x141i'</t>
  </si>
  <si>
    <t>b'\x11\xe9pn\xc6\xac\xbc })do;\x0b\x9c29\xbe\xc6\xa6\xf0\xa1\xa5&lt;\xe1\xadlH\xec\xc6\x88\x18'</t>
  </si>
  <si>
    <t>b'\xcdR:\x00\x10\x1f\xa1\xde\x13\xff\xe8\x07X\xef\xcb\xad"h\xd5\xf7{\xd0\xcc\'\xcc1X\xe5\x98\xceF\xd7'</t>
  </si>
  <si>
    <t>b'\xacg|\x84E\xce\x9f\xe9h\xf2\n]BL\xfa\x01\xcb\xbb\xf7\xeb\xe6\xcb\x87\x0c[\xd9c\xc9~\x19\x9c\xf5'</t>
  </si>
  <si>
    <t>b'\x91\xf27FN\xdac\xbf\t\x7f\xf3\x1c\x12\xfc\xb3r\xdc%\xe6\xe4\xaf\x1d!\xa6 @{\x84 \r\xbb\x86'</t>
  </si>
  <si>
    <t>b'\xef\xdfjz\xe3\x9e\x8ax\x99&gt;\xb9f1\xbd\xa43\x90\x86&amp;Dz\xaf\x19\x00\x8b\x9a9\xa2T\x94\x9f\xa7'</t>
  </si>
  <si>
    <t>b'\xac\xd4k)\x12\xb3\xe5\t\xd3m\xbf/\x16r\xb12\x96\xd4\x98\xd8\xd4G\xa0J\xb9B&lt;\x05\xb5\t:U'</t>
  </si>
  <si>
    <t>b'\xc7\xbd.\x1e\xa2\x1dG\xf3\xf4y\x8a\xd7\xb1\x06\xf9T\xd8\xab\xb5\x9b\t%\xa5\x94I\xf2\xf5\xc2\x1e\xcc\xd0\xab'</t>
  </si>
  <si>
    <t>b'uL\xfc\x93m$\xd3\xa0@\x0f\n\xc6\x06y6\xba\x0cu\x16{\xc2\x17\x82^\xeco$\xfc\\\xb3\xd7\x99'</t>
  </si>
  <si>
    <t>b'\x89\xf6\x9d9+\x1dv\x95\xcc&lt;lx\xf8\xd8\xd5\xc4\xdc\x95*\xfc\x99\xb4.\x96(\xc9Ye5\x05[:'</t>
  </si>
  <si>
    <t>b'4\xaf0\xa9B\xa9\x03\xcc\t\xcc6d\xd6K&amp;s\x86\xb8T\xf1,\xc4\x8f\xa2D\xb08P_%2\x14'</t>
  </si>
  <si>
    <t>b'\x02\xbb?\x86\xf4RR\xfa\x16\xad\xce\x92I\x84@\xcei\xc6w\xb9\x9bd\xb9\x13g?\xf15\xa1\xaf\x9eN'</t>
  </si>
  <si>
    <t>b'\x99G\xeen\xae\xa6\x96\xb9f\x84x\x0fC\x90\x97e\xd6\xc6\xe0\xc6\x98\xef&gt;\xb4\xa10s\x8b.\x86\xce\x8c'</t>
  </si>
  <si>
    <t>b'\xd8\xe7if\x96t&gt;\xdfl\xf4\x13\x8d\xe3\x9d\x86,sp-\xb9\xd6\xab\xbf\xd5\xd9\xda\xa5 \x15\xb1S\x85'</t>
  </si>
  <si>
    <t>b'\xc0x\xe9\xdd\x83on\x93 \xff\xe7\xd1\xc4X%\x97Q\xefD\xcc\xcbu\x89\xefT\x98%\xebv\x1b\xe65'</t>
  </si>
  <si>
    <t>b'\x16\x98\xc4\x93Q\xb7&gt;\x03;\x1b\xd3\x19\x9f\x05\x91\x16s\x19A~\xb8mk\xda\xbb\xf3!yN\x1c\x0b\x9a'</t>
  </si>
  <si>
    <t>b'\xa3\x96+\x8d!\x8bo\xd0\xb6!\xa9\x8d\xfa^4Q\xc6k\xa6\x84\xa1S\xf0&lt;\x8aKu\xefWm\xe6d'</t>
  </si>
  <si>
    <t>b'\x9e\xe2\x12,\xe2O^\xed\x9d\xbae\x17,\xefn\xc9\xee?\xc2\x1a\xa9\xe5\x1b\xbb\xf6\x99\xffW\x08\xder\xf8'</t>
  </si>
  <si>
    <t>b'\x16\xd2\xb9}\xb6e\x1e(\x04K\x9d\x0b\x88\x11\xf9\xf1\xb2\xc0;\xf9:\xb3K\x84\x88\xaa\x80~a\xffp\x10'</t>
  </si>
  <si>
    <t>b'\x86[\x80j\x84\xd8\xc0&amp;\x06\x0f\xaa\xceP\xa1\xa0_i\xe1&gt;\x99\xa8mzYG@\x8c\xf01k\x97K'</t>
  </si>
  <si>
    <t>b'\xe6\xb6\x0b;w&gt;?)\x0bi\x1a\xc2"\xd8\x16\xb1\xbez\x08\x15\xc4\\\x9bf\x07\']\xc7C\xd1nT'</t>
  </si>
  <si>
    <t>b'\x7f\xaa\xaa\xf6A\xee\xb4}I\xeev\xb3\x1d:\x95&gt;0PY\xaae\x1a\xbc,Yy\xf6e\x8d[\x84\xae'</t>
  </si>
  <si>
    <t>b'\xf4\xa8\x10&gt;j\xcf\xe3\xc8\xea/\xce\xbd\xdf\xbfB\xb4\xae\x80.\xf5\x98\xae\xf1\xebt[\x93a\x8b\xbf"M'</t>
  </si>
  <si>
    <t>b' \x18\xfe-\xeb\x98\xc6\xd4\xdb\xcb\x9fV\x84\xbb\xf1D\x8c\xa4!\xf67?HkSC%S\xbb\x1a3\xd9'</t>
  </si>
  <si>
    <t>b'Sk\xef\x85\xaac\xb1p\x96\x93\x91\xc9\xfc\xe6\xf1\x9a\x89\xf9\xe1s\xc5\xaaG8\\\xe8\xe8\x84\x9e\xaeS\xff'</t>
  </si>
  <si>
    <t>b'4\xf8\x01\xd5\x01js\x1c\x13\xeb\xd2\x07\xfb\xdd\x1a\x8dy9\xb1%\xa9*\x8a\xdb\xfcG\x0b}2\xaf\x81\xd7'</t>
  </si>
  <si>
    <t>b'\x9d&lt;h\xdf\xd1\xe0B\x12\x1cBA\x9c\x01?j$\xba\xe2\xa1\x12\xcdd\xa3]&amp;\xe4!-\x7f\xbf\x11U'</t>
  </si>
  <si>
    <t>b'\x8a\xcfQ&gt;j\xcc\xdbvu,v\xf3\xb4\x7f\xbbjA\x8f+k\x9a\x0c\x99\x94\x9a8A\xf5\x0e\x977\xf5'</t>
  </si>
  <si>
    <t>b'\xc7\x0e\xbb\xdd\x84\xc8\xa8L\xdd\t|\xbd\x1d\xf4\xf8\xa9\n\x95\xbb\x0f\x9d8\xc9I\xc7\x94$\x01\x7f\xe9\xa2\x19'</t>
  </si>
  <si>
    <t>b'\xb6\x8d\x18(\xcai;\x9f\xe7\xa6\x7f\xef%\xa2\x98\x14\x06\xf1\xeeW\xaa\xd6\xaf5\xeb\xd7\xf2\x89\xa3\x10\x85\x95'</t>
  </si>
  <si>
    <t>b'\xd4I\xe6X\xa6t\xad\xeb\xcd\xb8\x08ci\x1ax\x0e\x1b\xa3(\x06\xcc\xa9\x0f\xfbzE\x8d\x87^\x1f4b'</t>
  </si>
  <si>
    <t>b'\x8c$\xa8\xc4\xa6\x84f\x8dK\xcaJ\x12G\x07\xd0$\xe3^\xaf\x95\x12\x00k\xe9\x9b\xf9\xa5\x1eR\x13\xa8\xcd'</t>
  </si>
  <si>
    <t>b'^\xff\rgxu\n\xc0\x81Tj\xe6\x8a\xe47\xe5\xd3\x8a\x07\xcehk\xd6c\xc1\xd0_\x9d\xbc\r\xab7'</t>
  </si>
  <si>
    <t>b'\x0c\xdf\xeful\xce\xf3\x12\xc5\xb6\xa7\xd2\xd8\xb2T\x8d\x88\x1a\x10\xa7JF\x82\x91\x0bEj\x84\xaam\x02B'</t>
  </si>
  <si>
    <t>b'\x9f\xed\n\x1dZf\xb3&lt;nht+qA9\x02,8\x8e\xf6\x97\x93p\xe5\xe1z\x89\xfe\x84vb\xdd'</t>
  </si>
  <si>
    <t>b'\xdf\xe8\x157-\x11\xfc(o\x1ex0\x92N\xf3\x8d\xe3c\xfe\x87)\xe6\xed|\xc5Vy\x9b{\x84cJ'</t>
  </si>
  <si>
    <t>b'W\xa3\xec\xbb4\xbc[uM\xa5y\xbf\xf6\x02r\xefU\xfda\xbc`H\xfc_|T\xe6\x96\xcf\xd0*\x1f'</t>
  </si>
  <si>
    <t>b"`\x9c\x83\xb5\xed\xdc3'\x1c6\xe6\x89\x9f)\xb6\xe1\xdd0\xee\xbb\xd7\xa3\xed\xb3\x88\x19{\xba\xf28\x87\xc1"</t>
  </si>
  <si>
    <t>b'_9\xf7F\xf1\x0c\xc3\xca\x0eLM\xd8\xeb\x1c\xf0^\xdb\x84\xb6q\xf2O=m\xf0\x95\x87\xecY\x1ep\x1e'</t>
  </si>
  <si>
    <t>b'F\xf1\x0c \x0e\x915\xb5\xfdu\xb4\x8d\xe8\x8f\x8cN{\xb49k\xaf\x1f\x91\x18\x1c\xae:\xd9\xfd^\xf6\xd9'</t>
  </si>
  <si>
    <t>b"UC\x10\xcc\x1c.qf\xba\x90\xe5v\x15\xa36\xab\n\x87\xec5\xcb\x92\x8a'\x82\xd7D\xe5X\xa0\xfe\x99"</t>
  </si>
  <si>
    <t>b'\xc1\xd2\xdd\xdc\x97\xdfn\xd4\xaf\xe9\xc2\x018\xf11\x99\xe2.Uc\xeeX\xaaU\x0ba\x01\x91\x06\x8fH\xed'</t>
  </si>
  <si>
    <t>b'\xa9/\xce-\x84!&gt;\xfec\x07\x86/\xaf\xf4\xdf%\x86\xefE2\x11jp\xa4\xd7@\x1dl1\x86\x8c#'</t>
  </si>
  <si>
    <t>b'c\x80\xf6\tb\xde\xa6\x04\xa6\x9e\x00s8V\xb2`\xef\xe2c\x93flXraO$\tTy7c'</t>
  </si>
  <si>
    <t>b'\xc6\xdc\xda\x07\xe9`Q\x17\x124Z\xdbH\xb1\x1a&lt;\x15\xe0\xf5.\xd5\xc3\x9e\xe3#p\xeeG\x9c\xf6o\x86'</t>
  </si>
  <si>
    <t>b'gd\xec\x82\x91zT\x16\x85D\xadAC\x98N\xff\x8c\xa8\xc0}#=\xbc\x89&amp;\x95\xac\x9d\xc5\xe3\xda\xa9'</t>
  </si>
  <si>
    <t>b'\xef\x0c\xee\xea\xc0\xce\x9e\x8e\x8f\x93\xc7\xd9\xebqk\xdd?F\x16\x89\xad\x82@\x9d\xaf\x16\xad\xfc\xd2\xf1v\xa2'</t>
  </si>
  <si>
    <t>b'/\x0f\x90\xca\x19\xdd\x85dA/vi/D\xdcU\xfc\xd0K\x86s\\2B|\xa8\xa7\x93\xb7Fi\x08'</t>
  </si>
  <si>
    <t>b'\xbf\xa9\xae\xcd\x14\x7f\xcd\xec\xa8$9/S\xf9\x175\xdc\xb2\xdf\xca\x842^`\xcc\xf9\xc1Y\x1a@0\x85'</t>
  </si>
  <si>
    <t>b'\xbd\x13\\Xus39`\x19\x01\xfa\x03\\4)\xbf\x06V\xed]\xbbx06v\xf056\x00N\xf5'</t>
  </si>
  <si>
    <t>b'\xe1\x07u}\xa1\x96\x12&amp;\xa4\x08\x13g\x88\x12\xc7\x93\x80\x13?\x86\xba]\x07\x9c\x87\xf1\x9c\xef\xea\xa0\xef4'</t>
  </si>
  <si>
    <t>b'\xed\xe9\xb5\xda\xa8N\x1a-\xef\xfd\x87\x07\xee\xd3{\xae\xe4X\xccQ\x9d\x11\xe0\x06\xda=\xf1K\xd2\x00\xfe\x82'</t>
  </si>
  <si>
    <t>b'/\x13 \x88\n\x1a:\x0c\xdc\x1f\x9d2\xfe\xb4\xb7\xd1\x12S\xdc\x9e&amp;#\xc4\x08\xee\xf2\x81\xe1\xb704f'</t>
  </si>
  <si>
    <t>b'\xdfm\xee\x93E\xe8\x80\x81\xc2T\xfed\x10a\xa8\x12\xd9g\x91\xb0\x0b\xb6T\xeb\xc8,=1(\xfcdw'</t>
  </si>
  <si>
    <t>b'P\xbcV\x90?\x01\xcc\x83\xeb)\xb2F\xacP%\x05\xd7\xbb \x82w\xe4\x06f\x18\xba\n/X\tKd'</t>
  </si>
  <si>
    <t>b'~\x92}*=f\xce\xcd\x03\x98|\xa7\xda1\x93\xc3\xc7\xea\x02$=\xe2\xa7\xccx~y|\x18\x87\xb7\xba'</t>
  </si>
  <si>
    <t>b';V?\xc8o\x06\xa3aK\xd5\x83\xf0\xea9+i1\xe22\xb0\r.y\xe1\xfcr:\xc8\x06b\x1f1'</t>
  </si>
  <si>
    <t>b'\xaf\xc5\xf3\x83\x00\xebj\xb8#g\x96\x96\xa6\x1f\x0f\x15\x1c\x82\x8ee\xa3\x0c;\t\x98\xc0k\xcf\tu\r/'</t>
  </si>
  <si>
    <t>b'.\xe8\xe3\xd8\xe8\r\xfd\n\xc0\xcc\xb2\xee\xdb\xd3\xedl\x82.\x1f\x0c:\xc0p%|\xccBC\x94\x8cg\x0f'</t>
  </si>
  <si>
    <t>b'\xa7\xaf\x94\xac\xc3"\xd5\xc2\x8b\x07\x03\xdb)?)\x19\\\x80`H\xe7\xc2\x0e\x01g\x91\x01\xbaUO\xbcd'</t>
  </si>
  <si>
    <t>b'\x1aa\xdf\x8c\xa2\xa7\xcf\tR\x08\xf5\xa0L\xee\x18r}"$\x17\x8ar\x0e\xdcc*\x86\xca[D\xb2\x89'</t>
  </si>
  <si>
    <t>b'\x13\xad&gt;\x8d\xd9B\xab\xfe\x94\x18\xd56\x0f3\xe4\x0fJ;\xbb,\xc8Cg I\x9e2#\xbeUbA'</t>
  </si>
  <si>
    <t>b'\xfd@\xa2\xeaX\x1c\xda\x9d\\\xe6\x9119\x19`j\xe7&gt;\xbe\xcd&gt;z\x9e;m\x1ej\xd8\xf7\x93\xe7\xd7'</t>
  </si>
  <si>
    <t>b'\xa5\xb3\xd6\xb3\x8c"\x02\x102\x7f\x1c\xa4_\xc7H\x8cv\xcb\xbf\xdb\xc9OCR\x1b\x1c\xc8\xdabM\xf7$'</t>
  </si>
  <si>
    <t>b"\xf0\x0f\xb7D4\xbc\xe1\xd3\xa8|\xaa)kV\xb4\x05G\xfd\xb3\x1aR'A\x19\x7fzK\x81\xac3\xa9\xd5"</t>
  </si>
  <si>
    <t>b'\xc4\xde\x9bC\n\x9b\xc0\xb5-$\xe6\x02\xcdXM\xb4KKf\r\n\x97\xd2F\xea\x82\x1evz\xe7&gt;X'</t>
  </si>
  <si>
    <t>b'$E\x1b\xe0\xf6\x93CB\xc0\xb4}\xd8BN\x07\x90\x8e\xf5\xbd\n\xfb\x0f\x81\x89\x19&amp;F\x85\x1a\xf1\xf3\x12'</t>
  </si>
  <si>
    <t>b'X6\xa0A\xcc\xa7R\xb2\xf6*\x109\xdb\xfd\xc3\x83\xc3U\xf9N\x0e \xef\xaf\xfa\xe7,g\xfcQ&gt;\x00'</t>
  </si>
  <si>
    <t>b'\xdeY \xa9J\xa8\x08\xd9$\x8f\xa98\xaf=\xb7\x88\xae\x01e \x8e\xcd\x86\xab&gt;\xf7`\xdf\x8c)\xcc\xf7'</t>
  </si>
  <si>
    <t>b'\x12\x0e\xc1\xd4!T\xdfM9\xed\xdbS\xd9\xc2\xac\xfe&gt;\xf3\xea\x1a5\xee\xfd\x08`\xe6\x12+\xbc\xf5\x9e\x0f'</t>
  </si>
  <si>
    <t>b'Y^\xe0\xc0\x11y\xc2ngE\x90\\gA\xf1\xbf\x88VX\xbe#\xb2\x8e\x15\x003\x10\x96\xd1\xbd\x18E'</t>
  </si>
  <si>
    <t>b'\xa7\x93\xff]\x0c\xb5\xe5\xb1b&amp;\x13\xa4\x7f\xafPs\xa2\x1a?\rU~\xd6/?IZ\xc0\x8c\x8cR&lt;'</t>
  </si>
  <si>
    <t>b"\xb3\xd0Q\t\xfc\x05&amp;\r\xa3\xf9\xa4\x1e\x92\x9c\xff\x82\xf8\xa3@\x8cCV\xe0';3b\xffH\xd66\xa1"</t>
  </si>
  <si>
    <t>b'y\x7f\x82\xe6,\xbb\x9cH\xe4\x97:\xc1(j!\x89\x12.H\xb2\xb3\xd7Gb\x87N\xb4\xf5"\x0cch'</t>
  </si>
  <si>
    <t>b'\xb9m3.C\xccy\r(]\xf5\x9b\xb6X\xdb\xd4\x19\xe3 \xe6\x8cl\xbb\xba:\xe1#Y\xb1a\xd1h'</t>
  </si>
  <si>
    <t>b'\xcf\xc7\x167\xc4\x86\\]\x8c\xc1\x07\xabtuX\xaf\xff\x05\xfa\xef\xd7\x80\x15V\xa9R\xc5\xe8\x82\xc2\n\xcd'</t>
  </si>
  <si>
    <t>b'\xe5\xe8\x00xW\x16e\xcan&gt;\xc2\xea^M\x03\x89N*\x1b\xff\x17\xd8=R\xa9/\x95RO\xa0\x9c&amp;'</t>
  </si>
  <si>
    <t>b'Y\xc3\xfb\x15h\xa4\x81\xaf/\xc6;\xfci\x11\xfe\x0cX\xb9\xae\x83.\x8e\tx\xe0\xe6e\x19)\xe2&amp;V'</t>
  </si>
  <si>
    <t>b'\x7f\xa8\x87\xa0\xae\xc8KK\xc3\xd1\xac\xb4\xf0%\x14\x9f^\xcc\x90\xe5\xdb\x9f\x13\x1b\xa1\x8a\xd3\xe1$\xf5Y\xb8'</t>
  </si>
  <si>
    <t>b'\xf5q\x0c\xb0.| \xf9\xc6\x9f )!(\xa4Y|-\x14\xf1\xe0\xbd\xdb\x99\xc8\x99\xb1\xca\x98\xa7\xf5\xc5'</t>
  </si>
  <si>
    <t>b'\xb16X\x07d\xc3#(\xf8\x8bf\x064\x87)H,\x1c\xbf\x1dL,\x7f\xd2\x1c\xbe\xefM\xd7\x82\xc4\x9c'</t>
  </si>
  <si>
    <t>b'\x15\x8f\xc9Mk\x07\x9b\x06\x8d\xca\x89+k\xe2{\x96\xc9\xc6\r\x8c\xd8pd\xb0\x8f\xcc\x0f\xd5/;\xd3k'</t>
  </si>
  <si>
    <t>b'\xf3\xb6\xad\xb1\x00\xd4\xa5X\xef\xf5\x9a\x7f\xb6\\\xa1\xd6vn\x83\xd5\xa9\x9d\x01\x86\xd55c\xc77\\\xa1!'</t>
  </si>
  <si>
    <t>b'&lt;\xaa\x81m\x7ft\xff\x869\xea\x95\xb7\xd0\x1d\x8eDk\x8d&gt;\xaa\\x\xe3\xdfA\xb1\xba\xc9\x9d\x07\x13\x1b'</t>
  </si>
  <si>
    <t>b'\xdd2\xd8@\xa81\x98\xf9\xd3Y\xd24l\xce\x82\xe1\xfd\xac4\xb8g\x13\xc9&gt;\xe1\xd6\rFQ\xb8u\x8a'</t>
  </si>
  <si>
    <t>b'\xc3Y\xac\x9c\x00\xd0\x8c@\x08\xc6\xf0p\x1c`\x1a\xadQ\x8b\xcd)~\xf8\xf6X\xd4\x82\xd6Z\xf6\xcb\xf9\x85'</t>
  </si>
  <si>
    <t>b'\xdb\xa5bj\x81y\xe8\xa4\xdcp\x1e\xac]\xc4\xe7M\x1b\xea,\x0c\x18\x89\xb0EzdIn[g\x9aq'</t>
  </si>
  <si>
    <t>b'3=\x10_\xc2Ia\x1b\xf0\xfe\xadH\x13HO_SoO\x00\x10s\x8ac\xaa\x1f\x9e\xc2\xd2\xc8^\x96'</t>
  </si>
  <si>
    <t>b'a\x7fS0W(^J\xf9\x1c\xc0;6\x85\x978\xd8\xa7nW\xc6\xed\xe1D\x9c)\x12\xa1\x07&lt;\xd1$'</t>
  </si>
  <si>
    <t>b'\xdc:L\xc2\x8a\xdf\xe2\x87(2KSD\x1c7\xa0u\x1f\xe7\x83X\xcc\xf8\xb3&amp;\xcb\x8d\x15\xa1$\xf8\x07'</t>
  </si>
  <si>
    <t>b'\xadw7\xa1\n1\xd1Qi/\xc5\x84\x80\xf7g^6\x07\xf8\x04\x02O\x1d\xc6\x92D\xf1\t\xea\xa1\xa0H'</t>
  </si>
  <si>
    <t>b'QX\x89E\x13\xc1( \xc0nX\x90#5\x84\xe9\xf4\xa9\xccBy-\x05\x83\xa1\xba\xe2\x89\xe2|\x16K'</t>
  </si>
  <si>
    <t>b"\x9f\xf1\xae\x07\x9d\xe3S\xd0}3f\x10vE\x1d'0\xbf\x13&gt;=\xbd\xe2@L\xea\x8c\xdbP\xff\xe0\xbc"</t>
  </si>
  <si>
    <t>b"\xb5\xe1\x94\xf6\xc6Z\xc1sV\xa5\x87\xe67\xeb\xd4Z\xfa\x80\xb4\x0c\xc0\xc4V\x81\x00\xfd2\xcd\x01,\xf4'"</t>
  </si>
  <si>
    <t>b'\x8dc\x85/\xfd]\x06j\xc4\x18Vx\x97\x8b\xd9\xd2|ut \xa5\x87Vo\x8b\x02\x9e.,K\x99\x18'</t>
  </si>
  <si>
    <t>b'\xd1\ra\\\x99\xb5\xb3\x7fe\xdak+C@n=\x8eF\x80\xdax\x04\xf5\x83\xa8\x97\xd7\xff\x11%\xfc\xec'</t>
  </si>
  <si>
    <t>b'6\x96\x93\xb3\xaa\xd8\x83\x9f\xbd\x81\x95c\xfa\x91SAh{gd\xf6\x1f\xaaFz\t\x86b\x8a\xef\xc1\xf7'</t>
  </si>
  <si>
    <t>b'\x7f\xa9\x1b\x15\xdfeI\x0b\xf5%\x9d\x0b\xd9\x02\xc9l\x9c\xd4&gt;\xdc\xcc!u\x87A\xb9\xf6\xb3\xfa\x82\x05\xb2'</t>
  </si>
  <si>
    <t>b'-H\xae\xf8\xa0pd_\xf3 \xa9X%\xd9\x01\x16\xde\xdb\x99O\x8fv\xb5\xe9\x82\xc8\xb4_B\x8d\xae\x88'</t>
  </si>
  <si>
    <t>b'Hw\x94\x15\x10\x94\xe0\xf2:\xda]F\x1b\xa2\xa0\xa0\xc6b\xa7a\xc5\xe5\x02&amp;\x03\r\x99\x0f\x03\xcf~ '</t>
  </si>
  <si>
    <t>b'\xae W&lt;\xd2=\xd3;e=\xf5\x8a\x11X\xaf)\x0b\xa0y\xb4\xb8\xa9\xff=\x89N\x18\x85O&lt;^`'</t>
  </si>
  <si>
    <t>b'o8\x00PS\xc5\x95lS\xd2M)w\xd5\xfeP\x11\x04\x0eS/\xf3o\x80\x18\x02\xd3j\x0c\x15\x89\xfc'</t>
  </si>
  <si>
    <t>b'\xbfB\xf6\xd2;S\x8e\xb7j}\xb13\x90$?\xf7\x8d6\xc6\xfaP\xd9\xbd\xf9\xe3\x14\x02m\x05\xda\xf0\x96'</t>
  </si>
  <si>
    <t>b'!\x156=\xf0:\xc8\xee\xe9\xd4\xf5M\x8e\xf8\xed\x9bV\xa0\x0bX"\xe3\x15\xc2s\x0f\xa2\xeaK@\x1cG'</t>
  </si>
  <si>
    <t>b'm\xb5\xea\xc4\x0b\xd5\xb72gA\x17R\xc8\xdf\x8b\x0c+\x1c\xee\xa0\x12\xb8\xb1v/`\xdb\xa5\xe0\xfb\xcb\xeb'</t>
  </si>
  <si>
    <t>b'0\xd6{\xd3[$\x00\xcfq\xe0\xde\xa6\xf6\xef\xf5\x1d{\x9e\xcd\x073$_$\xb4\xd9\xe0c(o\xb3\xc1'</t>
  </si>
  <si>
    <t>b'2\xc4\x16!\x11|\x12\x0b\xa92\xeb\x97\xdb\xa0\x0ct\x02\x87"\xfc\xb9\x85\xcf\xbe8\xac2K\xdcy\x9eG'</t>
  </si>
  <si>
    <t>b'\x8a\xa4{\xf8\xb0\xa0\xb2\x9dU\xfb\x02P\x8cAS\xd6\x01\xb3d\xb0 d\x10q\xbf\x9bA\xdem-?\x87'</t>
  </si>
  <si>
    <t>b' c\x84\xed\x19\xbeO\x9d\x97S\xd7\xc2\xa9\xec_\x08\x05~\x9f\x93\xcb`\xa55\xeaP\x9ci\x1d\xc5\xcc\xb6'</t>
  </si>
  <si>
    <t>b'\xdeE\xb8%\x17]\xefaaU\xd2\xb3\x05\x8cf\xf7\xeb\xed\xa0"m"\xf6[,\xe7\x868\x94\xf93\x95'</t>
  </si>
  <si>
    <t>b'\x0c\xc4q\x80aU\xdf5\xb2i\x19\x91\xec\x06*\x98VT\x99\x11\x85\x1d\x00i\xbf\x0f\xfc\xf2k\xc4\x95/'</t>
  </si>
  <si>
    <t>b'\xee\x86\xfc\x17I\x04\xf7\x82E^4\x01\x89\x89?k\xa4\xa7\x1a\xf7\x9d\x13\x97=\xf3\x90C)\x07\xf2\xde\xf9'</t>
  </si>
  <si>
    <t>b'\xd3\x95]\xd4e\x9f\xb5\xc3\xcb\x8bv4.\x8f`?L\x05\x05\x82\xb0\xaelu\xc29\r\x86\xb3\x16\xea\xfb'</t>
  </si>
  <si>
    <t>b'\x83\x1c\t\xf7\x9aQ\x00\xd6W\xcd\x96w\x92\xba\xfa8"\\nu\x97\xde\xa1\x93\x02\xc2M}\x02U1\x90'</t>
  </si>
  <si>
    <t>b'~\xf9G&amp;\xda\x80\xfew\xc5\xd4_\xfcFU\x9d3A\xc2\xd6QJ\xda\xcf\x05I\n\xb9a?\x02\xec|'</t>
  </si>
  <si>
    <t>b'C7{\xdcO\x7f4\xad\x7fi\x92\xb4\x8e~\\\x88r\x808\xef\xa2\xb5\xca\xa0\xfd\xc2\xd2X@"\xc7k'</t>
  </si>
  <si>
    <t>b'|\xb8(\x107\x17\xad\x89\xfb\xd1\xaf\x9c\xbf\x97!\x8dM\xde\x863\xe0\xc5I\x00A\x80\x15$\xd8\xb8\xb1W'</t>
  </si>
  <si>
    <t>b'\xbe.ni\xbd}P-f\xb8w\xa6V/bX\xb9\xbd\xc1\xd8x?\x16N\x90a\xb4\xa6\x01\xe1\xdb~'</t>
  </si>
  <si>
    <t>b'\x1c\xccv\x8e\x9c\x92\xb2\x1a\x18{PFJ\x0c\x04\xf6\xb8+\x93\x14\x9e\x83)\xa8S\x7f\x10\xf7U\xba\x0e\xac'</t>
  </si>
  <si>
    <t>b"6\xa8\x84`2'X\xbb\xf6\xd4\xee-\x0e\\\x95\xb8\x06\x8a\xae\xfblMF\xf5\xdb\x9a\xc8\xb2\xef,\\."</t>
  </si>
  <si>
    <t>b'\x041\xaapa\xa1\xf2\xd6\x08\x88\xf7C\xa9iJ\xa1\xd5|2\x05\xb2\x7f\xddt\xa9\xdd\xf0\xf8\x91\x8bR7'</t>
  </si>
  <si>
    <t>b'\xb1\xbalH\x1a\xd3\xb7\xae\xd9\xdb\xed=\xf9\x9cAj]\x9b1(V$k\x043\x17\xf9\xaa#\x06F\x9c'</t>
  </si>
  <si>
    <t>b'0h\x9e\xb7w\xca\x1b~bT\xa9\x0f\x02 \xc5\xadK\xcb.\x82kyD\x86\xc0+GN\x84\x15\x9a\xfa'</t>
  </si>
  <si>
    <t>b'\xa5-\x12\xe7NX\x9e-AS\x17~\xcb\x90\n\xa56\xde\x14Y\x181Bt*\x16\xe9\xd9\x05l\xf0\xa1'</t>
  </si>
  <si>
    <t>b"\x14a\x0c,\x9a\xca\xb9\xaa\xca\xec8\x16\x07\xa8\xfc'\x91\xf7\xbc\xef\xba\xcc\xb2S\x07\x08\x06\x18\x83\xf9\xb3."</t>
  </si>
  <si>
    <t>b'\x01\x90e\xdc\xe3\x13b\x96\xbb\xa1Wg\x80\xf5p\xc7\xec\xb5\xb1\xcd\x010/\x95\xa8\xff\n\xb5\x19\xe7n\xea'</t>
  </si>
  <si>
    <t>b'\xd3M\x05m\xd8\x92Z\xbc\xf8\x9e=0\xb7\xdd\x1f\x05\xdf\xce!e\xc4=\x9bJ\x86\x0b\xf4\x9d\xb5\x9f\\\xf1'</t>
  </si>
  <si>
    <t>b"\xdc\xba\x18;\x9c\x8c\xd5]3\xa8\x10\xf2X\x08\xd7\x91\ta\xd0$\xaf\x9c'=..\xc1\xd5\xde\xe3\x06\x9a"</t>
  </si>
  <si>
    <t>b'\xd0\x8cS\xb8\xd8\x00\x88\x84\xa3\xd9\x81h(\xc7\x0f\xa0c\xc3\x87N\x11?\x9d\x0e\x9c\x90\x1b\xd0_.\x80?'</t>
  </si>
  <si>
    <t>b'\xcf\xca\xaf`|P}\xeb\xe9\xd2V\xd5&gt;\xf4k\xa5\xc4\x8a\xfc\xee\xa4\x88z7\x01CB\xe5\xda\x9d\x9b\xfb'</t>
  </si>
  <si>
    <t>b'\x0c"\x1bb\xad2\xcfR\xdd\x80\xf1\x9cY\xc2ax\xcbz\xc7\xca\xb0\x84\xafn\xce\xba( ~\xfd\xa8X'</t>
  </si>
  <si>
    <t>b'\r\x85\xce\x8bH@@K\x1e,\xc8\xab\xacJ@WD$\x08R\xf2n\xea\x93\xec\xad5\xd0K\x0c\xdf\x96'</t>
  </si>
  <si>
    <t>b"\xabgm4\x11\xd9\xf2\xc6\x91'\xea\x17\xe1Vp\x98Y\xa6\xe2\xa8@\xf2\x04\xfd\xc7\xd7\xdf:`5\xac\x12"</t>
  </si>
  <si>
    <t>b"'\xbe\x133\x97_T\x11h\x00A\x1fA\x86\xda\x87\xfeQa\xd9&gt;\xfd\x9e\xcd\xac\xc9jN\x07_p\xfa"</t>
  </si>
  <si>
    <t>b"\xdb}T=\xae&amp;+\x7f\xaa\xef\xe6\x1dJh\x1d\xb1\x99\xf1ON\x0f\xbdd^V\xcf\xfe\x1d\x1aB'\xab"</t>
  </si>
  <si>
    <t>b'\x16en\xb5\xfe\xe8k\xfb\xb0\xc9t\xdd\xce3k\x1fk\x90\xc3\xfbrXu\xd8=\x93\xc3R\xca&amp;#\t'</t>
  </si>
  <si>
    <t>b")*+'\x81\x81\t\x8cz_\xcd\x99\xb8\xcf\x91\x00/\xcf\xb2\x87\xc0\xcf\x83?\xa8`H\x00\x9e\x8f\x1f\xf8"</t>
  </si>
  <si>
    <t>b'0=\x88\x07*\xf3jA*\x9aB\xea\xfbn\xb9\x7f1\x83u\xa7t\x8e\xce\xc7i\x9e\x9e\xf3T\x8d\x14&amp;'</t>
  </si>
  <si>
    <t>b'\xd3$\xb7MB\n\xd5\x0b]\x8a\xc1e\x05\x02/\x90\xd6\xc2\x849\x99`)5\xbe#se]\xadF;'</t>
  </si>
  <si>
    <t>b'\x11\x10\xb9#|\xaa\x08|_\tf\t\x9a\xcb}dX\xe1\xe7u"\x1cA\'\xef\x86\xb2F\x0fs\x03A'</t>
  </si>
  <si>
    <t>b'\xc8S:_\x91\xfa\xf9\xa1\x99\xdb\x8c`F\x1bW\xdfP)U\x7f\xf5\xcc\xc1\xcava\xbd\xc8s\x8b\xb4J'</t>
  </si>
  <si>
    <t>b'J!\x08\x11\xd4\xb6\xfa\xb9\x8a\xa7\x06U\x1f\x85\xc0\xa8\x82P\x02\x9d\x89h\xad{sn\xe1\xe5\x86\xf9\xb8k'</t>
  </si>
  <si>
    <t>b'\x02\x97a\t\xeaE\xf5\x1f\xaf,\xb4\xa0N\xc0\xb9v\xcc\xca\xb6\xd6k.bz`\xe9\xde(\xa2OUC'</t>
  </si>
  <si>
    <t>b'\xf2\xaa\x8f0c\xfee\x91\x12:?]\xe88\xa7\x81[\xcd\x14\xcd\xb0u\x0e3vE\x05yv\xd6\x91\xcd'</t>
  </si>
  <si>
    <t>b'\xbd.\x8e\xc6\x18\xbc4\x883\x01\x85\x11\xdb\xdf\xe8u\xacr\xba\xae\xbb\xd6\rF=\x1a\xed\xccj\x97$\xac'</t>
  </si>
  <si>
    <t>b'\xf6\xfeL\xacG\xae\x98\x8d\x0f\xbe\xc8 \xf5K@\xect6\xb9\xfd\xf4l\xcc\x01\xd24%\x86\xa0\xdd\x00\x84'</t>
  </si>
  <si>
    <t>b'\x89\x03\xe1s\x1e\x12\xa3\xb0\x05\x83{\xb8\xc5\xaf\xe4S\xed\x95\x18\x06\xeb\x15\x89?d\xb7\xffo\xc0\xf8\x18\xd5'</t>
  </si>
  <si>
    <t>b'NC\xc17\xd6\xdd\xc5\x0eF5\x80\xce\x8b\xc49\xd1\x83m\xd2\xd6\x86r\xa0`a\xfcb\x16\xa9\xb2\x85\xe2'</t>
  </si>
  <si>
    <t>b'\x01&amp;\xbb8\x81\xbd~l\xe4a\xd6(\x8167\x99}\xd5\t\xbb\x9d\xf5\xdf\xef\xb8\x9b\xc4Tk)N\x1f'</t>
  </si>
  <si>
    <t>b'\xd5A\x8eS\x8e]\x07\x02\xd7\xc4\xc2\xc8W\xfa\xeb\x87\xb7\x17\x9d\x17\xe6&amp;\x9b\xe5\xe0\xd5\x18\x82\x05*\xfd\xf9'</t>
  </si>
  <si>
    <t>b'\xc9\x17"\x1aN\xc9E\xc8\x14pI\tU&gt;\x14\xdbEWs\x934\xfdG\xfe%J\x0bc\x95\x10\xf6\xed'</t>
  </si>
  <si>
    <t>b'\xe0Do\x18\x1d\xeb\xc6\x8f_\xd2\xd9\x8bw\x81e\xb7\x85\xb7\x14\x1f\\c\x14\xe6_\x9a&amp;2\xa00\x1e\xd0'</t>
  </si>
  <si>
    <t>b'A:b\x0c\xe7,G\x17\xd4\xb3S\x9f\x9aW\x85\xed\xf7DZ^\xe8\xf1\xf4Vs\xaf\x08\xd2\x02\x84\x9a\xa1'</t>
  </si>
  <si>
    <t>b' \xd9MK\x82\x1b\xec\xc7\xdd\xa7\xd6y\xe0S\x11\xe4!\xcb)\x19\xc9.\xd4\x1d\xc4\x0b \xf8\xbd\x02\x06U'</t>
  </si>
  <si>
    <t>b'\xe3\xfbuX2\x06\xf4\x922\x1b\x01,m(:\xdco&gt;x\x85\x1a\x93\xc3\x89\xfa{}\x93;\x89\xf9\x15'</t>
  </si>
  <si>
    <t>b'J\xb9\\\x02\xde\xac#\xf4m\x12U\xccu\x9a\x1a\xb3\xed\xf5\x86\x0c\xe8\\\x92\x98\xfdh^G\x05)\xff\x11'</t>
  </si>
  <si>
    <t>b'dDF\r\xce\x93\xaeO;%\xc3cG\xe2\x85\xedK\xfb\xf6\xe7\x14H-n\xc9\xa5\x83\xf3\xc2\xde\x9a\x89'</t>
  </si>
  <si>
    <t>b"\xff7\x9e\t\xc9\xaa\xfc\x05B&lt;\x88\x9c\x8a\xe8\xd4\x81'n&amp;\x82\xa2\xc5#@\xce=\xf4\x9c\xe7,m\xa8"</t>
  </si>
  <si>
    <t>b'lI\x08\x99\x8bS!\xc7#s\xfe\xf6\xe6\xbd\x96v\xcf\xc0B\xa4\xcc\xc6\x9c\xb4\xd6\xee\x7fP{v\xcc\x1a'</t>
  </si>
  <si>
    <t>b'\x18\x8eK\xa1\xbcV\x89-%\x83\x964\x96F\x9e\xa3\xd1\xbb~;\xf9$\xfb?V\x17\xb3\xde \xee\x11('</t>
  </si>
  <si>
    <t>b'\xaer\x9c\xf6\xdd\xfa?0&gt;a7\xfb\xf5\xa7R\xa2,\xa8\xb1\xa1\x11\xb6@l\xd6\xee\x1e\xb1q\xa0|\xee'</t>
  </si>
  <si>
    <t>b'\xda\x8d\xa9\x00\x0b_[\xa1-\xdf^?\xb4Aa4\\\x1bg\xac\x92\xbdm\xb0\x00x~\xfd"z\xb7\xe8'</t>
  </si>
  <si>
    <t>b'9o\x8b\xb3\x88F\x9d\x02\xe6\xac\x8dl\x18GH\x01C\xb2\xb4\xfc\xba\x9620]\xf5\x18\xd8D\xa0(\x03'</t>
  </si>
  <si>
    <t>b'\xf8\x13\xe1\xdeXP\xd5I\xe1B\x14\xbfg\xa4\xd5g\xd1\x92\xbd\xab;zq\xb6&gt;\x8e\xc9B\xc3\xd9aP'</t>
  </si>
  <si>
    <t>b'\xb55\xff`t\xf0\xe8\x8c\x9f\x8b\xab@Zy\x0f\xe9h[@\x17\xe25\x91OW\xb6d\x0e\x96\xce~\xd2'</t>
  </si>
  <si>
    <t>b";b\x15\x18\x97\xfa\x8b1\x1e\xd0VuSV\xc2\x8f4~\\3\x8f\xee\xa5'\xfc\x04\n|72\xb3K"</t>
  </si>
  <si>
    <t>b'K\xdc\xfeUs6cu\xb7\x87\xb5k\xea\xef#\xec\xa5\x1e\xa3\xb7\x00\xeb]\xe9\xbd\xb2\x83h1XZ\xea'</t>
  </si>
  <si>
    <t>b'\xcb\xcd\xa3\xf8\x96TB$w\xcb\xf6\xf8\x109\x14*4\x9b\xf1\x8e)/2\x9c\x94\xecUj*\x00\xef\xb4'</t>
  </si>
  <si>
    <t>b'\xe0\xc2R4\xd2\xba\xe6W\x90p\xcdJ\xea\x9461\x81\xa5\x88\xa0U6\xcb\x85:\xdf&amp;B7\x95\x19w'</t>
  </si>
  <si>
    <t>b'\xaa\xbe\x8d\xfdU\x04\xc8\x06FS\xa6&amp;\t\xbdD\xeb5-\xbb\x1d\xdb\xe0\xdcI\x99\x91\xfd\xca\xf7\xe1\x8f,'</t>
  </si>
  <si>
    <t>b'\x197\x9b\x02;\xbc\xe7L\xf9\x01A\x1d\xb6s\x88\xce\x06|\x07\xff\x92\x16\xa1S0\x91\xc9c\x91Q6\xec'</t>
  </si>
  <si>
    <t>b'\x10\x88\x88\x8a\x04Bf\xed/lX!\x19\xbb\x8c@\x0c7\n\x92\xbb\xadi\xba\xd8\x06^5\xc7v\x8c\xad'</t>
  </si>
  <si>
    <t>b'\xfd\x08\x92VM\xe9S\x03\xce\x98\x93l\xb3\x15tr9,\xafi\x91pC\xa7G\xa4S\x15\x95G\xbf\t'</t>
  </si>
  <si>
    <t>b'I\x01m\x15\x8dkC\x84\x19\xd8\x9cW&gt;NK\nM\x81\x1e\x14\x8aY\x98\xe9\xfb\x17}u\x1ff\xe8A'</t>
  </si>
  <si>
    <t>b'\x1c\xf8G6\xc5\xd2B"\xe2,\x16\xce\x9dy\xa3\x90\x1b\xda\xb2\xc8\xfa\x1c\xe5\xf8]\x9e\xb2Px\xf5\x1b*'</t>
  </si>
  <si>
    <t>b'_\xe3vK\xd44C\x8d\xbd\xf1\xa5~\xed\x93\xe5\x1a\xe4Xj\t\x938E\xb0\xde\xff1\xf0\xd8ojk'</t>
  </si>
  <si>
    <t>b'\xa2\xfb\x1f\x9f\x18"&gt;\x87\xaf#\xe7\xa6Q\xbb\xf7\xb7\xae\xf2\x0cO\x98uo\xd9G\x95\xc2\xf6\x97]\xaay'</t>
  </si>
  <si>
    <t>b'\x12\xec\xc2\xb6\xc0\xe5\n\xcb\x9e\xee\x13\xb1\x8ci\x8c\xdb\xd1\x9d\xa9}%\xa5p%\x80\x88\xa4;\xe0\xd76t'</t>
  </si>
  <si>
    <t>b'-\x8b\xc0IJ\xdcexr\x0e\xf2kq\xbb\xe9\xf4\x11_\xc6te\x12\xf4\xcf\x0bj\x11r}\xae\xab^'</t>
  </si>
  <si>
    <t>b'3\xbd\x84~\x88\x1f\x1e\xa5\x13\xf0Og\xd8\x9dkA\xb0\xbe\xb3z\x91m\xf9\x9a\xe9b\xee\xb1|G\xcc7'</t>
  </si>
  <si>
    <t>b'\xb0\xaa\xccL\xe9q\xfdAHB\xfdg\xa1\x1f\xdd\xa01;\x90iA\xbe\xbd\x96\x0bF\xa9pl\xd5y\x7f'</t>
  </si>
  <si>
    <t>b'\xba\xa0\x0c\xe6\x9e\x9d\xd9J^\xf1\xd1\xa1\x81\x97Ul\x17\x95F\xabm?\xe3\xb3\x8e\xe6F\x84\xa2\x0f\xa90'</t>
  </si>
  <si>
    <t>b'u\x91$Z\x1dS\xad5\x98D\xd8\t\x11\x1c\x04\xfb\xa4(\xcer\x0f\x91\xde\xe6RE\x8e\x99;\x81\x16\x8e'</t>
  </si>
  <si>
    <t>b'\xebb~\x8d#gE1\xfe\xeb\xda%\xdd\xa4\xe5\tW\xde1\xa5\t\x0c21\xe4\xb7\x81\x84\xc0&lt;\x10\xaf'</t>
  </si>
  <si>
    <t>b'50\xd1wQ\x17\xc1\xf9\xbb~$\xa2\xd3\xac8\xa1RN\xe6\x17?`&amp;\xe9\xc0\xb2\x16\xbb\xb7\xd9\xf6\xb6'</t>
  </si>
  <si>
    <t>b'\xbc\xa8\x00\x86\x80l\n\xd7\x16D\x11\xca\xfa\xe8{\xb7\xaf\xf4(^\x8eM\xf8Z\x1c5\xcal%^+M'</t>
  </si>
  <si>
    <t>b'\xca\xecC\xbf\xd0\xed\xc4\xe5&amp;)\xfe\xce\x92\xdb\xc4P|\xc9\xd9\xa0\xda\xb4\xcd\x1b\xc3\xf2\xd8\xb3C\xca\xeaA'</t>
  </si>
  <si>
    <t>b'dQ\xa79\xb0\xd0\xc2\xa7\x98#\xe9g\xea\xc7\x8e\x8d\xd5\x0b\x7f\xa3,BF\x90I-\xd9\xe8\xa9m\x86\xbf'</t>
  </si>
  <si>
    <t>b'\xea\xd5w\xfd\\\xb4\xf3\x91\x9dvE\x03\xb4\xd3dlT\x8a\xc5\xbeEae\x1a\x0c]\x93O\xb9\x83\xc1q'</t>
  </si>
  <si>
    <t>b'\xfc[[\x894\xd9\x89\xe6zCv\xcd\x95\x1f\x12\xb1\xdf\xd96W\x1e\xeaP\xd9\x96CI\xfd\xc9\x10\x1f\x93'</t>
  </si>
  <si>
    <t>b'|\xbbV\x1b\xe7h\x19P\xa80*\xac\xf6LI\xc9\x99rQ\x9d\x9d\xe3\xa4\xfc\xf0W\xbf\xc9\x05\xc7\xfd\xea'</t>
  </si>
  <si>
    <t>b'\x93i\xbdWw~dz\xe56`\xf8R\xa0\x9a\xf8\t\xa7\x178\x9e${\xfb\xfa\xa9\x8bS\xbc.\x87q'</t>
  </si>
  <si>
    <t>b'\x183W.E+~\xd6\x80\x1c\x96\x00e\xca3\x801\x1aSwE\xc2NJ\xd6\xfa\xb4\x96,\xd9\x853'</t>
  </si>
  <si>
    <t>b'\xf3\xcc\xe8b\xcej\x8f\x8d\xfdt\x9a"\xef!\x01eFY\xd6Z\xf2r\xf2\xa1z+\x14\xc5\xe9\xc90\x1b'</t>
  </si>
  <si>
    <t>b"\xdf\xb4D[q\x83\xbd\xd24\x08%\xf5\t/\xed\x0f\x85I\x02\x99\x06\xa7]'\xedK\xe7\x04\x11\xe8\xe7e"</t>
  </si>
  <si>
    <t>b'\x91\x8d\x13\xe1q\xdd\x1c\x842\xd2\xb5E\xa8Q&gt;\x01\x9b\xde;ei\x92\x06\xf67\x94\n\xf5.\xc2\xa3\x0c'</t>
  </si>
  <si>
    <t>b'n\xedN\x16\xf7\x82\x880\x9a\xdcEr"\xe2i\xdc\x15g\xbcj\x0bv\xa4\x14\x9f#1\xe5\xe0}5\x97'</t>
  </si>
  <si>
    <t>b"^Pu\xd0\xbf7M\x98uW_'\xbf\x96\xfbp\xf97\xe7\x95'\xf6\x81N\xf4\\`_g\x90hU"</t>
  </si>
  <si>
    <t>b'w\xb7\xbau\xc6\x99\xf2\xca2Su\xcc\xbc\xb3c\xe4"\xb1k\x93\x80\x05\xbb\xcegU\t\xca\xdd\x92\xecK'</t>
  </si>
  <si>
    <t>b'\xc4\x0fd\xe05\xd0\xd1z\x8b\x86\xbc4q\xde\xd9\xd4N\xe2\x80\xa5+KI_\xc4N\xc4\x81_Pv_'</t>
  </si>
  <si>
    <t>b'\xd6\xb7\xf6\xc9R\x02\xb8\x19z\xe1E\xb2\xb94\x06`\xc1\t\xab\x81\xc2\x1cu\xf8\xb3\xb3\xf8\xde(\x16\x0c\xaa'</t>
  </si>
  <si>
    <t>b';jts\xaa\xb9\x05\x85\xfa\x97)\xf8\xf2^lR\xd9,\xb3\xe8\x90"\xf9\xc5h\xf6+\xcd\xd9O\x07\x01'</t>
  </si>
  <si>
    <t>b'|AA\x17d\xb7\xd0RrhPrz\xc1h6W\x01\xd9-!\x95\x132\xfd\xbbl^,\x13=p'</t>
  </si>
  <si>
    <t>b'\xf3\xb0:\x11&lt;\xef5\x0fW-!\x01b\xde\x0f\xe8\x95\x829\xcfF\xe5\x0b\x97\x00\xdaI\xa7.\x81\xdd\xc2'</t>
  </si>
  <si>
    <t>b'\xc6&amp;\xa6qK\x0e\xe8\x82\xb89\x8a\xa4\xb0\xf7"F\x0c:\n\n\xb3\xfe\x03\xa0\xb7\x10\xa2v\xd8d8\xe3'</t>
  </si>
  <si>
    <t>b'\xd9?\xcbz\xfe%5\x87\xe8\x89\x95a\xed\x8d\x959\xa5dN\\\xa8\xc3\xb7T\xeb\x07\xf6\xd87\x12\xbb\x0b'</t>
  </si>
  <si>
    <t>b'\x87#\xe9\xfcI4\x00owS5\xd7b[ \xba2\xe60P\xa5\xeb\xf6\x08\xcc\x04Dp[\xc00\xb2'</t>
  </si>
  <si>
    <t>b"ED\x85\x8c\x11\xef#\xd1:3\x1a\x17\x04B\xa5h%2{\xa0\xd3\x07\x87\xe2E'\xd3\xfe\xb33&lt;\x81"</t>
  </si>
  <si>
    <t>b'\xb7f7\xe0\xf6\xb7\x1a\xcd\xa2\xfb\xea\xca}sq\xc9Gh\xc2e0\xd6z\x98m\nF\x91\x89O\x00\xf1'</t>
  </si>
  <si>
    <t>b'\xc1h\xba\xb4\xe7#\x88\x05\\^\x94Q\xa7\xd6\x83\xd8WAf\x8aI\xe5\xe5\xf6\x9dd\xf6j\xaaR\x13-'</t>
  </si>
  <si>
    <t>b"\r7K\xf0\xa8?\x94I\xc6\xcfI\x1a\x9ad\xdb\x08\xfcX\xe3\xa2\x1a\xde\x823u'\x97\xf2Q-\xa7&lt;"</t>
  </si>
  <si>
    <t>b'\xf6\x01}\xe7?S*\xc66A\x01\xe7a\\\xcbj\xe1\xaf\xb95\x81\xe1\n\x0f\xb1}\x83c\xa4R\x1c\xa4'</t>
  </si>
  <si>
    <t>b'\x85\x81\xa9{\xf9\xbbCD\x12f\x0b\xc4(\x8a\xa8E\xb6k\xd2\xcf\xcfB&gt;\x95!\xf9\xddG\xc22t\t'</t>
  </si>
  <si>
    <t>b'P\x15\xcd]\xf2\\\x0f\xb6#\x99\x8d\x94\xa4\x97\xf8\xda\xdd\xa5c\xd9\xf9\xa5^\xe7\xfeT*g\xf8j\xc5\xa2'</t>
  </si>
  <si>
    <t>b'\x05)\x91\xfe4\xfd\xbeM\xc1\xe3X$\xef\xbc\x91\xa0H\x9c\xb0\x0e\xb4\x83\xec\x1f\xfc\xe2\xa5v5J\x99\\'</t>
  </si>
  <si>
    <t>b'\xb1\x1a\xe4/T\x06.\xee3\xe2\x91\xad\x08\xa3G\xc1\xfd\xa3\xfcRf\xda\xc2\x13\xbe\xcf\xf6\xc0\xd3\xa3)i'</t>
  </si>
  <si>
    <t>b'\xb9\xcf\xfe\x18\xc8s\xfc3\xe2)\x00V\xe0%hJ\x03\x04sx`\xf8\xdb\xb5\xf8\xf8\x83^\xae`\x12\xf0'</t>
  </si>
  <si>
    <t>b'\xf0\xecx\xd0m\xce\xfe\x8c\x13`x\xa1\xf26\xf3\x04\xfb*\xc5g\xef\x9a\xd8\x9f\x90,.\xff\x01\xd31N'</t>
  </si>
  <si>
    <t>b"\x0c&lt;Z4\xc7\x0f5U\xf9\x85V\x8b\x86!\xb8'\x8cE\x89c(\xe6-wuo,\xb8\xa2\xd4\xcb\x08"</t>
  </si>
  <si>
    <t>b'-\x01\xf6\x87\xd3\x8eS4\x94\x92\xb6\x1c\xe0Z;l\xa8\t\x11\xf9\xbd\xa1\xc7\xf2\x9b\xe33\x1d8\x98~p'</t>
  </si>
  <si>
    <t>b'\xdc\x8f?\x06\x8a\x94\x07`\xc5[\x1e\xcaB{Y=z\xcb\x02\'\x8e\xc8\xd7z\x0e\xe8"o\xd5\x0e\x94\xd0'</t>
  </si>
  <si>
    <t>b"\xb9_O\xd2kp\x84\xc1'\x03\x18;\xf2?\x9a7\xa3\x9a\xc3-\x17sq\xfa\xb35q\\\xe9), "</t>
  </si>
  <si>
    <t>b"'\x13[\xe3z+\x15\xf9\xef\xba\xb7\xaf\xaf\xf4\xedb(r\xbbax\xcc\x9f\xf8\xb0\xd7f5\x1f\x85(V"</t>
  </si>
  <si>
    <t>b'\r\xcfF1\x16\xbc;\x93\xc6\xbd"&amp;\xd2\xca8\xed\x11\xe2\xc7\xac\xeeP\x8d\xfe]\x7f2\x9e3AP\xc3'</t>
  </si>
  <si>
    <t>b'K\xad?qX\xc2yh:\x9dw\x82\xfd\x96\xb31\xafZt\xf4\xf0\xdf\xdd\x824\xd5\n\x83\x01\xcc\xe0\xa7'</t>
  </si>
  <si>
    <t>b'Q\xf7\xa7\x88\x1d_\xde"b\xd6\xf1#\xa8|\xbe\x91\x8e\xe6b\x92\xf1\x9b\x95\xa8\xd4i\x85=\xb7\xc5\xf1G'</t>
  </si>
  <si>
    <t>b'\xd4=\x95\x1a\xec\x82N\xccN\xf9\xe8\xbd f\xcb\xec\x9c\\\x82ZM\xbcm\\\x1c `\xe35\x1eyn'</t>
  </si>
  <si>
    <t>b'\x8b\xd7\x87yc\x10c\x99\x9a\x89\xcd"z\xe3/\xeb\x9b\xfc\xfc\x83\xde\xc4\xd9\xf8\xb3d\x1d\xc6\x1c\x15\x8d\xdd'</t>
  </si>
  <si>
    <t>b'\xf4\x90\x8e\x01\xf5\x91\xd3C]~ubbd\xa0\xf5\xb4\x88f\x99(\x1d\x00\xebu\xe8*C\xb9.\x7f\x0e'</t>
  </si>
  <si>
    <t>b'\xf9\x0e\x9aE\xe3\xb34\x8eUnO,\n k\xfcl\x01&amp;\x9aw1_\x7f2\xaa=\x9f\xf4\x00\xf5U'</t>
  </si>
  <si>
    <t>b'\xb0\x16\x075A\xf6\xb0\xe3\x95\x1c\x03\xffD\xf0?\xd2\xc7\xc5z\xcdr\xd7\xad\xac\xaf\x86&lt;\xc7\xc1\x88\xff\xd7'</t>
  </si>
  <si>
    <t>b'\xc6\x86\x1b\xd5]\xc4aD\x87\x82\xa9J\x1bM,\x85T\xb8\xac\xf7\x1d\xc4`W}\xfc\xc04\xed5\xd7R'</t>
  </si>
  <si>
    <t>b'\xb90\xe4Rz\xfc\x9f2FS\x868I\x8ff\x15\xe7=\x99`\xbe\xe3\xa6\xb6\xd5aZ\xd9b\x07\x04G'</t>
  </si>
  <si>
    <t>b'\x18=\x12gu\xaa\xec\xaaCRc\xb1@L\x13\x02\x96\x1f3v\xd4\xe1\xa0\xb8\xb2\x9ei \xbbmZz'</t>
  </si>
  <si>
    <t>b'\xc0\x0f \xb2\xe6\xf2\xe5\x8f\xf8j\xf9\xe1\xd5^\x89O\xdc\xac\xc7\xfc@K\x19\\3\xd0\x93\xc4\xe6\x0c\xbb\xeb'</t>
  </si>
  <si>
    <t>b"q*\xe04+:\xcb\x06E\xde@'\xa9\xf9\x0f,D\xa6$7\xd7g\xf2\xcbQ\xefFZ\xb0\xa5\xe8A"</t>
  </si>
  <si>
    <t>b"KtW\x11r\xfa\x9c\xb5\xc2\x95K\xf5d\x8b\xc6\xc1\xa9{\xd9\xd0\xd8'\xb2\xaf$E\xceq\x17o\xb5j"</t>
  </si>
  <si>
    <t>b'!RS\xfc\xfa\x83\x10\x11\xef=\x97\x07\x84\x82\x18qI\xfd\xbf\xfc}\xacw\xd7\x9c\xcf\xa0\x9c*\x91\x0c\xa9'</t>
  </si>
  <si>
    <t>b"d5\xebNI\ny'\xe7\x82\t\x02\x14\x00\xc1\xec\xb7\xd8\xb1\xd6\xe6\xdb\xcf\xac\xf4\xbf\xc9A\xba\x06\x89,"</t>
  </si>
  <si>
    <t>b'D}B?\t\x91\x82\xd4\xab\x07n?i\x05Q\x11\xf9N$_GM2p\xd6B;\r\xa0\tr\xbb'</t>
  </si>
  <si>
    <t>b"\xbf\xe5'\x84T\xb1{\xa7\xbb\xd2\xfd\x1b\x0b}\x99t\xacWJ\x90oy\xa0\x89B\x8e\x97\x89\xd1\x83\xda\x06"</t>
  </si>
  <si>
    <t>b'~\xb9\x15\x93\xce4\xec]\xc1\xa8\x9a\xbe\x8d\xba\x0e\xab)&lt;\x8e:\xd4\x88j$\xac%\xb1\xdbZ\xfa\x820'</t>
  </si>
  <si>
    <t>b'lz\xf4\x08\x12\x8dO\x96\xfa\xc4n\xae-\x14\xda\x97N\x7fS\xd3\x07W\xb9,\x9a ={\x7fU\xfe\x93'</t>
  </si>
  <si>
    <t>b'7\xa3{\x14\xbcT\xa6\xae\x88V\x88\x1b\xa9\x17\x89\xe8 \x10\x927B\x91\xa3\xd476"\xb4-&amp;1S'</t>
  </si>
  <si>
    <t>b'\xdb\x95\xeeU!&lt;C\xa5\xca\x9fg\xe5c\xce\x11}\x15\x84z\xd8\xf2\xaf-\xcfUAt\xca\xe5\xf3s\xa0'</t>
  </si>
  <si>
    <t>b'\xf1\xb5\xa3Z\x1a\xdea\xedu\xd8\xde\x9d=8\xe0\x11\xcb\x11\x88\xfcY\xb8*\x1c\x81\r\xf1m\x1126T'</t>
  </si>
  <si>
    <t>b'\xee$\xad\xab\x12I\xdb\x9a\xed\x04\xa3\xc4\xc2\xdb\x1d\x9e\xdd\xdf\xa6W\x83\xfa9\xbe$X\xa4\xad\x875\xcf7'</t>
  </si>
  <si>
    <t>b'\xa4\x01\xde\x15\xa7\xc84|\x1b\x06[\x8b\xeb\x90\x8e7H\x10\x99 3\xab\xca5\xcbP\xbdX\xb3q\xdc\xe6'</t>
  </si>
  <si>
    <t>b'\xed}\xa5\x0c\xd4m\x88\xec\x92\xc0\xf7&gt;\xf3\xd4\xf0\xac\xc3\xb1\xfaF\x96j\xcb\x00C\xe6\xecT\x92-\xc7E'</t>
  </si>
  <si>
    <t>b"%r\rQ\x1f\x18C\xc1\x7f\x8a|Z\xa8!D\x1e\x11I\xb7\xb2Im\x8ce9\x06'9S\xbb\x94W"</t>
  </si>
  <si>
    <t>b'i\\j\xbc&amp;\xfd\x8e\x8f)u\x8a\xcd,\x01b&gt;\xf1\x14\xc9~\xa0\n&amp;~\x13/\x8f\x1e3\x84a\xd9'</t>
  </si>
  <si>
    <t>b'\x8c)E\xea\x9c\xc5Am]\xd6\x86;\xb6\x83\xf5\x95\x86\x08\xe3T\xb4G\xfaXJc\x18\x87\x0f\x0b\xc2\xac'</t>
  </si>
  <si>
    <t>b'%\xe2O\rK~\x07ft9%\xf7\xd2\xd3[\xee\xcfQ\x02V\xc61\xcd4\xf6\xbc\xbb\x05V[\xc3`'</t>
  </si>
  <si>
    <t>b'\xa7\x8f\x8dp\x19Y`D\x07\xd7\x11\xbb\xc4\t\x87\xc8\xfc\x06[t\xb5\x85|\x19\r]T\x96Z\xb5ky'</t>
  </si>
  <si>
    <t>b'T\x8c\xf22\x90\x8a\x1ax\x88).q\x9bN\xcd\x01*$.\x941v\xb2:w}\xb2\xb0%#s&gt;'</t>
  </si>
  <si>
    <t>b'X\x9f\xa6)f\x91*\xa7\x1f\xab\xa2\xbd\xd1\xc5\xfco\xac(\x0cH\xf7\xf07\n\xa1*%0\xda\x9e\x8c]'</t>
  </si>
  <si>
    <t>b'i\x95&amp;\x87o\xc2\xbcJ\xefT\xdbM\xef]\xa6\xb5\xe5\xf0\xadG\x08\xf6N\xa5\x86\x8d:\xe7\xaa\x02t\xa2'</t>
  </si>
  <si>
    <t>b'\x8e\x7fg\x8a\xe6i\x93\x1b\xde\xc7\xe77\xd2\xc2&lt;=sYoX9kV\xb5\x8c+\x1a\x10\x83\xe1)\xca'</t>
  </si>
  <si>
    <t>b'!\x94\x02\xf8\x8d\xeb\x0e\x13\'B\xc16W\x06"a\xee\x0f\xdfTN\xe2r\xb8\xd7U\x9bN\x96\xb7\x93\x83'</t>
  </si>
  <si>
    <t>b'\xd8\xe7\xf8\xd3\x92\xa0\x0c\\\x10\xb9\xaf\x95\xe1\x89\xd7\x9f5\x96\xdba\xff\xbf\xe9\xe2\xe9\x06\xae\xaf\x80\x8a\xd1t'</t>
  </si>
  <si>
    <t>b'=EC\xb2J\xc0\xebQ+\xa0h1W\x1a\xf6Rh\x87\x0c\xf9\x05\xb0\x94S?\x98\xa1s\xe0\x0fC\xec'</t>
  </si>
  <si>
    <t>b'5\xa5\xa9l\xd7\xa2q;&amp;\xb3\t\x94\xc6\xeb\xeag\xa7\xbc&lt;\x86\xd6|_0\xfc\xbbm\x17w\xac\x07='</t>
  </si>
  <si>
    <t>b'\xd6\x1a \x171_\xbb\xf5\xda8\x07\x1dhj\x13\\\xa6\xeb9\x99B\xae\x89\xf8\x85uY{\x18{j\xba'</t>
  </si>
  <si>
    <t>b'\xfcl\xd3\xe7VL\xc3-G\x05\xcbZ\x8f\xea\xe7\xc8o\xdc\xc9\x94jSrc~\x86$\x95\x975\xa5o'</t>
  </si>
  <si>
    <t>b'\x83g\xfd\xfb\xda!\xb0\xeao)\x15\x86\x8d\x82z\xd3\x04$\xf9M\xf0\xba\xde(\x07\x19M&lt;\xbc\n\xcf\xc5'</t>
  </si>
  <si>
    <t>b'Rkm#8\x1c\x12\xcfR&amp;\xbb\xbf\xe3P\x1c\x0e\x0e\x91\xda~Z/\xfc-\xcc\xfa,\xb3-T\x9c\xdb'</t>
  </si>
  <si>
    <t>b'[`]\xfe\xef\x13,\xfa=N\x18*f8\xeb@/\xcb\xeey\xee\x98,\xe3w\xbf\xc1,s54\x0e'</t>
  </si>
  <si>
    <t>b'\x1e\x17\x07.q\x0e\x01\xc8\xb80\xe9\tG\xf47+sy \xf0fJ\x15\xfb\x9d\x92\xfe\x85\x89\xb1\x0b\r'</t>
  </si>
  <si>
    <t>b'\x8a!\xe2\xd8=\xc2Iy\xc8\x02\xf3\x92\x9d\xc8\xc9\x01\x9ah\xf3\xdb9\x92\x06\xbb\x06\x1eX\xf1\x97\xc1\x00\xd5'</t>
  </si>
  <si>
    <t>b'\xae&lt;\n&gt;C\xe6\xfc\xf9\x9df\x92g\x0b\xa7z\xe2\xf4{\xc8\xcd\xcd\xe1\x0e\x97\x8e\x17\xd5\x9a0S\x00\xcd'</t>
  </si>
  <si>
    <t>b'T\xeem\xf0\xac\xceQ\x9ey\x8e\xe7\x0f\xdbf\x88\x9f\xf7)(\xded\xed\x15\xa5[\xf2\xce\xee\x13\x8e-\xde'</t>
  </si>
  <si>
    <t>b'\x19\xeb\x15\x01\x0b\xe0\xaaH\xa8F\xd1M\x95\x9a\xcf#Y\xeb\x05\x8a\xf4\x1cm\xbcG\xb0s\\\xa9\xf3\xdbn'</t>
  </si>
  <si>
    <t>b'\xba\xa4P\xc6n+\xbfNpY\xd7\xce\xf3&lt;6\x87\x03\xaf\xea\xaf\xef\xd2\xb9\x82\x01\x9b\xcb\x89\x8amg\x85'</t>
  </si>
  <si>
    <t>b"p\x11\xb6\x88\xd1s\xc4i\x0b\xd0\xef&lt;\xe6\xfck\xf6M'\x9b\x9c\xe5z\x9a\xfc\xd8\xc9\t.\x06\xbe\xd8#"</t>
  </si>
  <si>
    <t>b"|\xd1\xe2\xec\xb3\x9e\xe6w\xfe\xa1\xca\xc6\xa4E\xdf\xf1y\xd6'\tIC\x1f\xd9\xcf\xb59\x94\xaf\x9c&gt;\xe8"</t>
  </si>
  <si>
    <t>b'/\xd5\xb1\n2\xd6+\x1a\x97\x0c\xc6\x98\xac\xca\x96\r\xd5\xf1\xb3\xd1&gt;\xb2\xc0\x9c\xa1\xcb`\xf4@L\x8db'</t>
  </si>
  <si>
    <t>b'P)\xe6\x0cU\xeb\xab1Z\x92y8\xf2\x0cS\x05\xf5\x91B\x10\x9ab\x18\xe4\xde\x01v\x8a\x19\x98\xd0\xae'</t>
  </si>
  <si>
    <t>b')*\x93\x7fr\xf8O\xc0\x01\xb5\xda\xdc1[\xc0\xed\xb0\x06R$!1\xf9\xe2d\xca\xab\x80S1wd'</t>
  </si>
  <si>
    <t>b':\xca\xdbi\x9a\x05\xd3\xf0G0\xe4\xc9\xb4\x1c\x9ft\r\x7fF\t?\x18r\xa5\xcc4\xb1O\xbb\xd7\x15\xd5'</t>
  </si>
  <si>
    <t>b'\xb4\x0e\xf4\x0cA\xd1u\x81/D\xecQ\xedo\xac\xd2/\xe9A\x08\xbf\xabb\xbd\x10\nI\x17\xb6\xd8\xd5\xde'</t>
  </si>
  <si>
    <t>b'\t\xcb\xdd\r\xb9\xe7\xf0t\xc6\x8f7\xa3\xf93&gt;\xbe\xed\x8c|\x9f\x18\xd8\xc3\xa1\xcf\x96&amp;\xd9&lt;\x0c\x7fD'</t>
  </si>
  <si>
    <t>b'\xe0\x06\xf4(\xebv\xf9\xb2\xd5s\x92n\xedV*\xde\xbd\xcdb\xf2~y\xd4:\x92N)\x18\x1ee\x125'</t>
  </si>
  <si>
    <t>b'a\xfe\x1e"\\\xfb\xbb\x0e*\xc5\t\x92-\x13\x03\x17\xd7{3\x8e\xca\xff\x18\xcd\xce_\xe5\x1ci\x06~l'</t>
  </si>
  <si>
    <t>b'\xf5D\x1a\x7f\xb7\xe2\xd7L\xbb\r\x0f\xe5\x18\xa3\xd1\xd5\xb2&gt;IN\xb2|\xc0\x94\x10y\xce\xe8q\xd3\x96\x9d'</t>
  </si>
  <si>
    <t>b'-\x87\x91\x0bLC\xa3Mm\x8e\xfa\x85\xa6\xc4\xe6\x9eIqA\x80n\xf6\xb5\x9b/\x88\xe3o\x96\xe3MK'</t>
  </si>
  <si>
    <t>b'A\xb1\xff\x8d\x17T\xdd[\x07\xbd\x8eBT\xc0\x1d\xeb\x97\xe48\xd7\xb9[\n\xaaG\xa9\xfe%\x15$\xa0\xb9'</t>
  </si>
  <si>
    <t>b'\x95\xae\xb7\x19\x8b\xf5Atv\x9c\x9dfhh\x80:\xedE\xaa\xa7.P\x81G\x1d\xc2\xef\xde\xe3\x8d\xfb\xf6'</t>
  </si>
  <si>
    <t>b'\x10\x02\xa8\x8b\xf0PA\xafL\xe4\xcb\x89P\xd8\x1c\xe8`\xfd\xa1\xf0\xb2\xec\x10\xd0KT!\x14Q"Ht'</t>
  </si>
  <si>
    <t>b'\xa6\x90\x10\xb6\xb4\n%\xb6QL\xd7Y6fM\xab\x14\xc3j\xc45}\xef\xcb\xe7nd\xf8+&amp;q\xda'</t>
  </si>
  <si>
    <t>b'\x8bA\xb8\xc1q\t\xa1\xdb\x9b{0G\xfa\xedf\xf95\xda\x1b\xa2_\x17\x05\xf1j&amp;\x05\xd3\x9c\x0e\xe16'</t>
  </si>
  <si>
    <t>b'{8\xef\x91q\x97th!\x0b\x92\x18\xc2\xb2\xb7CQW+=.\xba\x18\x10*\xaa\x1b\xe0&lt;\xd8\xa2]'</t>
  </si>
  <si>
    <t>b')2\xbbj/_\x8b\t\xc1\xb3\x84\xf7\x8bA\x06\xb6\x198]\xcd\x95\xe8d\x9d\xf2-\xc1\xc8{|M\xb7'</t>
  </si>
  <si>
    <t>b'\xea2\x83\xb7\x97\xa7\x11\xdb\x1e\x1a\x0b\xd4\x1f\x07}\x0b\xe1\xaf\xdb\x0b/\xe2A\x17;\xa7J\xd2\x82\x11\xcc\x9e'</t>
  </si>
  <si>
    <t>b'(\xa7\xbb\xac\xb9\x93\x85\x86\nzf\x8d\xa1\xaaF\xff\xcd\xed)\xc4\x16\xb6"\xbd)#\xd8\'\xa9n\xb7]'</t>
  </si>
  <si>
    <t>b'|1\xc9\xf5\xd4\xabb3\x0c\xae8T\xff6\xe414\x01q\xf7\x94\xa1\x0fsk\xd3\xa3\xea a\xa2I'</t>
  </si>
  <si>
    <t>b'\xdc\x8f\xe51\x1e\xa3851\xd5\xc4\xd1\xca\xb5\xba\xdaZ\xd9\x8d\xe0\xe2Z\xda\x06"\xa6_?\xe8\xec\xc03'</t>
  </si>
  <si>
    <t>b'\xb8\x15\x9b/\x9f-~\x18\xd7=\xcds\x15\xf4\xdf\xb6rUd\x1d\x9aC\x17\x11\x14\xcbm\x86\x0f\x92\xf1\x04'</t>
  </si>
  <si>
    <t>b'\x9e\x11a\x84\xb7\x1d6\xc6;\xf8\xcfbm\x84\xa9\xee$K^\xfap\x1e\xbf\xe4hZ\xba\xb2|\xf2\xfa\xf8'</t>
  </si>
  <si>
    <t>b'SJ\xf9c\xfa\x966\x17\xcc\xdb\n\xc6\x14\x00\xa7\xee@h\xbf\xe9O\xe9\xc7\xded\xb5\x84\xa8a\xbc\xc3T'</t>
  </si>
  <si>
    <t>b"\xb8\xa7\xe3\xbc\xa2{\xfc\x8eK\x91\x01q\xb5Q\x13\xcf\xb7O\xffy\xf9J\xd4\x84u\n\nI'[\x8f."</t>
  </si>
  <si>
    <t>b'c+\xb8O\x1f\nY\xb1\xaa\xde)[_\x7fB\xe2\xa6\x1bF$\x90\xb1\xe1\xff\xb1^H\x18\xcd\x15\xfb\x9c'</t>
  </si>
  <si>
    <t>b'\xbb\xe3\xa7`e\xc7\xa6T"\xc6\x93\xfe\xb8`\xb1\x9d\x10\xc7\xfc&gt;\xa2\x87\x99\xba#2\xcf\xdd?\xa8\x93['</t>
  </si>
  <si>
    <t>b'f\x86)\x91oh0\xa6\xa2p\xcb\x9a\x00m\xd5R~D\x1e\xf8&gt;Xz\xe6\xf3:` \x9f\x90\xaa\x82'</t>
  </si>
  <si>
    <t>b'\xc4)2\xe23\x8f\x9cwq\x13\x91\xb5\xf2\xa0#\t\xb2)\x9c\xb2W\x9b68\xb3\xe2s\xabJ\x8a\x0b\xcd'</t>
  </si>
  <si>
    <t>b'qK\xbd\x98\xef\xa8\x17}\x92O|\xa6\xf1\xe7\xaaHN\xe8[\xdf\xff\xa0\xa6\xa4&amp;$\xa6\xb2H\xd5\xc0\xd2'</t>
  </si>
  <si>
    <t>b'\\\x9bes\xb9\xeb\xd6R\x148--.f\xa6\xe2!\xe7\xe4{\xf8\xb0\xff8_\xa6C\xd8\xd2\xd9^Z'</t>
  </si>
  <si>
    <t>b"G\xf4F\xa6\xf4Q\x9f\xfcI\xacz\x0c\x94\xc5\xda#\xc8\xcfa,\xf8cF\x90\x8c\xf83Y6'\xd3g"</t>
  </si>
  <si>
    <t>b"\xea\x19\x02\xe0.}i\xa4\x90\xe4%\xd3_W\xd6\xd8P\xf0\xa4'\x03\xc2\xbf\x07L\x18R|M\x7f]k"</t>
  </si>
  <si>
    <t>b'\xaf\xb7u\xec\xb4\x87n{\x94\x06\xb6\x0e\xa3\x18\xb3\xf9\xfb-\xb4,i\xc85\x98\x92?\xf2\x87\xf7.\x12\x07'</t>
  </si>
  <si>
    <t>b"\xd1\xd3\xfb\x1b\xd6T\x04\xbbOO\tM\xecy\x10x\x9a\xf5P\xdd/B\x14\xbc!a\xd2\xe6/\x18'\x95"</t>
  </si>
  <si>
    <t>b'\x86#\x9fM\x13`\xec\xd0\xe0\xc3\xc7\x91\x12=\x93\x1e/\xfd\xde^\x9a\x17o\xf6\x8f\xe97h\x82 \xf0\xf1'</t>
  </si>
  <si>
    <t>b'\x0b\x1cr\x90\xcf\x9e\xea&gt;t\x87@PT\x02\xdb\x96kR#\x8f2\x94\x85SJ"-\xf9&lt;\xcb\xc3\x84'</t>
  </si>
  <si>
    <t>b'(\xc3\x90M\xf6\xea\x08\x8d\x8e\x00\xe2\xb8-\x90(\xb2N\x80+\x08\xb5\x1a\xab=\x9a\x18\xce\x03\xc6\xdb\x17\x89'</t>
  </si>
  <si>
    <t>b'\xf1\x15\xa8\xff2\x98\xc6&lt;\x0bXh\x91u\xbe\xa1\xad\x8c+\xae\xa0S\x93d\x9c\xd4\x03\x13#\x99\xb4\xa0\xc5'</t>
  </si>
  <si>
    <t>b'\x8c\xe3\xbc!m^\xce\x1a&lt;u\x0c\xe8\xf0\xd8\xd8\xa0\xddUs;\x95N\x8a\xfb\x8e\xd2s\xa9N_x\x9b'</t>
  </si>
  <si>
    <t>b'\n\xfdf&amp;%\xf0(W\xdfj\xb3`\x83\x1a\xae\xd5?O \xe2\xae&gt;\xe7\xcd\xc2\xf9\xa1I\xa5\xea\nu'</t>
  </si>
  <si>
    <t>b"\x07\xf5\x85\xbb\xe7\x00\xad$\xc1\xc8k\xf5\x92\xfbm\xd3\x10'\x03a\xcc\xe6\x82\t\x04\xe724\x1fs\xba\x81"</t>
  </si>
  <si>
    <t>b'\xf7\xbe\x810{V\xbe\xdc\xbf\x0fl\xcc^:X\xa5we?\r\x0cUs(exr\x8ej\x83j\xcb'</t>
  </si>
  <si>
    <t>b'k8\x06s9\xed\xae7;P\xb7\x1dH)9h\xf3\xab"\xa1\x18]\x06\xf8\xe6\x89\xe3\xae\xd7=\xd6\xbb'</t>
  </si>
  <si>
    <t>b"'h\xa7\xb4\xbd?up\xaf\x12~km$\xc7\xa5&lt;\x84\x08\xf9\xae)\xd2\x05c\x87\xbaU~\x898\xc2"</t>
  </si>
  <si>
    <t>b'z`\xa2Il\x92 \nm`\xd8O\xee$\xcf\xd3\xbc\x012xi\xbb\xe3+\xb1\x97\xe2Or\x9c\xce?'</t>
  </si>
  <si>
    <t>b"\xe4\x81\x9a7Z\xa0l\xff`}\xb4a\xaf\x99\xa9m\x98+C\xa8&amp;\xb7\xc5&lt;'\xadt\xb5\x9d\x1b&lt;!"</t>
  </si>
  <si>
    <t>b'\x08\xcb]B\xa2\xb4\x1d{jH^\xb7k\xd5\xda\xb3\x85\xd0\x90\xa5\x0c[\xbb5\xfc8\x0eE\xada%l'</t>
  </si>
  <si>
    <t>b'\x08)Q6e\x19\xff\x95\x12\x18\xdb\xd2c\x96P\x06\x81\xc7\xfa\x1f\xd9\xc2\x98\x801\xac!\x1a\x83\x16j\xf7'</t>
  </si>
  <si>
    <t>b'0\xfb9 \x13\xa69\x16\xbe\x91\xdf]@X\x18\xe7\x14\xa4\xfab\x17\x95W;\xa0\x8a\xc5\x00n\x94\xf8{'</t>
  </si>
  <si>
    <t>b'\xb1\xb1\x8c9Y\x94/cs\xa5[\x15%\xaa\xc5\x0e\xe1\xc66\xa7\xc8\x95E\\\x1f\xf2W\xcc]\xadP\xd1'</t>
  </si>
  <si>
    <t>b'J`\xec\x86\xe5gy\xb1:\xd1\xed\xb4\r\x9e\x10\x0b\x91\xa3\x85\xf8y\xcf\xb9\x16-4\x80\x80\xe2\xdb\x8a\xf3'</t>
  </si>
  <si>
    <t>b'\xcb\x94DB\xb7\x14\x9dQ\\\xdb\xde!\xcd{\xd0u]\x11Jz(\xad\x8dzm\x04\x02\xb23ss\xc6'</t>
  </si>
  <si>
    <t>b'\xa7\x16\x92G\xc9\xbdZw[\x97\x0bT\xf6\x80\xa0)dU\xca\xc6\xa0\x05Y\xaa\xbf!\xdf\x9a\x0b\xa2Z,'</t>
  </si>
  <si>
    <t>b'3\xa7\x89\x85\x1b\x98l\xb3:\xd9\x1c\xef\xeb3\x8f`\x91rOx\x94{\xb8\xa2\x80))\x95\xc2k\x06w'</t>
  </si>
  <si>
    <t>b'e\x0e\x98\x86\x07\x8eiQ\t\x85[\xb1\x84\xeb\xe2\x05\xec\x16\x9a{\xbb2`\xc3cC=g\x00\xbf)\xa7'</t>
  </si>
  <si>
    <t>b'Ys\x82I\xcd{\xfd\xb6\xf4d-\xba\x0cy\xe0\x81\xaaD\x07\x00\x15wh\x9c\x97\x95Y\xdd\x08\xe1\x8f\xf3'</t>
  </si>
  <si>
    <t>b'v\xe5a)\x80\rS\xe8ftk=k\xe62\xf2\x8a\x94\x0e\xc2\xcf\x19\x0c\xbb\xc1\xa0w\xd4h\xee\xf2\xdf'</t>
  </si>
  <si>
    <t>b'\xc9_\xe8\xba\xb9\x84\x92\x0bM\x7f0\x03o4\x180tZ\xd55,\xa9c\r1\xfe\n\x1e;\xb8M`'</t>
  </si>
  <si>
    <t>b'\x02\xc0UIS\xab\xe3\x0e\xc2\xf9z\xae\xf4\xdbo\x96&lt;t\xbaa\xb7:\xaf1\x1f\xa7\xfd\x9d\xa2\xce].'</t>
  </si>
  <si>
    <t>b'\x11\xe5bS\xb7\x0e&amp;\x08nU\xf4\x85\x06\xf2c&gt;\xde\x92JZ\xe3_\xc6\x8f\xa1@\xf5\x02\xc5\xa4\xfc\xda'</t>
  </si>
  <si>
    <t>b'\xa6\x8a\xc4\xd8##\xa7\xfc\x93\xb84\xcbi/\xff\xd0\xe0\xa1\xf2\x10\xe7\xa4\xed\x01\xff\\\xe7O\xac\x94\xbf\xe0'</t>
  </si>
  <si>
    <t>b'\xd2\x01\xdaA|\x04\xb3\x8390\x851\xf6v\x01\x11\xec\x99\xbd\xf2\x85\x83[\xa7]\x15\xa2\x94\x18;\xe4%'</t>
  </si>
  <si>
    <t>b')y\xb9\x86p\xefDF\x94\x8e\xeam\x01]\xb2\x1c\xce\x10\x19\xb8=\x836&gt;0\x8c\x8a\x014\xd0\x1fs'</t>
  </si>
  <si>
    <t>b"\x08:/\xb1\xf3[\xd0c7\xadP\x9a\x0b|:\xff\xc5\xc3\xff\xe7\x12{,ga\xfe\xd16'8\x07\xbf"</t>
  </si>
  <si>
    <t>b'z\x85\x84\x8dbaT\x02*\x1asy\xc4s\xf0\xf5N\xe4Wg\x02\xc1u\xdf[\xa1\xe7o\xb4\xb8\xfa\xd1'</t>
  </si>
  <si>
    <t>b'\x18\xa2h\xaa\xecN\xf12\x0b\xc9k\xe0\xb7\xc2A\xd3u\x1a\xd8\x9e[\xd6\x0e\x00m\x88(E\xdd\xfa\xd4\xbf'</t>
  </si>
  <si>
    <t>b'\x96\x1e\xd5L\x9c\x83\xc5W\x99}\x8e\xd02\x1e\xe5\xf5\ry\x90F\x19\xbe3\xc6@\x05\x98v\xbc\xb6\xb8\x04'</t>
  </si>
  <si>
    <t>b'h\xeeQ\x97\xc8Y\xde\x9c\xf6\x92Z{|cu\xb3\xa3\\\xb0`\x1c\xed\xf7\xd5\xc9\xd4)$1Qa\xa2'</t>
  </si>
  <si>
    <t>b'\xed\x82\xb0]H\xc4\xbbP\xc2;\xa1K\xf0fd%\x11\xaa\x83Dx\xfc\xeed\xa1\xe0Z\xffX1\xf0\xca'</t>
  </si>
  <si>
    <t>b'|@\xd4\x15\xc7\xd6\x8fg\x85G\x05\xc3\xe8\x93\x1c\xb0\xa50\x13\xf2\xbfb\x8a\xa1\xde\x06\xa9\xc13\xe0`\xbf'</t>
  </si>
  <si>
    <t>b'\x8b\xf1\xa6\xbaR\x9cj\xfb\x17\x8fs\xcd\x95Z\xe9\xf1\xc0Y\xe1\xe2\xb0=h\xcc\x10\x9e/\xbc\xf0yx('</t>
  </si>
  <si>
    <t>b'\xa7\xe8K? \xb0X\xfet(\xb2\x90\x98cs\x12\x86\xd5\x83\x1cK\x0bOpV\xf5\\\xd3D\\\xc2e'</t>
  </si>
  <si>
    <t>b'\xecJ\xb5_\xf0&gt;\xc1\xdc4n\xb1\xa9\xf9\xa3\xc6"O)(\xa9\xa45v\xd6\xd5\xa9\xb6\x11\x0bu\xd4\xd3'</t>
  </si>
  <si>
    <t>b'n\xff\x8d\xc3\xba\xf9\x1ca}\xfai\xcf\xbb\xed|\xa1\xfa\xf3a\xc79\xf9PP\x88\xa5\x85G\x11\x0c\xa6B'</t>
  </si>
  <si>
    <t>b'\x1eVW\xf8\xd9\xea9w\x00]\xd5\xe5\xf5\x17\xb4\xd4@\x19F\x9f}\x92/\r\xcd\xc6\xa1W\xbdj\x10c'</t>
  </si>
  <si>
    <t>b'\x8f\xf5\xffz\xaf{\x1f\x11\xd7)\xd3\x1c\xb5"\xa5\xc8\x9fQ\x04%\x9a\xdb\x95\xa9\xf26\xd5\x80\xe6\xc9\xd3\xcb'</t>
  </si>
  <si>
    <t>b'\x18\x90\xab\x8b\xa4\x85H&lt;\x18\x0e\x90\x01\x7f\xcb\xf3\xacEZ0k\xd0\x1aA\x9a\x92e\xed\x99(\xae\x9f\xa0'</t>
  </si>
  <si>
    <t>b'y\\!\x1cw\xcf\x01i\x05\xe6\xc7l?-\x82\x9b|\xc7T\xb5\xf6\xfd\xf6\xab\xd3\xe2\xb0\xdd\x84\x10\xb9\xb7'</t>
  </si>
  <si>
    <t>b'\xf1\xd1\xdcW\xf4\x1d\xac&gt;\xd8\xf2\xd2\x15Z\xf9w\xf0\xb58\x87x\xf1\x1a{\x1d\xa5\xc3.\x0f\xf5\x1a\x0e\xd3'</t>
  </si>
  <si>
    <t>b'\x98\xc4\x81\xe43f\xcf&amp;S\xef{\xf1J\x06\xd8\x8a)\xf7,\x9d\x8f+\x05\x06j\x84.\xed\x97\xf3N\xb2'</t>
  </si>
  <si>
    <t>b"\x1a\x96?ih\xd7\xbd\x02d\x8d8&amp;\xdd\xa3\x8dl\x9eJ#\xaf\x80'\xe3\xca^\xc5\x08\xe9\xb2L7\xe7"</t>
  </si>
  <si>
    <t>b'b\x98\xc1\xfd\x99\xd1\x062~&amp;\xcf3\xcerW\x85\x00\x00Z\xe0/\xc5 \x88\xf6\x16\x0b4pdZF'</t>
  </si>
  <si>
    <t>b'\xec5\xbdYZ\x9b+W\x13f\x1cgA\xa4\xe2kT\xc8\x80\xbc\x97qh\x03\xf5\x86"\xd0\xe9\xdc._'</t>
  </si>
  <si>
    <t>b'\x84w\x9e\x92*&amp;\xe1\x81ib\xed\xb2`S\x9d\xbe\x1b\xd1l\xd0\x99XB\x114\x18\xae\xcd\x91OS"'</t>
  </si>
  <si>
    <t>b'P\x84\xae\x8f\xc2)\xb4\xc4u\x10"c3\x9a\x06\xfa0E\xecO\xda\xa3\x90g&lt;\xddc\x9a\xfd@\x8eq'</t>
  </si>
  <si>
    <t>b"y\x16\xc0\xf3A\xb1$\xb7\xa3\xb5\xc6\xaa\x9b\xfdt;=\x1by\x10jM=\xde\x97'\x15\xb91?\xe0*"</t>
  </si>
  <si>
    <t>b'\xfe\xe4$\xb1\xddi\xbe\xb2\x18\xf1s|DL)\xec\xd5\xe0\xf2\x1a\xad\xf0\x9c\x05+;\xac\xfc,R\x7fo'</t>
  </si>
  <si>
    <t>b'Y\xf4\xd7\xa5v\xcb\xfd\x99\xc4"\xd0R5\xa7\x02\xe4_\xf4Y\xcc\xbe|)\xce+\xad\xafW\xd9\xa4\x8eW'</t>
  </si>
  <si>
    <t>b'#\xe2\x94\x85\x7f\x98\xe0rf5\xcf\xe6\x9e=\x16\x8ahO\x89\x8b\x96\x01\xe2\xfd\xd3n\x07\t\x1f\x07\xc9n'</t>
  </si>
  <si>
    <t>b'\xb9\n\x0f\xa4QuDg\xa3J8\x0bk1\x0bf\xb2B\x98J\x0br\x03\xe1\x18d\xa8\x05ohO\xc5'</t>
  </si>
  <si>
    <t>b'1q]\xf5[\x96\xd8\xf1XJ|\xf51\x81\xe4\xbc\x95\x96\x13\x9b\xec\xbb\xac\x1a\xf5\xac=q\xa1\xc2\t&amp;'</t>
  </si>
  <si>
    <t>b'P\x8f\xe8\xef\x98{\xe9\xbd{T\xfc\xedr\xbd!\n\xd3T\x8b\x8f\xee\xb9\xf3]\xaf\xac\xbf\x13\x02Q\x95\x97'</t>
  </si>
  <si>
    <t>b'\\GP#-\xf2\xaa7\x1d)\xef`\x8f)\x94-\x80A)6g\x03\xaeJ\x98v\x11d5\xeb\x89\x90'</t>
  </si>
  <si>
    <t>b'\x19\xa5\xeb\x8e\xee\xdb\x10\x17\xe0\xd8\x8a!&amp;\xb4\xef"\x0e\xf2\x9e"\x94\xf02U\x89\x17 z\tB\xb0|'</t>
  </si>
  <si>
    <t>b"z\x0e\x83\xc4\xa1}&amp;\xc1\x82]\xc7\xd2`'\xd5O$\r\xb3#\xe6\xb3\xec\x9c\xbd\x8a\x83\xb6\xb7\x98j\xec"</t>
  </si>
  <si>
    <t>b'\xea?n\xd4~\xff\xb05V\xf6)\xc7\x12lD\n^sP\xa7\xc6\x02\x888\xb3 \xe1\xd9\x95\x8e\xb3u'</t>
  </si>
  <si>
    <t>b'\x83\x98`\xb6\x94o\xfd\xe5\xef\xd4\x82\xae\x8a\xb5\xe6\x8bL\xe2\rU\x01\xf3\r\xf1v\xb8w?\x0b\xd2Qj'</t>
  </si>
  <si>
    <t>b'j4\xb2\x14\x92\xaa\xee/J#\x96#\x8b\xf2]\xbd\xb0\xde\xe4\xbf\xd1k\x17\xb0\xc5*\xfe\x0b\xa9\x12\x1b\x00'</t>
  </si>
  <si>
    <t>b'C\xdaD\xd0=\x02\xcf\x93\xb4\xe3\x9c\x98a6\xbd\x99\xbf?\x1e\x97l(j\xa5\x07\x07\xadTc\xa6M\x83'</t>
  </si>
  <si>
    <t>b'\x96\xddj\x18P\x84\xca\xad\x92\x1d\xa8\xbb\xb8#\x00\xc9\xe8dK/\x935\x0bQ\xcb\t/ca\xce\xb2\xed'</t>
  </si>
  <si>
    <t>b'\xb3\r\xb3kA0\\\xf4\xb0\xc9z\xf2 \xa5\x16\x1fI~\xd7\xac\x16\x9f\xcd\x1f\x9f\xa1\xe9D\x0fz\xd4\xc2'</t>
  </si>
  <si>
    <t>b'@e\x80W\x9e\x11]\xab\xdc\xcd\xb0\xb5G1m\xd1\xfa\xf4\xeb\xe3c\x9e\xff\x0e\xfb\xa1E\xf9\xa2\x1b\x96\xbb'</t>
  </si>
  <si>
    <t>b'\xee\x04\xac\xb5\x1d\xb2\xca\x1f*kB\x92\xfe\xb0\xa4\xe6Q\x91\xcd\xf8\xc4\xea$\xc4\xcb\xdd|\x8a\xe4G7\x1b'</t>
  </si>
  <si>
    <t>b'v`/=yD^\x89-O\tE7cm\x85\xa7\xd8\xc7\xc18\x9f"v\xd7\xbc H\xaa\xd4\xe8R'</t>
  </si>
  <si>
    <t>b"\xcd':\x95\xbb\x13f\x96\xae\xa1\xc2P\xd3\xa2\xfd\x1d\xbcr\xd5Y\xc6d\x9c\xaf\xf2\x00Qkx\xa8p\xc5"</t>
  </si>
  <si>
    <t>b'\xcb\x8a\xb3\x93\xad\xe1A\xc2J\xba\xea\x19\xf0\xc8\xda\xd2\x8fr\t\xfcS4\x8c7\x11\x07C\xc2\xc6~[3'</t>
  </si>
  <si>
    <t>b'\x1eA\x8c\xe5\xe9\xdd\xd1\x90Hm&lt;n\xfb.u\x1c\xa2JDj\xdc\xb9\xb6\xe4G\x14\xd4\xa3\x92j\xec\xc0'</t>
  </si>
  <si>
    <t>b"\x98\x85\xda\r\xe3Z^\x84\x93\x85\xde\xb6\xf8\x0b\xb4\xce\x82\xf4\x85\x8eq\x1d\xb7\x82'W\x9aQ\xeb\xb5\x9b\x81"</t>
  </si>
  <si>
    <t>b'\xd6\xfe\xdb\xe4o\xd1\xb6\xa4\x83\xdc{zvW0\\+tpt\xc6\xd3\xed\xb8Z\x089i\x91\x1f\xe4\xcd'</t>
  </si>
  <si>
    <t>b'\xa8\xd6\x84\xb7\x02\x0bn\xf60E\xb5\x15\x05d/\xa1d\xba\x1e#\xd5iQ\x85O\xd9\xf3\x98\xc5\xe3\xee|'</t>
  </si>
  <si>
    <t>b'\xe4q\xa1\x01\x8b\xc2\xc5\x9a\x08n\xa7\xfd\xd4\xe0H\x88o\xefMd\x97\xc1\xf8\x05\xc3\xf2]\xc5\x9e6Sn'</t>
  </si>
  <si>
    <t>b'\x8fo\xf73\x1f\x0c\xf2\xd5\xa2\xad?\x1f"P\x1a\n\xc7\x7fEE\xeb\x15a[\xcam\xe7\xf7\xb9s\xe2\x17'</t>
  </si>
  <si>
    <t>b'\xba\x92\xb9\x96\xa4po\xac\xdeQ2\x80X\xc9\x05p9,P\xd2\xa0\xcdj;zG\xadH@\x00{\x11'</t>
  </si>
  <si>
    <t>b'\x9c\xdf\xd7\x86"\xd4\x18\x06\xd4\xcd\x907\x01\x81\xed\x9b$\x9b\xf6\xfb\x91qt(\x91\xbd:\'#\xb7({'</t>
  </si>
  <si>
    <t>b'\xca-P\xce\xfb\xcf)*a\x93\t\n\xed\xdaV\xbe&gt;\xa3\xab\xf0g\xb2*rn%\x91\x89Q\x05m$'</t>
  </si>
  <si>
    <t>b'\xdf~\xd7z\x10\x86\xe0\x9c\x03{q\x90*3C\xb3\x0b+&lt;\x00\r&gt;\xda\x01\xe7\xb6_\xc1|\xbb\x84\x9d'</t>
  </si>
  <si>
    <t>b'\x90B\xa7\x98\x03\xf3\x85\xf9y\xe5\x0f\xffsr\x0e&gt;\xed\xdc\xb5\xb5\xd6-\xd3z/B\x8aUiJ9w'</t>
  </si>
  <si>
    <t>b'E-~Y\xff\xce\xe5\xa46E\xbe\x854U\xbd\x9b\x9f\xf7\xees\xabj\xadv\xa5\xc5K7\xbe\x13\xd0\x0e'</t>
  </si>
  <si>
    <t>b'\x1a\xe5\xa6\xa1e\xe8\xf1j\r\xdf\xe0\x8e\xda\x11|vG}\x101\x04I\x0bW\x8a\xc2\xc7Zp*\xda{'</t>
  </si>
  <si>
    <t>b'\x1f\x17\x82\x91\x08iq\xce\x0fV)\xaeNm\xef,6i\x9d@/\x10w\xbd]:\x08\x86\xf6T\xf7\x12'</t>
  </si>
  <si>
    <t>b'z\x8c\xa7\xe1 \xe9\x9fa\xcasz\xb2d\xbb\x80\xb3V\\\xebw\xb3\xd7L1\xc5\xb99s\xedT\x12\x06'</t>
  </si>
  <si>
    <t>b'\x10\x8f\x8b\x1e\x1f{\xcb\x80?2\xbe\xef\x9d+H\x19\xefgs\xda\xb7\x97\xe3\x0e\x87\xc6\x92ez\xcb\x9e\x02'</t>
  </si>
  <si>
    <t>b'\xca\xb2\xc2\xb1\xff\xe5\xe1e\xa3\x1c\xa9F\xf3\x0b\xd6~*~\x88\x99\xae\xba\xd4\xf5d\x02\xd1p\x9e&lt;H3'</t>
  </si>
  <si>
    <t>b'\xb5(\r\xc5(\x93\x97\xf5*\xfe&amp;\xf0\x0f\xbfGc\\\x91\x8b]\xaaJ\x93\r\xb5D\x13\x1b\x1bg\xfb\x9f'</t>
  </si>
  <si>
    <t>b'\xb9\xef\xea9\x03\x89\xa1\xfb\xc4\x13\xc0o\x94\xf5\xc6\xcd\xf9\x99V\x97}fq\xa2\x02\tL]:1\xb3\xfe'</t>
  </si>
  <si>
    <t>b'\xa2\xa2`\xa4\xe7\x97\xfc\x83e(\xe7E\x90\x85\xe3\x91\x15\x88P\xf5\x9e\\\x96\xe6fKm7*d\xb5v'</t>
  </si>
  <si>
    <t>b'gT8\\\x9f\xe5\xef\x8e\x8b,\xcb\x9c3\x89YQ\x00\x0f\x80\xcbuJ\xb2\xbe\x1a\xbd\x08,Q\x8a\xff3'</t>
  </si>
  <si>
    <t>b'\xc4\x9d\xad\xd7N\x0e! \x95\xef\x11?\xe6\xba\r\x17\x10\x9a1\xee$\x85\xebpdj\xcf\xf2.\xb9\xb7\x92'</t>
  </si>
  <si>
    <t>b'\xd0\x07$\xa6\xb3\x06].\xec\x1e\x9avyO\xbb8\xfa\x10K\x0c-\x86"\t\x92\x086\xdbd7\xd9\xbe'</t>
  </si>
  <si>
    <t>b"\x9a\xb4\x98\x16u\xd8\xb5\xf2\x87\x94\xa7W\xca\xadMaU\x84&gt;\x1a`,\xc9\x82k\xc66\xb1'\xf6\x8f3"</t>
  </si>
  <si>
    <t>b'Q!\x88\xdb\xa0\x96\xe5\x8fW\xd7\xe5S\xd4&gt;\xa88)\xca\xc5\xcb[\xb7\xf3\xa7\xbcg\xbf\xecm\x07T\x9e'</t>
  </si>
  <si>
    <t>b'a\xf0\x19\xb7\xc2?A\x1aA\xfd\xc5\x0b=\xda\x1c\xf8\x8f\xd5\xd5g,\x0bFM\xcd\xc8\x81ef\x99P\xa9'</t>
  </si>
  <si>
    <t>b'E.\x9cn@M\x9c/\x87\xf7\xc0F93\x7f\xb0dVg\xbee\xf2\xa1\xe2\x82\xe8\xfc\x88\xc1W\xd44'</t>
  </si>
  <si>
    <t>b'PX\xb4\r\x0b\x01\xdf\xf5\x10\x19\x1c\xc2\t\x0f\xad\xfc"{t\xf5\xb6\xad\xf2w9D\xf5\xadOL\xf4\xd4'</t>
  </si>
  <si>
    <t>b's\xe8[w\xbc\xcf\xcahA\x16q\x83\xc3`\x80\xa4\x99\xef\x06\xa7\x94\r5\xf5\xde;L\xf78\xffV\xd1'</t>
  </si>
  <si>
    <t>b'\xe8ASY\xa7\xe4\xa7L\xac1)\x1c3\xc0\x7f\x97\x83r\x0et\x04^\x00\xcdG\x98\xd8\xcb\x84\x9b\xf7\x1d'</t>
  </si>
  <si>
    <t>b'\xe7\xb7\xee\xcbL\xd2\x9cR\xcb\x89\x86\x7fM0`\xa6\x02\x074\x9a\x18\xcef\xdcA\xdc\x8b^\xb7\x86~\x10'</t>
  </si>
  <si>
    <t>b"M\xaa\x18\xd9\x07\xe6\xa9\xe4I\xf2\xf3v.\x91\xca5\x94: vQ+\xdf'j(\x0e+\xb6\xaa\xe3\x18"</t>
  </si>
  <si>
    <t>b'\xef\x83\xe9g\xbc\x1b\xc0d\xcf=\xe2sA~\xe8\x99\xb3\xb0S\x16\rvb\x84W_\x82\x90\xea\xb6Z6'</t>
  </si>
  <si>
    <t>b"D\xee^\x1cR\x9b\xf1\x82'\xd8\xacE\xed\xe3\x8b\xb6v\xec\x84\xac\x1eg\x8b&lt;\x9a\xc91\x03\xa4\xf4\xcbH"</t>
  </si>
  <si>
    <t>b'\xfb\x1d\xf4\r\x8b\xb3\x0b4\xb9n\x1f\xd5`\xd7\xc8b\x95\x12J\\&gt;\xb9P\x833R6\x05{\x11\x81\xf7'</t>
  </si>
  <si>
    <t>b'x\x88\xe2\xa1\n\xb5\xfd\xb7\xf0w/\xff\xad\x17a1r\x82\xaa\xce\xfb\\\xe81L\x02\xcb^\\\x16\xfb_'</t>
  </si>
  <si>
    <t>b'\xfe?_\x18o\xe5\xf7Y\xbc2\x033\x93\x9a\xfaP\x9b\x02\x8e p\x0b\xb7\xc6\xdfA\xbbKy\xb8|\x04'</t>
  </si>
  <si>
    <t>b'\r\nDP\xeex\xb2O\xe6o\xc2\x05\xc3~\xa6r\x16\xfa\x1f\x8c\xe1B0Y\xef\x8a\xb7\xb4\xc2\xf5t\xe0'</t>
  </si>
  <si>
    <t>b"I:\xd0\x98\x80\x89\xd0\xd8'\xa7\xa0\x98_R\xd7\xbd1\x81\x96\x0bSI\x15z\xecV\xa1\xe2\x9d\xa7\xaf\x12"</t>
  </si>
  <si>
    <t>b'5\xa0w"\x88_&lt;w\x99\x8fx=\xb6\xadh\xcc\xd7CP\xd1\x05\x0e\xeb\xd6#@\x03\x1bq\xea\x8b\x9a'</t>
  </si>
  <si>
    <t>b'\x90(\xdai\xc6\xbf A0\x8e\xeb\x1duqcjZ\x86\x01:L1?;\xf0\x98\xa8t\xacK\xe9o'</t>
  </si>
  <si>
    <t>b'T\xbd\\\x08\xe8\xef\xbc\xba\xed\xf1\xc0\xf9K\x05=H\xfa\x81\\\x88-\xec3!\xe4\xf0\xbe\xba\x13\xde\xee\xe2'</t>
  </si>
  <si>
    <t>b"kV\xdc\xc7i\xc6\x95\xd4'p\xd1\x89\x98\x1aF+\x9d\xfc\xfd\xd5\xd8\xb6\xf8!\x12\xd8\x84\xd1\x12w\x82\xb9"</t>
  </si>
  <si>
    <t>b'1y\xe0m\x9a\xa5R\xa5\xa3\x07\xc6wM\xc6\x93Da\x17\xc9\xd0\xfe\xd0j5c\xd8[\x91l,\xc6#'</t>
  </si>
  <si>
    <t>b'.\xbf\xd6\x00OU!~c+0^\xba\xddB9\xfa#\x0cd\x86\x8ehw\x97g\xa7\x11\xae\xe2\x12\x87'</t>
  </si>
  <si>
    <t>b'}\xe9\x177M\xdb\xe6\x04\xa2\xd0\x85u\xe0!I\x15\x0cE\xc3\xc5l\xed\xcb\x80(*\x15\xa7\xec\xcc\xb1H'</t>
  </si>
  <si>
    <t>b'\xbb\xca\xd9\x95l\xde\x91\x12WI\xa3\x10\x17n\xab\xeeb\x84\x13r\xf26\x9d\x0eN|eO\x0b\xbf`\xb4'</t>
  </si>
  <si>
    <t>b'\x9e,\xd8V\x9b\xee\x84\x90\r5]\xa0\xbc\xd0\xd8\xe2\x01X\x97,\x86\x18\x8e.\xf1\xf7?\xe1\\w \xcf'</t>
  </si>
  <si>
    <t>b'\x05\x9f\xcdXWD\x0fP\xa2P\x884\xf1\xdf\xfdT\xa8\xd8\x15\xeb\xefTF\x96\xee\x14.T\x94o\xbe\xe6'</t>
  </si>
  <si>
    <t>b'\xc6*\x85\x02C!\xa0Gf\nt\xa0\xac\xb4\x96\xa8\x01\xf0"\x1d3\x10\xc6\\\xae=]\xae\xa1\x01~\x19'</t>
  </si>
  <si>
    <t>b'\xb6p\xcb\xef\xc5\xe46-G\xe8\xdf\x1f\xbc\xb2\xbcAE\xb9\xc1q\x87\xd9\xd1\xde]ds\x93"\x05\x9a\xcf'</t>
  </si>
  <si>
    <t>b'\x00\xdf,oU\xf0\x95\xb4\xcf\x90\x7f\xf9\x11\x01h\xb2\xfc\xfe\x94\x9e%V=\xf8\xc9y\xfe~dk(W'</t>
  </si>
  <si>
    <t>b'\xa2\x8f\xa4\x8b\xbfD\x84\xf8\xad\x8c\xddm&gt;\xea\x9a\x9a+!c\x0cQ\xc1\xf1\xfc\xac\x99L\xf6\x8f\xb7\xe1\xf6'</t>
  </si>
  <si>
    <t>b'Rm"\xa1\xff%Y\xf3\xea\x9f\x91\x82\x94z\x04i\x02\xe6\xe3\xf6[U\xd2\x85\x8a\xdf\n\x92q\xa1\x9e\xaa'</t>
  </si>
  <si>
    <t>b'N]\xb0\xf9\xf25\x83\x0ex\x02\xef&lt;\x04\x8e\xa0\xc1\xa1\x95"\x17\xbf\x9bW\x83\xfa\xb5$\xb0B-\x007'</t>
  </si>
  <si>
    <t>b'\xe7%\xe3\xe7\xe1,\x0fC\xb6\x89\x92dO\xe1\xd7d#\x81o:\xf3\xffQ\xa0(\x17\xacc\x8a\x14U\xa8'</t>
  </si>
  <si>
    <t>b'\x97?\x94o\xac\xca?b\xc8\xf6\xe1BM!R\xbf\xa9\xe8\xa3\xd4\xef\x19\x9e\xe9\xcb\xd9CC\x16\xd4b9'</t>
  </si>
  <si>
    <t>b'\xd0\xbd\xeb]\xd4}pw\xd4i\xb2\xb2\xb2\xa3\xff\xa3\xc3\x86$\x1c\xc7k~\xc6\xa3\xbc2kN\xf9\xcd\x92'</t>
  </si>
  <si>
    <t>b'\xc0\xb1\xe5\xe7"\xf4\xc0\x92\xa5\x9a\xd9\xbdx\x11D\xe7@\x10"\x96\xf7\xa1\x07Se{\'_V\xe2\x82\xde'</t>
  </si>
  <si>
    <t>b'wL\x95\xcf\x1eP\xee\x12#\x03\x07\xd2W\n\x94\xc1]tto\x1dw\xb8c\xda\x17\xd7\xe6\xaa|\xe0\xa4'</t>
  </si>
  <si>
    <t>b'\x16\xe7\xe7p[TN\n\x8f\xbfF\x1f\x1c*D\xdaw\xe3C\xca\x1b\x045g\xb7\xc9\x8e\xed!\xc5=g'</t>
  </si>
  <si>
    <t>b'`9W\xba\xa6sy\xb9A\x8a\xcc$\xd0\x87\xec\x8e/$%!\x12^\x94\xfe\r\x0f\xbcSm\x0b&amp;o'</t>
  </si>
  <si>
    <t>b'\x0f\xa9&lt;q\xf9\xbc\x17R\xa3-\x01\xb0\x84\xc3\xe2d\xc6\xff\x11\xb9\xdc4\x8e\rCW&gt;\x99gP\xbb\x97'</t>
  </si>
  <si>
    <t>b'\x8f2*~\xc4\xdbi9\xabP]\xf8\xf2\xbf\xc3\x0c,\x84\x06\x8c\xdd\x17R\x1b\xcau|\xe6\x0bn\xb8w'</t>
  </si>
  <si>
    <t>b"\x0f\xc1(%\xb48\xbd\xd6s\xfd\xa76l\x19\xb76\x87\xe0\x1c\t#\xec\xec7\xe1'\x15\xaa\xbd\xf5&gt;\xca"</t>
  </si>
  <si>
    <t>b'\xa8\x0f\x02\x14o%K)1\xb8X\xbat\x98\xec\xb7\xec\xb1\x04qY\xf1\xd1\x8e;_\x1c\r\xc7\xd0\x93Z'</t>
  </si>
  <si>
    <t>b't%8\x1d\xa250\xb2\\\x17\xe3j\xd9:q\t\x16\x1c\x8dB\x0f\x99&gt;\x8f%D\xaa]uk\x90\x0f'</t>
  </si>
  <si>
    <t>b'lc\xea\xfb\x99\xc9J\xc5\xdei"D\xc8j\xf4P;\x93P\xdbY\xf7\x00{JG&lt;\xbbp\x92S\x1a'</t>
  </si>
  <si>
    <t>b'\xce\x86\x1b\x11\xa1o\t\x90\xa9Wa\x9a\x8dq\xc0O\x1c~\xbd\xa1\xb1\xab\xcb\x8c\xf7#\xe6\r\xf3h\x1b\xe1'</t>
  </si>
  <si>
    <t>b'\xbaF\x89\xffp\x17\xda\xeeq$&amp;\xddu^\xaf\xadxy|;\xb8\xda\xce\x10\xb4q\x1eB\xa0\x8cH\x82'</t>
  </si>
  <si>
    <t>b'c\xff"2\xd4\t\xed\xb0\x9e\x02uU\xcdv\xef^T\xbf\xbd\xaf\x9e\xad\xd5\xc2\x89\x8a_&amp;[\x18tN'</t>
  </si>
  <si>
    <t>b'7\x94\xe3\xb3Z\xbc,\x9f\xc6\x8e*\x96Q\x8d\xcb\xfb\x13LpAD\xa2z\xae\xaa\x9al\xbd\xbb\x1b\x874'</t>
  </si>
  <si>
    <t>b'UA\x1b\x99zC?4\x95sc\xa7\x08\x90\xb0)\xe6\xe4g\xe2\x00\xb8L\x1a0\x08V&gt;D$\xd60'</t>
  </si>
  <si>
    <t>b'p\xc8\x07\xd3P\x8b1}%p\xb6\xd74\xc4\x8a\x0f\xc6\xfb_HY\xe6\x82\xe1f\x19*\xa7)wyW'</t>
  </si>
  <si>
    <t>b'\xcbs\x1f\n\x81JQ\xc8l@R(\xd8\xea8\x90\xd1K\xeb\x81\x01Te%s#!I\xa9\x82\xe6\xf1'</t>
  </si>
  <si>
    <t>b'\x85h\x84\xe6t\x88\x03N Sc\xe1/K\xb4\x13\x06\xed\xc9\x15o\xd0\xe3\t\xd9\xb9\x1f\xc9d\xea \xd0'</t>
  </si>
  <si>
    <t>b'\xea\x07\x0cAi\x01\xb3\xa4L\xc7\x01c\xf14u\xed\x80N\xb3|\x023\xb6\x05v0\x8c\x13\x7f\x93Av'</t>
  </si>
  <si>
    <t>b'\xeb\xb5\x8d\xc9\xd0V\xe6[C\x95\xd5i\xde\xc1\x0eI\x18\x1e\x8a\xda\xdfv"\xc8\x1b\x854\xbe\x8a\x82b\x06'</t>
  </si>
  <si>
    <t>b'Z\x86\x86L56\x91y~\xbcv\xf9q\xf75\x032.\xb2m\xf81\xde$\xa5\xd1\xb9zE\x812\x0f'</t>
  </si>
  <si>
    <t>b'\xdc\x18\xc3\xadi\xfe\x8d\xc7\\0\x99\xf5\xdb\xccc\xae-\xc6\xd9\x97o\x91\xeb\xb2\x92\x9f\xaale\xfaS\x90'</t>
  </si>
  <si>
    <t>b'\xc8\xaf\xfc\xbe\xe9\x01\xa9\xf3:\xf5\x87I\x08\xf0\t\xc8\xcb\xd2\n\xa8\xea\x1b\xe3r\x1a\xa2\xd3\xf4,g\x1c\xdf'</t>
  </si>
  <si>
    <t>b'\x1d\xf3\x87\x9b\xe7q\xe6\xc7\xa1L\xe2\xd9\xb3\\\xab\xc1\xf7\xd6\x10+v\xa1=\xa5\xb5V\xa6S\xca\x90\xdf\x85'</t>
  </si>
  <si>
    <t>b'\x82-\xf9\t\x85\xa0\x1f\xde\xbf\xa3f#bA\r\x04Y\x84i\x1a\x92_\r$X\\\xcb]\x1e\xbfy\x1a'</t>
  </si>
  <si>
    <t>b'\xab6\x01\x8c\x04@&amp;w\x0b\x0f\xaf\xd8k\xfe\xec\xd4dEq\x11\xf9\xe3A\x91\xe5\xa7\x8c\xc0\x84\xe0\x94T'</t>
  </si>
  <si>
    <t>b'_j\x14\xe2\xc8\xf7Z9\'\xdf0Q\x97"@\x9d\x984\xb4\xc7GMx\x98\x92\xc6s9l\xa0`\x15'</t>
  </si>
  <si>
    <t>b'ZO\x0b\xcaZ\xdb\x84\xae\x84\xa1\xe2\xfc\x8bh\xbcuV\xa1\xb0\xc6\xf8\x1e\xaay\x92\xde\xcf\xb8\x8d\xcb\xe04'</t>
  </si>
  <si>
    <t>b'\tO\\sZ*[\xe7\xd8\x97S(\xc0\xb9\xfb\x05\xf6\x19y\xb3\x10\xf1\x11axm9\xaa\x01\xc6\xbc\xb5'</t>
  </si>
  <si>
    <t>b'\x88\x01\x96\xd5g=\x13\x8b\x0e;\x80\x82V+v\x1a\xb4\xc3%"\xe0\xfaW\xbe\x087H\xff\xbc[\x85\xa4'</t>
  </si>
  <si>
    <t>b'\x92\x08\xe4\x0e\xeaV\x10&gt;\x8c\xae)\x07\x8b5\x02\x06\xc20M\xe2S\xd7\xba\xb6^j\xac\x8d\x96\x17L\xd7'</t>
  </si>
  <si>
    <t>b'L\xd3\x9f\x88\xea\xb4\xdf\x03\xbbo\xd6\xe7\x07\xedV\x8c\x0b\xe6\x97R\xe6\xc5\xad\xa8\x9d\x02\xa1\x89\x10\xe2\xd9f'</t>
  </si>
  <si>
    <t>b'Y\xd7R\xfa\xb4\xbd\xe4\x91P"\x88p\xae\xd7\xe4\xb2H\xcan\xddv\xae\xbfB\xe2\xae\x18\x9b\x10\xc8\xbd\x8f'</t>
  </si>
  <si>
    <t>b'\xdf \x10\xfd\x0f\x03j\x82\x85K\xe4\xb6\xc6\xd6\xcd\xfd\xe7\xe9\x9c\x13\xcc\xc9A\xf0h-\xa5\x98\xae\xbc\xea\xbd'</t>
  </si>
  <si>
    <t>b'\xd7\x10k\xa2=\x1c+rI\x89|S\xfe\x92\xf265v\xf5\x9b\xb7\x89z1q\x8a"O\\a\x11-'</t>
  </si>
  <si>
    <t>b'\xec.\xf2\xd3\xe5\xedB\xfdQ,EDc\x84x\xef{\x05o\xb8$3\x16\xac\x13\x07/\xf7\xad\r\xf0\xff'</t>
  </si>
  <si>
    <t>b' ,\xfd/\xd8\x05~o\x877\xb7\xe5\xa7\x0e\xac\xf9\xdc\xe2he\x15\xf9"\tO\xcdC2\xd3\xd5\xe0\xed'</t>
  </si>
  <si>
    <t>b'\x99\xd2@\x0ba\xbd\xfe\x14V\xe1\xee\xd7v\xbe\xed#/\xbd\x15\xa7\xd1\x14_\xe9"\xed\x1b\xe6L\x1bh\x81'</t>
  </si>
  <si>
    <t>b'\x9a\xd0\x7f\x87x\xdf\xa7\xebZ\xa0\x86\xdb6]\xfa\xfdd\xb3\xa4}[\xef\xd6\x8f\x91\xf5\xb2\xc17\xaf2\xf0'</t>
  </si>
  <si>
    <t>b'\x0e\x0e6\x82Z\x96\xe9\xa1n\x18P\x9a\x0c\x93\xd4\x8f\xa2\xce\x9fs\xf7%\xcb\xc6f\x86V\x81$\xade\x7f'</t>
  </si>
  <si>
    <t>b"\x15]\xd4\xbd\x8c'V\x16\xc3\xc0\xacY6\x01\x1f\x0c\x04i\t\xa2\xc4\xd1\x81)c\xeb\xfddK\x1f!\x06"</t>
  </si>
  <si>
    <t>b"o\x10\x1b\x08h\xa9\xca\xf5\xef\xbe\x9d\x9a9g\x9b\x07\x1a\xce\x14'\xee\xfe\xeb\xb5\x99\x11G\xb4bcUZ"</t>
  </si>
  <si>
    <t>b'\x17&gt;\xb8B\xbb+U&lt;\x8cE\xc9\x8e\x8a\xe1\t\x10]\x92\xfd\x1d\xd8\x1e\xfbH\x91D\x1d\xb2*|\xf7\xb4'</t>
  </si>
  <si>
    <t>b'\x04\xb4O\xffwM\x94\xba\x11\xb4\xd5m\xcf\xa7\x03\x88\x05,\x12x\xc6\xb13\xce35\xde\xe5\xeaF\xe1\x9f'</t>
  </si>
  <si>
    <t>b'\x84Ff\xc7@\xe4\xfb\xf8\xff\xdf\t\x1dt\xd2\xab@g\xb0\\U\x03&gt;1\xed\xb2\xbc\xb4\x9a\x81\x97k\x1f'</t>
  </si>
  <si>
    <t>b'\xb9\x05v\x16\x16r\x91@N/\x19\xbd\xc0\x8f(\x83\x14\xed\xc7\xc6\x90Y\xbe\x92\xe1X%w\xb0K\xda\xaa'</t>
  </si>
  <si>
    <t>b'q\xa2^\xc0E-\xc4\xa1\xd6\xd7UL\x80\x12?P\x11\tO\x1a\x95\x19Q\xf0\xec\x0fh@|\x8e\x0e\x05'</t>
  </si>
  <si>
    <t>b'\xa7#\x83ZL\x11\xf4\xd9\x8e\x94\xf3\x7f\xcc\x1da\x08\x9e\x90\xac\xf6\xbe\xbe\x06\xf5\xb0%\x8f\xcd\xbcD\xf8\x03'</t>
  </si>
  <si>
    <t>b'\x89/q\x97\xa9\xb9\x9e\xc9*\x08\x17\x82\xa5}\xa0\x00\x12Q\x8cF\x01Z[4\x1ck3\xa0\x1d`\x02_'</t>
  </si>
  <si>
    <t>b'\x0f@\x12\x86\xb3\x84\xf2\xc9\xa1\x14\x12\xc9\xe2\xb8\xd19C\xf3\x8b\x89\xc6\xb2qu+c\xf9s\x1fMq\x0c'</t>
  </si>
  <si>
    <t>b'\xfc\xd0\xd0\x98\xf0o\x9be\x1b\xfe\xeb\x82i\xb0E\xff\x02\x8e&lt;Zi\xaf\xdf\x98\xc0[O\xfa\xd9\xcd\xec\xd6'</t>
  </si>
  <si>
    <t>b'\x90\xdd\xfc\xff3\xcbh\x0f2\x7f5\x8c\x1d\x99#\xa8k\xaa\x88\xdc\x11\xe7\xfekG\x93\xe6\xc51\xa2\xbef'</t>
  </si>
  <si>
    <t>b'\x11wTHA\xb1\xb6g\xe4\x8c\x91\xeaI-\x1c\x021\x0f\xf6.\xba\xcf\xb0\x02\x87v\xd9\x0bO.MT'</t>
  </si>
  <si>
    <t>b'-\xd1c\x81\xb1+\xf6\x85\xbe\\\x13V\xa1\xd34y\x02\x11\xcao\n1.\xf1\x99F\x1fG\xa4\xde\xb4\xcc'</t>
  </si>
  <si>
    <t>b'\xf4\x80\x98%\n\xc3\xff\x06\xed-\x05\x1e\xc0\xbc\xfb\x8c\xa9\x10\xc3Y\xffg\xef)s\xa4\x86\xb7\x937\x92k'</t>
  </si>
  <si>
    <t>b'\xb1\xbe\xd9\xb9\xdf\xc0+\x073\xab\x90\xc3\xa8\xbf\xce+,\xf8w\x92\x0b?\x01w,\xc3\xca\xc2\xd2\xcc\xdb,'</t>
  </si>
  <si>
    <t>b'\xa1$\x94\xee\xeb1\x8c\xde\x9e\xdb\xf9\xab\xf3\x04\x89\x19G^\xdbM\xa4\xdd\xb80\x88\x97`\xe5\xfaeS\xc4'</t>
  </si>
  <si>
    <t>b"b@\xe6\xac\xe4\xa3\xbc\xa1UT\xeaWC\x18\x8d\xe5\x84\x82Nw:2\xc0\x1a\xee\t\x97'oufS"</t>
  </si>
  <si>
    <t>b'\xd5\xed\xa1.J\x10 \x8dV\x8a\r\xedn!\xdcV\x05\xf0\xf4\x93YZ\x96\x1f\xe4`\x7f\x04\x03&lt;\x19h'</t>
  </si>
  <si>
    <t>b'\xe4\xb8Z\xd3\xf2\t\x82\x7f\x8f)\xc6\xf1\xce*s\x00\x10^\x94\xf1\xed\x98\xe9J2LJ\xd1C\x98\x05\xfa'</t>
  </si>
  <si>
    <t>b'\xa9ip\x93Y\r~\xdd\xb2\xcc\x80\x9d\xd7\xb4(\x00\x9b\xc5\xb6\x8d\xee\x9bg\xa8\x1c_\xfa\x87\x02\xa0X\xe1'</t>
  </si>
  <si>
    <t>b'9\xff\x9bP#N(kZI\xac\x15oec\xd1Z\xca\xfe\x89\xe3\x99\t\x95\x8e\xdf\xbcP \xf3\r\x80'</t>
  </si>
  <si>
    <t>b'\xdb]\x80$\x98]xu\x10\xdd\r\x94Z5\x03d+\xab\x16\x07{\x98\x87\x7f%\xe0\xc9\xdb\x05\x12K{'</t>
  </si>
  <si>
    <t>b'\x92\x1b\xc5\xf4\xb70;\x16zNO\xdc}\xf6\x8a\xd7\xd5Y\xa3\x8a)\x95\xe76\xd8\x11\x91t\x18\xf2*\x0b'</t>
  </si>
  <si>
    <t>b'\xd5\xac\xf1\xb9\x9e\xae-\xe2\xd9\xb5\xe8\xab\x19\xb0\xc6\xb1\x1cXg\x1ec:X\xe2\xf9\xdb\x0b\x8f\x89\xd4\xae\xfb'</t>
  </si>
  <si>
    <t>b'\xb1\x9d\xb4_E\xab[\xc34\x9fL\xf9\xafB\xd7\xc6\xc9e#\xe3\x05?\xf4&lt;\x15\xfb\xebd \x13@k'</t>
  </si>
  <si>
    <t>b"X\xe7\x1c\xfdX\\:\xfd\xf8\xe9\x12\xd5\x81\x12r\x98\x9e\x07w\xec'G]&lt;D\x01(\xee)\x00(\x8d"</t>
  </si>
  <si>
    <t>b'^F/\xc6y\x13\xb1x^\xa5}k\xecU5\xd6_(\xe1\x83/nJ1\x87\n\x96I\xe8m\xd6\x11'</t>
  </si>
  <si>
    <t>b'\xa8\x8d\xaf\x919z\x91e\n\x12\xdd\xa9\xb7\xee\x8er\xf0\xef\x01x\x11x\xe4\x94\xcf\xf1TP\xa1\xbbn\r'</t>
  </si>
  <si>
    <t>b'y2@{\xf9\xfcB$\xdcL\x96\xdb6e\x98\xcb6{\xbe\x04)Z\\e\x18\xba\x8e\xbfVg\xa8\xda'</t>
  </si>
  <si>
    <t>b'\xce\x85M\xb45g\xbe\x96~61\xae\xdc\x9a\xda\xc4E\xde\x8b\xb9\xd7h\xf6\x90\x97\xd3\x1d\xe1\x8f\x14\x1eu'</t>
  </si>
  <si>
    <t>b"\xf9\xd2\xaa-1\x9bo\xf5\x8d%\xfbe\x9d^\xbb\x08\xc0g#\x8cY\xb5\x8f\xda`'\x8c\xfc\x1c\x00\xd4]"</t>
  </si>
  <si>
    <t>b'\xd2\xcb\xad$\xb0#\xa8\x98\xc5\x9aZ\xa5\xed3\xd6|\xe5D\x98\x1f\x8c\x19\xd0A\xa4\xddNN\xc1\xa9\xd5\xaf'</t>
  </si>
  <si>
    <t>b'\xfa\x85G\x7fe\xc8\x8b\x0f\xca\x9e\xfbd\xe6\xf7T\xc7\xab\xc2\x91\xe3\x06\xfbn\x0c\xcd\x93#\xb5mu\xb7\xb2'</t>
  </si>
  <si>
    <t>b'\x89\x03M[\x0c\xb6\x8bf&lt;J\xd2\x10\x1bT\xe9\xb6G\xebqv\xf5\xb8\xdb\x8f\xfdd\n\xd6\xc6\xd7\t\x93'</t>
  </si>
  <si>
    <t>b'\xdd\xf5\x9c\x1e\x0b:\xa9h\x7f\xf1\x0e\x07\x92\xe5\xdb\\\xd2zk"\x94\xde\x1eGK\xee\xc5\xf0\x91\xaf&lt;\xf8'</t>
  </si>
  <si>
    <t>b'7\xb0x\xeb\n\xdd\xcd\x80&amp;\xe6\t\x14\xee\xc7\x19\x1a\xcdk\xc7\xba%\xe7Wd\x9f\xc2\xb6\x1e\xe3\xc2\x8a\xa8'</t>
  </si>
  <si>
    <t>b'b\xd7\x90\xcep\x06\x9d\xb9E\xf9P\x97r\xc5\x8a7\xec!\x1b\rxn\xe9\xd8s"\xfb\xad\x80\xad\x184'</t>
  </si>
  <si>
    <t>b'\x8a\x8b\x92\x9fR\xea\xc8[\x04R\xa1\x9a\xdf\x1e/\xe3\xcfJo_\x84Y\x16\x9a\xfcl\xd8\xe0\x1b\xc0\xe8\xd4'</t>
  </si>
  <si>
    <t>b'\x83z51$\xae\x1e\x92\r\x17\r\xef\x80Q\xa5\x9e\xc4\x00n\x89\x0e\xebd\xf4\x15)\xfe\xdb\xea\x0b\xa2\x83'</t>
  </si>
  <si>
    <t>b"d\xfa\xc9\x9f\xaaZ\x81|\xf8\x07\x81j=\xe5\xdc\x84\x96\x01t\xc2^w\x0f'\xb1\xe5se\xef\xd5Mm"</t>
  </si>
  <si>
    <t>b'&gt;&gt;\xe6,\x9b\x9f}\x8c\xaec9^\x1f\x9f\xf9K&gt;X\xe6QQ\xf8o\xaa\x90l\x121\x8cp\x10\xab'</t>
  </si>
  <si>
    <t>b'\xeb\x80[\xc0\xbc\x00\xc1X\xcf\x90\xd3\xb8\xf2r\x020\x18\xcc|\x82\xe3I~)M\xf7\xc5G{\x8a\x9f\xf1'</t>
  </si>
  <si>
    <t>b'\xcaLeV@\x98\r\x1e\x07=\x1f\t\x14\xd5&lt;\x933\xdd\xaf\xda8\xe6\xb6\xd5m\x99\x19\xa7\xd0\x08\x0b\xca'</t>
  </si>
  <si>
    <t>b'\xea\x00\xbaM\xa9\x19\xb5V\x00\xf6\x0e\x86\x17"\xf4\x8b\x16\xfaG\x19/:\xbf^/7\x05\x87\n\x9e&gt;\xcb'</t>
  </si>
  <si>
    <t>b'hV^\xa4\x8e\xd2"Hn\x15\x82`\xfe\xec]wJ\x16\x0b\x82\xbf\xf8\x0f\x1fQ`\xb5\xb9\x97\x8f\xc3\x00'</t>
  </si>
  <si>
    <t>b'\xedJ\xd0 \xd3\ru\x92\x0b`\xba\xdcn\x07\x1b\xe0`&gt;vI,\x91\x8b\x04\x03c\xf7\xd5\xef\xf1\xcf:'</t>
  </si>
  <si>
    <t>b'f\xbc&amp;`\x00&gt;\xb3uT\xf1\x12X\x1c\xac(-\x9a\xc8!!\x0fI/\xa8\xd9\x9a}\x1d\x8eZ\xb17'</t>
  </si>
  <si>
    <t>b'+}3\x19\x99\tc`\xe1\xcc\xeeK\xe4cr#\xa7\n\x05iCde\xe4.\xdd\xe3\x08*\xa0O&lt;'</t>
  </si>
  <si>
    <t>b'\xd9\x10\x86mLn\x9c\xb5\xb2\xa4M\x07\xfcv3\xcfJ@\x95\xb1\xeb\xb0\x18\xaa\xb6\xa8\x91\x19\xf2\x80\\\xaa'</t>
  </si>
  <si>
    <t>b'5\x10\xd3\xecP\xa4\nQ\xcd\x8f#\xc0*\x04\xec\x073\xac,`\x9b\xc7\xea\xbd9\xf6\x89\xcb\xb3G\xd3@'</t>
  </si>
  <si>
    <t>b'\x84 \xc5$EK\x97`8u5\xeac\xbf\x88:kS\xf8\xb1\xc7X~2\xb84\x81s\xb8[\xc0\xf6'</t>
  </si>
  <si>
    <t>b"5x\x973\xef\xd2n\x86\xdd)\x10\xc3\xfe\x00='\x06rp,5\xde\x97\x95\xbc|\x81\xf3\x89\xdf\xb5\x06"</t>
  </si>
  <si>
    <t>b'\xdc\x03\x18\x97\xfd\xde+\x07\x90\xb0\xcd\xa4\xbcEmL\xd36\xa8"\xfd\xbdaz&amp;\x86G\x99[\x9dr\x97'</t>
  </si>
  <si>
    <t>b"F'\r\xd9P\x1a?\xb8\x15\x7f\x96\x0e6\x01\x0bk\t\xcf\xea\xd5\r\x12\x84cV\x19K\x7f\xfc\x19\xfb&gt;"</t>
  </si>
  <si>
    <t>b'\x04\x86\xd0h;\x0c\xd4\xab\x15W\xef\xc7\xde4%I\xa8#|\xb6E\xd9\x1c\xa7\xce\xd7`\xff0\x8b\x94\xfc'</t>
  </si>
  <si>
    <t>b'Z\x08\xa5\x8e~\xa4\x9e\xe7B\xccc\x9f\xa0\xd2|]\x82\xb9\xf0\xe8D\r:\x11\xa4\x7f\xd7\xf9s\x00\xec&amp;'</t>
  </si>
  <si>
    <t>b'ON\xf5\xe0\xcc\x82\x84\x95\xbf}\xec\xcb"\x8e\xf0\xb2\xee\xb1\x9f\xb6"\tP\xefK\xed&lt;`|\xfb\xb0\xd2'</t>
  </si>
  <si>
    <t>b'M\x9c\xfcj\xea\xfc\xf6\xcfv\x88\x89\xa6t\xd2\xc7\x99\\6\x17*\x96\x96\xdd\xfa^\xb1s\x8aU,\x13\xe9'</t>
  </si>
  <si>
    <t>b'\xe3\xe6=q\x9b\xa6\xa0 \xb7\xe3d4\x98\xdf\t\x9f,:I\xe5\xfa\x1c&gt;@Q\xbbb\xda\xe7\xc1\xbe\xe9'</t>
  </si>
  <si>
    <t>b'\xf7\x00\x1e%A\x00`\xbb\xa1d\x94\rZ\xd1\xbcls\x97\xd5\xb7\x95\x08\xd09\xa3.\x89\xb9\xc0\x0e!i'</t>
  </si>
  <si>
    <t>b'+1\xe1\xb6\x8b\x03\x94\x12O\x05\x00*\xb3\xa5\x08\xa2M\x86&gt;\x7f\xf3Q\xcd\xffx\xe5K \xf7$&lt;a'</t>
  </si>
  <si>
    <t>b'\x93"\xf7z7\x9a\xe8\xff\x8a\r\xb2Y\xdb\x97\x9f\xdc8B\xeb\xba\x073\xfc=\xd7\x14r\x8f\x8ey6"'</t>
  </si>
  <si>
    <t>b"\xe3\xf6{\xe6\x03\xbc\xa0\xe6t\xadc%FH\xbbX\xfd\x11\x8a\xe1\x19\xc0'\xb2\xc6\x90\xf5\xe0\xd2\xbd~\xe9"</t>
  </si>
  <si>
    <t>b'\xb65+j[d\x0f^,G\xf4\xc8\x0c\x8d#\xceN\n\xc8\xb6\xf0\xec)\x9a\xae\x8a1\x1b!\x15\xbb\xd9'</t>
  </si>
  <si>
    <t>b'?\xc5k?\x91\xfa\xdf\x92[\x95\xa5\x99\xdd;w9Uw\xb1N\xce\xbd\xd0hl\x11\xadb\x02\xc0\xd5\x00'</t>
  </si>
  <si>
    <t>b'`\x87 r$\xff\xe7\xf0Nw\xfa\xf8rJ\xda\x84\x01B\xba\xff=#\xfa9\x85\xc4s\xc4\x84\x00ly'</t>
  </si>
  <si>
    <t>b"\xd9\x96\xc6\x92\xff7'\x11\x11\xf3[\xfcU\xdd\xb9\x94tR\xd6\xd2\xb6r\x9f\xb4\x05\xca(f1&lt;\xd9:"</t>
  </si>
  <si>
    <t>b'?\x99z\x19\xc4a\xcdB\x8a&amp;4\x03\xd8\xb8\xa8\x1f$}\x1d\x9cW[q\xcf/\xd2&lt;6\xc7qXx'</t>
  </si>
  <si>
    <t>b'\x9f\x1bqa)\xde\xfc\xcf\x08hFAX8\x1f \xac\xa9,\xcd\x96\x0e\xd1\xaf/\x8f\xd9`\x0c\x05\xcd\xb9'</t>
  </si>
  <si>
    <t>b'\xca\r\x08\xd6\xcf\x05\xbc\r\xeb\x03,L\x83h!\x1f\xa5zv\xac\x90\xf5\xc1&gt;\xc91-\xa5V\x0f\x8b\x94'</t>
  </si>
  <si>
    <t>b'\x82/\xc2\xfe\xe4\x9b\xea\x83\x96\xb5\xe5\xae\x00\x0f\xf7\x00v\ty2\xd0\x8aE:\x82\xb0*\xdeb\xd5*\x9b'</t>
  </si>
  <si>
    <t>b"^'e\xfb\xfa6'\xef\x15 \xb7\x85b\x0e\xc6\xc0}n\xcd\xef\xf6pY\x1b\xba\x15\xf6\x9a{fE\x86"</t>
  </si>
  <si>
    <t>b'\\\xf1Q\x1b\x7f&amp;\x90w#\xe3\x1d%\xb5\xa2\xba\x11\xc2\xdc\xa4\xaf\xffZ\xc4\x899\x0e:\xc6`\xe7\xfe\x98'</t>
  </si>
  <si>
    <t>b'\xee\xaat\x8c*\x9c\x1cv\xdd.K\xfb\x01n&gt;\xdb\x86K\n\x17?@\x9c\xd3\x1cq\xc9\xb4"\t\xfa\xcf'</t>
  </si>
  <si>
    <t>b'\x16\x9fi\xb3ozZ#\x105\xd4\xa1g\x8f+W\xde \x14\x939x\xbb]\xe56\x17\xe6.\xc1\x98\x9c'</t>
  </si>
  <si>
    <t>b'\xa7\xec\x11)M\xb8\x0f\x9a\xbf\x1eo\x16\x96\x12\xfe\x9aowP[5"\xc2\xf9&amp;\x80\xc5\x03\xe2\xd0\x86\xfa'</t>
  </si>
  <si>
    <t>b'\xcb\n\xd6\xd2y\xea\xe3\x90\xa353\x95xDx\x1ew{\xe2b\xaeA\x1d\ny\xe2\x08#\x03\xach\x04'</t>
  </si>
  <si>
    <t>b'\xb8\xd8\xc5\xde\xe5\xcco#\x9a\xdez\xb8\x98\x07@\x0c\xc6?Z\xbd"\x97gOef\x18\xa2\x7f7\xfe\xd3'</t>
  </si>
  <si>
    <t>b'f\x11\xdf\xa7E\xf3\xf1\x8a\xd6\xae\xcb\x02%nM\xd0\x7f\xa0\x94\xec\xfbU\xa3o?\xc1\xcb\x15\x15\x98kq'</t>
  </si>
  <si>
    <t>b'd\xc3\xb9\xc5\x04\x85\xf1\x1d\xd7\x8a\xb6\xc6c\x1e\x1c`\xf7\x11\xc2j\xddD\xef\xbd;\xc9@\x7f\x0f_g\xe2'</t>
  </si>
  <si>
    <t>b'h\x88v\x0b\x80\x04\xb3N\n\x02\xdf\x99Q\xe5\xa6\xccc{d,\xcbW0J\xbd\x7f\x01\xf4i\xbc\xfdr'</t>
  </si>
  <si>
    <t>b"\x84\xb1\xa3.='\xeab\xc5\xeb\x1e\xe04\xb7T\x89\xd4\xe6\x17\x18\x16f\x1f\xa8R\xc4\xaa\xb9\xd1\x92Q\xa5"</t>
  </si>
  <si>
    <t>b'\xf1O#r:7\x14\x15\xc6\x06\xda\xd6\\T\xb2|y"\xe5i\xae\x13\xd3\x14N]\xe1\x81\xd9\x9bl\xd2'</t>
  </si>
  <si>
    <t>b'\x19\x11\xc1\x1c\xac\x1e\xc20*\x0eR\xc9"5]\x1c\xaer\x10\x10\xbf\x04S\xd7[\xf2s\xa2\x8c\x06\xd2;'</t>
  </si>
  <si>
    <t>b'Xm\x8b\xcf&amp;\x0b\xbck\x18\xd2L\x8cU \x07\xd5\xe7\xb7&gt;\x06H\xdbR\xe3\xab\xd35\x18\x81z\xa4\xf2'</t>
  </si>
  <si>
    <t>b'n\x05a\x83\xef\xa2\x0c\xf3\x82\x98*S\x85\xc3w\xf5\x8e\xb7\x0cG\xa9\xe2x\xc0\xf2\x9c\x9d\x1c\x19\xa90\xa0'</t>
  </si>
  <si>
    <t>b'\xd6|\x99\xb2\xa4\xb1\x00\x9el\xa6\xe70\xf2z\xba\xab\x15\xe0\xf6\xad\x15O\xf5\xe2X=\xad\xc2\xf4Q\xc8&gt;'</t>
  </si>
  <si>
    <t>b'\xf7\x0b\x884Mp#\xad\xadj\x02\xe6=*8\xd7^\x97\xa7\x17w\x0e\xa9,\xfewF\x99D\xad\xfb('</t>
  </si>
  <si>
    <t>b"\xa3\xa7\r&lt;An\x08,&amp;\xe5\xc8*\xfd\xb6\xa1\xe9\x0e\xa7'\x82\xf5z[`V\xb6-\xc3\x1e\x0fa\x83"</t>
  </si>
  <si>
    <t>b'\x84K\xee\r\xa3\xf8\xf8vp\xc2T\x13/\xeb\xeb74\xaf\x9f\xa9C#\x80\x9d\x12\xb8\x04d\x87\xb1\xf6\xf9'</t>
  </si>
  <si>
    <t>b'\xe7\xf4^\x07:|tC\xd8\xfc@Ct5n\x9d\x04\xc2x\x90\xab\xb4\xde\x1dIo\x15S\x87\x8d=\x14'</t>
  </si>
  <si>
    <t>b'!\x99\x01\x85p\xb7\xa9\xbch\x8d\xac\xfe\xa9ohI\x16?\x0b5\xb9\xef\xee\x966\x89\xae\xa2\xdb\x1f\xf1?'</t>
  </si>
  <si>
    <t>b'=\x1c\xa4\x9b7\x9e\xf3%e\x83\x02\x8b\xf7de\xe7\x10\xbe\xf6\x83\xf8\x03\xd4\xfc1pJ\xefd,\xd5\xdb'</t>
  </si>
  <si>
    <t>b'M,A\xfc\xcc\xe3+\xf6\x93\xb9Rb\x1c\x8f\xab\x07\x82\xf8\x9f\x89\xe2-\x9d\x86\xf9\xb6\xe8\x04\xa3v\xab\xc0'</t>
  </si>
  <si>
    <t>b"\xf1\xed\x828\x81\x90\xd3\xf2\x1bm\x84 0g\x9f'EP'?!\xdb8:\xb4\x1f\x17 \xaa\x7f\x9e\x88"</t>
  </si>
  <si>
    <t>b'\x9d\xda&amp;\x06\xf4\xfa\xe0\rh\xcf\x8a\x12#\xa5\x96\xe0\xd3\xdb\xfdy\xa4\xe6#\x8d\x92\x9f\xca\x13\xad\xc4t&lt;'</t>
  </si>
  <si>
    <t>b'7\xf0\xc7\xf4\x1c\x8c$\xde\x0b\xbf\xfb\xef\x9etX\xa4\xafe\n\xd6q\xb6\xbd\xbfq,\xda\xe9\xe5\xd8\xea#'</t>
  </si>
  <si>
    <t>b'\x83\xbf\x8c\r\xb2\xa0{\xfb\x1c\x1b\x07Y_\x86\x18S\xb1\x8e\x1a\x93&amp;\xeb\x94\x0c\xba\x88\x92z\x18.\tG'</t>
  </si>
  <si>
    <t>b'\xf13h:\xffQ\xba\x97\x10\x05-\xce\xab\x12\xa5\xf8\xca\x1d1\xff\x80"\x10\xc5\x85I\x96\x9e*\x18\x80L'</t>
  </si>
  <si>
    <t>b'\xb8\xd4}\x15\xfa\x1b-\x1d\xc4\xec|l\xe5\x17e@\x17\x06\x01(\n\xcf\xbe\xf6o\xf2"P"\x14\xf1\r'</t>
  </si>
  <si>
    <t>b'\x98\xa3\xb0\x04JMbsUIt\x1a\xb5\x9a\xfd\xfe\x83(^?YFx\xe3\xefV\xf5t\x82\xc8\x89\xc3'</t>
  </si>
  <si>
    <t>b'9\xfaxD]\xa5\xe1A5H\xbd(\x9cy9$\xf7~o)\xb3?f\x90\x03\xdd[\xeb\n\xc7\xec\xc2'</t>
  </si>
  <si>
    <t>b'X\xd1n\xfc\x1d\xc0Wz\xa8.\xb6\xd2\xa2\xb1C7a5!\x8a2N\x96f\x87\xdd\xb5&lt;?\xf5\xa7\xf5'</t>
  </si>
  <si>
    <t>b' Q\xd2\xe2`_\xd0\xb3Nu&amp;\x83a\xb0\xf8X\\f\xb6N1\xb3\xd5X\xd5\x0b\x97+Z\xb3e\xb6'</t>
  </si>
  <si>
    <t>b'\x00\xed\xc3Z\x9c\x81)\x0f\xa0\xa8DO\xb1\x85\x94\xf4\xb7\xdcg\xdf\xff\xa5{+\xb5\x00\xb8S\xda\x05H\xe4'</t>
  </si>
  <si>
    <t>b'\r\xbeAB\xd2\xc3\x85\x86Hj\x82l\x19U\x91\x90US\xe5x\xd0\x9a\x12\x1c\x05\x19\xc0iW2\x03\x9d'</t>
  </si>
  <si>
    <t>b"j\x037\xe4\xb0\xf1\xf8`\x7f\rl\x9f\xca\xda]\xeaJ\x0e#'\\q\x0c'\x11\xa8\xa0\xfe\xb3\x8d\xd3\x82"</t>
  </si>
  <si>
    <t>b'{\xd4\xfc\xc6\xc5\\\xd0\xbb?\xbd\tq\x141\xf7}\x94\x87\x8e;\xd9j\x87\x00*[K\x8d\xd1`\xcf\x08'</t>
  </si>
  <si>
    <t>b'\x1f\xfa\x08\x85r\xd4\x80H\xf8E\xe1\x9d\xa21\xf9\x9f\xd2\x9f\x11\x1c\xfbe,[\x93\x82\xc0\xf4\xb6\xc2\x9f\x17'</t>
  </si>
  <si>
    <t>b'P\xcd/tv;\x9f(\xad\nN\xa8\xd5=0@\x99\x12\x8f9\x8b\xc3\x1f7\xc2\xbe\xd3g\x95#,-'</t>
  </si>
  <si>
    <t>b'\xff\x02\xa6!\xfeD\xed\xc2qP\xc8\xaa\xa6RA\x87KJcH\xc6sm8~\x1c\xac\xbdg*\x08T'</t>
  </si>
  <si>
    <t>b"\x1cP\x9f}\xdb\x84\x0b\x81\x04,\x9d\xc5\xd2B\xa6\xe3K#-l\xa8\x9f\xb4\x9eI\xaf'\xfcj&amp;\x80\xb0"</t>
  </si>
  <si>
    <t>b'\xb9\x93\xae\x9cUR\xdf\x96\x10\xf5\xf8\x0cj\x88\xeebm\xd3%\x00\x7f\xb0\x00\t\xb4\x9b\xe4\x80\xbc\xc4\x19v'</t>
  </si>
  <si>
    <t>b'\xe3\xdc(\xe0\x14\xfa\xb6\x8e\x06"\xdf\xa2\x91\x8d\xd1\x8a\xf4\x84\xe3\xdd\x9e\x92\'y\xfa\x08\'Ai\x1dV)'</t>
  </si>
  <si>
    <t>b'\xe4u\xcfn\x94p\xdb)\x8c\xb1\xe9?\x96\xc0l;\xe4\x8bw\x95\xa2U\xed6!\xde\x0c\x05\xa6\xc6\x8d\xd9'</t>
  </si>
  <si>
    <t>b'3^Vs|\x9e)\xd6\x07)\xf5Co\x95\x97\xb2\xebo\x8e\xf0 O\t8\xa0\xa8\xc96\xfe\x98\xb4\xb5'</t>
  </si>
  <si>
    <t>b'!\xb4E&amp;3@H\xad\xca\xa7\xeaO\xdd\xb9b\xf5\xe1\x1d\x08@\xa5bI\x1d9&amp;\xde/5_\xa1\xa3'</t>
  </si>
  <si>
    <t>b'_!\xb2\xf4%\xc9U\xc1\x92]\xc0\xc8a+\xcd\xe4\xe1+&amp;\xdc\xba\xf1\x85\x05\xf9\xfa\x00\x0c`R\xf7x'</t>
  </si>
  <si>
    <t>b',%5\xb7F\x13\xbd\xe9\xc5\xe5\xc3\x030{|QO\xf3\x98\x95\xbaYek\xd3\xbez*\xbf@\x0c\xbf'</t>
  </si>
  <si>
    <t>b'\x08\xce\xd4&amp;\xe1V\xff\x10\x10\xe4*\xa1\x7f\x17\xeb\xa4\xee\xb5\x8a\xb0\x02@m\xfbXl)\xb4\x16\x85\x19\x9f'</t>
  </si>
  <si>
    <t>b'N\x97WFX\xda-\x02\xcb3\xae??\xc4\x8c\xc6\xde0&gt;\xaesA5"\xee\xf2\x89.\x0eD\r\xe4'</t>
  </si>
  <si>
    <t>b'\x0fY\xbb\x03\xca\xe0\xd8\x83K\x82\x96\xa5\xfb\x85\xfc\xc8\x88\x1a\x1c\x903Q\x14\xec\x1a\x1fd5EK q'</t>
  </si>
  <si>
    <t>b'\x1c\xe1\xd9\xdc\xef\xa0eNp5Pc\xd8EA\xb24R\x05H\xcf\xae\xafg\x88+;\x85\x9ax\x9e4'</t>
  </si>
  <si>
    <t>b'\xf0\xef0\xc7\x1dv`:h\xff\x17\xb89\xec\x1e*\xbe\xe04\n\xdfH\x17\xef8\x07l&lt;\xa3\x08em'</t>
  </si>
  <si>
    <t>b'\x7fEB\x12\x15\x91)\x9d\rC\xd8`\xfc\x8b\xedc\x8d \xed7\x1e\xb4^m\xc6\xe2\xfc`\xab\xc3\x8c\xd2'</t>
  </si>
  <si>
    <t>b'w?\xa0\xb4p{yK\xb0z\x9d)\xe7&gt;\xc3\xe8\xb6h\x7f\xf6)\x8b9M\x12\xe5\x0c\xa2\xb4\x7f\xfbN'</t>
  </si>
  <si>
    <t>b'i\xc7\x10b7\xef\xa6\xf8\xb6\x02\x84XE\x07\xe4\x02Gb|\xf1\xc5\xb1l\xcb\xd3N\xa5\xa0\xde\x8c\xa5\xe3'</t>
  </si>
  <si>
    <t>b'\xff\xc6\xaa_\xc9\x95)\xf9}\xbe\x06 f\xe2S\xbd6\xbf4%\xd40\xdc\xb4\x7f\x8e\x13,\xff\xe0\x1b\x99'</t>
  </si>
  <si>
    <t>b'\x8e\x8a6\x0c4\xe2\xbdkK\xdd\xf0\x84\xb6\xf7\xbf\xc1\xf2\t\xa2x\xe0F\xcd\xd6Hh\x01_\xfc\xb9\xe3\n'</t>
  </si>
  <si>
    <t>b'\x07X[[\xdc%MX\xf0\x0e\\%\xd4\xe7g\x03mX\x8b3\x084\rY\xc2\x7f\x1d\xe2Il\x80\x0f'</t>
  </si>
  <si>
    <t>b'\x8f\xe9\x07\x1b\x1c\xfe\xa8[\xbeIg\xf2\xf2\xd3P\x11\xb4[N\xb7\xd5\xed\x9c\xa1#\x98\xb1\t\xaa\xe5\x11\xe6'</t>
  </si>
  <si>
    <t>b'\xffSWY\xca(\xbc\x1b\xb4\x01\xa9\xa1\xfc\x1a\xa6\xf5\x81\x81u\xf6\x96\x1cQ\xaa*\xe0a\xd3L5\xae_'</t>
  </si>
  <si>
    <t>b"\xd6\xbe\xb1\xcd\x0c\xa1\xf2\xd9\x91'j\xd0\x8fcG\xbf\xdc\x1d2\xc1\xef%\xd1;5\x82\x98\xc8;\x8a\xd4\xbe"</t>
  </si>
  <si>
    <t>b'\x07\x11\xa9(\xcf0\xfa\xc5\x15O\xf0\xd6\x8f7@\xd1\xbb\xd2\x89i\x08\x8eM\xa5\x90\x1a\x04\xd7\x1cpw\xfc'</t>
  </si>
  <si>
    <t>b'\xadR\xf4N\xba\xa4\xb31\x8ajh\xf3~\xb1\xde[|\xa3"\xf4H\xbb\xa3G\x9eP\xc8\x81|\xe8\x02\xba'</t>
  </si>
  <si>
    <t>b'_\x03ama\x99\x91\xf2j$p\xb2\nI\xf0,z\xcc{1&lt;!\xa8\x99\x86{X\x8e\x9f\xb3\x1do'</t>
  </si>
  <si>
    <t>b'\xd3k\x8a\xa8\xf2\xbb5\x8dP\xe2LRbe]?f\xe1\x06\xcf\xf6\xb9J\xbb\x8c\x1ac\xd0\xfe\xdb\x9c\x1b'</t>
  </si>
  <si>
    <t>b'\xc0\xebr\x0e$\xc8=#\xe8\xae\x18O\x9ceKg0\xecjV\xd4\x00\x1aDC\xf8v\xda\xc7\xe2\x10\xdf'</t>
  </si>
  <si>
    <t>b'\xc4\x8d\xd3{u&lt;\xc9\x15\xb5\x0f\x19m4\xf7\x8e\xe1\x03\xe6\xb7\x19\xe1w\x08\xf8\xecIJb\xca\xe0\xe9v'</t>
  </si>
  <si>
    <t>b'\x83\xbb\x01\x13\x87\xcca\xd4\x9f/\x83=E"f\xad\xa8\x04\x8b\x0b\xac\x87\x01\x85\xd0\xa7\xe1\xc8,sL3'</t>
  </si>
  <si>
    <t>b'&amp;\xb2!\x82\xa7h(\xc6_\xe3D\xda\x84\xe6\xb6T\xcf\xa4\xe68\xc0\xe2\xdf\xadL\xf92\xaa?\x1b\xf6l'</t>
  </si>
  <si>
    <t>b'\xe4%\xdaP\x8d\x12\xe3\xbd\x19\x16\xb5\xde=H\xfaS\xecnJ\x0f\x13i\x9an\xef\x92\xd5k%$\x0e,'</t>
  </si>
  <si>
    <t>b'}T\xe9nm\xf3~\xa9\xb7q\x8b\x95\xeeN\xe7\x15\xd9AH\xfe\xa6\xf9D\x82\xea\xaf\xae\xc9\xa0pS\xb6'</t>
  </si>
  <si>
    <t>b"\xe1\x97\xfc\x93\xcc&lt;\x97\xfd&gt;\xaa\x16\xf3\xcat\x19z-\x7f\x16p9\xb3\xc5I's\xc6\xc2r\xa4\x93\x89"</t>
  </si>
  <si>
    <t>b'\xf7\xe5]\xcf{\xe3\xb4\x04\xa7\x9d,t\xc9(\xc8\xa7\xe2\r\xf9\x80k_\xe3)\xff\xba\x8d\x8c\xcb\x87(A'</t>
  </si>
  <si>
    <t>b'\x12x\xee\xbbQ\x8a\xf7\x93o\xdeb\x92\xccm\x8e\xed\xc0\x8c\xe0T\xda\x1e\xcf\xc8\x0bzb\x99M5\x19\xe0'</t>
  </si>
  <si>
    <t>b'Z\xa3%\x93\x833\xb5\x13\x01LJ\xee2p!\x0b\x84o}dYx\xe6~\xae#\xfdN\x8a\x98]\xbf'</t>
  </si>
  <si>
    <t>b'\xa7\xda\xce\xf8\xd3"\xd6Qw]\x06\x83\xf8h93&lt;\x137\xcd\x95k\r\x05\x94\xe8\xcc\xce\x92\xbf\xd3\t'</t>
  </si>
  <si>
    <t>b'j\xa3L\xce\xe4\xcc\x9b\xa7\xa5\xa4\xb3lB\xb5\x82\xfa!4\x80y*\xf4An\x92.|\x93\xe8R`p'</t>
  </si>
  <si>
    <t>b'[\xc3B\xfbS\xc0i%\xcbmq\x9b\x0e6\xfap\xf8\xcd\x1a\x84\x0eg\x96$\x9b\xaf6`w\x0c\t\x95'</t>
  </si>
  <si>
    <t>b'&gt;~\xfb\xa6\xe1&gt;E\xab\xad4\x0b\xc5\x8a\x8d\xf8\xe8ez\x17\x87{\xde2\xe0\xb7\xb3\x97\xba.\xd0\xbak'</t>
  </si>
  <si>
    <t>b'(o\x1b\xed\xd7\x97\xecQ2%&gt;Y\xd3u^\x9a\xc5f$rp\xe2\x9d\xc9C(o\xfc\xf9\x92\x1e\xfa'</t>
  </si>
  <si>
    <t>b'\xd1\x1dC\xbeb\xeb\xf3W\xcf\x11\x11\xb0L\xec\x06\x14\xd6\xce}Gr&amp;\x92_\xb6c)\xa7d\x1e\xc3\xdc'</t>
  </si>
  <si>
    <t>b'&amp;M\x96\xff&lt;3L\xa3K%\x8eY\xf3\xc5u\xd0~\xfeIcb\x8b[\x86S\x935\x86\x8f\xd6\xcc\xaa'</t>
  </si>
  <si>
    <t>b'\x99qb\xf7&gt;\xac\xf3\xf5\xbf\x1f\x1d\xee"\x18p\xcd\xa5i\xd3\x0cia\xce\xd1~+\xe0\x11\x83J\x11M'</t>
  </si>
  <si>
    <t>b'\xe8\x96\xb7&lt;\x0c\xbfWb\x9f\x0b\xaf.f\xcbUT%\x06\xa7w\x97\x88O\xaf\x0c\xd9\xc6$T\xd4\xc0\x84'</t>
  </si>
  <si>
    <t>b'\xfd\xbd\x1b\xde\xef \xf9\xf2!\x88\x92\xe4\x98n@\x8fr\xc8*\xfbLK\x0e\xb8\xa2\xb4\x14\xa5\x9d\xc9\xa3t'</t>
  </si>
  <si>
    <t>b"\xd4\x07\t\xef\x11\x85\tEb\xbb\xed\x86\xec10\x17\xef\x0f\xa3\x97\x82\xdc\t\xf6lqx'\nE\xf6x"</t>
  </si>
  <si>
    <t>b'\x0c\xd3p\xbb\x1c\xe7\xdb\xd1\xc3\x7fo\xedR\xb1\xe9M\xb1\x10\xe4\xa2iI)\x7fI\xdf{F\x17,\xeb\x85'</t>
  </si>
  <si>
    <t>b'\xdf\xde#\x19J\x95=\t\x9a\x17\\^\x96\x0f\xa2~\x16\xde\xbb\xc7\xc3L\x932\xf9\xa9\x02\xfe\xf5\x02\xf8('</t>
  </si>
  <si>
    <t>b'&gt;J\x9d\xf4:\x06\xbb!\xc7\x7f(?\x0e\xb0^\x89\x8b\xd2\xd1u\xf9"\xf0\x98\xba\x15\xea\xf2\xee.\xa2\xa0'</t>
  </si>
  <si>
    <t>b'\xa91A\x94\xfa\\\xaf\xaf\x01\xa7\xfc\xb2\xdeU\x12\xae\x0f\xf4G\x94}\xa1\xe0\x92\x95\xff\xd1\n\t{\x02\xe8'</t>
  </si>
  <si>
    <t>b'\xb5T\x0c\x9e\xb5q\xa0F\x12\x01\xbf\x05\r\x8ceg\xca\x17e\x18\x1c\xf3$\xb0k\xd9\xe3e\xef\x04\xa5\xbe'</t>
  </si>
  <si>
    <t>b'4a\x00\x9b\xdf\xfa2\xfa\x08\xbf\xd66$\n\x87Z\xb15\xf6\x80\xd8\xa2XGW\xfb\x12\xbeIDW3'</t>
  </si>
  <si>
    <t>b'\xcc\xd3\xcfx\xb7\xa4\xa9\x16\\\xa1?DQn\xb6.\xe7k\xd0\x1c&amp;W\x8f\xb61\x132N-d\x11\xdd'</t>
  </si>
  <si>
    <t>b':\xbd\x88\xeaMBWr\xda\xbb\xf72R\xab\xb7\xfa\x02\xb1\xdfu\x8e\x0fN!,A\xa0L\xbe\xd7nn'</t>
  </si>
  <si>
    <t>b'\\\x19\t\xc2\xa9P\xd9\x8c\x80\xf6\x03*]\xd0Jm\xb6?zBYF\xa2}$\xf7\xac\x01\xf0\xa8\x845'</t>
  </si>
  <si>
    <t>b'S\x81\x14\x82N\x8eJ\xc1\x93z~9\x9ba2\x99\xe5\x80\x93mk\t\xb7y\x9d\xc0C\xba\x06O\x88\xbd'</t>
  </si>
  <si>
    <t>b'\xc2\xa7\x17\xfdO\xa1\xfe1\x85/\x11&lt;.[G1\n\xcb\x83\xe0%\x9f2\x91\xd0\x10yx\xdd\xeb\xe3^'</t>
  </si>
  <si>
    <t>b'P\xe30vn\xe1c\x80;sG\x02\xa2\x0b\x8dG\x7f\xd1\x97\x03\x90d\xd3\x99\xd1!es&lt;\x86\x95\x86'</t>
  </si>
  <si>
    <t>b'H\xa4\xdfi\xdcK\xaeE\xb5v8\x9d\xe8f\xe3ySmQ\x15\x7f(\x01\x9dL \xb7\x15W\x9e\xc2\xd8'</t>
  </si>
  <si>
    <t>b"\x10B\xae\xbae\x91\xcb\xf7k\xaa\x13(\xc9C4\xab\xa9C\xb1\x19\xc2\x8b\xe6\x1bA\xeek'\x06\x98\xf1q"</t>
  </si>
  <si>
    <t>b'\xfbvzW.8j*+l\xdc=g\x82\xd8`\x9b\x0b\x96s%\x9e$2ec\xa4\xe3\x1f\xa7\x8e*'</t>
  </si>
  <si>
    <t>b'\x1a\x9f\xfc\x93\xfeT\x8a\xba\xf9\xc7\x08p\xe4\xc8\xfb\xb8\x91\x92\xc1\xc0\x01\xba\xbbb\xe7\xf5*\xd8\x0e\xaaF5'</t>
  </si>
  <si>
    <t>b'\xc7\x11 \xa7*\x11\x00}v\xeb\x9c\xec\x1dz\xecl\x017\xd3IO%\xb3\xd0v\x80)Y\xcf\xe5\x03\xb9'</t>
  </si>
  <si>
    <t>b'B\xe9\xd4YK\xe8\x19\xf3\xfb\x7f\xfbc\xc8`\x17S\xb3J\xa6\xbb\xafP7\xa9@\xcbmwr\xc2\x90\xdf'</t>
  </si>
  <si>
    <t>b'\xa8[\\\xdf\x15\xc3\xb6\xb1\x1d\xc8J\x0f\x9ck/\x9c#\xc7w\xd6\xfd\xda[B@\xcf=\xb2&amp;\xe6\xd4\x16'</t>
  </si>
  <si>
    <t>b'\xc1w&gt;[8&amp;\xcf\xcfE\x18\xcf2J\xd5\x13Y*\x1f\x82\xb9x-\xd2q\xbb\x0c\x86\xa2\xb0\xfc#\xa5'</t>
  </si>
  <si>
    <t>b'(\xf7\xfc\xd2\xbc\xbf\x1c\xf4\x07l\x11\x14k7\x98]\xb2\xd1D\xf7\xe9\xd1\xbe\xb0\xa3\xcbi\x86W\x86\xfcr'</t>
  </si>
  <si>
    <t>b'\xf2\xd8\xdb\xb9\xd2\x07\xfb\xd8\x04\xe4.\xd7TZ\xb6C\xc7\xd8\xa7]l\xba\x16\xc4C\xecP6\xc9\n\x9c\xdc'</t>
  </si>
  <si>
    <t>b'(\x94\xa1\xb51q?\x00\xc2\x17\rQ\x97\xee\x0c\x02\xfb\xb2\x062?t\x9f\x0buA-D\xf4\xca\x0f.'</t>
  </si>
  <si>
    <t>b'\\\x803a\xe6\xdf\x15\xe8#\xa4\xf1\xcfSi\xfc\x17\xb3]3u\xa4q\xc76?p\xc4\xa0\xd3\xfdL\n'</t>
  </si>
  <si>
    <t>b'qC\xb7\xc7UE\x98e.\x1bV\nyrEK\x08;:9D+\xd2|\xfd\xc1T\xbf\x03\x7fj\xb9'</t>
  </si>
  <si>
    <t>b'#x\x92\x88&gt;Z%\xccc\xfa\xdcw\xe9\xcdY\xd4-\x1b"\\y\xa7T&gt;\x9ba\xeb\x00\xe2\x1d`\xd3'</t>
  </si>
  <si>
    <t>b'\x1f|\xa9\xcfvu\xb9\x00\x0bR\x04\x8e&lt;\x1aBd\xba_.\x11\x99\xafm\xb1:QV\xce\xee\xdd\x15\x88'</t>
  </si>
  <si>
    <t>b'\x0c8\t\xf3)\\\x8a6\x8b6\x18\xaa\x13oeQ\x1fCu\xbcC\x03(\xb3\xed\xd9;\x91\x16\xa0-\xb2'</t>
  </si>
  <si>
    <t>b'\xf7x2\xfc\xf6[*\xcfz~\xbb?x\xc9\x07\xb7W\x08g\xd4\xc5\xbd\x06\xa1)l\x07\x02l\xa3\xe7s'</t>
  </si>
  <si>
    <t>b'\x8c\xab\xc5\xc5\r\xee\xe8\xec\x8dG\x9f)\xce\xc8\xec\x88\x80\xa1D*\x8e\\\x18\xb6\x1c\x9d\x01\x85\xda{O\x15'</t>
  </si>
  <si>
    <t>b':\xbdo\x8d\xa2\xed\x12\xfcO\r\xa7\xfb\xd8\xb7\xf3\x96\xe6\xfb\xc3\xcbzC]\xe6\xb0c\x0e\x8a1\xd7)\xce'</t>
  </si>
  <si>
    <t>b'j\xbc\xa5\xee\xc9\x81H^\xc4Y\xc2\x8b\xa7\x97 w\xdc@\xf7\x97\xa5q,\xb5Q\xb0\x7f\xad;\x025\x9a'</t>
  </si>
  <si>
    <t>b'\x0c\xa3\xe3\x85\x19\x1a\x11j0\x1a_\xbb\xc9\xe6#f\xa1\xa5B\x9b`\xac\x7f\xda\xba\xfb6\xc8\x91*\xff\x10'</t>
  </si>
  <si>
    <t>b'A\xb3:\xf8\x91\x0fP\x9a\xc5\x10\x9cz\x90\xdd2\x0fx \xcf\xf1\x06\xe7Q\xfb\xa6h\xca\x9bQ\x98N7'</t>
  </si>
  <si>
    <t>b'\xb7\x91\xf0\xd5\xca\xc3/\x1e0\x8c\xa2\x8b]$\x15\xe7\x16\xf9+\x11\x08\xc4\x8et\xb3\xd2\xbcF\xb7/\x1e\x85'</t>
  </si>
  <si>
    <t>b'\x90\xf5\xa0X\x16\xfc\xdb\xa8\xdf\xf7\x88r#\xfcr5]7 ~\xcd^\xecx\xd2\xad\x8e\xd9\xdau$\xea'</t>
  </si>
  <si>
    <t>b'\x11e\xa8s\x8a{\xdc/\x8a\xc6&lt;G=\xc4)\xaf wa\xbf\x02\x1f\x97\xe8\x90n+l\xc7\xfe^@'</t>
  </si>
  <si>
    <t>b'\xdfc\xfd\x94b\xb5\x143\xbe\xf2%\xdf\xb2\'\xa1\x85\x95\x04\xa6\xc5\xe1\xc3\xe6\xec\xc1Xt"\xda\x1d\xbe\x93'</t>
  </si>
  <si>
    <t>b'\x01\xd1\x1b\xcf5_\xd9\xb9\xd4\xf8\xd6/X$\x8f\xf2\xc6B"\xe1\xf6Dv\x7f\t\x91\x1f\x0eU\xd5*\xa0'</t>
  </si>
  <si>
    <t>b'W;\xed \xe2p\xc2\x01\xd6Rv\xdc\xe3\xcbi\xf2\xbc\xc5\x00\xf7\xcf\xa8Et|\xa7\x80w\xd0\xfe\xa9\x03'</t>
  </si>
  <si>
    <t>b'2\x0eh\x99\xa9\xfei\xbf5aK\x82\xbcpG\x14\xdf\x83,\xc1\x19\xfe\x80\xe59"Z\x00\xce\x80&gt;B'</t>
  </si>
  <si>
    <t>b'\xe6\x91\xbe3\r\x13&amp;3g\xd2\xc7u\x13\x08\x06\xb5\x8ff\x82\x14\x1c\xa5\x9eq\xcd\x00\xad\xa6\x88\x0cd\xde'</t>
  </si>
  <si>
    <t>b'\'\xfc\xa6\xc7\xf0X\x90$\xb5OY\xc7\x9a=\x8d\x88\x92"\xf7\xcf#A\xd4\xb0R\xa2l\xf2\xd8\xa9\xfd2'</t>
  </si>
  <si>
    <t>b'T\xb3&lt;\xaaB\xa1\xd3J\xd2:\xf4\xc5(\xffq^\xcd\x10\xf0\xa0\x98c\xdb\xd4.;\xab\xc4{&amp;\xc4X'</t>
  </si>
  <si>
    <t>b"\xad\x10\xd5\xd0\xb0\x9f'\xd6)\xef\xc2}I\xe3X\xda\xda\xd2\xb5\x01\x17\x13\xb8&lt;\x1d\xd5\x12\xcc\x99\x06\xb5_"</t>
  </si>
  <si>
    <t>b'\x9a\xc8T\xf1\xe8\x91\xdf4\x19\xf6&lt;W \x16\xc59\xb6\x97\xea&lt;\xbc\x17\xce\x93W_\xf6\xa4\xfe\x0f\x84\x8c'</t>
  </si>
  <si>
    <t>b'\x8e~\x8a\t\x10\xe0=\x01\x9e\r&amp;\xddb\xe8\xe4\xfbi]\xfe\xcc\x13y\x99G`v\x1f\x95\x85\xef"\x8a'</t>
  </si>
  <si>
    <t>b'\xac~\xfd\xbe\xc7[\x93:\xc9^\xf5!j\xaeqB\x89\x92\xfe\x95u\xaf\x90n\xb7f\x0c\xa7\x8a \x8eQ'</t>
  </si>
  <si>
    <t>b'j\xf4`vq\x96@\x10R=\x05\xdc\xc2\xda\xc4\xa6=\x17{\x1b\xf0\x0fAi5NV\xd2\xe3\xae\xc4\xa9'</t>
  </si>
  <si>
    <t>b'\x0c\xc3\xa0\x0fg\xb7k\xbb\xec\xe8Q\xf5\xb3\xa7^z\x08\xa0\xfd\x80c\xa6\xad\x9b\xa7\xd9O#\xe1\xf9&amp;\xc9'</t>
  </si>
  <si>
    <t>b"\x9c\xc9R\xfa\xf0)\x001\x98Lw[\x9e\xc8\xce\xd5\x85#cv\x12\xd8\xf9K'\xe1\xed\x02h\xb1[\xd1"</t>
  </si>
  <si>
    <t>b'j\xbe7\x8c\x9f\x0c\xdb\xae\xbe\x95g\xd3\xde\x86\xb9Bz\xb7\x8aF2\x1ev$G\xee\xa6N\xb6t \r'</t>
  </si>
  <si>
    <t>b'M{d\x81\x1d\x03\xf5:\x9f\xcc\x10a"\x89\x83\x06\xd0\x07\xdc\xa5\xa9\xc4#\x1b\xc8il3\r@}\xa8'</t>
  </si>
  <si>
    <t>b'm\xd0~\xcf\xb3\xa2K\xe9\x08&amp;\x8c\x13\x12%*\xea\x82~\x972.\xc3\xae\x96]p\xb6&lt;\x82ln\xaf'</t>
  </si>
  <si>
    <t>b'\xfd\x05\xadw\x8a\x9f\xf0:\xe0\xdb\xd1\xe6\xdcmM\x05\x0c\xa0\xc5\x18\xd9\xb3O\xff\xe4\xc7\xf6\x8a\x88\xbfa\xa7'</t>
  </si>
  <si>
    <t>b'\xab,\xaf&gt;V\xe3\x14\xaa\x1fj\xbd\xa8\x10\x18\xe4[\n\x0fU\x95\xa7#\x88\xf4a\n\x96)\xd3G\xe0T'</t>
  </si>
  <si>
    <t>b'm`\xc4\xb7|\xd2}D\x19,!9\xb2YZ\xf9h\xc4]\xc4\xefcW#\xacP\xf0\xc7\xea\xd1r\xf5'</t>
  </si>
  <si>
    <t>b'\xfdb\xcb\xf4\xba?\x89\x85;8\x10!\xf4\xb9\x89\xf0\xaa\xd0\xcc/\xa6$cZ\x10Z\x0fT\xe7F\x97\xbe'</t>
  </si>
  <si>
    <t>b'#uI\xad\x06\xdazQ\x8c\x03\x89\xb5r\x7fe\xf1-z\xbd\x80\xf46]\xed\xaf\x8a\x01{$\xa8n\n'</t>
  </si>
  <si>
    <t>b'v\xe1\xb8O\xc1\x10\xec \xc4\xc4U\xa89\xbf\xb0\xa1\xd6\xe9\t\x96\x1aP\xdb\x97\x1c"\xd0\t\x12F[\xce'</t>
  </si>
  <si>
    <t>b'\xf4\xfa\x06{\x1fz\x1d\xe1\x907\x8f\xd9\xfez\xab\xff\x1ch\x93u$?\x7fD\x19\x8d\x81G\t\xf71\xc6'</t>
  </si>
  <si>
    <t>b'y\xcb\x1252\xc30W5\xeb\t22\xfeq\xaf\x11t\x16\xb5\x8f\xc8\xc9\x8c\x95\xdb\x96 \xd3\x85C"'</t>
  </si>
  <si>
    <t>b'\x0fR-\xe1\xed\xbcv\x8f\xbc\x96\x87v\xd9#-\xd4\x1dC\xa2\x99&amp;\x03\xc6`pKb\xd0W\x8f\xef\xea'</t>
  </si>
  <si>
    <t>b'\xedHj\x87\x8cy\xe8l\xb6\xf5\xccd\xb3\xb5\xf5\xf4,*\x85H\xe0\x9d\x88\xe0\x1a\x9eP\x1c\xc4\x01\x0f\xe1'</t>
  </si>
  <si>
    <t>b'\xea\n\xfe\x95T\xb5\x94\x88\xe1\xeeF\xde\x1d4\x86\x9fs\xc5\xc8\xa5\xa2\xf9\xd8\xd2l\xbc\x8e\xfe\xa9FpF'</t>
  </si>
  <si>
    <t>b'f\xc01\xecg\x8f\xc3\xf7\xaf\xd7*\x99\x06Y\xd0{\x98\x9d=d\xaf\xaaH\xe4\x84\xec\x13Q\xd7\xd5|\x1a'</t>
  </si>
  <si>
    <t>b'\xe7\xa5\xb5\x1cV\x1f\x87u\xc50\xa5\x12\xe7{s\xde\xf4[p\xb0\x818 \xe0\n\xf0_8#\x0b\xf5N'</t>
  </si>
  <si>
    <t>b'\x80\xf4p-\xa7\xe9 k\x05f\xcc\xce2\xae\xe1\x88\xe69\x7f\x85mp!+5Ae\xd1\xe6mX\xcd'</t>
  </si>
  <si>
    <t>b'\xbdzk{\x17\x8ca\xfe|}g]x\xa0\xb4\xbb\x04\xe7\xeb\x8d\xcf\x8b\xbb\xe6B\xb9n\xe0\x86\x00\r#'</t>
  </si>
  <si>
    <t>b'\xc66\x06\xff\xce\x16\xfd&amp;\xca\x06\xe2t\xf2\x14J\xbb\xd9\x80\x87\x83\xd2Nk\x1f!\x80f2\xf5\x1d\x19\x87'</t>
  </si>
  <si>
    <t>b'\x9b\xca\x91\xe3Zs[S\xcc(\xe3q\x802\x1f7lT#K\xa3\xce\x8d\xcc\x88\x9c\xc6\xfepj\rw'</t>
  </si>
  <si>
    <t>b'\x94\xd1\x06\x1a\xa9&amp;4\x0eT\xbe\xafR\xb1`lw\x13\xc0e\xa7\xa4\x01\x8657\x14\x1fK\x1a=L\x06'</t>
  </si>
  <si>
    <t>b'5\x1a\x1f\x90r\xbdo\x92\x87P\xd2\xd7\x87\xb9xiWN\x94\x8d\xe9\x01\xe9Hrp\xbd\x05e-=U'</t>
  </si>
  <si>
    <t>b'a\x17\x12\x12\xda\x820\xc0\xde\ne\xc1\x8f\x81l\xd4W\xd9\xa8\xdb\xdb\x9bZ\xdd\xf6H\x08/\xc4\x8c\xd8\x11'</t>
  </si>
  <si>
    <t>b'+\xa1 \r\x0c\x01p\x98\xf25I]\xb3[t\xb2+(L\xa6\x1ecA-\xc4\xfa\x8b\x06\xe3H\xd7*'</t>
  </si>
  <si>
    <t>b'\x11W\x95x\x0b\xc3}\x89%\xe4\xcc\x92\xc9\xab\xcd@\x83K\x91v\xc5\x15F|\x1bS\x111PIuu'</t>
  </si>
  <si>
    <t>b'\x9fu}\xd2\xe5\xfa\xaeN\xd5y\x9f\xeb\xfcT"\x19\xee\x05\x03\xfa\x9dpA\xe0X \xfe#\xf4(Z\xe3'</t>
  </si>
  <si>
    <t>b'\xd8\xc3\t|\xf4\xf6\xef\xd1Q\x8cl\x8f\xeb\xa4\x9a\x07\x80\x0ez\x99:\x1e\xa2\xd2\x16v\xb3&amp;r\x85I\x9f'</t>
  </si>
  <si>
    <t>b'\x92 \xf9\x82\xb6\xdd#q\xda\xecIU\xebW\xa5]?\xc8\x9b\xa6[\x99\x84\x8eB\xc4(\x88p\xe3\x86\xe4'</t>
  </si>
  <si>
    <t>b'5O\x9f\xac\x99/\xf2&lt;\x85"R\xa1\xd9\xd1]\xe14\xdch\xb0tT"\xc3E\\\x81\x8do\x86n&lt;'</t>
  </si>
  <si>
    <t>b'C\xee:l\xa2r\x8a\xf8J\xa7s*\x05\xe9Ev|:\n,X\x83*\x81\xfc\x9e\xa6\xea]l\xb2R'</t>
  </si>
  <si>
    <t>b'\xe9\xa2\xc6\xee%\xe9\xf5a\tb\xfa\x97\x8c\xe1\x04\xe4\xd8\xc0\x01\x19\x06\x1d\xc8\xc4uX\xa1Y\x10p7\x11'</t>
  </si>
  <si>
    <t>b'L\xc4\xf0\xa8\x0c\xe9j\xb7\xc5Sj\xfe\x84\x00\x17\xafC\x99\xec\x06|\xc8n\x15&gt;V\x08{\xdf\xd3\x9fS'</t>
  </si>
  <si>
    <t>b'\xc2\xcf\xfd\x17\x81\xec\x99\xc1\x1d\xbf\xd1B\xb1\xe6J\x8a_u\xc9\x1aOpR\xc7\xfb\xdd\x8b\xcb\xce\xe3%\xc0'</t>
  </si>
  <si>
    <t>b'\x05@\xc3\xc0D\x9a^\x8flQ\xf6\xc2\xb6\xbbN\xd0?\x15\x00z@\xc7\xc0\x0f\x84\xc5\xb6\xd1\x0b\xf7\xd4\xb0'</t>
  </si>
  <si>
    <t>b'\xbb\x8e\x7fl/nUf.\xb4I\xb8\x7f\xaaQp&gt;\xfa\xda\xeb\xb9\x9b\x8b\xa1E\xd4\x92~eZ\x9c\x94'</t>
  </si>
  <si>
    <t>b'2W\xdb\xd9\x18\xe2\x93O\x7f\\\xe1\xf3\xae\xf5\x93iY\x85\xa50\x90Go\xc2\xd9\x842\xa3\x1e\x15\x9d\xcb'</t>
  </si>
  <si>
    <t>b"\xcdi\x11\x06\x8e'\xec\xd6\xb7\x19\xa7vS\xab\x8bM\x9f\x7f(\xcdK\xb9\x84\x00\x01dr\xf9\xe7\xd8\x90c"</t>
  </si>
  <si>
    <t>b'\xf3\xfc#Q\xe4\xecL3s(\xd14~\x83zV8\xef\xf2\x95G\xd3\xf2\xb6\xd6$\xc2\x7fd\xb6\xaa\xeb'</t>
  </si>
  <si>
    <t>b'\x90\xc7kb\xd0\xa3\xfd\xb1n&gt;\xcc\x8c[\xf0\xb5\xd4t\xc9\xac\xa6[F\xf0G\xa3\x00yJ\x15\x18\x99y'</t>
  </si>
  <si>
    <t>b'\x1a\x83;Dk\x9d1\x11\xa9sn\xd0\x97\xc4^ m\xa9TSY\x80B\xacA\x0f\xdf\xa5\xe7\x1epB'</t>
  </si>
  <si>
    <t>b'\x8c\xfb\x952\x07G.\xb9\x1c]\xb2G\x1aFH\x84O\xc7\xc7\xf2&lt;v\xe8P\xd1\xd6\xbfq\xb8~\x93\xca'</t>
  </si>
  <si>
    <t>b'F\xf3\xec\xb4\x07\x1cI\xbc\x8b\x1bB9\xbf\x84A\x97@W\xa9\xa3\xec\xf4\x7f\x9c\xa4\xfeq\xc6\xc9\xb4\xb6\x1e'</t>
  </si>
  <si>
    <t>b'\xf3\x85x\xe2M&gt;\xf0 \xcd\xb0I\xf4m\xad\x160\x88\x9d\xd2I\xc0\x15\xbf\x02\xab\xc8\xc8\xd0\xe2\x7f=\xfd'</t>
  </si>
  <si>
    <t>b'\xf3\xa1y\x1d\xea\x98N\xcc\xc8Ql@\x90\x11\xb0\xe4#}\xde\xbc\xdd\x1dw\x9a\x19\x9b\x93\xad$s:\xb4'</t>
  </si>
  <si>
    <t>b'F\x98\xe26\x89\x0f\xc7=Z\xf6\xf1\x02%E\xd6=H\xc8g\xf9}\xd3\x19N\x08\x9d\xde2\x14h\x02\x94'</t>
  </si>
  <si>
    <t>b'Y"a\xe7\x93\x98\xb3q\x8b\x91!G\xf9\x1d\x91\xd5\xbd&lt;\xd39\x92RIe\xbd\xc3(\xb5\x07\xb6\x86E'</t>
  </si>
  <si>
    <t>b'\xb3/\x1d\x0f\xcdu\x7f\xd4,\xa7\x82\x13G4Zr\xd0\xc8\x80\xe4\x04\x93m\xbcPt\xd6\xcd6\xe2\xc9\x9b'</t>
  </si>
  <si>
    <t>b'y\xaf\x9b\xa4J\xe4\x0e*h\xdaN\xe3\xae\xb5\x87B\xad\xaaC\xe1b\xbc?\x04\x13\xe2\x11Gs\x03\xec\x1d'</t>
  </si>
  <si>
    <t>b'\x06\xd7\xabR\xf8\xc7\xd9R\x14`Ky\x0bHRlh\x93\xb1\xba9\xa0Ym5KkOs;|\x0f'</t>
  </si>
  <si>
    <t>b'\t;l3\xfcJ\x14c\xea\x1e(\xf2\x86\x84\xd0F\xadN\\\xff\xc8\x03*.\x15:\xf3sM| \xe7'</t>
  </si>
  <si>
    <t>b'\x96BP*v\xb8D\xc7`j~\xcf\n\xe6\xb3I\xd9N\x9eo?\xa3\x93\xa0\x0e\xed\xa8\xe4\xddxFk'</t>
  </si>
  <si>
    <t>b'V:\xe6\xe1\xae\xe0\xbfF-\xee\xeav\x9c \xbe\xed\xaf+\x80\xa0MA\xa1\xden&amp;V\x9e\xa4z\x9c\xce'</t>
  </si>
  <si>
    <t>b'\\\x13N\xe9\xabW\xbf\xb9\x9c\xee:\x0e\x12\xb3\xe70\xb6 L\xd5\x8e\x9b\x96\xff&gt;\n\xa6\xe5!\xa8VA'</t>
  </si>
  <si>
    <t>b"\xd1\x9b8,hxN\x8d\x92gr\xdc\xcd'\xaf3q\x90\xc1\xd3-\xa6\xee\xfag\xe4\xec\xbb\xf3P\xc4\xcc"</t>
  </si>
  <si>
    <t>b'\t\xf7\x11@\x9f\xf1\xf2{\xbf\x807\x88\x1a\xdc\x97\xa3\xcd\xba`4\xbcw\xf6\xc9\xdb\x9f!a\xd3\xa5\xd3\xa3'</t>
  </si>
  <si>
    <t>b'\xf3[\xa7cV:x\xe9b\x93\x94\xf0S\x06\xb2\x84\xacr\x05\x94\xce+\xf54\xd7\xd9\x8d\x8ck\x03\xd7\xe2'</t>
  </si>
  <si>
    <t>b"-\xca\xbe\xf5@d\x1521\\\x86Og.\xf8m\xa2f'\x14lkz\xc9p\x8c\xc3\xca\x05u'Y"</t>
  </si>
  <si>
    <t>b"\x1f\xdap\xe6\x1d$'c\xce\xd6\xec\xd8\x9b\x1dl\xfa\x9f\x06\xd2/QN\xd6U\x90\xc4R\xcb\xca\x10\xc2&gt;"</t>
  </si>
  <si>
    <t>b'\x03\xe8 \x97\xc0\x82\xb9}q\xbc4\xd9}\xd6\xc4YL\xecB\x19\x1b\x92+\xa4\x87O\xcb\x96\x1d\x8b\x8a\r'</t>
  </si>
  <si>
    <t>b'\x84t\x85\xc2\xd8\xb8xK&lt;\x92m\x91.\x8aP\xd1M\x88\x0b\xe1\xed\xb7\xcd\xa0\xac\xe6}\x1a\x96\x9fKK'</t>
  </si>
  <si>
    <t>b'\xbe\x8b\x01x(\xac\xa8\x98*\xc8\xb1[\x01w\xb8\xf2\xa4A\xc4O\xd7=g\x85;\xe3\xe4\xfb\xd1\x89\x1d\x83'</t>
  </si>
  <si>
    <t>b':\xca\xfb\x97\xd2\x13\xd0\x85\x16\xe3\x9f\x11E:\xd8O\xebYa\xd3pS\xe8\xec?\x08\x7f\xf0\xaf\xde\xddT'</t>
  </si>
  <si>
    <t>b'B7\xb9\rd\x8cf\r~_)\x89\xc1J\xe6%-\r\x0e\xd8\x84\xb5\x88\xd1\xec\xb7yy+\x11\x13\x88'</t>
  </si>
  <si>
    <t>b'\x0c\xa2\xa6\xef\x07\x7f\xdd\xe3p?Cgb\x07o:\xde\x1b&amp;/\x12Ke\xd8\xff\x91\xe6\r\x8f\xf8\\\x16'</t>
  </si>
  <si>
    <t>b'\xdc\x06[\xc8C=&lt;\x8f\x8b\xd9\x17\xad\xc3\xbbn\x92\x81g\xffx\x7fd\x83\xe8&lt;\xe2\xf9I\xfe\xb6\xc2}'</t>
  </si>
  <si>
    <t>b'\x14\xf3\xcci\x19\xfd\xdb\x0e\xeb\x12\xefi\xfb\xa7\xe0MIF\xed\x1b\xba\x03\x16Wl\xe8\xaf;o{n\x98'</t>
  </si>
  <si>
    <t>b'\xc62=\xd3\xc2\xb9\xe5g\x99,\xb5\x8d\xbc\xd0D\xbf\xe3\x17\xd3\x04\xd21C2\x99\xfb\xa4\xeb\xd7\xe4\xb5\xf6'</t>
  </si>
  <si>
    <t>b'\xca0L_\x18\xa1\xa7,,\x90\x1c\x01&amp;\xe9\xc3\x9d\xb6\x04\x98\xbao\xf7\x81\xd9b7\xfc\xa6\xf8u\x86\x1c'</t>
  </si>
  <si>
    <t>b'cA\xf5\xd2\x1b\x1a.\xefE\xab\xf0&amp;\xaa1\x81g\xd8Y7]\x9a&lt;\xf9\x11\xad\xfe\xf6q4\x87\x8f\xa1'</t>
  </si>
  <si>
    <t>b'\xb9a\x04}\xad\xc7Pc\xd3\xa3\xab~\xc5Z+\xed\xb1\xc5\xce\xef\x95K\xe3@\xabhTm\xdc_\xfa\x7f'</t>
  </si>
  <si>
    <t>b'\xce\xf9\xe8\xd2\x04p\xfe?s\x8c  (\xf9/\xc0jIJ|\xae\xb4G&amp;\xd3\x0e\xcdK\xb4\xcb8\xb3'</t>
  </si>
  <si>
    <t>b'\xc5[ \x93P:4\x04\x8a\x14\x7f&gt;&gt;\xe1\x15\x9c\x9f;\n\x8a\xef\xcd\xf0bk\xd8\x9f\xb7;\xc7\x9b\xe2'</t>
  </si>
  <si>
    <t>b'\xc2\xa2\xbew\xafr\xe9W\x98\x0c\xc1&gt;8\x16\xa5\xf6e\x12\xccJ.-\x15HS\xdfV.\xf6\xc2\x18\xe1'</t>
  </si>
  <si>
    <t>b'\xa57YS\xb80\xb5\xcb\xa9\xe7\xc1\xde\x98\x06\xf4\x1f\xdb\xc1\xf9Hj\xa6*\xb1;\x08\xe4S\xf1k\x93\x85'</t>
  </si>
  <si>
    <t>b't\xf5\xa8b\x89\xc2}\x14\xe1\xf5\xd9\x86M\xe7:\xb1E\x04\xee\xe0\x02*\xf2\x8aY\x0f\xc4r\xc9\xf0\x1f^'</t>
  </si>
  <si>
    <t>b"z\x0cE\x926{\xdb\xca\xae\xac\xc85\xb6\xa3\x8bB\xbd(~P\xf7[\xa0n\xf8\xddB'w\xa2\xab "</t>
  </si>
  <si>
    <t>b'\xa0m\x91\xf7C\xb4\xb5i\xe9$\xe4k-\x05\xd9U"\xc6\'\xeb)Y\x97P\xf7\xfa\xdc4\x94c\x1c\x08'</t>
  </si>
  <si>
    <t>b'\xa6Xv&lt;\xa3rE\x8b\xad\xbc\x90\xd6qDG\x9a\xb2\xcft)I\x82WkeKBY\xd5\x9a\xcaC'</t>
  </si>
  <si>
    <t>b'\xf2\x8bn\x10\xfb\xd0k\xc8\xb0\xa4I\x15\xc3\xd1\xfcz\x9d\t\xbee\xfa\xa2)\x1b\xc3\xd3\xf5\x1e\x16\xf9N\xf3'</t>
  </si>
  <si>
    <t>b'\xc9\xaf#\x87\x8c\xb6\x14\xd0\xc3\x0c[N\x01~\xc1\xcf/\xa1\xa3\x99/\xe2\x8e,J\xfaN\x12\xc9\xaa-\x81'</t>
  </si>
  <si>
    <t>b'9Y\xc1\xca\x1d\xab\xb4\xdf\xf8\xae\x0f\x0c\x1f\xa3\xf5\xf0\xd4\x8e\xda\xf9\xb7\xbb\x927Sl\xd2=$\x9aj\x1d'</t>
  </si>
  <si>
    <t>b'\x13)\x17\xcfk\xd4\x97\xf8\xd4\xf2L\xf89\xf4\x84\xff\xb6\xce\xf8\xf6\xde^\xf21\xd4\xaa\x9a.\x063y2'</t>
  </si>
  <si>
    <t>b"/\x94\xc3\x81Vh\xf6\x8d\xaa'\xfa\\\xe9\xb8\x9a\xfe\x07qx\xd0\x8e\x81 \xe8\x90\x80\x97\xb8\x87P\xea\x8f"</t>
  </si>
  <si>
    <t>b'\xa0\x1a\xccP\x8b}!2\xc7,\xb4&amp;\xc2\xd3\xa3n\x8f\xc6C\xa17]\x1f\xed\xb4!\x16f\xc9Y\xb4:'</t>
  </si>
  <si>
    <t>b'Hq\xec\xa0\x1dY\xc4\x94t%\x03\x96\r/\xccFC\xa1\xe9]\xcf*\xd1?\xc1\xe4\xa9(u\xa3\xbd\xc4'</t>
  </si>
  <si>
    <t>b'\xe2\xa5-w\xb0@\x81N\x96\xaa\x080\xae\xeb^\x97\x1d\xcbH\xf6\x827f\x17\xc2\xea\x8f\xedo\xf6\x92*'</t>
  </si>
  <si>
    <t>b'\x10R\xf3\x98\xcc\x9a\xcd(v\xe9\x02\x12$z\xf0\xa8\\%\xe4\x9b\x08\x86^\x17Y\x1e\x06\x9d\xd7\x05c '</t>
  </si>
  <si>
    <t>b'?Y)ozl\xb2\x17(\x06"\xec+\x03}X\xdc&gt;\xaf\xd8\xfc\x04&lt;G\xe6Pi\xf9\x8ef\xda\xa8'</t>
  </si>
  <si>
    <t>b'\xd5\x07i\x85\xeb\xc2]ID\x96\xf2\x89\xd4 %M\xb3\x8a\xd0\xbf\xc4\x03:\xc6\x01#\xd1\x1d\x1f\x16z\xc8'</t>
  </si>
  <si>
    <t>b'D^\xd3\xce\xe8R\xf8Uh\xb9\x9cj\x10\x0b\x0c\xaa\xecn\xa8*\xb0\x12\xc1\x86\xe9&lt;\xae\xcb\xad;\x14\xf8'</t>
  </si>
  <si>
    <t>b'C\x05\x83E\xad$Z\x00\xe7\xf7\x84M\xae*\x92\xb6\x0c\x81`\xfa\xe2\xd6\xb5\x98\xe4C\xd8\xf3\x14\x85D\xb9'</t>
  </si>
  <si>
    <t>b'\x9b4qK\x93I\x8bl\x10\xacdW~\xb6\xae\x05mge\xdc\ns"a\xdb\t}\xdf:\xff~\x12'</t>
  </si>
  <si>
    <t>b'\xbe\xb7/\x8e\x97w\xcc \x8b\n\xd4\x90lj\xd2x \xfa\xd7\xf3\rwB\x83i\xca\x1ey+\x81n\xf5'</t>
  </si>
  <si>
    <t>b'\x9e\xc2\x0b\x15\xb8\xe0\x02\xae\xb5\xeb\x19\xc0\xa1\xf3\\\xf7\xdb\xb2\x1d\xb0\t\\\xfc\x1c\xfao\x8b\xd9{\xa1\xf6&amp;'</t>
  </si>
  <si>
    <t>b'\xba\xa3\xb3\xcfB\x92\x06\xec.D,\xe8R\x84p\xefj\xde\xf9iG\x8c\xeeI6N^\xb1\xdecP\xf8'</t>
  </si>
  <si>
    <t>b'/(\xbe\x98;\xbf\x0b%8\xb0\xec-\xafU\x12\x87\xd3\xfb\xa5q5\x99\xe0\x018\x14)\xd0\x02vT"'</t>
  </si>
  <si>
    <t>b'N9\xc3-\xd9\xef\xc5?\xb2\xd0&lt;\x93\x1d\xf7t\xb27zXSg\xc5\x8f\xd4\xf7\xed|\x88,\xb27\xc7'</t>
  </si>
  <si>
    <t>b'\xdfN\xcdg\xbb\xfc\x87\x0f\xaa\x06\xd9\xe0F\xb0\xa9\xb9\x82\xcbo\xce/\xab\xc6"RH\xcb\x04\x14\xed\xe8u'</t>
  </si>
  <si>
    <t>b'Y\xe7\xde\xe3\xfb\x9a\xec\xfak\x8e1\xf9G\xc4\xa2\xab\xe1\x93\xb7\xec\xa2\x95L\x1d\x06\xa2\xf1\x1a\x96+-\x01'</t>
  </si>
  <si>
    <t>b')\xd2(M\x99\xdb\xb5P\x12[\x0b\x02\xb2qK\x1f\x15\x7f\xd8s\x06\xb3\xc0\xbc\x8c\x14nHfg\xd6P'</t>
  </si>
  <si>
    <t>b'\xd7\x87\xd6\x89=&lt;\x93\xd6A\xa5 \xf9\xbf\x1d"\x9695\xf0\xf8\x84$\x94\xd9\xda\x9b\xe7X\xbf\x0c\x0f\xe0'</t>
  </si>
  <si>
    <t>b'\xf4\xae&lt;\xfdz0vdO\xf5\xe9\xdc\xf4\x837$\xe1\x15Q(R\x13r\xa5\xa4?\x7fUD~"\xc5'</t>
  </si>
  <si>
    <t>b'\xe3\xf4\xf8\xf3\xbd\xca.z\xca\x0b\x8aU\x05|=wl\xc8\xd3/\x86\x7f\x84t\xccEn\x01\xb8\x9e@\xd0'</t>
  </si>
  <si>
    <t>b"'p{N\xdf=\xed\xe4\x02\xd2\r\xfc$\x0b\x98!\xcf\x8a\xcdh\xc4\xf3\xe3\x11\xd0\xa5\xf1U\n\xe8\xee%"</t>
  </si>
  <si>
    <t>b'\t\xfe~"\x10G\x85\xb6\xa9\xc5\xc8:\xcd\xa8)9\xfb\x81\xb5\xb9\x14\xa6\xdb{M\xe2,*\x7fx\x01\x88'</t>
  </si>
  <si>
    <t>b"\xbe\x85\x97\x9a\xcd\xa9\xd9\x7f\xe6j'\x96\xee\x01\xd7\x81\xa3\x9a\xa1v\x07\xc5[\xa1\x14\xd5\xcc\x82L\xd5\x04\xd7"</t>
  </si>
  <si>
    <t>b'\xa5\x1b\x02Q\x8d^\xf9eN\xb5t\x84\xac\xf6\x96K\xd5c\x18~jf\x04)\x90~L\x9f/\xf0\x02\xaa'</t>
  </si>
  <si>
    <t>b'\xa4\xe6\x8eY\x8b\x1e\xaf\x1d\x1f$\x053\x0e;\x89\xa2\xad!.@\xa1\xed\xb8\xe8\xac=N\xdb\x18\x9e\xcbQ'</t>
  </si>
  <si>
    <t>b':a/\xc0U\x94\xc1\x93.h78\x9d\xac\x93/9\xc6:$\xc3*D\xcd)EA\xf7\x92:n\xda'</t>
  </si>
  <si>
    <t>b'\xe3\xe6\x11\xcc\x82T\x1dO\xb8U\x97o\xad)\xfa\x8a\xc3|Kp3T\x05\xfc\xde\xecv3\xd7\x87\xb3\x1b'</t>
  </si>
  <si>
    <t>b'\rS&lt;\xeds@\xf8Z=s\x08R\xba`\xb6\x95\xbc\xc4]\xd3\xa4\xb1\xb8\x07\x9e\xe5Y)\x981\x05Z'</t>
  </si>
  <si>
    <t>b'\x03\xa7S\x08@\x9fvC\xb9;\xfdZ1\x17-\x9f0\x98\xad2\xab\xfe\x88\xa4\xacq\xaaC\xbe]\t\xe5'</t>
  </si>
  <si>
    <t>b'\xc3\xef\xdf\xa6\xfek\xa3Q~\x14U\xe8-\x01\xb7\x8f9\x08\xa7\t\xbbH]MF\xeaQ\xfep1\xb5\xbf'</t>
  </si>
  <si>
    <t>b'p\xa3\x8e\xf6\xf1[\xaf\xcb\x95QD\\R\xbb;\xc8\xffmj\xf5\xc9\xd6\x98\xaa\xf8#\x92\x08:\xe2\x03='</t>
  </si>
  <si>
    <t>b'\xf4\xaa\xff\x7f\xf7cP\xe0#s\x16^d\xde[\xf5\x0f\xa5A)\xb8,\x1b\xa2\x07\xb5H\xd3\x0b\x1b\xc2\xb8'</t>
  </si>
  <si>
    <t>b'\xd8\xecF{&lt;~\x1f|6\xcf\x19O\x01\xe4\xf6\x17h|2\xf3\xd8s:\xe9[S\x85M)6\x0f\x07'</t>
  </si>
  <si>
    <t>b'\xc6\xd3\xb7CY\x8c\x9a \xac\x10\x92\xfbFt0l\xcf\xb8a3x0\xd1\x82\xa9S\x84\x13i|m\xae'</t>
  </si>
  <si>
    <t>b'OU"\xc1Kp\x87\xb83QG\x87\x85V\xf4eA\x19QG\xeb\x8f\xe3\xe8n\xf6\xab\xa1\x1c\xc0h\x9c'</t>
  </si>
  <si>
    <t>b'\xebJ\x83l@\x89T\xab\x9b}\xfb\x03W\x9exq\xf0E\xd6\xe4\\!\x0e\x92g1\xce\xae\x83h\xce\xbe'</t>
  </si>
  <si>
    <t>b'I\xcdT\xf1@"T\x1d`]\x05\'\xf3\xd6\xa3n9\x0cPvf\xd3\x9e}e\xbd\r\xdcbG}V'</t>
  </si>
  <si>
    <t>b'\x89\x85\x81\xc1\xfe7\x95\x0bf\xc8\xa1\x86\x9bC\x19\x8eN\xa1\xf8iY\xd1n\x18\xa7=u\x9e\xcd\xa5W#'</t>
  </si>
  <si>
    <t>b'\xd7AN\x8f\x9cI5U\xc2z\xe0\xba\xc2\xc0\xed\xc4\x9a~V\xc5\x84\x92\x17L,\xf0\x99\xc9\x8fj\xf1f'</t>
  </si>
  <si>
    <t>b'\x13\xf0\x06r\x16j\x15\xf4\xd0\xf5\xd6\x1b\xf9\x06%\x14^\x8fq\xbco\x04\xbf$\xbb\x8bzY\x05$\x14*'</t>
  </si>
  <si>
    <t>b'\x9f\x13\xe0\xa4\xb1\x0e\x19o\xdc\xb0\x92\xe0l\xc6\x82@\x01\x93k/E\x06\xb8\xed=#1S\xdf4g\xbe'</t>
  </si>
  <si>
    <t>b'HK\xe8\xd6..;e\xea`f\xdd\xc66V\xb6\xbc\xd4\xe7\xf1\x92\x9d\x98\x9d\x85\xc2D\x1b\xc9\x7f\xdc\x1d'</t>
  </si>
  <si>
    <t>b'\xbed\xc4\xc2\xaa\x1b\xda\xa3U\x83\x0cu\xb3D\xbe\xf2\xdam\x84\x9dv\xd5b\x11AUN\x04B\x17\x86\xdb'</t>
  </si>
  <si>
    <t>b'\xde\xa02R\xa75\x1fi\xa0\x1aY\x8c\tD\xb57\xb6\xc0\xdac\x99n\x12a\xb8\x99i\xe1&gt;\xca$\x9c'</t>
  </si>
  <si>
    <t>b'\xeb\x96\x89\xde\xcd\x87%\xf5}w1\xf3\n\xb4\x93y\x90T`Q\xf8 b)\xb3\xd5Z0\xe6\xb6{\x84'</t>
  </si>
  <si>
    <t>b'Z]\x05zp?\xe1PO\xfc\xf5J4e\x85*\xea4l\x15cn~\x05\x9a!\ny\xc3\xf9{\xfa'</t>
  </si>
  <si>
    <t>b'\xb4\xc9f\xf3\x97\xa8\xc4\x8c5\xff\xdeW\xfc&lt;\x0bL2\xbc\x8c\x08\xed1\x83J\x81\xfa\x1d\x8c!\xf1\x9bJ'</t>
  </si>
  <si>
    <t>b"\xe1B\xcf\xd3\xf4\x17\xc7\xf0\x80vN\xc8\x8e\xb3q'\xeb%GlO\x87h \xdb`/\x08 \x94\x14&gt;"</t>
  </si>
  <si>
    <t>b'|\x0f1\xf4q\x8d\xfde\x96\xd4\xf5\x8d\xd6\x16\xd7|\xbf\x88\xcc\x8e\xff=5\x80\t\xbbJ\x82\xd5\x19!\x1b'</t>
  </si>
  <si>
    <t>b'\x92\x18\xe8\xe1E\xb4\xff\xc7\xac:\xf5}\x95\x80P\x12\xfa,[\xf65lhC\x1a\xfeW-\x93\xed\xed\x82'</t>
  </si>
  <si>
    <t>b'\x10\xeb\xdf"\x80\xaa\x19\x13l\x16&gt;[\xd8F,A;\xfdL\x18=\x18\xc8\x92w\xad&gt;oT\xa8\x171'</t>
  </si>
  <si>
    <t>b'8j}\\\xac\xd6}\x03\x03t\xfcwg\xfbjJv\x0e\x82U.L[4\x01\xc2\x03\xac\xd2j]\x1e'</t>
  </si>
  <si>
    <t>b'\xfa\x8d0\x97#\xe9H\x00z\x06)\xb1G^\xc6.p \xac\xd2A\x9c\x1csx\x94 SU\x1c\xb5\x18'</t>
  </si>
  <si>
    <t>b'\x88\xf8N\xab\xd6"\x89hm\xdc \x0b%\xea\xe0\xef\x83~w\xdeGe\x15\xa4\xd9\x03\x9ag\xe6CJb'</t>
  </si>
  <si>
    <t>b'\xfc\x8a\x07\x11\xe6\xfd\xee&gt;V\xa8\xfc\xd8\x9b\xf0.\x94PV\xbb\xf5\xc1N,A"\x86\xcf\x88\x94&lt;Y\x83'</t>
  </si>
  <si>
    <t>b'l\xdc\xe2\xc0\xa2\x07\xb6\xf8\xb1\xac\xcd\x7f\x1e@\xc6\xe5\xcfiv\xde\xc1Y\xe7\xfa\xa5\xf3\xe5Nw\xf0\x92\xe6'</t>
  </si>
  <si>
    <t>b'\x08@\x01Wk\x1a\x82\xf1\xf3$\x0c\xc3"o-\xb4x\x9e\x89\r`j\xae\x07\xf9h\x15\xe5%c\x8f\xe8'</t>
  </si>
  <si>
    <t>b"5\xf7sL\xb5\xf6\xba\xb4\xc6\\3j\xdet_5\xe7\xf2\xc1\x0c\x8a\xd3V\x9b\xee\xc3P'\x08\xe5R\x8d"</t>
  </si>
  <si>
    <t>b'R&gt;\xff\xe5&gt;\x12=\x8a%\xde\x91\xde\x95\x103Y-\xe5Fn\xa6iQ\xfa\xa2\x0c8\x8c\xb5\xec\xf4\xb9'</t>
  </si>
  <si>
    <t>b'\xd3:\xab\r{\xf7\xfd\x10L\x8a\x99\x98I\xa6/\x06\x9bV\xe9\xb9J\xda\xa2C\xdd\x88\xeavQ\x0b!\x99'</t>
  </si>
  <si>
    <t>b'\xc7\xd6r\xafK\x0b\xbe\xcet]\x9d\xc8"j*\x9aC\xeb\x947\xc4\xac\x8fQ&gt;b\xc7\xa3\xb6f\xeeV'</t>
  </si>
  <si>
    <t>b'\x10\xd4_\xfd\xbb\r\xe6\xc2\xfe_\x9f\xf9\xb7\xe8#T\xbc[\xe1\xcc|\x8d\x8eF\x1b\x82\x93\xb7y\xb4\xc0S'</t>
  </si>
  <si>
    <t>b'\xe4v\xcc]ZJQk\xa0\xfcu)K\xca\x84GI\xd2,\x8e\xa3;mk\x06N\xb1\xdc\x06&lt;"\x1a'</t>
  </si>
  <si>
    <t>b'\x8d_\x15\xde\xdf\r\xd7\xfb\x98({\x0fl\xd9\x0e\xe8-\x1a\x95@\x8b\xcb\xb6Jw\xe0\x87t\x89\x91&amp;9'</t>
  </si>
  <si>
    <t>b'\xd4V\n\xad\xc0\x1f\xd9{zVj\xdc\xe0\x12\xa5wf\xc4\x90\xbd\xd2\xfb\x8du\x12\x88\x81a)x&lt;j'</t>
  </si>
  <si>
    <t>b'T\xed\xc8 \xa7\xaa\xc3\xf3EG\xc3\x0eoU=~\xb7D!W\xc1+n\xe7\x1eT\x8c\xa3\x1c}5\xbb'</t>
  </si>
  <si>
    <t>b'\x87\xe1\xb1\x03\xb7in(.@\x08y\xfc;\xbb\xacO1\x0bRq\x933\x9dN@\xc2TjZ\x1d\xcb'</t>
  </si>
  <si>
    <t>b'\x17\x9d\x8b\xd6f\xac!\xbc\xf0[r\xbf!V\xf0w\xb6\xd3\xc5\xce\xaf\xf0{o:b\xb9\x07A_{\xe5'</t>
  </si>
  <si>
    <t>b'\x06\xed~\xec\xc6\x1f\xef\xc7\xc6{\x81yC\xd4\xae\x07\xc8\xca6\xd3p\x88Bs\xda\xe8\x12\r\xeb\xe7U%'</t>
  </si>
  <si>
    <t>b'2"lJ\xd9^V\x07\x90\x8f\x93\t\xd0=,\xcd\x13\xf3Y&lt;\xf2\xd3\xfdi?*\xceNP\xf3;#'</t>
  </si>
  <si>
    <t>b'\x90\xc6\xccH\xe9\xa1\xf3\xaa\x8bG\x97v\xec\xf3\x92\xc5c\xb1\xed\\nYb\x93W\xb4B\xef\xc3\x1a\x0b\xdc'</t>
  </si>
  <si>
    <t>b'?\xda;$\xcex\xf4\x89@\x91\xc3g\xc8\xbfEU\xd0\xb3jP\xaf$\x0e\xeb=\xcc\xb7\x98\xd0\x8b\x8a}'</t>
  </si>
  <si>
    <t>b'A\x02\xf0\x12\xc3\xb3\x171\xab\xc2g?\xcf&gt;\xb8,+\x88YI\xc1\x0ftO\xbc\x0b\xe4\xae\xf3\xc0\xfeV'</t>
  </si>
  <si>
    <t>b'\x1d\xa3,\x1a\xd01\xcc6&lt;\xa4\xd0\x04\xads\xc7QX\xc8/\xfe\x98\xf9\x17\xfc\xe3\x19\x1d3\xb42\x8e\x1f'</t>
  </si>
  <si>
    <t>b'v\x0f\xa4\xf1\xafQ7V\xd6?~$$\x85\xf5 \xa7\n~\xea\xa6\x93\xbf$\xd8\x0e\xfb\x8e\xb4bv\xc9'</t>
  </si>
  <si>
    <t>b'\xce\x05g\xa5\xac\x07$#\xbd|\xa8op&gt;\x9b{\x8a)\xd5W\x921]^\x93-\x8c?\x1b\n\xb2\xce'</t>
  </si>
  <si>
    <t>b'z?\x98:pY\xc0Ts\xc8!\xfa\xfb0\xbc\x99\xa0G\xe7\xa9\xd6Qf\xf5O\x08\xda\x99$\x89\xc1\xfd'</t>
  </si>
  <si>
    <t>b'+\xed\x87j\x04\xc0\xde\x0f\x1c\x92\xba\x9a\x17\xa0\xffO\xd1!\x911\xc9\xe5!\r\x81\xaa\xf6\xdc\xaeWH\xab'</t>
  </si>
  <si>
    <t>b'\n\xd5zju7\x044V\xe2\x18\xedg\xb7\xf3[\xf1\xb1j\xf7F\x90V\xcb\xb1}\xee\xe0\xd9\xe3-\x97'</t>
  </si>
  <si>
    <t>b'xiS\xbc\x9d\x03"\xe6\xcd\x83IZ\xfc\xea\x9a\xb9\x94\x1f\x99\x9d&gt;\x05Q(\x9a\x8c=\x1b\xcab\x9aM'</t>
  </si>
  <si>
    <t>b'F\xd3L\xd6\xba8(\xaa,\xb1\xbf\xf9C\xee\xb7\xbcC\xa8\xe1\xec\xc2(\x86\xd54\xcc\xf2(P&gt;\xc9\xfd'</t>
  </si>
  <si>
    <t>b'$M\x80N\x0f\xca\xe9\xe3\xbb\xa0g\xa4\x17\x81\x1f\xdcA1\xea\xd3\xe5\xb9\xc6^_\xfa\xe7\xaf\xb06p\xc7'</t>
  </si>
  <si>
    <t>b'\\t.\x08\xab\xb8S\xf3\x84"\xdc\xdd\xef\xbed?*V\xe5\x8e\xc0\x88J\xbcE\xd7\x84\xee\x92\xb6\x96&amp;'</t>
  </si>
  <si>
    <t>b'\xed\xa2\x85T\x18~\x91\x1f3\xd6$\xe5\x197\xf5\x95\x13\xc8\x0b\xfd\xb1\x1cft\xe5\xafU\xe3\x7f-\x01\xbc'</t>
  </si>
  <si>
    <t>b'\x96j\x11\r\x00\xf7\x03Y\x84\xd5\x832+\x93\xbc\x7f\xf1\xa5q\xe3\x97\x047.u\xf6G\xe5"ugW'</t>
  </si>
  <si>
    <t>b'\xc5\xf8\xa2\x16\xed\xb0V\xa2E\x15[\xc2\x11\x87@1M9\xb6j\x8d\x87xE\xfa@-u\xd6\xd2\xb70'</t>
  </si>
  <si>
    <t>b'2\xd3:\xa9&gt;\x91fZ\xe6g(\xfd \xbf\x8e\xdb\x85\xed\xf0\x04\xff\xbf2FJ\xadE\xa5\xad\xcf.\xb9'</t>
  </si>
  <si>
    <t>b'\xd1\xcfo\xac\xb7Q\x10\xf8\xc1\x82\xa1\\T\xb2\xbcS\x9134*&gt;\x19X\xbd\x14\x92\xbb=\xd6\xb5\xe1\xf8'</t>
  </si>
  <si>
    <t>b'@U\xd0XT\xd9\xa7\xcb\x83D\x1d\xa0\xe7\x97B\x81\x97&gt;\x05Hg\xfdVK\xca\x90\xf7\xf0\x84\x8d\xb0T'</t>
  </si>
  <si>
    <t>b'[\x96\xad|\xffJWL\xa0W\xf3k?pp[\xb8\xcez\xc2\x13Z\xa0\x1a\xf7\xcf\xef\x9b+\x80\xc1`'</t>
  </si>
  <si>
    <t>b'\xf41\x16Fl\x95*Pu\xffX5 \xcfl\xef\xc2\x15W\xcc\x8c\xbb\xd7\xeb\x96e 6s\x17#\x80'</t>
  </si>
  <si>
    <t>b'\xe6\xa7\xd9\xd2\xe6\x15o\xfc\x07\r\xedX\x07\x98\x1d\xf9\xc7\xefv\xe3\xfa\xa6\x02\xf4\x9c\t#8\xf4\xe3\x14d'</t>
  </si>
  <si>
    <t>b']1\xf9! F\x8f\r\xef\xd5\x11\x81\x96\x0c[\xba8=\xfbkc\xad\xc5\xc1\xe9\xc8)*_\xdb\x86*'</t>
  </si>
  <si>
    <t>b"\x01\xf3\x07H\x1f$\xb2\x9dst&lt;\xfe\xf0\x90\x9c\xb7P.,t\x12'|\x88s}\x8fg\x02.$\xa5"</t>
  </si>
  <si>
    <t>b'Q*\x13\x03\xd9\xfe\xb1\x05\x12EY6m\xd1l\xa8^\x14\xebob6\x03f\x03\x0c\xe6\x00\xbe\xcb\x08C'</t>
  </si>
  <si>
    <t>b'\x10G\xf0\x03L\xe4\xb4\x11\xee\xcd%\xbe\x82{\xd0\x170B5-\x91\x001c\x03\x02\xf7\x0bL\xa7vS'</t>
  </si>
  <si>
    <t>b'q\xebb\x80B\xba\xce&lt;5\\u\x1c\xe5\xb9\xe1\x03\xec\x1b\xa1\xefe\r&gt;\x8cM\xff\x06\xecl9G\x95'</t>
  </si>
  <si>
    <t>b'\xc7U\x19L\x06\xd7s\x05i\xc7\xe9\xa7\xd8\xf0h\xc5\x18=]\x96\x1a\xeb\xc4\rP\xe8\xd0\x1c\x93B\xab\x00'</t>
  </si>
  <si>
    <t>b'\x0b\xf5\x96\x11\x87;yu`c\xe5T\x13\xe3\x90\x08m\xe6\xb1\xe2C\xddE\xfd\xa5\x87\xfaN\x81R\xa0\xee'</t>
  </si>
  <si>
    <t>b'\xab\x99\xb0\xb6\x0eB=\xeb\x86\x1f\xb7\xa8\xe0\xed2\xaa\xd4\xf3%\x1a\xbe\x87\xe1\xed\xd1\xbe\x12DH\x1c~\x10'</t>
  </si>
  <si>
    <t>b'\xe5\xeb\xecH\x7f\x13v\xc8mV\x07Q\xd5\xe3\xf8\x12]l@G\xea`\xb6\x98\xf7dZ\xe1)r\x1b\xf5'</t>
  </si>
  <si>
    <t>b'\xb2|T\x92N\x97:\x86K\x1e\xc3C\x93\x9f\x9f\xfd\xbd\x8eXw\xbeU\xe8\xd0\x7f\x19\xa5\x00X\x1b\x0b\x99'</t>
  </si>
  <si>
    <t>b' \xf1e\xe4\xb5\xf6\x84\x7f\x96\xba\x98!\x86\xd7\xf8\xc6\xd6-\xc7\x8f\x83\xe1M\x81+NvR\xc9no\r'</t>
  </si>
  <si>
    <t>b'cY\xb6\xcf\x13|Y`{\xf2\x1d\x90\x8e\xbb"\xb3\xfa\xb2\xb5\x9a\xa2\xc3e\xd6o\x10_\xe4B\xc4\x06h'</t>
  </si>
  <si>
    <t>b'c\xc4hG!Q\xeb_\xfctq\x92\x01\xf6\xa1\x1aM7\xdf\xc7\x0f\x99E^\xa1\x02\x96R^\x94\xccR'</t>
  </si>
  <si>
    <t>b'\x0c\xca\xed\xb4iv&lt;u\x91\xd0\x1d=\xa68\xc6\xb3\xd8\xc0g\xe4\xcb\xa9\xfd\x16\xca\x8e\xc7\xc5\xba\x7f\x80|'</t>
  </si>
  <si>
    <t>b'\xdd\x06,\xb4\xde\xb5u\x1cHZ b\xcd\x8e\xe1\xedwV\xd2]\xcc\xc5e\x17\x0c\x1dx\x06"\xb5\xe2\xb2'</t>
  </si>
  <si>
    <t>b'G,E@\x85\x8fOf\x1a\x1c\xe6\xc6nw\x81\xe1\x9b\x0e4=\xb4!\xd1)\\\xddm\x14\xa5p\xa3\x96'</t>
  </si>
  <si>
    <t>b'y\x0c\xdc\x82\xd3@h\x05\x04\xea\x9f\x9b\xff6l\xe1\x98\x0e\xdf#\xe7\x04uO,\xb5\x16-\xec\xc4\x0b\x89'</t>
  </si>
  <si>
    <t>b'\x8a\xa2\x10\n6\xefp\xec\xc21\x0f&amp;t\xc2\xdb\xee\xdf\x81\xea\x99\x8a\xa1\x81M\x15c\xe5n\x95&gt;6\x1a'</t>
  </si>
  <si>
    <t>b'\x14[\x07\xf62\xdb\xb9\x91\xd5\xcbpD\x94\xb5\x82\xb2\x95m&gt;\x1d\xdb_4\xa8\x18\xa7\xb0\xee\x8b"fo'</t>
  </si>
  <si>
    <t>b"\x8a\xaa'\xf6d\xd9\xc18\x9c\xf2\xac\xf5\x0et\x9a\x1e|\x97C!\x13\xa6D\xbd_\\p\xe1\x948\xe1!"</t>
  </si>
  <si>
    <t>b'\xafg\x9c\x1a\xd1\xc2!\x19\x1eviG\xf8\xb3p\x86\x94\x13\xb51\xf1\x90\x89\x1a\xda\xeeY?\xa5\x10;\xbe'</t>
  </si>
  <si>
    <t>b'Z2\x97\x87=\x96g\x05\xda\xe9\xa9LY\xeb\xb4\x00\xef\xed%{\xc6\x90\xa2\xabz\xbc\xc4\x96\x08\xcc\x00\x12'</t>
  </si>
  <si>
    <t>b'\xca\x9d\xc6zh\x08u\xb2\xe9\x14\xcc:B\x13\xa6\xfb\xf5\x8e\xea\xf0|,w\x16~\x98\xc5d$\x8c\xbd5'</t>
  </si>
  <si>
    <t>b'}\xb7\xd2\xf5\xd1\x8c.\xa8\xeeQ\x04N\x00\xfb\xc6\xcbi\xd9v\xd0\xba\x98^T M\xc8\xb6\x1bX\xa6 '</t>
  </si>
  <si>
    <t>b'\xdf\xcb\x84\x9e\xf4\x8f\xd5\x19\xe6\xce?\xd6e\xcf/W\x9a\x88SL)\x8d&lt;\xa1\xc8\x1bo\x0c\xecb\x85\xfa'</t>
  </si>
  <si>
    <t>b'E\xd9\x18_y3F\xec\xc5\x12\xc2l\x97\xc4\x8ej\xf5E!\x88\x01"\x94\x14\xaa\xc2\x0eh`\xa5\xf5\x97'</t>
  </si>
  <si>
    <t>b'\xb0\xb4my\x94):\xfe9\xf6\x95\xf6\x9a|\x01\x17\x8a\x1b\xedf\xae\xc7\x94?\xacWI\x8d\xac\xec\t\xb1'</t>
  </si>
  <si>
    <t>b'\xe4C\x031\xb5\xdfD\x8cn \xfb\xde?n\x16\xe6\xb9\x852g\x16Mex\xb02\xc0a\x0b4tR'</t>
  </si>
  <si>
    <t>b'\x98\xf6%z\x1a\xf8\xb0#\xe9\x14^\xd3l\x82\xd3\x88\x9e!\xf1p\xa4j\x00\xa0\xfbV\n\x13\xd6=Y\x1b'</t>
  </si>
  <si>
    <t>b'\xc2\xcd\xea\x04\xb0m\xd1\xa2\x1f\xc9\x82\xedY\xd4\x16\xe6\xfbG\xee\x89\x9b\xe2\xc8|\x80\xadZ\x01d\x8bI\x8f'</t>
  </si>
  <si>
    <t>b'\x8b\x1a\x8e\xa7s\xc7\x94\x00\xd9\x89\xc0}\x9cG\x9b\xaf\xae\xefQ\xaa\\U\x07\xe2\xe4\xe9\x97I\xf6$=6'</t>
  </si>
  <si>
    <t>b"\xc4yT\xdaKn\xd4\x95\x9e\x08G\x18w_\x04F'\xe5\xc6E\\\xa5\xf4\r\xbe{\xa6\x80+\xebh\xe1"</t>
  </si>
  <si>
    <t>b'\xa2\xe2\x95\xde\x15\xb4\x15\xe9e\xb6o\x07\xa2\x1e\xa3\xe8\xb8\xb5\xf6\x85a\xab\n\x96\xd1\xe7\x087\xae\x9f6\xcd'</t>
  </si>
  <si>
    <t>b'\xaa\xbd\x8a\xb5\xe8\xad\x1b\xbd\xf1\xb9\x1a\xdb\x99&amp;\x19\x82\xc74m\x03\x03\x0eH\x87\x94\xd2}\x96\xf7\xed4\xf1'</t>
  </si>
  <si>
    <t>b'\xd2\\\x89\x9a\xcb0\x04k\x18\xa1\xdd\xb6\x9f\x1e\xe2\x93G_F\xf4\x16\x12\x11N\xbc"\xa6\xb5\xdb\'\x1dA'</t>
  </si>
  <si>
    <t>b':B7\xf8\xd4\x90G\xf1\x9d3\xd4;\xcc7\xe6"\xc2o\xcb\xd8\xc2\xfb\x82\x1eM\x9d71X\xe7\x87\x83'</t>
  </si>
  <si>
    <t>b'\xa9\rCM\x8b\xe6VK\xb6I\x93L\xdd}\xa8R\x01X\xa0\x83\x87W\x1c\xff\xcb\x9e\xc3\xff\xfc\x03\xe2\xb5'</t>
  </si>
  <si>
    <t>b'\xc2\xb4\x85-\xb4\x93}\xe0gS]\x82\x9b!\xfe\x18\xff\xb7\xde\x07,\x0e\xa8\x88*Ny (j\xa3\xce'</t>
  </si>
  <si>
    <t>b"\xf3\xd7Fm6\xebx\xf3\xf5\xce\x9d%#k\x87\x04'\xf3I\xa1B9|{\xc9g4*bg.\x06"</t>
  </si>
  <si>
    <t>690xx</t>
  </si>
  <si>
    <t>b'\xb5]\xc7\xfc\xfd\x7fk\xe5S4\x8ds$e\xd9Vq\x9a\xc4\x94\xee\xe5\xc73,\xffY\x1e\xcf$\xcd\x13'</t>
  </si>
  <si>
    <t>b'\xa6\xb0/\xfa\x89\x0f\x89\x8f\xe5p\xb3q\x1a/3\\:\xf2\xf4V\x7fr\x0e\x14\x96\x0e]#P\x8dR\x04'</t>
  </si>
  <si>
    <t>b'\xd5\x14b\x9b2\xd4\x92bwu\x05-\xf3@\r)\tS\xa7\xf5\xc4\xd8\x10N\xfc&lt;\xf4]\xe9\xf7\xa5\xbe'</t>
  </si>
  <si>
    <t>b'\x02\x9d\xe0\xa6B\xa1\x13d\x10\xe9\xd0\xe9\x947\x91\x94\xa0\xbe\x14\x1e@\xc3\xefG\x94\x03CT\x07\xa0ly'</t>
  </si>
  <si>
    <t>b'\x8b\x10o\x1ce|\x83]\xad\xf6\xab\\Q\x9b"#\x03\xb6P&gt;[jr\xaeT\xdd#sm\xa2\xa7\x02'</t>
  </si>
  <si>
    <t>b'\xc1\xf5J\xb7\x85\x11E\x83\x85\x12\x870D\xa6\x91\xca\xc5\x1f\xce\xd0\x83\xd2\xaa\x95\x99LnlC\xb6\xec\xcb'</t>
  </si>
  <si>
    <t>b'\xdc\xe2\x82\xa4\xe8\x0b\x9a\xfa\xb7I\xeec\xd2Y\xb1\xc4{\x9f\xf6\x07\x08o4!C\xb1\xa0\x19\x9eMK\xb6'</t>
  </si>
  <si>
    <t>b'\x0e\xa9\xfdx\xf4=d\x18"\xbf\'\xca(\xd3M\x06\x1a\'H\x8e\xea\xc8\x19\x04\xbeW\x06zP\xa3\xc1\xd5'</t>
  </si>
  <si>
    <t>b'F\xd8\xcbo\xc2^\x08\x9bBh\xfb\xe6\xde\xd1\xd9\x93\xfb\x02%:\x92\xc0\x89?nF\x86q\x91\xb7\xab0'</t>
  </si>
  <si>
    <t>b'\xcak\xc3?\x7f\x02\x1fa\xa4\xc0\xce\xfbh\x0e\xa1\x03\xa00\xb2\xc2\xa6q\x92\xa9zKk\xa6\x883\x1d0'</t>
  </si>
  <si>
    <t>b'P)\x84\x92\xd8\xab\\\x16{\xbbZe(;k\x0c\xec\x9b\xfe\xd8h\xc3\x8f\xb7g\x8f\x12A\xf3\xdc~\xf9'</t>
  </si>
  <si>
    <t>b'\xc1\xb8\xc2K\xe0\xda?\x8a\xb1\xbeW\xc2\xb0\xbf\xe5\xb8\x87!\xb6WV\xa7iuS\xa4P\x07P.(D'</t>
  </si>
  <si>
    <t>b'\xc3n\xa2\xa8\r\x80@#\x99X\xe8F\xd8\n\xbd\n\xcc&gt;7x\x03_&amp;~\xdf\x90$p\xf5\xd2y\xb3'</t>
  </si>
  <si>
    <t>b'f\xaa\xe2\x06\xdf&gt;^\x88$\xb1\xa07+\x0e\xc7\xe5Q\x81&amp;\x19\xb4\xbb}\x99e \x85\xe5\r\xbc\x1a\xf4'</t>
  </si>
  <si>
    <t>b'\x06\xcer3\x05$\x8d\xcb\x00\xfa\xe7\xb7\x0b_N\xa1\xc4\x1duh\xa8\xee\x9b\xe8\xcaAs\x97\xd5\t\xc32'</t>
  </si>
  <si>
    <t>b'@\xe8z\x08\xe7x\xabb\x8dJ\x00~\x10\x1b\xe1\xe1\x89\xeb\xb9\x95\xaa\x11\xd3\xa7\xe9\xb7+b\xe5\xf4\xe3\xf4'</t>
  </si>
  <si>
    <t>b"s\x05\x89\xa3?\xad\xd2\x8b\xf9\xc9\xd1\xa7\x1c=?\xdb\xc2'\x14~\xdf\x98\xde\x99\x9d\xfd\xb6\xf1\x83\xe0\x81&lt;"</t>
  </si>
  <si>
    <t>b'5/\xfaz\x04\xd8\x1f\x14P|\xc9\x85.;\xbb.\x0e\x03\xa9\xc9\xad\xf2$ \x01W\x16\x14{\x15g\x92'</t>
  </si>
  <si>
    <t>b"w,1\x17\xaa\xbas\xc5\xed\x9fX\x05\xc3\x10\xa3\xe9@\xaa3{\xd96'\xdf\x19\x94\xc3\xfc\x88k\x8f\xc9"</t>
  </si>
  <si>
    <t>b'\x1e|\xd3\x9a\x9f\\\x87\x82R\xfc\x85\xb5m\r\xda\xeaG\x99+\xc1p\x0c\xfdu\xbb\xefx\x96y\xfc\x93\xba'</t>
  </si>
  <si>
    <t>b'\x97\x82`#(r\x9b$\x8f\x97\x86\x7fvQ\xdf\xb4Y(%\r\x15S\x1cr\xf8\x1a\xdcC\xff\x05\xc2\x04'</t>
  </si>
  <si>
    <t>b'\\\xa7\xd9\x16\xaa\xb2\x12\xbe\xa0\xf7\xdb\x9bf&amp;\xa9\xe5Ou\xc1\xc4\xb8Ge\x9d\x9a\xc5/L\x15On1'</t>
  </si>
  <si>
    <t>b'\x86\xabp\xc0V\xfc\xc2y\xa6\x9e\xb8\x1a\xcbI\x86\xbc\x19m(\x03f\xad\xc4\xb8\xc6V\xc0P\x8d\x03\xe4\xe3'</t>
  </si>
  <si>
    <t>b'K\xca;\x97\xff\xedb\xcf\xf7,\x94\xe5\x1c\xef}\xcc\x1b\x88\x15\xdd\xf8\x88\xe01\xb9)\x82\xacJ^\xc0H'</t>
  </si>
  <si>
    <t>b'\x1a/\x98\x17\x9fr\x03\x9ck?\x1b&amp;D\xf6\xac\xc7c\xce\xd3\xfc\x7fw\xea\xf9c\xd9Wj\xed\xa2\xed#'</t>
  </si>
  <si>
    <t>b'a\xbc\x96(\x1d\x05\x17\x8c\xe7\xb1\x8b\xc3p.\x88\xe0_\x93\x8ev\xc0[\xc7Z\xd5\x07\x8e\x87\x95}\x7f\xe8'</t>
  </si>
  <si>
    <t>b'\xfe\x92*\x15 &amp;\xd7\xac\x8c&amp;\xd6!\xa5W2\x9d\xefvM&lt;\xc4\t\xba6Q\x1d\xefl\xbd\xfc\xeeY'</t>
  </si>
  <si>
    <t>b"ML\x1c+\r'a\xbc\x8f\xaaz\x16\xe0#}Y\xdb\x9c\x8c\xc9\x04\x83\xaf\x9b\x8a\xf3\xb5)T\x84]\xcb"</t>
  </si>
  <si>
    <t>b'\xaf\x1cp\x920\x89m\x1aO\x16\x9aM\xb50;\xcf\x83\xf7zsx\xc9c\xe5\xc6\xbeE\xc6-\xe5\x1a\x9d'</t>
  </si>
  <si>
    <t>b')L\x84\xdd\x86s3\xa9\xf0\xaeR\x1c\xca\xc4\x80\xef\xfb\xbe(\x88\xf5\xfd\xcb\xc4\xfa\xa2\xbd\xcf\x97\xca\xe3F'</t>
  </si>
  <si>
    <t>b'\x9b\xd1\\\x9c \xc2\xe5\x1d\xffu\x1a\xc9\x9d7\x19\xeef\x84o\x01`\x0f\xef\xf5[\x16\xb8o\xac\xb5\xa4{'</t>
  </si>
  <si>
    <t>b'\x9d\xf0\xe8F^\xaaP\xef(\xc2\x18\x9c\xadP\xb0d\x86\x1f2\xc6&amp;}(U\x84\xb2(\xe3t\xe7\xaf\x89'</t>
  </si>
  <si>
    <t>b's\xf57\x7f@\xa21\xecv9\xcb\t\xa66\xb0\x9b\xda\x92\x84\x88\x86z\xc9\x99\x0e-\xfcn]\x9d\xe8C'</t>
  </si>
  <si>
    <t>b'0\x036\x01\x9bB\xc0%(\x03\x9fl\xba/4\x07\x16k\x80\x03&gt;\xdf7Ks\xec\xbe5\xe8\xffp\xd2'</t>
  </si>
  <si>
    <t>b'\x1d\xbc\xd2\xa7\xe6A|o"\xb0i\xaa\n\xe7\xc8\x12\xd9\xca\xa16\x88\x88\xf7\xf3\xaa\x043\xfc\x1d\xf97\xa2'</t>
  </si>
  <si>
    <t>b'x\xdf\xe6X\xa6\xfc\x8b\xb5\xed\xdb8\xb4`\x7f=\x13\xd2\xa6\xa96\xdb*tv6\xd3\xb9\x02\xb35R\xa6'</t>
  </si>
  <si>
    <t>b'\xfe\xa8\xca)\xdc\xaf0n\to\xbc\xe0\xfa\xe1X\x0f\xa7\xf5m\xca\xc1\x0c\xe0\tJ\xc1PpeLF\x02'</t>
  </si>
  <si>
    <t>b'\xb4\xc7f\x89a\xcc\x90\xaa?\xf3\xe0\xdeZBW)\xde\xf5\xbc\x87?B\xe7`\x12\x88\xf0\x06\x11\xa3\x15\xb1'</t>
  </si>
  <si>
    <t>b'\x12(H\xa1K_\x968\x1c\n?_\xcc\xb5\xa5I\xd9\xac\xba\xecv\xe4_\xe7jW\xed\xa2\x1d(\xbcV'</t>
  </si>
  <si>
    <t>b'\x17\xd5\x07f\x96\xa1\xfb=F\xe7\x90\xe0\xc1\xef\xf0\xb7o\xb4a\xa1\xbc\xd5\xf5\xbcj\x9b\xd5\xde|\x92?\xe1'</t>
  </si>
  <si>
    <t>b'\xc6\x89\tD\xa5\x1f=\x03\xfe[\x9b\xfd%\r[F\xb8D\x99\xe7\x9d\xd0\xfbk,vU\xf3D\xfcg\xf1'</t>
  </si>
  <si>
    <t>b'\xa6\xf7+\xbf\x93\x8e\xf5\x99\x04b&amp;=q\x82\xe4\x95\xac\x19\x94\xc2P\xaf_\x9e\xe0{U_\x8dC\xd8t'</t>
  </si>
  <si>
    <t>b'\xa7Z\xa4\xc1J\x13\xbdx&amp;\xb2%\xc8I\x9d6\x15\x96\x9dL\x86\xbf\x04\x10\xc9\x7f0TW\x81\xe6\x8c\xd6'</t>
  </si>
  <si>
    <t>b'H\x89\xf18\x97Xo7\x81\xf6\\\xb2\xf7\xe7\xbe\xff;\xcdk\x87\xf1/\x0fR\xf60\xc3\xe0\xc7.\n\xf5'</t>
  </si>
  <si>
    <t>b'\xe2\x84\tn\xccSqx\xf6\xb1ju\xa9\xbfv\xb4\x8a\x1a@\xcd~g&lt;\x1crkD\xad1D\xc3\r'</t>
  </si>
  <si>
    <t>b"a;2.o'\xb3\x9d\xdf\x91O\xab\x1a\xbcuP\x1f\xe3\x03j\xd9 \xb9\xe5\x01C\x98\x9d\xcc`\x1e\xec"</t>
  </si>
  <si>
    <t>b'\xed\x82\xc8\xfe\x03\xea\xc7\xbe\x877\xf78\xa4\t\x8a5\x13\xaac\xc3\x948\x9b\xc4\x9b\x83\x9d\xa2\x01N\xff?'</t>
  </si>
  <si>
    <t>b'M\x00u4\xfd\x9a\x9a&amp;l\x88r\x12\xc1\x99U#\xc4\x8d\xf8\xb9\xa2\xac}-\x18\xe4v(\x05R\xc6Z'</t>
  </si>
  <si>
    <t>b'\xa1k\xc3\xc7\xedGO9X\xd6&amp;\x81\x1b:\xd9\xd0\x0b\r\x0fN\xc8.c&lt;W\x1d\xd6\xff\xd5\xbfhO'</t>
  </si>
  <si>
    <t>b'\x95L\xf2\x1a&gt;\xeb\xb8\xb0j\xab\xf8\x048\x00\x83\xe2c\xef\x000\x0e"\x16J\r\x08\xde\xed\xfb \xec\xf4'</t>
  </si>
  <si>
    <t>b'h\xc4\xf1\xa0\xf0\xed\xba\xf2B\x80\xc3,\\\x810g\xba\xf5\xaa\xf5\x9f\x0cdha\xa1\x06\x11N[\xe5\xe3'</t>
  </si>
  <si>
    <t>b"\xf63\xcc\xc6!\x08\\&gt;avf\x85\xc8\xe2\xe1\x87\xb2Do#W'\xd7^\x15\xbb\x13\x9cwG\xdff"</t>
  </si>
  <si>
    <t>b'\x88p0\x1b\xf7OpWx\xe7\x8ebP\x16.\x90\xb4\x1c}\xf5\x96_\x133\xe8\x8a&gt;\xc0\xa7\xf1\xec\x96'</t>
  </si>
  <si>
    <t>b'\x03\xe4\x82\x08@\xed\x0eE\xdcN\xaf\xfd\xfb\xbc-\xfa\x19\x00V\x96Z\xbc\xebe\x0e\x192\x02*\x06\x90\xdf'</t>
  </si>
  <si>
    <t>b'\x04^:\xdd\x96\x0f\xd7n\xb4\xa6T#!\xb1\xbalk\xb7\xa7*\xfa&gt;!\xb3\xf7T\xe3\x92c\\\xd3\x04'</t>
  </si>
  <si>
    <t>b'|\xcd\x04\xd6\xa9]I\nJ\x90\x97\xb8A\x89\xa4\x83\xaeKO\xa8\xe1\x7f\xc7\x065\x18\xcd&gt;{\xe3R\xed'</t>
  </si>
  <si>
    <t>b'\xc7\x98W\xf32j\xbe\xa6\xbe\x84h\x04\x19\xc1\x08\xf3wh6\xac\xf7\xedw\xb6\x85\x0bcLJf\x95\xb0'</t>
  </si>
  <si>
    <t>b'\x15\x06p\xcc\x19\xdbq\x88VY\xffl\xdb\x98\xac\xc2wP\xc61\x9aO\x1eHMq\x0c|\x11A\xfc\\'</t>
  </si>
  <si>
    <t>b'V\xcf\xcd\x821\x05\xaf\xa8:g\xab:\x9b\x86\xb6\xacU\x1b\x8f&amp;\xb4\xc2\x05C\x1eaCo\xfc\x94\xa3;'</t>
  </si>
  <si>
    <t>b'\x84\x91\xa1\t\xb2\xb3-\x96,F\xaa\xadHoz\xd3\xbe\xba\x1d\x05-\\\xeb\xee\xd5\xb9\x8f8\xe7\x07\x0c\x1c'</t>
  </si>
  <si>
    <t>b'4\x99\xb2\xb0B}\xfeu$`\x8a\xe2\xe4K\x8a\xed\xe9\xf1\xb1\xa1\x8bA\xae\xad{)(\x08\xa9PE\xc2'</t>
  </si>
  <si>
    <t>b'\r+\xff\xe6\x05\\Z&lt;\xee\x86\x97\xb8\x87gI\x96\x7fm\xdd\xd2g.1\x1f\xb4\xc6r\xb0\xdf\xde\xfbr'</t>
  </si>
  <si>
    <t>b'oQ\x04\xc4\xd9[\x820N\xd4\xca\xf3=\ng\xc0s\xd8\xcfN#\xfbR\xbd\xba\xa2\xd6\x11\x0f\xda\xf5\x1d'</t>
  </si>
  <si>
    <t>b'+oj\xff\xa6@\xf5\xa8\x166`[\xf7\xee\xd2U|\x84P4\xf7\xb1\x0c\xb3\x03\xc4\xa9\x8d\xe32a\x07'</t>
  </si>
  <si>
    <t>b' \xa4L\x86\xad\xb3\xea\x1c\xcab\xfd:\xb4\x99\x13G\x9f\xcc*\xd4\xdd\x15\xc6\x81S-\r]J\xb1\x9b\x08'</t>
  </si>
  <si>
    <t>b'7\xd7\x15v\xad\x15E\nX\xb6\x83D\x87y\xec\xa6\xd1\x84\xccc{\x93\xa6\x8f9\x06\xecO\x8aQ\x83\x9f'</t>
  </si>
  <si>
    <t>b'\xb6\x940N\xaa\xef~od330\xfa\xa8\x82_\x93\x0f\xad\xc4\xa0\xbaG\xfa6\x1f\xad\x00\x11\x80=\xe8'</t>
  </si>
  <si>
    <t>b'\xe9\xe1\x8e\xd9H\x1a4*|\xd5\xc2\x8b\xa8\x82"\xf38R5\x9d\'\r\'\xaa\xdd}?\xdb\xff\xabhb'</t>
  </si>
  <si>
    <t>b'\xa8\xb8,^\xdb\x95lW-\xc0\x04\x7f\x17\xa8\xfe\xc5\xc7ejoTV\x95\x00~\x84)K{;6z'</t>
  </si>
  <si>
    <t>b'\x94Rk\xaf\x14\xb3\xd60\xc6z\xf6\xf8\x9b\x88p\xdeY\xfeZ\xc8&amp;\xb2c\x17\xc6\x1b\xa49\x82\x0b\x06G'</t>
  </si>
  <si>
    <t>b"\xa8L\xb0\xf4\xc7\x8e\x8e\xc9!\xa8\xcd\xd4\x880\xf3\x0b\xb9!\x89XD'\x1d\xe6\xdd\x1ai\x0f\x9bK\x848"</t>
  </si>
  <si>
    <t>b"&amp;9$_\xd9\xb7\xa1r6\xae\xbc'\xcc\xb9\xe4\x86\xf2\xd9\xd4\x19\xc8\xb4\x7f\xa9T\x18\xd1\xcf\x0b\x9d\x91)"</t>
  </si>
  <si>
    <t>b'(\x1c`\xb7j\xa4uuy\xee\xb6\x04\x7f\x1b\xa0\xc3\x18\xeb\xe0H*\x97\xc5Ce\xf3L\xa1K\xd3r\xdf'</t>
  </si>
  <si>
    <t>b'\xc2\xd2\x19g\xed\x94\x81\xb1hc\xf053\x01\xe5\x91\x1a\x0c\xa6\xd9\x14\xc6\x9d\xee8?\x0ftI\r\x1c\xd6'</t>
  </si>
  <si>
    <t>b"\x8e\x1a\x84~S+\x17\x81\x92\xf9\xe0/r\xa2S='\xad\xf9\xce\xa3\xe9\x9f\xea\xe9D7;\xb83\x929"</t>
  </si>
  <si>
    <t>b'\x90Igc;pIP\xdb~\xb1\xfb\xd0\x07\x98\xa0W\x83\xd0\xeb\x00\xa5\x9c\xbe\xc3\x1a\x87\x8a\x90\xb8Z\xe1'</t>
  </si>
  <si>
    <t>b'"\xf3GS\x1c\x12\xcd\xfd+\xb4}\x81\xa2\xdc\xdf\\\xdb\xb5\x84\xdf\x96\x1chD\xdc\xde\xc4\x8e\xd6\x85\x1a\xe9'</t>
  </si>
  <si>
    <t>b' \xc9\x18!\xe8\xde\x9a\xb5\x88\x17\xd27\xb6w\xd4d\xb2\x05\xdd\x1fk\x13j\xc5\n\xb3F\xb3\xa3v\xda\x12'</t>
  </si>
  <si>
    <t>b'\x907\x00r\x9e\xb7\xdeZw\xb9+\xbbd}\xd7\x06!\xee\x95a;\x08\xf5YKkf\xc6\xccm\x19\xa7'</t>
  </si>
  <si>
    <t>b"s\xb8\xd6'\xa5\xa9\xc9\x1d\xf6\x17\xd8\x07\xe8e\xb5\xbb6\x15@\x15A\xfd\xd6\xb1Z\x04\xa7\x11\xc7\x82!\xc4"</t>
  </si>
  <si>
    <t>b'\xa3^\x87\xe3m\xf6\x83p\xa4_\xcf;\xd6S\xc9n0\xbb$\xd2QR\xb7-\xe4\xca\xbe\xd2m\xb8o\xc1'</t>
  </si>
  <si>
    <t>b'\xd00\xe4k\xcf\xe7\xe6\xb9ET$\xa1\xb9\xe20L\x9f\x0c\xd7\xed\xbb\xda\xdbX\xa7\xd2\xd9\xf3Z\xc4\xf0\xf2'</t>
  </si>
  <si>
    <t>b'\xd6\xfc\xc9\x87\x10\xbd\xff\xc7\x84\xe2\xbc\xd2\xb5_q\xe0ha\xc2\xdf\xde\x06\\~\x05\xa8z\x14\xfa*?\xea'</t>
  </si>
  <si>
    <t>b'\xc4\x08\x89.\x1c\x1b\xa2\xf6\xea\xa7!\x0b$\x04\x8er4\x134\xa9_T\x14\x00\xdfB\xef|\x82J[?'</t>
  </si>
  <si>
    <t>b'\xb8\xa5\xde@\x0e\xed\xc4\xf0\x81(c\x121\xcf\x89\x10\xd6x\xb6\xe1\x9e5|\xebo\xf1l\xa4nl\xede'</t>
  </si>
  <si>
    <t>b'\xd4\xdcD\xbe\xe9KR\xd0\x06\x81\xa7|_\xb5L\xe4\xa65\x1a\xe0\x0f6\x1f*4\xfb\n73n\x15\xaa'</t>
  </si>
  <si>
    <t>b"5\xbc\xc7g+\xa1'\x84\xbe#\xdc\xa0\x1f\x08u1\xd6j\xd0\xc8\xfb\x12\xd2&gt;\x041\x98\x84\x02\x88\xe8&lt;"</t>
  </si>
  <si>
    <t>b'\xeb\xac\x81\xf3\xe2\xaa\xdaA\xff\xbb\xd9\t\xac&lt;#_\xa3\x03\xc6\xaf\x98@\xef|\xfa\xdc\xe2(\xba\xb5,\x03'</t>
  </si>
  <si>
    <t>b'\xa8\x16\x02\x7f+B\xb3\xd3\xf7.R\xfe4\xcb h\x10"\xfe\x10\x993)e\x12{/}\xf6U\x85\x02'</t>
  </si>
  <si>
    <t>b'\xb6^\xfd\x1aHP&gt;R\xc7\xc8\x00\\\xa9\x89Wbj\xfbu\xecI\xbe\xd7/B/\xe9%W\xa9\xd86'</t>
  </si>
  <si>
    <t>b'\x9f\xf5VJ\xa5fGr\xd8\xf6\xc0\xfe\x9f\xcbels\x9b-\x99.*B\xc8\xae\x04 \xbdR_~\x97'</t>
  </si>
  <si>
    <t>b'{\xe9\xf2\xf2\x08\xc6\xee\x12\x822\x0e\xa3\xd0\xba\x0en.\x1c\xb6\xa6\xa0\x0e\x8f\xd9\x06\xf4\xd7\n\x92\xcc\xc7\x0c'</t>
  </si>
  <si>
    <t>b'\x9f\xf8\x01\x08\x00%\xd8\xac\x9c\xdd\xbby\xca;\xc6K\xe7\xb4\xb3\x05]Hc\xb8B\xaf\x1d\x14g-\xaf\xa5'</t>
  </si>
  <si>
    <t>b'bG\x8bU?\xad_\x8e\xaaB\xe7\xf2\x04\x86\xd9\x81\xb3w\xeb\x9e\x95\xd8\xbdN\x88\x1f\r\xc4\x00,\xb3.'</t>
  </si>
  <si>
    <t>b'\x99\xb95Ne\x00\xaf,\x19\xe1Y\x0fmap\x07Q[\xfaxl\x136\xed\x07\x16-\xe9\xcf\xb1H\x7f'</t>
  </si>
  <si>
    <t>b'\xe0\x18\x00Pi\x95\xba9ti\x8e\xdd?\xdar\xe1\xbc\xde\xd8\x02#\xfb\x97u+~\x12\x99b\x8a],'</t>
  </si>
  <si>
    <t>b'\xf5\x10\xb7\x04;q\xd4&lt;\x03\x95C?\x05|~\x9b\xa9\xc9\x1cD"\xa1\x1c\x1d`\x94)\xa0\x04P\xb1\x86'</t>
  </si>
  <si>
    <t>b"\xc8CP^/\xd3\xf7\x86\x80\xa6\x89\x81\x1e\x9f]'\xfc\xaa\xae\xef`\x06@&amp;\x84O\xe7\xfbq5\x00E"</t>
  </si>
  <si>
    <t>b'4\x8e\xc8\xb2E\xfe\'(2\xf0\x04EwT\xf67\xd1\x15\x14x)&gt;/\xa9\x9c\xb6\xed"3\xea7\xad'</t>
  </si>
  <si>
    <t>b'\r\xd6\xf1\xdd3\x9f\xec\x06wc\xbb\x80\xdb\x83\xf4`\xe6\xbf\xd62\x1et\xedu,{\xb2\x0e\xe2#\xc9\x12'</t>
  </si>
  <si>
    <t>b'$\xf9 DDZ7L\xf6Dd,\x0ez\x85k\xcf\xab0\xd4v\xe1\xc5v\xbezF\xc0y\x07\xce\x7f'</t>
  </si>
  <si>
    <t>b'\xbe"\xaa=6\x84\x1f\x19\xf5\xfa8\x1c\xe3\xcd\x0c:\x98\x8d{\x8b\xd5\xff\xf3p2\x10\x08\x8f\xe2\x0e\xa0C'</t>
  </si>
  <si>
    <t>b'v]\x84\xc6\xa6Z\xa2\xcet\x80?\xd7\xc4\xbf:\xec\xb8\x916\x17\xd3g\x88\xa8X\xbe\x0b\x97\x00\x90\xd0\xb2'</t>
  </si>
  <si>
    <t>b't\xb4\x1a\x043e\x94M\xcc\xb3&amp;\xb3\x16\xad\r\xf7C\x7fl\xeb\x91\xf2\r&lt;\x90\xc1\xf5J\xea\xf5\x9cb'</t>
  </si>
  <si>
    <t>b'\xd9\xc0\x05\xd0\xa6\xaaN\x9d\xb1l\xde\xf3\xb1\x89\x8e\xa6\xc1\x86\x85\x1dy\xc3\x05\xc9"\xabj\xbe\xff\xaaA\xc3'</t>
  </si>
  <si>
    <t>b'\xc9v\xe7\xe9_5)\x12\xc4!\xa3\x19\x89\xd9\x18\xdd\x07\xe5\xafp\xaer\x05\xcd&amp;Z\x08O\x8e7\xa1\x00'</t>
  </si>
  <si>
    <t>b'\xa8\x9a\xc6\x1dM\xf3"\x0c4ry\xd6\xbd\xa4\xdai\xdej\xc7\xa2\xe9\xa8\xa6\xce@\x98\x14\x9a\xbb\xf0\'\xe4'</t>
  </si>
  <si>
    <t>b'\x923\x8b\x84@w\x86E\x83\\\xceHh\x0c\xae1\xd4j\xe0J\x98\x16S\xe9)\xd5\x9d\xeeq\x14hE'</t>
  </si>
  <si>
    <t>b'\xc4\xe1_\x13\x7f\xba\x86\xc4V\xc7\xdbB+\xa26\xa8\xd9`+vT\x97\xdd=\x1ex\xa8-\xbd\x04\xd9\xfd'</t>
  </si>
  <si>
    <t>b"\x0f\xaa\x98n\x18\xf2\x98\xd8y$\x9b\x7f\xcc\xf6I+\xaa\xd3;\xbf\xc0\xdf\xf8z\x85\x19\xb8x\x9e\xd4'\xdc"</t>
  </si>
  <si>
    <t>b'\xcb\xbcZ9n\x90\x1e\x11\xd9;\xea\x8c\xacz~\xb3\xce\x133&lt;\xef\xdd@\xb7+\xcc\x83\xe6\x8d\xe9\x8d\xb0'</t>
  </si>
  <si>
    <t>b'F\x14[\xa1m\xe8\xddZ\xe4(J9\xef\xc9\xfe\xfbf\xd6\xb5\xfc\xfa\x98\x82\xc4\xd0\xbdR\x0b\xe1g\x96\xdf'</t>
  </si>
  <si>
    <t>b'\x9d6\xeb\x99[\xd1\x94\x8dU\xec\xa0\x99&gt;Yt\x01\xc1\x0b0h`n\xd9\x80\xc2\x1f\xd0\x845\xbbF\xfa'</t>
  </si>
  <si>
    <t>b'y\x8c\xfd\xa8\xc8(ms\t\xda\xb7\x0c\xb4X0cE\xc8\x07W\xe3=\x1a\xdf1\x1d\xd7\xc2L\xa99\x84'</t>
  </si>
  <si>
    <t>b'\xc3\x88\\\xe8\x91\xcb\xe3A\xb9\x00\x98\xe2*\x89*ms\xf0\x06\xb6\xe4\xa7N\xf9\xf1\xc8\x05W;l\xb6\t'</t>
  </si>
  <si>
    <t>b'\xd9 \x19\\\xdd\x00\x85\x94 \xcc+v1u&gt;\xda\x0f\x97\x10\x1d"\xe3\xfa\x06\xd6\xa3=\xe08 \x9a\xe8'</t>
  </si>
  <si>
    <t>b'\x18\xa4\xfdN!\x8a\n}[5"\x93P(\xd8\x9b\xec\xe71\xad\x08\xf4/e\xaa\xa8\x14\xe2.\xe5?\x03'</t>
  </si>
  <si>
    <t>b'K\x1e\xee\x1c3_\x13\xd7oS\xc7\xc9\xa0)YBK\xfe\xfe\xca\x8d\xf8\xa6\x8344)\x8fz\xe2\xdf\xa6'</t>
  </si>
  <si>
    <t>b'k\xd011\x04\xa3C\x13S\xaf\xda~\xa7D\xf8\xbb\xe1)D-f\xca\xe1\xaf\xe4\xec\x08\xc9x^\x8a\x15'</t>
  </si>
  <si>
    <t>b'@\xa5\xecu\xad\xc1JlqlT\xa4\xf5K\xc8=\xc6\xd7\x8d\xec\x87\xd6\xc4h\x9d\x9e\x9a\x9a\xc2\xa68\xa6'</t>
  </si>
  <si>
    <t>b'_\xcf\xc5\xdd\xd6\xf9\xd6,\xb1\x87\xd3b\x11!\xd9\xba\xe7(\xd4\r\x16\xaf;f6N\xb4\xc9\x98\xe2\xe7\xcf'</t>
  </si>
  <si>
    <t>b'Ds\xc7\x96\xc5+~W\xb0\xd3\xdd|\xf6\x9a}1\tX\\\xe1q\xf9\xb7\xc0\x81\xdf\xf8\xdbW\x1cK\xf1'</t>
  </si>
  <si>
    <t>b'u:\\\x85t\xff1\xf8(Y\x134\xb2\xd6\xbc\xbc\x10 \xcd\x1d\xd47P\xc6\xa4\xb7\xcd\xb7\xef\xd1\xb4\xe3'</t>
  </si>
  <si>
    <t>b'7F\xe0\xecvWM\xc9\x11\x83pV*\x0498qw\xca\xe9T\xf56\xf7\xacz\xc8\xb0\xc8\x83\x98^'</t>
  </si>
  <si>
    <t>b'{\x8e|"u\x97\x8c\xab\xf4\xa0\x0b\x97\xf3\xeb\xad\x81J;\x8axRg\xe7\xef2:\x03\x91\xec\x90\x14\x05'</t>
  </si>
  <si>
    <t>b'\xe9\xe4\x066\xf5_O\x0eB\x14V\xc8g(\xd4\xa7&lt;E!\xd8\xbc\xabS\xe1\x13\xab\xda}\x86c\x84\xd1'</t>
  </si>
  <si>
    <t>b'\xbd\xf7~o*HX\xa4\xa7F\xa1\xa0\xd7\xd2\x0f,T\x15a\xd7i#\xa2\xf4dV\x15\x99\x18}\xdd\xe2'</t>
  </si>
  <si>
    <t>b'\r-\x92\xc4\xa3\xfdVL\n\xad\xb7\xc6\x01\xef\x90\xc7\x92\xfb|\x0b\xeczZj\x1a\x82Q-\x93;4#'</t>
  </si>
  <si>
    <t>b'q\x07\x1e\xdaJ\x96\x8a\x90\xc8\xa4^D\x9bnG\x1dW\xe7\xb9\xe3_\xf5\xe03\xf9E\xdcF\xe1vU\xb7'</t>
  </si>
  <si>
    <t>b'm\xf5o\xa6\xd4\xca;\x9f\x06\xa3\xadlv\x99\x05zW\xa6\xd2\x9a\xce1\xfe\x162\xb0\xb9/\x0e\xec\xa35'</t>
  </si>
  <si>
    <t>b'N\x13\xf315\x9f\xaf\xfem:V\xf1\xc9*h\x86\xb6\xbb\xa4\x00#\x06bD9Q\x17z\xfd\x89\xc3\x07'</t>
  </si>
  <si>
    <t>b'\x18\xa7\xdd\xb5\xe8(/#\x10\x13\x8c\xd0\x02\xf5\x10\xf2D}\x84\x7fN7\x85\xec\xba(\xab\xb3\xf9a\x9d\xd3'</t>
  </si>
  <si>
    <t>b'e\xf5|\xfa\x88X#\x99\x17y}?Lf\x843\xf7\xa7Vm \xec)R&amp;\xce\xb7\xe8b\xd02S'</t>
  </si>
  <si>
    <t>b'\xd9\xedVD\xde\x10\x0b#\x9a{\xf4\xa3\x98\xef\xa7l\xe9\x9d\xa6\x10\x05\xd0c\x05-\xdb6p-\x97\xeb\xc3'</t>
  </si>
  <si>
    <t>b'\xbc\xa6r\xd0\xdde\xfam!\xaa\x0ch\x7f\x16\x81\xf2c5\x8aw\xc4i\xf8)\xdcnh\xa3\x1e}h\x86'</t>
  </si>
  <si>
    <t>b"_\x93\xee\x8d\xa8\xaf\xa1\xbdU\xf0B\x9b'\xb5q\x04;;]C\x99-v/\xc5t\x1d\x1a\x03j\x03\x98"</t>
  </si>
  <si>
    <t>b'\xc8\r;\xb3\xefp\xd4\xbc\xc5t&gt;\x1e\x8a\xb7r\r\xc8\x8c\xeb\xa3\xbd\x12B\xf9\x17\xbfc\xb5U\xb6\xf2\x7f'</t>
  </si>
  <si>
    <t>b'c\xbd\xfdM,\xaf\xdf\\\x12L\x82\xbf\xad\x0c\x8d \x91z\x7f\x8f\xf2\r\x0f\xc8\x98\r)Zb\xd4\xad\xbb'</t>
  </si>
  <si>
    <t>b"=e\xfd\xd6\x1d_C+\xe7\x1d'=M\xe6j\x9cDr\xc6\x0e\xf9I\x9b\xf3UA\xbb\xf4\x9d\xbd\xf6&gt;"</t>
  </si>
  <si>
    <t>b'\xf0\xad\xaag\x1eN\x0e9&amp;\xecMJ\x87\xdc\x06\xe8\xef\x9e6\xae\xcc\xaa\xe3\xcc]:\xednV\xe8\x1b\x05'</t>
  </si>
  <si>
    <t>b'\x028\xcb\n|\xe1\xac\x96iH\x14X\xb2\t\x918\x8c=\xd4L\x13v\xa4T\xefo\xc6\xd1\x16{\xa2\x9c'</t>
  </si>
  <si>
    <t>b'A\xf4\rMhq\xe3\x9d\xef\x96\xd4\xfe\x0e\x1e\xd3\xb9\xdf21\x1c\x9c\xc9f\xd5\xd3h\x02\\v4i\xc0'</t>
  </si>
  <si>
    <t>b'\xe8`\xd8}\x94\x19D\xf5\xb9\x057%\xac\xcfDK\xcdu\x0f?\xe0 [\xcd\xf1\x9d\x14\xf6w\xaf.\x1d'</t>
  </si>
  <si>
    <t>b'\x83\x9e\xec\x82\xceD\x1d\x06\x94\xd9\x0e\xcd#\xf1\x84(\x88\x81\x8a\xe550\x15C\xa8^\xf2\xa1\xd24\x80\xa0'</t>
  </si>
  <si>
    <t>b'(-\xc5\xa2i\xd0\xd1\xdd\x9cz\xcb*{.\xea\xa0\xb1L\x9f\xe0,\xff[Fi\xc08\xfd\xbf{~\xab'</t>
  </si>
  <si>
    <t>b'\xb3\xba\x824Z\xbc\xc7\xc6U\x00\x12i\xd7B\xb6\xd14\x85\xfc\xb3@\xab\xd9\x127\x97\x02\xaf\xd7\x0e\x14Y'</t>
  </si>
  <si>
    <t>b"|&gt;\xb1c[\x0e\x1bv\\N\x82O&amp;j\xd8\xdb\xb0o1\x08]E\xa6\x1b\x14\x0c\x97\x84\x94E'\xf4"</t>
  </si>
  <si>
    <t>b'\'\xb2\x90\xc6\xe3B"9:I\xe2\x01\xe43\xaa\x9f\xad\xe5\xdf\x15;\xfd\xbd\'\x05\xa9)\t\x97\xe1\x0c\xb1'</t>
  </si>
  <si>
    <t>b'\xb3!\x1f\xc3u\xa7\x03\t\xc29K\x81@:\xcfM\xffH\x1717\x82B\xd008\xf0\xde&lt;\xc1\xdfk'</t>
  </si>
  <si>
    <t>b'\xa5&amp;\x13\x08\xca;G\x11|\xea$\xad*\x11\xd0\xfb\x04\x02\xb8-\xd8F\x1e \xfc\x0c\xa3\xfd\xee\xd6\xb9\xed'</t>
  </si>
  <si>
    <t>b'\xef4\x17\xb4\xb2\x97\xdd\xca\xcd5\x7f (\xb6\xcf\x0f"F\x8b\xb5\x19\xf4\xaf\xfa\xd5&amp;;\rX\xb20\xa2'</t>
  </si>
  <si>
    <t>b'g\x89`\xcb\x7f2s5]U\x1a\xf3,a0\xecV_9|\xaa\xd1\x9f\xc6\x93\x9cS\\\xfb\xa4\x82\xd3'</t>
  </si>
  <si>
    <t>b'\xa6c\xeem\x06\xc2\x11\xf7\r\xef\x0e\xc0&gt;H\x90\xd8.\x852(x\xcb0z\x9d\xfedn\x0ey\xee0'</t>
  </si>
  <si>
    <t>b'\xe5z\xe1p*q(\xc8\xe1&gt;\xd6\xf4\x80#*S\x89\x1c\xfd\xacp\x17\xed\xb3\xb4k;s\xa2x\x0bh'</t>
  </si>
  <si>
    <t>b'\x9b\x97\x80\xb5\x94\x8bE7\xefk\xa9\xcfY%m\x83\xe7l\xb0QT\xfb5X\x83\xf9?\xf7\x90\xc3y\x98'</t>
  </si>
  <si>
    <t>b'\xb0_\x10"\x15\xb6\xaf\xa5\xeb\xc6\xef[\x99d\x13\xd1\xcd\xe6+"x\x84\xcd\x14\x01WE\x94C!\x1c`'</t>
  </si>
  <si>
    <t>b'\x9d\xf0\xe1\x08\xf34b\x1e\xc2D\xd7\xff\xc8\xd2\x96\x9a\xcc~x\x9eou\xd3\xad\x10&gt;YD\xac\x0e\xe1\x9d'</t>
  </si>
  <si>
    <t>b'A\xda\xa7E\xc6T\xaa+\xcc\xd6\xcc\x00\xee5j\xa5\xf5\x95\xbao\xacS\xa5\x1b^\xab\x8b\x15P~\xcf\xc9'</t>
  </si>
  <si>
    <t>b'M\xc3\xb1\xe2\xeeA\x12\xd8\xc71\x9e}Z\xf9\xc5\xf7\x9eE\x05\xdaM\x94c\x9a\xcb\x9eN\\n\xf1\x0cu'</t>
  </si>
  <si>
    <t>b'\xbf\xbb\xfd\x8b\xe5\xac\x9a\x13\xab\x86\xd7\tgGn"\x10\xc4X\xca\xf2\xd3;+\x8a\xf0CU\xe33\xde\x98'</t>
  </si>
  <si>
    <t>b'\xbe\xa9\x82\xd9\xa9\xa1\xa1Kb\xf3\xa3\x80Q\npH\xfeg"v\xe4v\xe1\xd7\x8d\xefVH\xcf\x87\x02\xd6'</t>
  </si>
  <si>
    <t>b'\xf4\xd66\xb6\xbbN\x0b\xac\xd7\xd6\xc3\x9cz9XT\xad\xf0\x95\xaba\xee\xe55\x7f\xf8@\xd61k\xb8\xac'</t>
  </si>
  <si>
    <t>b'6\xdf\x19\xef\x01\xa0\xad\xb9\xde\xee\x89\x02rM\xf4g]^\xfe[\xe5\xb6,\xb2\xa9\xbb?1h\xac\x9e\xe6'</t>
  </si>
  <si>
    <t>b'T\x8dK\xd6\x8al6\xa3\x86\xb2\xfe\xe6-\x8a\xad\xb1\xd5\x7f\xb4\xae"Nw,\x11\xccu\x90w\xb8l\xb8'</t>
  </si>
  <si>
    <t>b's8J\xb1\xea\xaf\xb1\x15\xc7\x8d{\xca\xc2#\xac\xb7\xe8N\xe9l\x8d\x0c\x16\xb22\xb7R`\x9b}\x9f\t'</t>
  </si>
  <si>
    <t>b'D\xb8\x9c\x85\xe5\xd1O&lt;O\x82\xe9\xe5\xb2\x97\x90.d\xa8\xed\xf7\xfd\x9f\xf2\xc9Rm7\x19\x98\x816\xc1'</t>
  </si>
  <si>
    <t>b'h!\xfdW?`(L@e\xb3+S\xd2\xa7\x98#T\x8a\xc1\xac*0\x8b\xb1{r\xe8kl)\xe1'</t>
  </si>
  <si>
    <t>b'\xe3\x95\xcaR\xc0\x8f\x96\xab\xd2${\x14\xda9\xa7\xcc\x87]\x90\xb7D\x90\xf7\xf7\xdd\xfe\xad\xc0[\xad\xfat'</t>
  </si>
  <si>
    <t>b'\xa3\xf6\xdd\xf2\x9c\xf8\xdd-R\x03\xe5)\x04L\xf3\xf6\xed\x92\xb6[r\x16\xd7\xfeu\x94#7\xdc\\wV'</t>
  </si>
  <si>
    <t>b"Kf\x83J*\xf6%\xbfP`\xcb'\x03\xa5\x00\\\xabe\xa8\x9e\x99\xd8}|\x84\xec\xc5u\x8d\xb4\x9b\x97"</t>
  </si>
  <si>
    <t>b'\x87\xba\xbaq\xbdp\xed\x141A\x1e\xb5,\x88\x1a\xaf.s\xcbe\x14\x9cR\x94\xf3\x83\xbe\x0f\xadk\xa8\xed'</t>
  </si>
  <si>
    <t>b'\xbc\xe8\xb8\xaf\xbcMi\xcc\xd4H9\x17h\xd0\x94Y\xff\x14\x11\x9f\x04\xa0\xd3\xef\xbd\x88!\xfc/Q\x13\x80'</t>
  </si>
  <si>
    <t>b'\x07\xe3\xd5GK\x04\xfcF]\xc0\xd5\xd2\xd4R\xbe\x92\x15\xbb\xa1\xc1\xaf\xc1qv\x07o\x8c\xd87l\x04\xc2'</t>
  </si>
  <si>
    <t>b'\xfbU\xf7\x7f~)X~f\xc2\x90\x1e\xe8\xf8\xb4\xfd2\td\x94Uj*Y\xb6&amp;}P"}y\x0f'</t>
  </si>
  <si>
    <t>b'A\xcf\xbe\x14\x16\x19\xe2x\xfc\x83\xc7\x94B\xc18{w\xea\x9d\xfa\xae_\xe9\x0e\x05\xa0\xfe\x1c\\\x8fDB'</t>
  </si>
  <si>
    <t>b'V%p\xa5\xaeT\x9f\xd4o#\xc9\xfc\xaf:\x85\xda\xb2\x1b\xc6\x9e\n\x9a\x15\x83-$\xdbgl\xcc\xd5\x88'</t>
  </si>
  <si>
    <t>b'H\xcb)v\xf0m\tR&gt;\xa3W\xa6K\x0c\xf5\xda4\xf1\x1di9#\xf6\x86!\xbf\xc5\xae;\xcd\xb5\xd9'</t>
  </si>
  <si>
    <t>b':\x12\x16\xb6\xa7\x1f\r\rdc6m\xf2\xfc\x97+\x81\xbe=\xda:t\xc6\x11\x9e\xf5M\x80\xfd\x07h\xb0'</t>
  </si>
  <si>
    <t>b'e\x13\xb6-):\xe7\x98\x1c\x83\xbePx\x98_\x84\x9aH\xb5H\xfbA\x084\x89\xbe\x7f\xcf\x91xF\x0b'</t>
  </si>
  <si>
    <t>b'Wb\xe7\x86TG[e\xdd\xf1#\x87^\xc6\xf3\x03\xed\xe7"%2Y\x8cqkX\x88\x15p\x8c.\x03'</t>
  </si>
  <si>
    <t>b'\xe0\xd7:)o9\x8fv\xa4\x89\xa2\xd2\xae\xe0\xa2s\x96\xbe\x9dZv\xb8\x87\xbfO`\xc0\xa5\xb4\x11\xe0\xf7'</t>
  </si>
  <si>
    <t>b'\x80\x9cS\xc5I0?~mG%=\x819#\xbc\xbd\xae\xdb\xe0_\xe5"i\xba{.\x13\xc0\'\xe4\x8a'</t>
  </si>
  <si>
    <t>b"Y6\xd5\x86\xcf\xe5Y\x04\xf6\xf4\x15'\xec\xa3\xdb\xe7\xd2I\x1a\n\xff'\xc7\xba[v\xd8\xb0QZ\x7f\t"</t>
  </si>
  <si>
    <t>b'\xfdR\xab\x1b\xbf!Kk\x98\x16\xb4+\x85\x16\x98sW`\xd2\x03\xdd\x90\x03\xb6Rsu\x84\x9bLB\xa6'</t>
  </si>
  <si>
    <t>b'\x85S\x18\xbd"\x15\xce\xb8|\xad\x14\x80\xfflj\xdf\xfal\x8a\x8d\xf1Bl\xf2\xe2\x9a\xb6\x9e\xa8Ej3'</t>
  </si>
  <si>
    <t>b'\xf6\xfb\x96xA\xf6\xaf%\x00[YMH\x19.\x1d\xfa\xd4\xe6\x886\xa3C;O\x7fe\xcdr\x85\x83\\'</t>
  </si>
  <si>
    <t>b'\x0c\xea\xa2\x0e\x93t&lt;kV\\UU\ts*a\x85\xdf{"Nb1m\x9c\x14\xe9\xd7\xaa("\xb7'</t>
  </si>
  <si>
    <t>b'\xa5\xb6\x99\xaa\xf2\xae\\4/"\xaa\x1d#\x10\xbah\x11i\xe0Q\xc6\x04\xbe`q\x85\xd7\xd5o{D\xf6'</t>
  </si>
  <si>
    <t>b'\xab\x1e\xb8\xef\x82\x9e\x81\xa5\xfa\x0c\x17\n\xa4\n\xd5\x0c%`\x86\x16\x1d\x03X\xca\xae\x1c\x19\x02\xed5\xf6M'</t>
  </si>
  <si>
    <t>b'#\xe9\x7fw\x0b\x12\xcb\x90Z@\x9f\xafM\xeb\xf29\xa4\xc5\xf8(\xa3\xa7\x06v\xef\x1d\x86c\x1ds\x9d\x98'</t>
  </si>
  <si>
    <t>b'\xd4&amp;\x92\x05M\xa1\xef\x95\xe0\xc5\x01.\xe9l\x846"\xa1J\x06\x8e;\x01\xa8\xbc\x1b\xf4?\x0b\xb6\xa8\xd1'</t>
  </si>
  <si>
    <t>b'u\x95\xca\x03\xa8\x9f\xcf\xb4!\xe5\xb8\xeb\xc2\x9f\xf2\x8dx\x83\xc9M\xaf4\x0c\xd6\xb2\x9ft_\xdeg\xf9\x12'</t>
  </si>
  <si>
    <t>b'\x1b\x15\xee3\xfb\x1a\x82e_r\xa5\xfaK\xbb\x81\xb1!d8\xe2\xd2&lt;/vcNI\x13\x8bp\xd8\xba'</t>
  </si>
  <si>
    <t>b'\xb7w\x90\xe0\xe8\xaf{\x10\xfd\x10\x89\x01\xa8\x9f\xecf\xd8;:2O\xeeI\xd0\xa2\xbc\xa5\xf8\x14\x8f\xc5\xad'</t>
  </si>
  <si>
    <t>b'\xe7\xa3l\x80^\xa9\x94U+\xa8\xc6^TBj\xf4\x8f\xca\xb9\xa0\x08Lo\x1dr+\xca\x1b\xa3\xaf\xee\xe5'</t>
  </si>
  <si>
    <t>b'\x1d\x96\xd1\xe7\xdfsEyF\x1er{t\x88%\xad\x8c\xfa\x85\xed\xe3zu\xae\xd1Z\x18\x96|\x12\xaa\xc3'</t>
  </si>
  <si>
    <t>b'A\xb5\x01O\x06\xdc\x9d.D\xd7Q\x05\xe2o&gt;\xd7\xa8&lt;~\xc3\x84\xe3#j?\xb7\xcd3F2\xbc\xfd'</t>
  </si>
  <si>
    <t>b'f\x85c\x05\xa6\xc1\x8a\x88X\xa4\x10D,\xad\xb1\xd3\x03?\x8d\x0b\x07\x08\xdc\xaa\x93\xb0\xea+`\xbf\xd8\x11'</t>
  </si>
  <si>
    <t>b'G\xf1L\xd5\xf6\xccx\xa9\x92\xc7\x14]\xe9\x9f\xf5\x93\xcc\xcfk\x13bM\x80~\x00\x14\xa8\xed@\xde"z'</t>
  </si>
  <si>
    <t>b'\xbd(\xfc\xb4\xea\x99s\x99\nH\xcd\xb1\x9cW\xf0\xc8\x04f\x11\x8a\xb7\xcemk\xa0\xccX/\x8e\x14\xdb\xcf'</t>
  </si>
  <si>
    <t>b'\x0f&amp;\xaf\xe6\xb4\x828c\xefP1\xbby\x94[5\t\xe1m\xf3w\xcf\xfd\xf9\xb6x\x83\x04\xdan\x97#'</t>
  </si>
  <si>
    <t>b'\x82u\xb3\x11\xc2\xda-\xae\x00%&gt;|t\xd3H\x0c0zQ\xb0\xb7mbakB\x15\xbe&amp;\x10\xd0\xf5'</t>
  </si>
  <si>
    <t>b"\x10\x18OU\xef)\x10$G\xf3\xa8\xe0{\x0b_V9'5\xe86\x05\x83\xcc\xfe&gt;\xad\x04\x8e\x00\xd0n"</t>
  </si>
  <si>
    <t>b'nW\x1b\xa5U\x89_\xfe\x12\x9d\xe8\r\x97\xc0\x85a\xcf\xba\xea\x9a:s\xaf\x99\x87\x18q\xa7\xd8\xb3\xfb\xb4'</t>
  </si>
  <si>
    <t>b'\xa3\xab\xad\xbdm-p3\xc1L\x06,\xef\xf7\xf9\x89?\x1d\x81\x19:[\x91x\xd8\xc7~\xf3\xca\xe4\x84\x17'</t>
  </si>
  <si>
    <t>b'\xc6\x8eG\xd8,y\x9a\x9d\x1b\x1a\x86\x98\xcfD\xb9\x88K\x04FF\xa0+\xa9\x0e\xbf0\xb6\xff\x937\x07A'</t>
  </si>
  <si>
    <t>b"\xc8,+\xc6\xffA\x99\x01\xec\xe6!G\x18\xcbF\xa59kw\xc6w\x91o'\xf7/\x1d1\x02\xaa\xc2\x02"</t>
  </si>
  <si>
    <t>b'\xb0\xba&lt;\xcd(\xe0\x88\x1cUt\x9c\xb0]\xa6z\x94tJI\xaa_s\tw\xe442=*\xffg\xd2'</t>
  </si>
  <si>
    <t>b'\x80\xd8\xac:\xbd\x91\x99\x1f\x90\xae\xeb\xb2\x9b\x99\x98\x0f\xf8\x1a\xf1\r\xb8&gt;]\xc9{\xf6t4\xa4?8\xb0'</t>
  </si>
  <si>
    <t>b'\xb9\x19\xe9\x9e~ko\x7f\x9f=dF\xed\xdc\xc1\xa7\x89\xfa}i"}Z\xa5\x12\x8e\xab\xaf\tGn]'</t>
  </si>
  <si>
    <t>b'k\x9eMh\xf9 g\xb0Q\xf4i\xf3\xed\x85\xb7\x8f\xc8s\xdf\x15\x1dru)\x10\xef\x07:X\xa5\x98\xef'</t>
  </si>
  <si>
    <t>b'\x8b\x8blsaot\x92\xa3d+\xa4&gt;\x830-\x88h*\t\xdc\x15\xaa\x1d\x0b(\x8c\x12\xe40hg'</t>
  </si>
  <si>
    <t>b'\x13U\x97\x13\xde\x16\x8e%\xcd\xe9h\x01\x87i\xce\x8e5!tok\xbf\x85\xf1#\xe2 \x0c\x816y\x10'</t>
  </si>
  <si>
    <t>b'W\t\x89\x8b\xd3\xd3\xc4\xd5\xf6\x07\x7f7\xed\xdd\x97YLd:H1\x19\xc6G@\xef\xb9\xf1)\x17\xa7\xac'</t>
  </si>
  <si>
    <t>b'\x7fQ\xcf\x88I\x142f8j\x12\x80\xa6\x9c\xbb\xb8\xf2V.\xd7\xd1|\xea\xf7\xfc;i\xc9\x05P~\xbc'</t>
  </si>
  <si>
    <t>b'\xfc\x82\xa3\x06V\x10\x92\x9d\xc7\x8a\xd0\xc2\xb5\xd2\xb2\x9bZ\xf8K\xdd6Pc\x02\xd5\x9a\xa2!\xb8\xce\x8co'</t>
  </si>
  <si>
    <t>b'O\x9a\xa2\xdb\xdb \xa4|\x85\xcc?\xcd\x96\xac\x13\xbbu\xa2\xd6D\xbe\xec\xc6\x04\x87\xc7\xd7 \xcf\xc8\x1f4'</t>
  </si>
  <si>
    <t>b'\xebwP\\\xf2e\xb8e\x16\x97\nI\xe1\xcav\x89W\xbf\x13d\xdb\xc0\xa5\xfa1\xd0zSCV\xd9w'</t>
  </si>
  <si>
    <t>b'\xaa\x81lZ\xa7\xaa\x80\x9f\x86\xc7_\xb35\xad\xec1\x04f\xd5\xf2\xa1\xbf\x0ff\x1cT\x99\x92\xd3\xbf\x08\xe8'</t>
  </si>
  <si>
    <t>b'\xc3G.\xe5*\xf3O\x1ct\x0e\xcd\xe7P\xb6p\xdd\xbeF\x93\x92\xb2g\xecw\xc0\xad \x10\x8d\xb6\xae\x17'</t>
  </si>
  <si>
    <t>b' \x0f:\x98\xfa#\x0f\x8e\xb6\x8f\x17\xab\xaa\xeal\x94\xc1\xc1\x1c\x9f\x99\xf6\x12\x8cD\x89S#\xb5m$%'</t>
  </si>
  <si>
    <t>b']\x86\xd2\x01\x1f[\xa4\x00\xc9\xea\x9eM\xfe\xa0\xa9Q;4\x8a)\x90\x8d\x9a\x80\xde)\xda\x8a3\xa7\x15('</t>
  </si>
  <si>
    <t>b'd\x01\xa9\xe7\xa8\xf4\xa9\\\xfc\xbb\xf97\x06\xa3\x12|\xb1\xf5\x02\x0f\xa2\x8e\xc9\x12\x1f\xa3~h\xc2\x01&gt;\x18'</t>
  </si>
  <si>
    <t>b':\xde^\xf5\x92\xad\xc8XZ\xf6O \x1b\xb0\x95\x98\xc2\xd2w\x0c3M\x81\xb7ah\x14Dk\x00Gk'</t>
  </si>
  <si>
    <t>b'\xb2\xc1\xd0:\xf8\xed\x92\x95\xcb.\xe2\xe28\xa9i5yj\x13\x18&lt;nR\x06\xe8T\xf0TUDoq'</t>
  </si>
  <si>
    <t>b'\x13x\xeca\xa2\xc7\xe4\xd5YC\x897\xca\x83\xc7\xf5\xf5\xd1\xa3e:q\x87\xcd7\xa5\xb5_=\x01}x'</t>
  </si>
  <si>
    <t>b'&amp;\xc8\xd4R@\xb8\xf5t\xa1M\xe0\xf6\t\xc2\xf7K\x97+\xf2\x82\xed\x89\xc5\x83I}\x92\x1e\x1a\xe5/Y'</t>
  </si>
  <si>
    <t>b'\x0c\x86\xc4\xec\xde\x96\x95&amp;&gt;\xd0q9\x97z\xfd\xe3y\x06\x80U\xbb\xb5\x03W\xf3t\x97\xc7S=Wj'</t>
  </si>
  <si>
    <t>b'C\xa4\x8e\x17\xd4\xa0T\xba{\xd9\x9ef\xeb\xe9\x01\x89\xb2(`\xf3=;%\x90\x15\xdcikW\x8f\xccB'</t>
  </si>
  <si>
    <t>b'\xb7\xfe\xe8\x162~/&lt;Z\xab\xa8\xff\x1d\r\x0c@\xa8\xac\xf0\xf7\xe9\x92\x025\x06`\xe8\xef\xd9Jv\xd1'</t>
  </si>
  <si>
    <t>b'@{\x83:\x9e\x8a\x0eg\x16\xbb\xda\x02\xa7\xae\ro20m\xdb?\xecE\x81H\xd7;\xb9\x1a\xda\\\x96'</t>
  </si>
  <si>
    <t>b'&amp;\xcf\xdd\xa7\xee\xe9qv\x1e\xa8\x88\xed\xc6T$\xfd\x19u\x10\xc4\x19\xcf\xd3G\x10=+\xb8\x1d\nX!'</t>
  </si>
  <si>
    <t>b'w\xa9B\xb7=B\xd2\xdc\xe3\xbbN\xc0\xd5 \xa7\xf8\xc8\xfd\xec6\x8c&lt;Q\xce\x9e\x14&amp;)\x84.\xa0\xfd'</t>
  </si>
  <si>
    <t>b"\xfd\xed'\xe3k{;\x8al~\x17\x16T\xbc\xf7\xce\x0c\x90\xf9\x19\x05I\xdd\xbe4\xbc$\xbe\xbc\xf0\n\x0b"</t>
  </si>
  <si>
    <t>b'\xc5\x85\xec)#R\x00R}Z\xb5]\xc4I\x12\xb8\xa2\xcdO1\xaf\xb1\xb1\x9e5\xfc#\x92\xa7\x1e\x9e\x7f'</t>
  </si>
  <si>
    <t>b'.\x04ZWsL\x8c\x01B-\x83\xf9\x1c\x01\xb0\x94 \x0b\xd2X*\\\xa8\x84\x13\xfa\x92Q\xed\x15c\x91'</t>
  </si>
  <si>
    <t>b'v\xff\xe3\xb2\x12\xd8Q\xec\xed\xf2\xdc,\x86\xae\x9e\x0f\xa8\x0eM\r`\xa9\x93\xb6\r#0\xc7\x87\xa6J1'</t>
  </si>
  <si>
    <t>b'\x7f\x9d\xe5\x9e)\x1d\xaa\x87\xbb\xca\xf1\xf8j/\x08H+F@\xc6\x8a\xb7\x1d{%gg\x06?\xe1U\xd5'</t>
  </si>
  <si>
    <t>b'\xf5\t`\x81\xd7\x14\x12\x0cr\xde\x1a\xc5\xa9\xde\x8aIQr\x9f\xa3\xe0\xc0\x82\xe2?\xceLVKs-\x0b'</t>
  </si>
  <si>
    <t>b"a\x9e\xa4\xd6\x9bK[\xf4\x14\x05\x8d\x15\xb0\xe1\xe8\xd4o\xd3u\x05\x05\xfe\xe8\x92\xac\x10\xbe\xed'\xb5\x13\xba"</t>
  </si>
  <si>
    <t>b'!=a\xed\xc3\xa8^S,\xf4i\x85w\xa2\xa7\xacu\x1d\xda\x11\x16\xefW\xbd\xa7\x06\xe9\xfa&gt;)Z9'</t>
  </si>
  <si>
    <t>b"9i\x98\\x\rl\xb7\x94\xdf+\x18z&lt;\xd5'\xab9\xc1#\x10\xfb\xb3\xad\xfcX\xdb\x99h_\xa7R"</t>
  </si>
  <si>
    <t>b'\xbdC\x0e\xad\x9b\xc6&amp;o\xdb\x007x\x82\x01\x95)&gt;O\xb8G\xe5\xb8\xd9#\xdeb\\\x9e.1\xe0\x1c'</t>
  </si>
  <si>
    <t>b'\x89/\xbb\xc1\xc8\x12F\x936\xb6\xc4\xff\xc3~\xb0\x8b\xfa6\x8a\xc2A\xcbz&lt;\x00\xe4\x12\xc89+\xcf\xf7'</t>
  </si>
  <si>
    <t>b'-\xda\x85\xa3\x19r\t\n\x00:\xfa\xa2\xf9LeX\x18\xea\x96;$\xbb\xbd\xde\x1d\x00\x7f%Gv\xe5\xe9'</t>
  </si>
  <si>
    <t>b'\x87\xbe\x12lM\x9a\xac1\x00"\xa4\xde6I^=\xa5\xed`+k\x12\xa1\xcc\xc8\xdf\x84\xaf\xda\xcbS\xa9'</t>
  </si>
  <si>
    <t>b'\x921\xf6\x00\xdd\xd7\xf1\xc9T~\x89}\xc3\xcc-\xd6{D\x1f\xa2\xb7g\xe9\x07t&amp;:"r8s\xf8'</t>
  </si>
  <si>
    <t>b'ZZ5\xda\xbe\x8eO\x88?c\xc3(\x13\xe2\xf6\xbc\xbcoY+\x9b5\xf6\xdbC\xd7\xc6\x7fCm\x9e\x84'</t>
  </si>
  <si>
    <t>b'o\x93\x03\xb8!\xda@\xe6v\xad\xf3i\xdb\x9b\xe7\x82k\x88\nw\xb29X\x968\xba\x11aG;\x16\x97'</t>
  </si>
  <si>
    <t>b"\xc9\xb6\xa8\xda&lt;\x8a\x9b\xdf\xe49\t\xeaPfT]\x97,\xb6\x8e\xdbJ\xebe\x17j2H\xdf'`\x96"</t>
  </si>
  <si>
    <t>b'7\x03f _0\x8f\xe6\xc1\xaf\x85\x16&gt;\xee\xf2\xb2\xda\x15P-9\x07F\xab\x83\\\xbd\xc5\xd4(\x0c\xde'</t>
  </si>
  <si>
    <t>b'\x05)!ML\xfe\xda\xce\x83f\x8aI\x82\xc8+\x15\x7fO,\xce\xc5\xfe\x8d\xdab\xdfvUFA\xb8\x80'</t>
  </si>
  <si>
    <t>b'\x7f\xb4h\xaa\x85\xac\xcbs\x90&amp;W\xa9`\xa4\x9e\x9b\xad\x95*\xff\xb3I\xd1E\xfc\xc2\x88\xd2\x05\x01c\xa5'</t>
  </si>
  <si>
    <t>b'\x9bp\x8d\xc1\x99Wx\xb0\xb88\xd1(\xc1\x89\xe8A6\x95\x1bC\xc5\xe7\xc3\xf9\x92N\xfe$7\x9e\xbcV'</t>
  </si>
  <si>
    <t>b'\xc6\xba\x07\xb8\x85\n\xc5\x90p\xc7\xbc\x95\x89\xa8\xa4\xa4f\xf0}+\xc8\x99q\x9e\xfb\xc5\tYq}h#'</t>
  </si>
  <si>
    <t>b'\xfe7\xcb\x12\xf3T\x8b34\x9b#\x84\xa0y&gt;\x12/f\xce2\xb6\xa5R\x16yc\x02\xfd\x13\xb0\x19\xb5'</t>
  </si>
  <si>
    <t>b'm\x12\x0eI\x0f\x86\xa5\x0f\x83\xaa[\xdc\xa3\\\xdaQU\xc0\x16\xbd\xf7\r^\x00}\x96\x99\x90\xf5\x0f\xfb\x18'</t>
  </si>
  <si>
    <t>b'm\xa1\x16\x1c\xb0\xee\xf0\xaf\x97\x8f2L\x81\xb6k\x87vr!\x8d\xf7\xb3\xfcZ\xec\xc3\xba";\xd2&lt;W'</t>
  </si>
  <si>
    <t>b'\xb3c6\xfd-Y\xc5\xd0\xee2\xd2\xe2\xc8\x0e4[vU\xa30\xe7\xe4\xe1\x1e+B\x112\x84\xe2^\xcf'</t>
  </si>
  <si>
    <t>b'\xf0\x02\x02NDY\xba\xa3Q\xc54B\xf6\xb4\x17\xd2\xb3l\xaf\xd6\x97v\xe6[\x90T\r_\xd1\x8d\x82\xe1'</t>
  </si>
  <si>
    <t>b'\xbb\x14\xcd\x86\xd5\xadY\t\xf6=\xc1\x82\xd0\xae\xf1.\xf0\x1e\xd7igkK@\xac&gt;\x06)\xa9#\x9e['</t>
  </si>
  <si>
    <t>b"\x1b\xca\x88\x98j\xe6\xfb\xe3~\xaa'\xbb\xc1H\xa0J\xd1\xa8\xc7\x16\xfc\xc7\xb2\xaboo\xd3~\xf8!Z\x05"</t>
  </si>
  <si>
    <t>b'\xaf][\xa1\x9f\x99\x9e\x15m.\x14\n\xb8\xef\xf3m@\xf6\x94\x83\x8b.Wr\x1f\xa0\x89R\x97\x03f%'</t>
  </si>
  <si>
    <t>b'o\x19\x18\x7f\x1a\x9ak?~\xd4\xba\xbd\xae\xad\x99\x93\x0cr2\xc3\x92\x1b\x85\xd4\xa1\xaf\xbd\xdf\x0b9\xf0u'</t>
  </si>
  <si>
    <t>b'\x97h\x04k\xd3\x81K8\xc60\x92\xdf\xda\xe7\x12\x8f\xf6\x86\x05\x9a\xb4ns\xfd\xe4\xef"\x9e\x95\x82\x9b\x80'</t>
  </si>
  <si>
    <t>b'\xb4\x96\x0bx\x9f\xad\xe2:2lR\xc3\x15F\x02\xe3\xd4\xec\xbd.\x0cY9i\x99+o?\xa6\x8d\x12\xf0'</t>
  </si>
  <si>
    <t>b'r\xbf"[\xc8\xc9Y\xc57\xca\x98\x90\x83vBY\x03\xb3&lt;\xbfzH\xa7WV\x08\xa0\xa8m\xed\xb6\xa9'</t>
  </si>
  <si>
    <t>b'\xb0O\x06,\xa5g\xda\x9f/mrP\xb0\x85(\x13DGv\x9dE\xd8P\xdaY#|\x8bQ1\xf8\x93'</t>
  </si>
  <si>
    <t>b"C\xcae\x01\x1b\xa3\xeb6\x12 \xf6\xaf\xf3E\xe3\xe4\x8f\x81\x01\xa6'p\xb6]-\xbe\x01\x11\x9c\xe1\xc0\xcb"</t>
  </si>
  <si>
    <t>b'\x8a&amp;\xe24\xd4F\xb7h\xef\x81\xe0\x12\xd9+}\xb8tZ\x89\xdfK}^\x99\xb4\xcb\x93$\xdf\xcc~\x92'</t>
  </si>
  <si>
    <t>b'\x9c\xd2G\xab\xd9=\xa0m\x9f~\xb9\xa2RH\xf6g*+\x1e\x1d\xb8\x0f&lt;\x04\x95\xfco&amp;\xb6\r\xcbj'</t>
  </si>
  <si>
    <t>b'\x0b\xc6\xf4\xdd\xbb6=\xda\x89c\x98\xc2Js\xbf\xceJn\xff\xa0\xf8\xec\xbeS\x04V\xb5\xa0\x86x\x17\xc6'</t>
  </si>
  <si>
    <t>b'\xaa@1\'\xf3\x9d\x17\x9dO\x18-N\x01~3\xd5"\xb9\xc5\xeap$E\n\xd0\xf5\xd6n\xa5!&amp;\xd1'</t>
  </si>
  <si>
    <t>b'\xeeU\x87U9\x05h\x82\x13\xc6\xe8Q`\x01\x16\xa8yw\xef\r$z\x1bg\x08\xb9\xc8r\xc7E\x15\x0c'</t>
  </si>
  <si>
    <t>b'0,\xbf\x8b\x1d\x13\x8bm\x80\xc8\x86\xdf\x17\xc8W\xae\xa0(\xa0\xf9\x8e\x95J\xbb\nL_Q\xb1\xf8\xa5\xb1'</t>
  </si>
  <si>
    <t>b'\xa1%\xcd\x0eo\xb2\xb4\x88[\xda\xba\xae\xc7\xd3\x13\x8d\x1dC\xf7Eyy\x10\xfb2`/\x82u\x8f\xbc\xcb'</t>
  </si>
  <si>
    <t>b'\xc0:\xde\xc8\xe8\x9bj\xdd\x0f\x10\xe2\xe1h\xc7\xf6u\xb3;\xd8\xf8Q\xf9\x91\xfe\x92#E:Y\x19!\xc1'</t>
  </si>
  <si>
    <t>b'zL\x84\xddA\xf9r3Pj\xb4\xe5\xe9\xact-}\x9d\xaa\x10T\xfb\x81\x0c\x10\xd7\xa8&amp;\x18\xa6\xb7\x18'</t>
  </si>
  <si>
    <t>b'\xafE\xcbC\xef`\xca\xae}H\xe3\x99\xe3\xec\x96j\xa2e\xbf\x97f9\x84\r\xa1\xb7SV[\xb1\xcdA'</t>
  </si>
  <si>
    <t>b'\xbf\xd1 5}\xf50\xe4|\xa0\xa4\n\xd2\xde\xabD\xa8C\xfe.&amp;B\xa0\x04\xe2\x87\xbaT\x88\xba\xbd\xdd'</t>
  </si>
  <si>
    <t>b'\xd8\xd5\x02\x02\x7f\x8d\xf19t~\x90\x03\xba\x9dx|o\xe7\xfc\xf4\xc2\xcc\xa18\x80\xd35\xbe\xa8@]\x88'</t>
  </si>
  <si>
    <t>b'\x86\x1aUf\xaf\xcb\xd5ePo\xc2\x0e\xb9\\\xa7\x8aY\xd20\xb1T\xa9\xa3\x15l;\xc3X\xa7\x14\x0cc'</t>
  </si>
  <si>
    <t>b'\xff\n\xb5\xc7\xc5[/"/\x1f\x11`!\xcb\x87"\x95-\x16\x85\x1b\xe1T\xd0\x02\xab\t\xf74I\x8b\x87'</t>
  </si>
  <si>
    <t>b'\xb8\x85\x92\x0f\x7f\x06\x19@\xa3\xafoS\xb4\x9aa:\xd2F\x19s\x99t\x86\xc1\xce\xd5\x92\x880`E\x9c'</t>
  </si>
  <si>
    <t>b'A$`\xca\xdb`\x04V6f\x9e\xdey\x8b\x04&gt;4G\xd2\x96\x83\xbd\xf36_\x9c\x19)\xe4\xe0\xa6\x89'</t>
  </si>
  <si>
    <t>b'\xa6+\xc2\x97\xd1\x19\x0f%\x14\xc2\xbb\x1f\xcb*Q{\xd8\xb2tvT\x87!@\xa4iH\xb5k\x0f\xc1l'</t>
  </si>
  <si>
    <t>b']l#\xde \xdd\x01\\\x80~\x8e\x9c\xc6t\xe5\xb8\xb3!\x0f0%\xea0c\x1c|\x08&gt;\xb0\xeb\x90\xf6'</t>
  </si>
  <si>
    <t>b'\xbcw\xa6\x8a\x005\xf4\xa8+\x1b\xa8\xeb\xaf\x85\xd7\x07\nc&gt;\xd0\x8b\xc4\xd22\xb0\x0e\x94\x91\xac\xdc\xe0a'</t>
  </si>
  <si>
    <t>b'i\xbd\xe0\xd6\xd4-\xe6\xccq\x81s\xe1\xd24\x0eG_\xcfY\x94P.&lt;\x0ehe/\x95\x928\xf7\x1b'</t>
  </si>
  <si>
    <t>b":v\x0e'\xba\xe0#\x8b~\x865G\x16S\xe0{P~fl\x16\xcd\x05&gt;\x1cZ\xd8\x93\x08\xd4\xa9\x16"</t>
  </si>
  <si>
    <t>b"\x9a{\xa3F\x01\x15\x03\x05\xe8\xb2\xe1/\xb6\x9c.{*\x0f,^\xd2\xe6\x0f\xe7\x1e'\x9d\xa8sU\xbcO"</t>
  </si>
  <si>
    <t>b"'T\xb7Ye\xc8X\xecKS\t\xc2\xad\xb8\xbc\xa8 \x0f\x0e2s\xb1\xa1\xd0Jh\xca\xf7\xea_\xff\x04"</t>
  </si>
  <si>
    <t>b'\xa1\x1d`\xa2\xea\xb3\xda\x84\xb4\xa16\xf7n\x1f\x84\x10K$\x18{:\xff\xe9ZY KY\xce\xba\x0f\xc8'</t>
  </si>
  <si>
    <t>b'\xc2\nL\xae\xda\xd3\xc6\xb4\xf0\x03\x81\xc0\xbd\xa9af\xd8\x02\xd3&lt;,B;\x91\xa0\x92"\xd1\x99\x93\xa2\x9c'</t>
  </si>
  <si>
    <t>b'\xa5\xf7\x08#\x18 V\xa8p9\x85m\x14c\xd2\x90a\xee\xa4\x96\x1a\x8bp\x17\xca\xbe\xde\x7fQ\xb8*\x84'</t>
  </si>
  <si>
    <t>b'*\x87t\xe5jS\xb4x=\xbf\xf4\xb9S2\xac\xb4cp\xf2\xa8\x9f\xcf\x93\x1e\x84\xdeY\x98\x82R\x9dn'</t>
  </si>
  <si>
    <t>b"\r@O\xf8\x1a\x96|\xb6\xb7]?'0\xbf\xea`cxQ\x1c&amp;\x9e\x81v0S\xe2Q\xdaH\xc0g"</t>
  </si>
  <si>
    <t>b'\x96QIoU\x00\xcf\xf7NW\x98\xd3\xcfD\x8b[xbT\t\x04h\xe3+TK\xf5\x05yf\xfb\xaf'</t>
  </si>
  <si>
    <t>b'\x80\xa4\x14X\x83\xb7EL\x8b\x07w\xd0\xc0\x1b\xd6\xa0\xd3"\xdb;V\n\xf3\x0c\x93\xcc\xe6t\x1f\xa0!\xd8'</t>
  </si>
  <si>
    <t>b'\xf2Z\xc0R\x94\xa6l\xd3/\x85^a\xea\x03\xc3\xcb\xc8\\\xdcf\xbc\x8d\xee\x85\xb7=g\\\x8a\\\x83\xae'</t>
  </si>
  <si>
    <t>b'\xbc\x97*h\xb1\x82\xf42&amp;\xaa\x8f.\xd1\x1a\t\xc4\x00\xdd\xa9a\x1f\xedP`\x9e|e\x13\xedjSB'</t>
  </si>
  <si>
    <t>b'\x1c\x1bJ\x1d\xfbM-\x07i\xfb4\xc6\xac\x9c\xd8\xd4\xad2\xad\xd06\xb1\x15A\xb0xY&gt;\xd9\xeeI\xda'</t>
  </si>
  <si>
    <t>b"\x1e\x8b\x98e\x87#G\x9e\xd8HE\x0e\xfd\x0fL\xd2\x08\x82\x94\x90\x05\xa0\xac\xa8\x16\xfbJ\x87\x1c\x7f'\xf0"</t>
  </si>
  <si>
    <t>b'\\z)\x87\xae!bj\x95y7%5\xa0g\x03\xfex\xbc\x80\xfc2\xdf\x8c\xec\xd8\xc8}\x83\xe4\xfc0'</t>
  </si>
  <si>
    <t>b'\x84\xfa\x92\xd3\xe56\xca\xab;\xec\xc8s\x02\x96\xa9f\xd9\xe2a2\x97G\x0c\xe2\x83\x1f\xfb\xad\xb0\x0fA6'</t>
  </si>
  <si>
    <t>b'\xb1\xee\xe8\x83`\xec@\x81\x1763\xe5\xdb\xba\x96\x9e\xe0[s\xa4b\x96\x15\xae\x02?pB#h\xb5\xab'</t>
  </si>
  <si>
    <t>b"N\x07lP8\xb6'\x99\x01\xb1\xa4-\xea\xbft\x97)\xb3\xaa\xe1b\xad\x14\xf8\xf3\xee\x92A:|G\xae"</t>
  </si>
  <si>
    <t>b'{e\xdeu\x06\x85\x84Qt\x13\xdbm\x87\x99\x1c\xb1\x03\x00\xe7\x8dyC?"\xe3\x99\xb7\xb3\xf5O\xaf\x89'</t>
  </si>
  <si>
    <t>b'\x0e\x85\xcb\xbe\x02\xd8;\x81eO\xe4W[\xe0\x80;t\xe9\xd4\xad|\x00D\xdb\xf09,\x0c\xeb\x95\x9cm'</t>
  </si>
  <si>
    <t>b'\xd6%`\xf1C\xf9\xce\xa8\xb6\\\x8a*e\x8a_\x9b\xe34\xa4\xb1\x9dW\xccm\xa3kb\xb9.;\x06\x9e'</t>
  </si>
  <si>
    <t>b'\xbc0\xcd y\xb4er]\xc4&gt;\xb3B\xf2I\xe8\xccG\xa6a\x7f|\x90\xe0\x08\xc0\xce\xce\xf4\x14\xe6\xdf'</t>
  </si>
  <si>
    <t>b'\xf1\xd1\x08\x83\xd3b\xf0\n\xa8ZA\xbfC\xad5\xff\xfd\xd8b\xf3\x14\x90\xbd#\x92"0\x81\xdc\xb6\x9dc'</t>
  </si>
  <si>
    <t>b'\xaa\xac\\\x03\x82\xcf\xdc\x03\x88\x86\x04\x8eyF\x06TM=\x01\xd3X\xe6Y7o\xa9?\xa2\xb8Kxv'</t>
  </si>
  <si>
    <t>b'\xe1\x0bg2\xbf\xc7\x1b\xc7N6\xe8-\xa9c\xbf\x8a%G,&amp;\xf4\x90\x16\x8a\x9f\xa0*\xad\xc0\xd8P\x0f'</t>
  </si>
  <si>
    <t>b'\xf2:\x14\xb4\x89\xfc\x8e\x00\x88U0N\x8f\xdb\x92\xa8|oc 8\xd6;\xc5\x05\x0br\x19\xfd\x83\xa1\xed'</t>
  </si>
  <si>
    <t>b'\x99\x87E=\xb8\xa8i\xa4\x11,\xcf(P\xfd\x06\xfe\x8f\x7f&lt;61AT_\xa6&lt;\xa5\xb2^\xc3v\xcd'</t>
  </si>
  <si>
    <t>b'V\xf8\xd7t\x8e\x08\x98\x16\x1f\x82*\xa8\xf9\x87I\xe6CP_.\x08\x18l\x16=\x9a\x00I$s\x88\x85'</t>
  </si>
  <si>
    <t>b'5\x9b\x87\xb9\xadf\x89\n\xae\xc4U\xc3C\x02\xba\x89\x1d1\x1d\x17\x86\x8ep\x88@\x02\x86+\x05eI*'</t>
  </si>
  <si>
    <t>b'\x1b\x08\xaa\xb9D\xd2\xc3\x9bU\xd6\xc5\xb0\x9f\xdb\x89@\xb94|u\xfc\xd7\x87\xf2, \x1ae\x02\xd8\x03n'</t>
  </si>
  <si>
    <t>b"\xd5\xe1\xdb\xb1[\xc8\x1e\xbcJ\x12\x17\x89QM1\xd1\x19\x81s\xf7\x93\xfb\x1d'\x14\xb2\x81ru\xbf\x17\x11"</t>
  </si>
  <si>
    <t>b"o2\xdd\x8aRZ\xf4N\x0e\xf1\xe8\x89'\xfc\xf1q\x1f\xe7\x9d\xa7\xd8Rn\xa8f\xa1\x1f\xdd\x139\xc9\xd0"</t>
  </si>
  <si>
    <t>b'&amp;\xf3\x82\x00\xd8/\x87\xd6\x81\xad1\x9f&gt;\xc7h.\x84Qb\xee}\x1fs|wo\xa9X\xab\x8b\x89\xe8'</t>
  </si>
  <si>
    <t>b'\xf6${3Oq\x80f\xb8N\xd9\xc2\n\xb8\x8c3\x87\t\x9a?\xeb\x8f;s\nF(W\xe7\xa0k\xb7'</t>
  </si>
  <si>
    <t>b'\xa4i\x13\xa3Zr\re\x85?\x01\x97\xe3\x1e\xa8 \x84\x828\x91\x87*c\xc6\xc9%\x9bG\xac\xd7\xc65'</t>
  </si>
  <si>
    <t>b'w$\xd3\x1e\x9bR\xc1\xf1\xc2\xd1\xbcfW~\xd19x\xcc\xd3\xaf\xff\xc5y\xab\xe6\x05\xf0),]\xd9\xe9'</t>
  </si>
  <si>
    <t>b'\xd2b\xf4\xd7\x9aV\x8b\x1e\xd1\x7f\x86\xad\xa3f\x06\xc9#_.\x9b\xc7\xda\xd1Y\x85J~\xf0\xd5\x8a\xdf\x7f'</t>
  </si>
  <si>
    <t>b'\xdf\xdb\x9fe\xb5\xddVx\xf8\xb7QT\x0b\xadb*\xc1\xbd(,{\xa89g:\x16\n\x80zJy7'</t>
  </si>
  <si>
    <t>b'W\x9d\x82vjy\x96\xe3P\n\x90\xa1\x92\xaaU\x92\x90\x9c\x84\xdeN\xe6\xabhrj\x13\xd5dY\xd68'</t>
  </si>
  <si>
    <t>b'\xd6}Y&lt;c\x9f\xb0\xfdW\x9cP\x8e\xde\x87i\xfe\xf9r\x9c\xd0Hl?\x9be(\x12s\x99m7U'</t>
  </si>
  <si>
    <t>b'a\x9d\xff\x0b\x92\xa1\xc1\x98zJ\xab\xe4qg(\x9c\x14_s\xde\xf0\xaf\xc0\xf6\xde*&lt;l\xf15\xd4\x99'</t>
  </si>
  <si>
    <t>b'\x9b\x92A\xfe{\xe3\x18\xca\x04&amp;\x9d\x8ay\x06\xf9/\xc8`\xc2\x86\xea\xa9\xf9\xa2&gt;*\x83.\xa2\xa3\n@'</t>
  </si>
  <si>
    <t>b'\xd6\xb1\xa4V\xee\x91\x8e.\xbe\xfa?KXz\x12W\xd3D\xa0\x90\x14Q\xf2\n\x978\x84x\x9c\xc6+\xb0'</t>
  </si>
  <si>
    <t>b'.\xf0\x83\xc4\x85\xd3\xf7q\x06\x9b`\x13\x1e\xb7A\x0c+z\\ \xbf\x82\x07\xc2o\xbc\xdc\xab\xc9\xceD\r'</t>
  </si>
  <si>
    <t>b'\xdba\xb5\xe3\xe3X\xb9\xbf[\x8a_\xa1\x05Z\xb6\xb5\xbe&gt;\x8cE\xf6\x16-\xa3\xd0T\x14d\xb1\xeb\xfe\xab'</t>
  </si>
  <si>
    <t>b'B2\xdb4\xd8\xe7\xda\xca\xcd\xfd\x8ceK\xe2^/8\x0e\x7f3kh\xec\x97E\xab\x80\xd9\xda\x8c\xf0\x97'</t>
  </si>
  <si>
    <t>b'2\xa5YQ\x916\xf6@s\x0f\xe2\r\xf0\xb1\xaa\xb0\xa4\x9b\x8c\xdc \xd8)C\xd6\x88M\xb5y \xc4\xcb'</t>
  </si>
  <si>
    <t>b'\xb0\xb3\xe7\x19\xc7\xe2\xbb\xb9Q\xd7\x8c\x92\x8b_}\xcbd\xd6w\xbac\n\xe1rI\x902o\xf8\xd8i\x15'</t>
  </si>
  <si>
    <t>b'\x19nGGQI(\np\xc4\x82\x1awwt\xf2\xd1\x87Lw"\xe7Th\x1eVV\xd5\xd5\t\xd9\x19'</t>
  </si>
  <si>
    <t>b'\xb4x \x9e\xdb\xb6j1\xcbj\xac\xf9\xe6\x7f\x8a\xaa4\xe0\xd9\x17&amp;\x02g\t{\xd7\xdf\xa1\x93_M\xea'</t>
  </si>
  <si>
    <t>b'\xa7zG3\xd4\xf1\x01uYi\x92\xf0\xf0\x87Sy\xed\xa5\x83!W\x1c\xd0\xc8@\xa4L\x12Zu\xdf"'</t>
  </si>
  <si>
    <t>b'\xfb&lt;\x1f\x83\x033\xcc\xe7B\xe4\x7fyf\x11\xf5\xaa v\xe2\xf0z\x98U&lt;:\xfa?\x11;\xfd5\xaf'</t>
  </si>
  <si>
    <t>b'u\x91"\xca\x98m\x10\xc1j\xd8\xc4\x1c\xedJ\xc6\xbf/\xa2PV\xaaDC\xc45\x08\xec\x08\x9c\x0bR\xd7'</t>
  </si>
  <si>
    <t>b'\xacrw\x86 hhc\xb7m\xe6&lt;\x03:\x12&lt;\xea-\xae\xf3/\x84\x16\xd8\xa9\x93\x85_)\x99[\x13'</t>
  </si>
  <si>
    <t>b'\x19F\x803\xac\xa3^f\xdfq.\xc9\x9d\xe4x\xc6\xa6\xf2\xc4W\x1d\xf4\xbd\xbc\xe5l\x85\xabD\x14\x9bv'</t>
  </si>
  <si>
    <t>b'\x94\xb7\xfd\xd0\xafoo\xdfM2&gt;\xb0\x97\xe2g\xf2p4\x9b\x0ek\xa5\r\xb5\x82\xb3f\xad\xb7\xc0(\x07'</t>
  </si>
  <si>
    <t>b'\xf8\xc8\xf3NEr\x1f\x90\xb4Th^il\xfa\x12\xf4\xf2\x02\xd3\xdb\x17\x19"#+(S\xa1\xc8\x94\x04'</t>
  </si>
  <si>
    <t>b's\x8c~\x0b\xdar\nl\x96}^\x8d\xab\x83\xc4b \xe6\xcd\x0e\x10\xc1\x1a\xa7\n\x97B\x07\xb4\x86\xd5\xb1'</t>
  </si>
  <si>
    <t>b'\t1\xafi\xc2\x17\xec\xa0\xd0\x81\xa5\x0e\x7f\xb8\xf7\xf3\x15;r\x0b*\x8a\xf08\xb9\x04\xcf\x94t{\xf8\xc3'</t>
  </si>
  <si>
    <t>b'\xee3rW\xef\xb0\xf7/\x0f\x17$ otqw\xdbW\xd7\x0e\xe9\x0f\xd1\xa9Y\x89;\x8d\xca@\xaa\xeb'</t>
  </si>
  <si>
    <t>b'\x89\xebY\x90$\x1bl\xa2\x0fS,\x0cw\x16\x9b\xf6w3\xd6B\xf4\xa5:\xa5\x03}\xfer.\xe9\xf6\x04'</t>
  </si>
  <si>
    <t>b"\xfb\xee4\\\xed\x94P'\xd7]sT\xc5\xeemE\xba\xde\x04A\x7fhg\xdd\xef\xb4\xeeT}\x84\xc6\x9e"</t>
  </si>
  <si>
    <t>b"Ey\x88'O\xcfhbt\tIe+\xf3h\xe4\xb1\xba\xddI\x1b\x08$\xa1\x17\xfc!\xcf\x03e\xfcw"</t>
  </si>
  <si>
    <t>b'9j\r\xbb\xff\x88X(\xa5!\x1a\xd3\x88\xb5+\xc6.G|g\x12\r\xd6\xfa\tU\x92\x16p2\x8e\xaa'</t>
  </si>
  <si>
    <t>b'\x87z\x84\xdc\xdf\xbdN\xe9T\xe3[\xf7\x83\x18\x84\x8a\xb5B\xad\xf0\x9e\xbf,\xc4f\x95;\xc0\x1dJ\xb3\xf1'</t>
  </si>
  <si>
    <t>b"u'G\xcd9\xddR\xe5\xb2h!\x1aZS\xbb\x8c\xbd\xc2$\xc6\x88\xd6\xe0\x80\x16\x9f\x912\x19\x08\xcfN"</t>
  </si>
  <si>
    <t>b'\x1c{\xc5\xb7f\'\xe3{Re\xa4^\x15\x95%{G\x04\\\tTn\xea".&gt;\x12\xb7}R\x8e\xbc'</t>
  </si>
  <si>
    <t>b'?\x04-m\x11\xbf\x81\xf2vOy\x0f\xe1Fu\xdc\xe5\x1c\xe1\xd4\xdb8\xde\x9d\x8e\x92\xd3\\K\xb6\x12\xe5'</t>
  </si>
  <si>
    <t>b'a\xd9pB\xd8:\x08G0z\xa0\xf1LX\x95\xcd\xed\x85c\t\xc6\xc3C/e\xde\x9b\xcd\x7f\xbb\xe4\x04'</t>
  </si>
  <si>
    <t>b'\x82z\x14\xa4\x1f\xc6\xd9\xc3\xc9\xc6\xc5\x9d\xf6\xfc1\xab!Re@\xdc\x19i\x8br\xc4\xa7\n\xa4[\xc1\xf8'</t>
  </si>
  <si>
    <t>b'\xcc\xb3Z\xab\xae\x07\xc4SK^\xcb(\\\xe6\xf5$G7\xc3\x92M\x91\x8d\x9dj\xf2\x10\xd4\x04\xdd?\xf6'</t>
  </si>
  <si>
    <t>b'\x12\xfdB\x14\x1e\xa8)\x08\xbb\x8a\x94\x8e\xfc&gt;\xd3t\xcc\x98#\xa8\x80\xabDbP\xfa\xd0\xc2\xfb\x14qu'</t>
  </si>
  <si>
    <t>b"=\xa3x\x82\x89\xfaNeY\x10\xd7);]\x8b\xa0\xa8\x9e\xa4\x0e\xaf\xc1'*\x88\xa4\xb3\xb3\xe3\xa8\xdb\xc1"</t>
  </si>
  <si>
    <t>b'\xf9Bi\x0etu\xe0"\xf8\xca\xa3\x06&amp;q\x07\t\xc8\xf9_t:;\xa6\x00\xb3\x91\xeej\x05\xfb[\x89'</t>
  </si>
  <si>
    <t>b'\x81\x8b\xdaR\x8d\x0ef\xa4\x96y\x8bTj&lt;\x1cV\x9c\xad\x91v\xc5\xfe\x0e&gt;\xfa4Y\xd37_;\xc1'</t>
  </si>
  <si>
    <t>b'\xdd\x16Q\xfa\xf2\x8aa!"\xeeU\x0b\x1d\xc5q9\x12\x0f\xc7\xa9\xfe\x11\xad\xd5\xd1\xf1\x9ds0\x86\xe5\x82'</t>
  </si>
  <si>
    <t>b'@da\xc4\xc8o\x01\x8e\xc3a\x80\xcb_"\x16\xfan\x1b\xb3\xbc5\xa5\x87\xaa\x12\x8f\xe9\xe1\x07\xda\xcf&amp;'</t>
  </si>
  <si>
    <t>b'\x92v\x1d\xdb2|[\xd2\x85\xa2Z\x00D\x02C\xed\x06Ot\xe8\x93_G2\xe1(h\xf2\xea\x84\xc3\x9d'</t>
  </si>
  <si>
    <t>b'\xc25Z\x9b\xfb\xcb\xa7\xabz1\xa2QF\xa9\x8cwR\x8b\xf9\x0b\xb2\x0c\xa6\x8fAh\xbc\x15\xd3\xbf{\xb9'</t>
  </si>
  <si>
    <t>b'\x80\x9d\x00\xe8#Ao\x17\xd0\xc4P]\x93s\xe0\x9f.8j\xdd \xfdC15\x8dT\\EM\xac\xe8'</t>
  </si>
  <si>
    <t>b'\xecJ-\x88d\xbb9\xfc\x82jj\xe5\x1f\xcf7\xa1\xae\xe1H\xb9\xcc\xd3te\x19&amp;\x88\xf7\xb7\xa1\x99\xfd'</t>
  </si>
  <si>
    <t>b'\xb4\xcb\xfaa8\xf8\xd1w}\xf2\xe2\xf1\xe2\x99\x9d\x1cE\xf9\nM\xa5\xe7/\xbbu\x03?\x90\xaarQ\x02'</t>
  </si>
  <si>
    <t>b'\xf1p7\xd9"\xefH\x0e\x88.%Q\xda\x13\x90"\xa8\xfb\xe5A\xeb\t0\xf5s \xc40X\xdf\x88\xcf'</t>
  </si>
  <si>
    <t>b'a\x84\xf6\x00\xdf\x87\xfc%=\x13\xf5\x8f\xe4&gt;\xad!m\xb8z"\xf1\xabj\xf3\xed\xec`ro\xeav\n'</t>
  </si>
  <si>
    <t>b'uv(\xd6\x07a\x1d\xeb\xe3D\x1c1\xf6\xdd\x83l\xee\x05\xcdm\x84\x03\x84\x993e\xeaj\x169\xec5'</t>
  </si>
  <si>
    <t>b'\x97\t",H\xabk(\xa2|y\xea\xf1\xe3z6\xb2\xe1Y\x0c\xbb@\xbbg\xce-\x05F\xe5\xf9\xddG'</t>
  </si>
  <si>
    <t>b'R\x89\xf8\x0b\x07\x9c\xa0\x84\xcb\x1c&gt;ry\x16F\x15\xb9:jfS\x97\xea\xc18\xc77#L\x90\xc6\x8a'</t>
  </si>
  <si>
    <t>b'\xc0\xa8\x1fJ*\x89%fo\x85\xcd\xf0\xdc\x9e\x158.\xfa;\xb8\xab\xd6\xf0\x8e\xf4\x17C[\xa7\x01\x83z'</t>
  </si>
  <si>
    <t>b'\xab\x0fN\xdf\xcd\xac\xbb\x00q\x81\x1b\xf4l0\xa6\xe8\x1c\xe2h\xa2xh\xc8\xda\xe0\x81\xbe)[\x7f\x1b\xc2'</t>
  </si>
  <si>
    <t>b'`*\xack\x83\xa4\xf8\\%\xba \x86\x1a\xae\x0f\x0b(\x9c\xf4B\x8fb&amp;\xe4.5\xccpr\xe8\x9e\xfa'</t>
  </si>
  <si>
    <t>b'\xa9\xe0@\xa9\xdbl\x8f\x88\x83\x83\x89\xf88\xf3B=\x0f\x88\x12|cC\xa9\xadT\xdd\xeb\xbfx\xd9\x9d\x83'</t>
  </si>
  <si>
    <t>b'CQ\x18\x98\xca\x18\xfa\xbcM\x82)\x04L\xda"\x1f3\xf1l\xefi\x80}\xeaK\xed\x03?38\xf3\xec'</t>
  </si>
  <si>
    <t>b'\xb9L\x14\xd9v\xbapC^?\xf2\xfa\xb4\x12\xb3\\rS\xa4Z\ta\xbfta\x9a\x98\xbc\xd3\x8cK\xbf'</t>
  </si>
  <si>
    <t>b'\xdel\x93\xa83;\xffp\xaf:\x0b\xcd*\x95\xacR\xe4f\x90@\x83\xad\x8aQ\xc2I4{\x14\xfe\x06:'</t>
  </si>
  <si>
    <t>b'1\x14\xecl\x18\xb0\xe43\xeb\x02\xfb\xe5v\x9c\x81\x93w\xd0+dui\x80\x89F!\xea\x19\xb1\xab\xa8\x80'</t>
  </si>
  <si>
    <t>b'&lt;c\xcb\x1c\xd2\xb2\xdbn\xc5^\xd7\xdd\xee\xeeOj\xf1\xd3\xd8\xfa\xf8\x17y\xfdO\x9d\x83]\xaf\xa2\xd1&lt;'</t>
  </si>
  <si>
    <t>b"w\xfd\xc1y\xed\xd43\xf2\xdcH\x1b\x89%g\x9cR\xf2~\xf6\x0c\xe7'@~\xd2\xfds\xae\xcc\x82\xd1n"</t>
  </si>
  <si>
    <t>b'9b`\xae\x9aSO\xb7\xa8\xbf&gt;\x84\xe1\xd3\xa7\xc7*\x88\x1a\xd4\x14\x0f&gt;\x81\x9a\x03m\xe4\x16*n\x8b'</t>
  </si>
  <si>
    <t>b'IR"\xf5Q.0\x9c\x88\xdbftFT\xf7\xcc\xad\xe0\xbb[!V\xd6~m.M\xf76\xe9?\xc8'</t>
  </si>
  <si>
    <t>b'\x03\xc4\x84\xba\x9c\x1a\x8b\xe4\x1b\xa8\xe6\x80\x7f\xbeRN|\xfa\x07\xbc\xcb\xb5\x85\x1eXs\x0f\x1c\x8a\xc3\x9d\xf7'</t>
  </si>
  <si>
    <t>b'\x98\x1f\xa11\x1cv\xcf\x9c\xbeG\xd2\x05p\xfd\x7f\x1f\xf5\x00\x1e\x1d\x0e\xae\xe1\x1d\xe4\xc2\xc7\xdd\xc4\xfe\xcbw'</t>
  </si>
  <si>
    <t>b'\x98\x1dd\xf6\xd1\xffd\xe7\xf0\x12\x85eI\xc8^\xde\xf8\x88\xef\xb7X\xd7u\xc3\xc3\xec\x84\x83\x02&lt;q\x13'</t>
  </si>
  <si>
    <t>b'\x90\xbf\xdap\xd7\x0fr\x15(\xd6Xy7t\xfdK\xdd]\xc4\xd7p|\xed\xe3k\xd5Z\xf6&amp;\x80L\t'</t>
  </si>
  <si>
    <t>b'\xa7,\xba(2H\x9f\x0bQ\xa2\xf1E\xfdG\x04\xde\xee\x96x\x99\xd6\x11\xbb\x94\xff\x98\xbc\x0fN\xb7\xc9\x05'</t>
  </si>
  <si>
    <t>b'P\xcb{\x9f\x15\x83[\xfc\xe8\x1f\x02u;\xad\xd3\xb42Z^:;\xf8\xe2m\xe7\xbfN\xe6\x90I\r%'</t>
  </si>
  <si>
    <t>b'H\xb9cDS\x0b0\x08\xc9\xa6&amp;\x07\x95\r\xadE$\xf2\x91PJD\xb7\xa4\xf4N\xe4C\xd96a3'</t>
  </si>
  <si>
    <t>b'\xb0\xfe\xd3\x8cQ\xd6\xb9;\xd0\xf3\x90\xeb\x06\xbb\x178\xa9\x9e\xc6D\xc9\xcd\x8b\x86+\xfc\xa5\xa3&gt;\x11&lt;"'</t>
  </si>
  <si>
    <t>b'\xd5\xe6\x86\x01\x1a\x0c\xf1\x18\x81\xf8\xc5\x00\x03bm\xbf\x1c\x9e\xac\x9f\x01\x18BGb\xfb\xbf\x03hi\xe5\xcb'</t>
  </si>
  <si>
    <t>b'W\xf2hiw\xfb\xf3\x12\xfb9$\xfc\xb1\xe2\x9f\xf7:o\xd6\xb6\x84Y\x81\xc4\xf4\xd4\x18\x8e\x10Bg\xe9'</t>
  </si>
  <si>
    <t>b" @'z\x99\x19\xdb\xdbe^\\\xa4qT\xdc\x8fk\x84\x17\\\xf0\xa9\xf6\x9b\x04\x96z\x91\x95\xdf\xb3\xa6"</t>
  </si>
  <si>
    <t>b'\xc6\x99R#c.\t%\xa6Q\xf6][\xaf)\x86\xa1J\x81\xc6\ny\xfc|A\xfb4\xb6\xedD\xda\x04'</t>
  </si>
  <si>
    <t>b'\x9dc\xe7\x14\xcb\xe5\r)|9]\x85\xeb\x0b\xaa\x04\x1a\x04\n&gt;\xd5\xd9\xb2\xf3\xd8\xe1\x8b\xb8\x0c\\\xe7:'</t>
  </si>
  <si>
    <t>b'\xfe?\x84A&lt;]\x87\xf0\xb5\xb5\x08\x9e\x06^\xe4UM\x1f\x9b\xc6\xf9\xeb\xa1\x06W\xc6F\nHZ\xe3O'</t>
  </si>
  <si>
    <t>b'AF\x1c\xdb\x8d\x8b\xfb*\xdf"\xe9\xd6h\xd2\xcbI\xf9\xf6\xed{&lt;\xd8\x93\xbeD\r\xe7t.R9\xad'</t>
  </si>
  <si>
    <t>b'\xce\x9c\xf5\xd5\xa5\xd1\xca\x11\xc1g\'\x08\xd8\xd3M\xce\xbd\xc4$t\xf0o"\xf1\xf0\xda\x1e\xaa\xfa\x8f\xab\xea'</t>
  </si>
  <si>
    <t>b'\xd0r\x93=\x16\x172GK\xa5\x84\xf3Q\x9fs\x93OX\x19\x05\xff\xe4\xed\xf13~\xdfN\xef\xdd\xbe\x8d'</t>
  </si>
  <si>
    <t>b']\xaf\xe4W&lt;\xc5\x185\x82\x1a\xb6\x99u\xfe\xb6\xafr\x8d\xca\xcc;\xbc3\xe4\xd1\x1a\xd4\xad\xc2\xd1\xf6&gt;'</t>
  </si>
  <si>
    <t>b'\x19\xbd\x847\xc0~0\xa9\x15?\xeb\xa4y\xee.\xfb\x1ex\xe3\xb3\xc8\r\x1a15\x1f\x98&lt;\xde\x01\xa0r'</t>
  </si>
  <si>
    <t>b"\xdf\xf4M\xb0\x7f\xa6\xcc\x17\xa9\xd2\xae]Tfn\x12\xef\xbcKU\xe0d[\xd6/\x96W\xa0\x82\x11='"</t>
  </si>
  <si>
    <t>b'\xa9\x1a\x1c\x0e\x12\x85\xde\x85N\x02\xc8\xc9~nn\xaf\x84j \xf1\x9bnY\xcf\xb2\xf7P\x8aPQ}\xfe'</t>
  </si>
  <si>
    <t>b'\xe7#\xc2\x93\xc6\x0b\xe10H\xda\x1dd\xa6T\xe96v\x8eM#\x05]T?\x0c;\xad\xbe [K^'</t>
  </si>
  <si>
    <t>b'A\xc3\t\xd2\xef\x0c\xa5\x8d\xd3\xdc\xc9T\xa7\r\xee\xc1\xd9\n/\xda\xfc\xef\x0f\xfe\xc6\xb9U\xaf\xea\xadPf'</t>
  </si>
  <si>
    <t>b'\xb3\x85sD%\x02#8\xe8\xda\xd2\xc0t+{\x0c_\xed]\x05\xe9\x8b\xdb;\xc4\x1e"\x9d\xcd\x8e\xe6\x15'</t>
  </si>
  <si>
    <t>b'\x1a\xeb\x8d\xf2\xfd&amp;\x9ae\xe8\xe4k\x959\xfc\xa5\xd6\x8cV\xa6e\xd8\xceS\xa1\x8cL\xc9\xda\xc4\xc0A\x96'</t>
  </si>
  <si>
    <t>b'OT\x83\x01\x9e\xc0C\x17\x93\xc9\xf5\x86C\x0f\xc4l\x93\xb7\x0b`\xefjZ\xf9\xd6s\x9d\xab1c\xe7\x17'</t>
  </si>
  <si>
    <t>b'\xad\xf1T\x89\xb9\x9b\xe3\xdal\xa7t\x1c\xc6\xfaB=\xfd\xa6+W\xd4\xd3\x81\xc1z\x7f5\xb6\x11\xbb\x08\x94'</t>
  </si>
  <si>
    <t>b'C\xa03.2\xf4\xdc/\xd1\x92\xac\x07}\xde\xb2&amp;\n-\xba\xeb\xcd\xf5z}\x8e=d\x8c\x0b\xa1KP'</t>
  </si>
  <si>
    <t>b"\xb5-\x12?\xb0\xa9d\x15M2W\x0f\xfbKM\x98\x7f\xca\xf0\xb0Qn\x84\x01\xe4\\}&amp;'\xc8W\xdb"</t>
  </si>
  <si>
    <t>b'\x80\xf7\'\x86P\xe4\xc8\xddd6c\'\x1c"\xb2w\xcf\xbe\xf9M\xdbK\x13!94\xac\xcf;\xf7\xcd\xe8'</t>
  </si>
  <si>
    <t>b'\x9b"#\xf8\xce\x99V\x9f\xfcrS\xa0?\xe0\xa5]\xcd\x0e\x936\x04\xa8+\xe6\xa89\xe0kp\x98V\xd8'</t>
  </si>
  <si>
    <t>b'\xf6\x0b\xbdmm\x8bO\xa7\x07\xecG\xb2@\xd9\x07\xaa\xc1\xc6\x04mA\xd4S\x99\xc7\xb8\xae\x8f\xc1\x1f\xaf\xe3'</t>
  </si>
  <si>
    <t>b'`:&gt;\x81s\x887\xe6\x96\xafF\x188|\x86\xcf\xca\x86\xcc\x80\x17\xbb\x80\xe0\x97\x92V\xe9\xf2k#Y'</t>
  </si>
  <si>
    <t>b'?f\xfd\x0cO\xf5\xdc_\xf4S(\xed\xfd,\x07\xceW\x0e\xcc\x94tk\xff\x03Y\xe5\xab\xda\x1c\xfe\x1e\n'</t>
  </si>
  <si>
    <t>b'iI3l\xa9\xe4%\x97y\x82\x85\x04\x9d\x92\x05D\xc3\xd3x\x84\xfa|xa&amp;\x83\x92\x98|p7\xa2'</t>
  </si>
  <si>
    <t>b'\xd3\xfe\xadm\x1c\xf2\x94\xd5\x95\x99\x1c\xafT\xfd\x86\x89\xa3\x00i\xea3\xc4\xcf\x8d\xf3\xd6E(\xce\xdd\x1a\xe0'</t>
  </si>
  <si>
    <t>b'm\t\x0cw\x9d\xa3\x01\xfbrk\xde\xe9iF\x8c\x85\xd7D\x0f\xabU+Nk\x0cs\x06\xc4\xb95f\xae'</t>
  </si>
  <si>
    <t>b'd\xd96\x0c\x1d=&amp;\xc5\x84j\xddma\xaa\xa2\x8c\x08\xf9\xbc\xc3\xdbi\x03\x18_"\xfc\xff\xab\xe3\xb6m'</t>
  </si>
  <si>
    <t>b"\x8c\xecWw\x04&lt;\t&lt;=&lt;\xf4R\x0c\x06*h\xf1#\xe6\x02]\xc2P\xb2\x90\xd1\xcc\x15'\xe7\x92\x98"</t>
  </si>
  <si>
    <t>b'\xee\xb9\xb0B\xf3\xa3\xb8\xbf\xcby`\xc7\xe3f\x1br=e\xee\xff}\x96\x85\x03\xa0m\x7f\xe6\xe0tyh'</t>
  </si>
  <si>
    <t>b'n/\xd2{\x85h\xdf\xf7\x8f\x18\xd8\xb2Cl?\xebq\x96D\xb0S\x07js\xdf\xcd\xbe\x18T\xd1\x06\xed'</t>
  </si>
  <si>
    <t>b' \x80\xa8O\xe2\xd8\x18\x80\x9b9#\xfc:!r\x16\x96\xf2\xa1\x88G\x99N\x89\xd4\xc3F\xd7w\x89\xd3\x1a'</t>
  </si>
  <si>
    <t>b'}\x1e\xdb\xdf\xb4v\xd4y\x80\xf2\x17i\x11z\xcc\xa0\xb5\xc3\xac\x08\x96 \xd8\x8aq\x8c\x13\xe4q\x859 '</t>
  </si>
  <si>
    <t>b'z/V\xc5Q\xd4\x1f$\x9c&gt;\x18.\xb8s\x9b}&gt;_\x1c^\r\xd0\xd703z\x9f\xa0\xf2I\xb1\xf0'</t>
  </si>
  <si>
    <t>b'\x14fvk\xf9\xe5D\x87\xec;r\x18&amp;\xe2\xd4\x10k\xdb99\xe33\x19A|\xa5\x83\xda\xd8X\xe9\x1d'</t>
  </si>
  <si>
    <t>b'\xb4\n\x7f\x82x\x85t\xbc\xea\xbf\x8b\xdd\xa7\xb9\xb5\xa8zd\x98RuGz\xfb/C9#|}\x82='</t>
  </si>
  <si>
    <t>b'\xb8q\xec\r\xb4\xca\xea\x10\xcc\x12w\xdc\xcd\x98u[\xac\xe5z\x03;vx\x13n\x9avX\xab\xd4p\x90'</t>
  </si>
  <si>
    <t>b'\xba\xa7c\x891\xb3\x845\xd6\xfd\xfa\x02bm\xc8\x96\xcfj\x8e\xee\xf5\xae\xd0\x0e9(\n\xb0&amp;\xa6\xb0\xdc'</t>
  </si>
  <si>
    <t>b'\xacl\xf5\x89:\xb9\xf10YXo\xe9\xca\x8c\x84\xb2@6$\x8e\x16\xb9\x92\xfa|q9\x9c\xba\xdb\xbe\x9e'</t>
  </si>
  <si>
    <t>b'4\xe2\x99\xc6\xf1\xe9\xd4^u\r\xfd\xb6k\xc5N\x12\xd2\ti\xec\x90Q\xe1\xb4\xe9jZD\xe5Q\x19='</t>
  </si>
  <si>
    <t>b'\xfa{+\x9c\x0b\xd13\xc7\x87PM\xb2\xda\xd6\x92\xc6\x97\x8e|v\xcb\xc7p\x16\xa4MP\xbf\xb7y\r\xf7'</t>
  </si>
  <si>
    <t>b'\xeeC\x02\x1d\xda~\xfci\xcb8\xeay\xaa\xf4R\x10I\xc7\x8aj\xa3\xc8\xbba\x16\x9eh^(JU\xa3'</t>
  </si>
  <si>
    <t>b"\x11\xc7\xfe\xc0\xfd\xf7\xad\x0cl\xb4\x7f\xc6e\xd1l\x05\xff'p\x1f1p&lt;Y\xf7\x88Q\xb5Z9|\x98"</t>
  </si>
  <si>
    <t>b'\x90\xb0\r\xe3\xb6\xe2\x95!\x9e)t\xc7\r\xfe\xae\xc2\xc5\x80\r\x06P/J\xa1Y\xdd\x04\xe3..$\x89'</t>
  </si>
  <si>
    <t>b'\xdc&amp;\xcd\xcc\xba\xe3\x92\xfc!^Hn\xa5\xef\xd7V\xaaykT\x19\x9b\xc4\xc6\xae\xee\xa8\xd4.\x0e\x1d\xa2'</t>
  </si>
  <si>
    <t>b'\xebX\xe6@\x05q\xa5r(\xa8V\xc4e)\xc9r\x80j\xfa\x00\xe9\xb5K\x0eD\xf7\x96\x83\xb4V\x95\xc9'</t>
  </si>
  <si>
    <t>b'\xc6,;\x13\x85]\xed\x90\xd2q\n~\x8a~\x80Ia\xd7\xaa\xa6\x9c\x81\xa4Z\xae\n&amp;\xfc\x91ob"'</t>
  </si>
  <si>
    <t>b'\xa7\x8c\xa8!\x07\x1b\x0f\xc0\xcc\xa7\xe8\xa5\x8b\x08{#\x90Di\x8c\x92\x1f\xdd$\xc2\xf7\x87\xbfo\xa2\x04\xbc'</t>
  </si>
  <si>
    <t>b'\xa2\xc1\xd3\x83 \xc6\xa2\\\xee\x8f\xd1\xb6\xcbv\x88\xa9\xf3L\xd5\x08U\xc85/\xd9\xdb\rL\x94#\xdf\xe3'</t>
  </si>
  <si>
    <t>b'V@\x13\x02\x89\xf1h\x96\xb9\xb1\x1f\xda\xf3\xfb\xd3\x16\xe8\xf5\xfd\x05#\xf65\x80X\xcf\xa4\xd9\xc1\xdc\x15\n'</t>
  </si>
  <si>
    <t>b']\xf9\xea\x0e*\xedc3E\x8c?+\x822\xa7j\xd0.\x86w\xdd"\xcf\xb4\xbc\xf9\x84\x87\xa5[\x0fM'</t>
  </si>
  <si>
    <t>b'Iz\xd9)\x14F\x95\xddV\xb0\x1d^\xb7\x1d\x8a]y\x9e\xec\x9d\xf2\xb4\xdfJ\xebU\x9bw:\xfd\xa8F'</t>
  </si>
  <si>
    <t>b'\xea\x93C\xf3o\x87\x01|\xa1\x15\x19\xdep\xdb\xe2.\x1c\xbf\xe6a\xe2i\x9dbO\xc3\x14\xd0\xd5\x92\xa0\xcb'</t>
  </si>
  <si>
    <t>b'R\xbfUR\x06~P\xf7\\d.\xe9\x10\xc2\x8e\xcb \xae\xa2\xcd\xd8\xfeX\xb7G\x90FK\xb2\xf1[`'</t>
  </si>
  <si>
    <t>b'\xb6\x8f\xa7\xcb\xd6\x07~\x88\xf4\\\xc9\xc8\xb5\x86\x89&gt;\xe8\x12\xc7\xab\xfbd)\xc6\xc88wi\n\x86\xe3^'</t>
  </si>
  <si>
    <t>b'\xfb8\xa7\xc6\xff\xd7\xe6\xcd\x8f$x)d\x96\x8a/[\x85\xf7\xbe\xaa\xf0q\xec\xc3vY\x05\x11\r\xfd\x15'</t>
  </si>
  <si>
    <t>b"\xb6\x16\xe0\xb5\xa1\x10\x98f\xe9\xf6'\x19e\x82\x02\x9b\x82o\xe4\x97\x0e\xd6\xe4V\x83\xd5\x86\xfa\x0b\x0e\xc6?"</t>
  </si>
  <si>
    <t>b"\xf7\x08\x97C\n\x80\xe7{[i\xe5\xc5\xbfAwEgi\x8cX\xe0\x19\xe6*\x90|'S0\xdc&lt;\x12"</t>
  </si>
  <si>
    <t>b"\xc7\x85\xf6\\\x9c\x06\x1aEkC\x0ed8\x02\x13'=?B+V}\xc8;\x05\x99\xfe\x17)e\xf3+"</t>
  </si>
  <si>
    <t>b'OX\xe9\x86\xd3\x0f$\xbfj`\x84s\xfcO^\xd4MS\xf4\xb6L\xc7\xea\xbd\xa4,\xcd|\x84\xe9\x85d'</t>
  </si>
  <si>
    <t>b'A%T\x92\xd3Np\xd8\x81\xa9O\xa21\xfd\xfa\xaf\xd6\x83n\x04\x98c,\xda@\xa3\xf2\xa85O\x91\x80'</t>
  </si>
  <si>
    <t>b'\xd9l\xf4xH,\xe1A\x1fA\x99p\x04\xb5\xd9\xf6`~\xc7\x14\xe1\xf5^\xb2w\xf4\x86\xd9\x02\xcd\xfa\xeb'</t>
  </si>
  <si>
    <t>b'\r-\x89\x0f\x97Gf\xcd\xe3\xd5\xc4\x96E\xb72\xe0\xd2\x81*\xec\xcb\x19\x9b\xd1\x9f9\x90\x00\xb8MZ\xd4'</t>
  </si>
  <si>
    <t>b'\xa4r\x11~\xbc@\x1c\xba\xb9;\xc9\xa9R)SxV\x04M\x8aju\xd5K$I\xa4\xf5\x9er/\xe0'</t>
  </si>
  <si>
    <t>b'\xe2=#\x87f\xc3(\xfbS\x1e+\x9bvv\x0f\x8d\xfa\xb5\x85\xddE?d\x9a\x1d\xc7\x1a\x9b&amp;\x13\x8c\x1f'</t>
  </si>
  <si>
    <t>b'\xee\xbap@\xc8\xdb\xdai\x12\xacq8\x94\xa9\xec\xed\x92&gt;u\x89\xae\xd6\xc8w\t::F\xf3\xc8\xf7x'</t>
  </si>
  <si>
    <t>b'\xc9\x1el=\xc7\xbf\xec\xee\xb5\xc2\xb0e\xba4\xcc\xf6\nO\xdb\xadX\xd2\xe1)\xd3\xaf\xd2%\xf3\xa1\x85\xf1'</t>
  </si>
  <si>
    <t>b'\x9d\xac\xc8^t\xcd\x97\xd4\xce`g\n\x0c\xda\xfe\xbdY\x03m\xc9\x1e\n\xa6\xfdo\xde\r\xa8m\xff\t\xb5'</t>
  </si>
  <si>
    <t>b'Wl\xc4E4w\xbb/hg\x08bg~S\xa8\x1b1^G\xd2\xce\t\xfd\x0e$\\\xc5\x86\xa0\x04\xbf'</t>
  </si>
  <si>
    <t>b'H\xa5HM\xafs&amp;\xc2\xe8\x18e\xdb\xe2\xa0\xc6\xef\xc0\xb5\xda\x93\xb2\xd0\xc6\xe4X\x80\xc2\xef#@]\xe0'</t>
  </si>
  <si>
    <t>b"\x16A'\xfc\xb7\xe2J+'\x1a\xf3\xd9y\x98\xf2\x14I%\xd0\x9c\xea\xdc\x99\xbc\x9c\x0e\r\xe0#7*\x8f"</t>
  </si>
  <si>
    <t>b"\xe0\xd9.\xc7\x04'#R\x1c\xf6\xfb\x19_?\xf9\xca\xd1\x8b\xd5|b\x17\xe7\xa8+\xda\xe2\x17\xce\xe3\xf6\xf8"</t>
  </si>
  <si>
    <t>b'\x8a\x88\xc2\xc3\xf2\xe6\\ \x84]/\x9c\x18\xb3\xe2\xfd\x93\xcc1\xcf\xa2\xcf\x86 \xdb\xae\x16\xe1\xa8k\xe2o'</t>
  </si>
  <si>
    <t>b'\xe8\xc0\x81\xc3US!\x07\xf1\\\x9bf\xac\x05&amp;\x87\x07\xc2\xc66\x92\x94H0\x0e\xf5P\xc6\xd4\xfd\x8et'</t>
  </si>
  <si>
    <t>b'\x82n7_\x18&lt;\xc8\xed9\xd2\xe6=#Gs`\xeaR\xf2\x9e\xc2RO7Juu\x1fQ\xe9\x18\x15'</t>
  </si>
  <si>
    <t>b'\xcd&amp;3\xfa\xb1s\xcfq\xa6=Y]9H\xe7\xf1\xf4q\xe4g\xb0\xa1{nMM\x13\xc7oc\xa4m'</t>
  </si>
  <si>
    <t>b'\xaa\xec\xed\xc9\xbd\xd9\xd2\xb9a\xee\xdf:\xe9\xf1\x96\xc2;\xfe\xde\x05A8\xdf9\xa7\x1b\x17\xff\x8b\x19\xee\xc9'</t>
  </si>
  <si>
    <t>b'~\x83\xd3\xde\xd9&amp;\xf6\xbau\x08G2\xb1\xc2u\xe8\xb4\x13r\x80\x1d\xe4\xcep\x9c\x8c&lt;=*\xb7\x8b\x1c'</t>
  </si>
  <si>
    <t>b'\xb1\xad\xe2\xb9T\xf5\n\xdf&amp;\xdbI\xef\x1f\xdf2\x97\xa0$8\x0b\x0b\x9d\x1f\x1c3\xd7%\x83{?\x84\x10'</t>
  </si>
  <si>
    <t>b'\xb9\x0fG^}\xa8\xe5z\x1b\x97\x0e|\xad\xfa|\xc3P\x1c\x83\x14o\x03k\xfc\x87\xd2\x92\xfc@Y\xbd+'</t>
  </si>
  <si>
    <t>b'\x14\xe4\xc3\xa6\xb6\x9dlP\x06\xc0\x9d\xb4\x0e\x9f\xb6\xcb&lt;\xfd/\x9au\x92A\x8f\xb7\x88z\xc1$\x99\x01\xa3'</t>
  </si>
  <si>
    <t>b'\xf4\\s\xa6\x97gQ\xabP\xb8\xd3\xe19\xe5@H\xe3\xb2k:\xe3@5\xd9\xc6\xeb$\xeb j\xae6'</t>
  </si>
  <si>
    <t>b'\xc9ebmQ\xe2%\xe4\x9e\xfa\xf4!\xd3\x98\x91\x1c\xaa\x82%\xe72\xbfu)\x8d\x98\\\x96\xb4\xeb\xb3\xc3'</t>
  </si>
  <si>
    <t>b'\xb4[)\x8a(\xcb\x8f~{S\xa7\x98\x07\xd2\xd5\x08\xe0\x9bD\xa9SS\x07\xc1\xe8{\x07\xd0t.\xecK'</t>
  </si>
  <si>
    <t>b'\xcb0\x02\xa5\xb5\xe2\xde\x081\xea\x95\x85\\\xd8\x12OM\x10\xcf\xf4\x04\x12\x7f%\x7f:\x18\xcaA\x99\x10X'</t>
  </si>
  <si>
    <t>b'Jg=\xffCk\x85VU\x05T~\xb9\x1d\xa7\x8d\x12\xb99\xfb\xeb\xd5&amp;O\x84x\xe0\xbd\x95\xb4\xd8f'</t>
  </si>
  <si>
    <t>b'\xb7u\x15al\x8a~\x1f\x83\x8e\x97i\x18CL\xcb\x12\x04u\xe0\xfb\xed`4rU\xad)\x83\x86\x82\x18'</t>
  </si>
  <si>
    <t>b'\xe9\x99\x03\xdf\xa4=\xb7\xef\\x"3\xa6u\xe1\xf5&amp;\xba\xa2\xfew)^\x11L\xa4\x00=\x95&amp;\xb6E'</t>
  </si>
  <si>
    <t>b'\x9aM\x9f\xbe\xcc\x0bC\x8d\x1c\xbb\x06\x01\x9d8\x04\xc0\xe6\x8efD\x85t\x02\x8d\xbe\xffh\xfd*?\xb3\x07'</t>
  </si>
  <si>
    <t>b'\xb3\x03\xb5\xd3A\xb4\x90R\xf0\xbeR\xcd\xfdt\x8alp\x01b\xdc\x86\xfe\n(zOSs\xc9\xf6^\xd5'</t>
  </si>
  <si>
    <t>b"\xac\x95\xacB\xe1\xa2\x81\x7f\xe0ie\x80\x00\xd8Vc.\xba\x8e\xe8\x11'X\xd9}\xb1\xf2|b:\x03\xa3"</t>
  </si>
  <si>
    <t>b'Of\xb0\x93\x125D\x84\xa3\x98\xb8\x92\xbc\xacRi\xd8T\x1c\x05\xd5\xb9\xab\xeb\xfb2\xb0\xafG\xcc\xb0\x04'</t>
  </si>
  <si>
    <t>b"u\xd4\x8a\xa4\x87\x1e\x96h[\xef\x0c1'\x89\xb9a\xabs\xc2\x82\x91/S\xc0\xfdJ\x01\x92\xf8#\x92\x18"</t>
  </si>
  <si>
    <t>b'\xb7\xb11\xdd\xec\xaf"\xabnqQM\xf7\xb4\xb7K\xedz\x05\xd1,1?\xfb\x82r\xbb\xec8\xd2\x87\xd9'</t>
  </si>
  <si>
    <t>b'\xed&gt;\xbb~mW\x90\xa9\x16\xd2Q\x95z=\x02\xb7u\xff\x91\xb43\xf7I\x8b&lt;\x9c\x98\x8e\x07\xb6\xa8d'</t>
  </si>
  <si>
    <t>b'r\nW]\xbb,\xf6\xdf8\xd3\xb3\xbc\xe5\x85\xba\xb5!\xe4Mk\x8d^N\xc5\xb9f\x8a\xacY\xd3\xb1}'</t>
  </si>
  <si>
    <t>b'O\x9bej\x87\xe0\x8fH7\xf8\x9c\xec\xcb5{\xd1\x0b\x93v\xa7\xe9[\x9bmn\xaf\xfc\xd8\xf5j\xab\xdd'</t>
  </si>
  <si>
    <t>b'\x9a\xb3\xf8r\xd6\xf4\t0\x84\x8e\xbd\xa7\xd5c&gt;\xb9\x15\xd0\xfd(\xfd\x84\xb5%\x17N\xeb\xcdB\xfa\x10\x86'</t>
  </si>
  <si>
    <t>b'\xca\xfc\xcb\xebS\xbc\xd0\x1f\xe8\xf0\x95\xb0\xb1\xb6\x0eV[\x83\xe4\x05\xf3\\M|\x984\xb3R\xcf\xf0\xbe\xeb'</t>
  </si>
  <si>
    <t>b',wn\x9e\xdf\x01\xe9\xc1rd\x8amI?\x86\x05\x80\xab~@?\xb3N\x99\x7f&amp;\xbb\nYY\xc1\xd0'</t>
  </si>
  <si>
    <t>b'\x04\x94\xc5\x82)+\x1a\xf1\xeb\x0b\xf4&gt;#\x83dK\xc2\xe7cd\x99\xe0B\xd5d\x0e\x06\x9f^\xfb\xdd+'</t>
  </si>
  <si>
    <t>b'+?K\xfe\xf3i\xa96_\xc1\xcb\xce[\xbf\xe8\xe5\x8aX\xee\xff\xb0\xd7u[\xb5\x8c\xd96\x17c9;'</t>
  </si>
  <si>
    <t>b'Q\x1f&amp;\xd4C\t\x16K\xe7K\xef\xcd\x83\x97\xd9\x08uB&amp;E\xcd\xc7\x82\x96\xe2\xe123\x0f\x10\xe7$'</t>
  </si>
  <si>
    <t>b'\xd3\xc3\xc3\x96{\xdau\xedzU\xe8\xd5\x03\xa5\xefL|U%\xff?\x8b\xd5\xd6\xdd\xdd^[\xd7F\xba\xb6'</t>
  </si>
  <si>
    <t>b'-\xcc\xb7\xea1\xa6\x84\xa0\xe1~pHG\xf79\xd93\x06\xb3SG\x04N\xa5\x86\x11\x8eU\xbf{\xa2~'</t>
  </si>
  <si>
    <t>b'\x16+`\x0cc\x84\xaa\xe8w\xf3\xcc~\xc9\xedM\xc2\xec]\xfd\x84\x024K\x17\xb2\xa9\xac\xc8\xe2\xab\xcb\xec'</t>
  </si>
  <si>
    <t>b'\xe072\x0c\xc9\xe0\x87\xec\xf7\xe4\xbf\xbb]\xe6@;=\x06\x1f\r%\x9e\xbb\x9ej\xc9\xe3Nt\x01\x01\x95'</t>
  </si>
  <si>
    <t>b':\x9c\x16\xd9~/\x9af\xfd\x033\x03\x9e\xcb;\xecavx\x1d\xfcu\xf1\xdf_\xaa\xc7a\xa7\xe9\x86\x11'</t>
  </si>
  <si>
    <t>b'\x0c\xc6\xa5@A\x1c:\x7f\x10!\xd3\x0e\x83\xd3\x1c)\xf3S\n\xdcXo\xcdr\x7fL4&amp;FG8\xde'</t>
  </si>
  <si>
    <t>b"\xe8\x05#\x89_\x97\x1f\xa2}6T2\xf7&gt;I\x94U\xad\x1ay\xbc\x04\x18`\xc2\x80\xc0['.\x85\xe8"</t>
  </si>
  <si>
    <t>b'\x84\x13\x91\xa8\xa4\xac\xaa\xd5\x12.\xa8\xb3Q8J\xfc\xc79\xf0w\xf4\x0b\xba\xab="\xec\xc6\x1bE\xca\xa9'</t>
  </si>
  <si>
    <t>b'\x10\xb7\xf8uYE\x84,\xdfn\xb8\x14\xe9Y8\x16\xf7*\xf9Az\x06\xf8\\\xe1\xf5\xcb&gt;\x08.\xbe\r'</t>
  </si>
  <si>
    <t>b"\xf7\xef\x13\x03\xe6N\xa3R\xf7\xee\xfcc\xeeP\xf2'\xb8\xf0\x86\x06\x81\x9cy\xc2K\x8b:N\x0e\x17\x92t"</t>
  </si>
  <si>
    <t>b'D1\x02\x85\xd1\x03\x14\x91.\xe1\xc1\xfb\xbc\xc7\x13\xab\x8e\x80\x19r\x0c\x9a\x19Yl\xca\x92\xces&amp;\x97/'</t>
  </si>
  <si>
    <t>b'!\xe5\x82\xb6\xd9JL\x1d\xe8\x1a\xba!\x97\x05n\x03\\\x9d\xe6\xe5)\xa3[nL\xed5-\xc9{\xad{'</t>
  </si>
  <si>
    <t>b'\x03\x8b\xae\xab\xde9\xb6V\x814\xf0&gt;\xff2\xbce\x8d&amp;Lx.6%\xd9\xe8\xf3hf\x90l^/'</t>
  </si>
  <si>
    <t>b'\x15}\xfa\xc9\xeb\xf08\xe2\x0bm\x10s\xf6\xe9\x05(\x14\x8b_\x98\x11\xfd\x1d\xa6nk\xa2\xafv\xe5\xf8\xdf'</t>
  </si>
  <si>
    <t>b'\xe6P\xff\x97\x1b\xe0\xc0\xca\xaf\xc2\xce`\xb9\xf6\x80\xdf\xf8\x95\x82\x17Ql\x16\x92\x9e\xab\xbe\xfc\xf9m\x84:'</t>
  </si>
  <si>
    <t>b'\x17\x05NP\xf3r:\x12\x97\xf3\x83bbC\x05\x0f\xfc\xb3\xbcE$i\xff\x11\x1a\x8b\n\xe9\x17\x13_\x03'</t>
  </si>
  <si>
    <t>b'\xe3}\xb2\xe6V\x85\xfe/\x10s \xa0\x03\xa5/#\xc3\x0c%~0N\xa1/!\xeb!\x1a\x1c}\xf3\xdf'</t>
  </si>
  <si>
    <t>b'L\xb5\x06\xf5\x94Q\xfa\xe3\x02\x82\xf1\xc5_\x1e\x11s\xd9\x81\xea\xc8\x07\x1e\x11$\xc8\x13\xb8\xdb\x1b\xa312'</t>
  </si>
  <si>
    <t>b'd\x9c\x95\xab\x89\xdbK\x81\xddY\xb0P=\x8e[\xa6\x14E\xa6\xa4c\xb0\xa1\x7fR@\x80\xd6g3\x94\xae'</t>
  </si>
  <si>
    <t>b'\x95cUU\x83\xb5C\x92V\x98\x92\x80\x89\xac\x07\xf7\xa2D\xcdf\x1e\xcd\x91\xfe\xa0\xc7tu]\xa6\x0f\x11'</t>
  </si>
  <si>
    <t>b'r\xe9\x9e\xce\xa6\x9c\xe6\xe4G\xea~\x1bP\xc2^4T\xae\xe1s\xa0\x8b\xe8\x06g\xda\xf68]6\xb4C'</t>
  </si>
  <si>
    <t>b'\xec\xdf~/\xecF\x0b\xa9#\x9bvg\xe2\x1c8\xb4pQ\x98\xe9\xde\x0eH\x8f\xe90\xa3\x8aj\xa8\xf7}'</t>
  </si>
  <si>
    <t>b'\xe0[\xc1W\x8e\x88\x1f\xd9\x1douH\x80\x1e\xed6i\xbc2A\xec\xc1\xde\xf3\x94\xdc\xad\xdd\x0c\x8b\x1a9'</t>
  </si>
  <si>
    <t>b"'G`H%t\xb2\xa7\xe3\xe9=\xdf[g\xe4\x11\xfclr\xef\xf5\x0e\x9a\x8f\x9dt\xc6\x02*\xec\xa5\xe1"</t>
  </si>
  <si>
    <t>b'\x8e`\xc3g\x05\x8e\x1f\xcf\x00\xe1^QE\x8a\xfd7_\xee\x04\x81\x94 ZY\xd7\x9a\xe0\xaa9T\xf6\xda'</t>
  </si>
  <si>
    <t>b'\xd2\xff\xf2\xc9\x1f\xc67&gt;\x14\xec\xe1\x8e\xe0\xf2\x99\xa1]$6\x06`\x07\xeb\xac\x85m\xbf(B\x94\xc8\x81'</t>
  </si>
  <si>
    <t>b'\xca&gt;K\xe8W\xb3\x02\xacW\xa8\xfa\x14\xca\xe2L\xf7\x90\xa2q\xd1\xf1\x8e\n\x94\x96:\x80\x12\xb1\x14`\xcb'</t>
  </si>
  <si>
    <t>b'U\xe0\x9a\x15,\xa2\xdd|\x87\x07\xf6\xcfo7u\x05\xcc\xb9S\xe0\x9c\xab\xf2\x8fd\xba\xc0E\xadG\xfa|'</t>
  </si>
  <si>
    <t>b'\xa7J)\xde{\xe0\x1b\xd1\x1cw\x9dM.\xe1e\xa3U_&amp;\x86\xce\xbe\x8e\xd1s!\xc1W\xbf|\x12\\'</t>
  </si>
  <si>
    <t>b'\xa2\xa2\xf3\xdf^\xff\x84@\x87\x08\xb8\xdd\x9c\x03\xfe\xfbL\xeb\xd4\xac\x91\x81\xaa\x94\x8e\xc2\xb8\xaf\xfb\xecpe'</t>
  </si>
  <si>
    <t>b'#?\xe4i-\xab\x85(X\xc2\x16\xe21\n\xb8\xab\xc3%\x91!\x8d\x14\xe0)\xa9\xce\x9a\xcd\xe7 \xaa\xab'</t>
  </si>
  <si>
    <t>b'\x80}a\xdd\xe4&lt;\x8d\xa6sl\x9e\xf2\x1a_27\xb3`\xec\x18\x01I\xa6\xf7\xd0\xb3\xbb\x9dE\x96%\x8a'</t>
  </si>
  <si>
    <t>b"\xec:-a\x94\xe9\xc4\xc9\xc4R\xd2N\xbc\xb1f\x89g\xb0'\x07\xc8\xd8\x99$\x84BtS-b&gt;o"</t>
  </si>
  <si>
    <t>b'\xa5\xdd?f\x8d\x1c\xc3\x14\xc8o\xa7z\xc9h\x1d\x84\xa3.\x81)Y-\xa0\xe5\xe0\xc8\xb6\xae\x17\xb6\x80f'</t>
  </si>
  <si>
    <t>b"\xbb\xcar\xfb\xfc\x1ce\x87?w\x85\xda^\xae\xca\xce\x91\xfc\xfeZ\xa5p#\tE\x84J\xc3D\xcf\x05'"</t>
  </si>
  <si>
    <t>b'\x869Z\x7f\xc6\x04\xe0i\xaeM\x9eKqy\xc5i#\xd6L\xc0x\x1f\xc9\xe3\x8f\x1f\xacm\x15\xb2"\xfa'</t>
  </si>
  <si>
    <t>b'\xe7+\xe5\x93\x17\xa7%\x7f\x8cde\x8a{\x91:X\x08\xb5)t\xf2\x8eM\x0c\x94\xdd\xe9.\xd9}\t\xbe'</t>
  </si>
  <si>
    <t>b"\xa5\xc8V%\xd2\xddR\x9a\x95\xe3\x10\xc2Gx'\xb8\x8e9r\xfe\xfb\x9b\x8bmX\x92\xae\xc3\x00\xee\xf4\xd2"</t>
  </si>
  <si>
    <t>b'oM\xbc\xff\xf0\xbe9:c\xf5\xf9\xfa\xa5\xad\xe6s\x92c\xa50\xa0bj\xde\xbd\xf1\xb2\xf6\x1dg\x1b\xf0'</t>
  </si>
  <si>
    <t>b'E\x937\xc5\x18\xaf0DT\x9cv\xf0A\xe0\\\x18\x10]\xa8\xca\x9d\xa0\xb1N\xd3\xf2\xe8L\xb0\x0cO\xb3'</t>
  </si>
  <si>
    <t>b'v3\xaf\xefk\t\x94aW^\xbe\xe7\xf1\r\xd8J?\xc1A\x1e$\xee\\\x15^\xbc\xf0\xaa\xb5\xd3\x9f&amp;'</t>
  </si>
  <si>
    <t>b'=PK\xc9l\xc6]\x89\x9c\xe9#\x8f\x9bJ\xfdcjYU\x90\x83y@=P\x18R\xbe!\xcb\xa0\xdb'</t>
  </si>
  <si>
    <t>b'\xd7q\x19\x84BtL=-\x84\xc2\x82@\x1a\xe8\x86a\xb0\xd3\xd6\x1d\xa4ND~\xb6\xb5\x0c2\x7f\xf7S'</t>
  </si>
  <si>
    <t>b'\x80.%k&lt;\xad\x86\xa1\x85?c\xba\xadV\xf31}c\xb8V\x96 D\xbd\xe77\xbe\x1b\x85\xbe\xben'</t>
  </si>
  <si>
    <t>b'\xbd\xc1\xb9\xaa\x18\xfd\xc6\xeb\xba\x01\xf4"w\x8cST:\xfa\x91_\xb4\x80\xe6\x85\x9b!\x16N4,\xfd\xf0'</t>
  </si>
  <si>
    <t>b'\x8d\xfc\x11\xbe\xa0\xed*\xecS\x00\x85\xc2m\x97&gt;\x077F\x1d3 &lt;\xe0\xc5\xd6D \n\xe5f\x1c\xd7'</t>
  </si>
  <si>
    <t>b'\xde\x1b`F4a\xe1\x96ME&gt;Y7\x10\x9b\x10\xac\x1fA0\xc3\x13=n\xec\xfd&amp;\xceW\xec\x7f\xe9'</t>
  </si>
  <si>
    <t>b'\xd8\xadSwF\xd7&gt;4W\xb47\x01\x90\x89!&lt;\x1cj\x1e\xf4}u2\xde!|\xb5\x0c7\xd2q%'</t>
  </si>
  <si>
    <t>b'\xae+=\xdep\x9f\x06\xbb\x9e\x0f]1\xd8\xf7\x8b\x1b\xa5\xd4XU\xe3\xfd\x890_I\xe1\xea\x17\xa7\x82\xe6'</t>
  </si>
  <si>
    <t>b"\x02p=x\xbeX}\xfe,\xf9\x97d\x0e\x91\x8f\xfb\x7f_]vA\xee,\xe3\xe7s'lA\xdb\n\xd2"</t>
  </si>
  <si>
    <t>b'\x7f|V\xe2\x9c\xfb{G:\x01\xbd\t\xa2\x803\xac\xb0\xe44dj\x9d9\xa0\xc7\x85i\xcc_gd\xa9'</t>
  </si>
  <si>
    <t>b'\xdb\xc1Jm\xc8\xe8k\xcd|\xed\xd4.\x1d\xaax.\xa4\xe9\xaai\xb1\xfe\x05_\x88\xcb\x97\t\x7f \x12U'</t>
  </si>
  <si>
    <t>b'r\x99\xa287O\xdf\x99\xbb\xcd\x94\x8e\x89\xc5r\x15\x80&gt;\xf9\x1e\xd5\x9b\xafu\xa9:\x81-Snv\x8a'</t>
  </si>
  <si>
    <t>b'\xa6)\xd2\xae[\xc4,\xd0\xd0\xbb\x01\xa3\x8d\x8aTX\xbf\xb1\x91\x1c|\x9e~\xb8X\xe5\xe8\xfb\xd9\xdb\xa7\xd1'</t>
  </si>
  <si>
    <t>b'\xbe@z\xcez\x03\xceZ8+.3\x0b\xf4\x9a\x83q\x83\x11\x9eL\xcf\x9d_\xf9\xf7\xb2\x03\xac\x9e\xb2\xfe'</t>
  </si>
  <si>
    <t>b'\x97\xed\x1b\x04\x06\xdeH\xef=Hi\x14\xf1\x96R\xf9\xce\xd1\xfe\x96\xc2\xc1\x84\xadJm_+\x9f\x82\xb5,'</t>
  </si>
  <si>
    <t>b'\\\xc1M\xb0\xa9\xec\xac)\xd8\xfcN\x0e\xdd@\x95Uo\xda?\x93+m\x1e\x01\x02\xd3\xea:&amp;\xccs&gt;'</t>
  </si>
  <si>
    <t>b'f\xb9#\x8e\xb2\xb4&gt;\x01\xee4\xe9R\x9a\xc8\x99JM\x87$\xbc\xef&lt;\xac\x85\xecV\xef\xabH%^\xfe'</t>
  </si>
  <si>
    <t>b'h\xbc\xc7\x08\x19\xd3,C\x85=X8?\xc6\xb7\x18\xc1\xd1j\xea!u\x10l\xfbe\xdc\xc3\xac\x8d&amp;\xab'</t>
  </si>
  <si>
    <t>b'\xcee=\xd5c\x0b\x01\x86MW1\xa9!D\xb8\xb00p\xe7\xa1\xef\xbf6P\x831\xc6\xed\xdaH\xa7\xcd'</t>
  </si>
  <si>
    <t>b'F\xc2\x1a\x07\xd2~\xd2R}J&lt;\x04\xa3\x9d\xbf4&amp;\x849\xcf"\x8c$\xd0\x87\'\xdeT2L&gt;S'</t>
  </si>
  <si>
    <t>b'\x9f\x8f\xbe\x8f\x9aa3\xa6\x0b\xe4O\xb7\x16\x7f\xbe\x8d\x14\xa2\xca\xf6x`d\xbb\xc4_P\xef$&amp;\xbb\xbb'</t>
  </si>
  <si>
    <t>b'5\x88l\xe2\xf3\xfa!*h/\x7fb\x84\xc3\xd4\xdf\xbf{\x03\xad\xd4\x06\xab\x95\x06\x9e\x1b\xa8}\xe3\xe9\xcb'</t>
  </si>
  <si>
    <t>b'e\xa0\xb7\xfe\x1d\xf2\x97\xf8X\x89)\x9e\x844\xcb\xc0h\x96\xeaw\xdc\xd6\x9b\r\xd5{\x846\x91M?\xd8'</t>
  </si>
  <si>
    <t>b'\xdc\x981\xdb{b\xd2\xc5\xe2\xaf_\xc0\x10\xf1\xf6Hc\xcb\xf2Cp\xda+w&gt;\xa8\x11\xa9L\xa1\xae|'</t>
  </si>
  <si>
    <t>b'\xe2v\x9e\xd2?\xf8B\xc8X\xbf\xf2_\xeb\x1a\x9d4\xe9\xbc\xe9\xf5`_:T\xba\xa3C\xeda\x02\x08\xda'</t>
  </si>
  <si>
    <t>b"\x8f\xdfavy\xf6\xa1\xb9\x01l\x0eGVg\xa7.\xe8F)\x1a1\xe1l\xb4\x0f\xc6\xa4\xd6\xfe\r\x07'"</t>
  </si>
  <si>
    <t>b'\xb4#\xab\xbe\xe9nK\xebd\\\xb1\x12D \xbf\xe1\xd5\x99\xe41\xb7y\xce\xa9\xf0/\x03\xc4\x00T^\x9d'</t>
  </si>
  <si>
    <t>b'\xab\xfaCa\x8d\xb4P\xc1\xf54\xe8\x16\xe4wd\n\x9c3\xe7m\x86\xc4+m\xab\x0c\xb8\x1a[\xa3R_'</t>
  </si>
  <si>
    <t>b'\x8b\xc9\x00\xed s\xcf\x0cfv\xb9C\x8e\x1e\xdcL\xd8\x82\xf4\xaa\xbe\x994\x1ac\x9b\xb7rO\xbdF_'</t>
  </si>
  <si>
    <t>b'\xad\xd3j\x05\xad\x86\xdd\xa0\xdac\t\x82\\\xb5^+\xcb\x84\xafWE\x83ll\xabm\x82\xdd\xf8\xe4\x81\x9d'</t>
  </si>
  <si>
    <t>b'v\xe81\x16\xcf\t\xe2k\xb8\xc2\xe9\x19\xe5\x14i2\x88@/X\r\x1a\xa5\x96J\x96W\xde\x8c\xa7\xc3\xd4'</t>
  </si>
  <si>
    <t>b'\x8a\xb6\xf2\x88\xae\xe1,\xeb\xd7\xca\xd3\x82\xa0\xa1~E\xb8\xc0\xb5IW\xe4\xd2\x8b\x1a\xd4\xe0\xcbF\x0b\t\x0f'</t>
  </si>
  <si>
    <t>b'_\xf5_\xea\x15\xe2l\x0b\\\xcfv\x85\x0f\xe3u\xfe\xff\xc0\xb7\xee\x87k\r\xbdQ\x83\x10N\xe7\xbb\xf5\xac'</t>
  </si>
  <si>
    <t>b"\xb4\xean\xca\x1fNd\xc8\xea[\x94\x0b\x84kt\x12\x9c\xe7\xcb\x06W\xc7\x97F\xb6I\xc9\xbdS\xd6'^"</t>
  </si>
  <si>
    <t>b'\xaa@t\x89\xe1\xd6i?\xf3\xbeZf\x08|.\xdd\xfe\xad\xec\x05\x85.\xe8\x9c\xd7\xf5M]\xf7\xbd\xc1\xf2'</t>
  </si>
  <si>
    <t>b'\xd7\xd7\xbc:1\x81\xf1\x8ao\xfa\x046\x8a\xe7\x08G\xb8\xcd\xb0\x0f\x8f\x88\xb0J\r\ne\x03T\tzj'</t>
  </si>
  <si>
    <t>b'\xbd\x86\xb3\xd2W_\xe2\xc0\x00*\xbe"\x01\xe0ZV\xa6W\xcc\xf5\x9d\xce}k\t=\xcfNp\x08\xec\xcd'</t>
  </si>
  <si>
    <t>b'p\xae\xc7+*2E\xb1\x84O\x9eo\xd1xn!\xd4\x9d"\xa3\x86\xc0\xbdo\xaa\x0c\xfd\xee\xa6v#\xa6'</t>
  </si>
  <si>
    <t>b'\xfazx\x81p\x0bP&gt;\x1a\x9e\xda|\xd3d\xa1gF\x1ea"%\x98hQq\xde\xf0n\xe2\xa1\xee\xec'</t>
  </si>
  <si>
    <t>b'\xd0\xc3\xd7\x1b\xe1\xf0\x9e*t\xc5#\x9d\x90(h\xb1V\x8d\xb7s\rye\xd5\xf0\x07\xc06\xfa\xe7\x92\x12'</t>
  </si>
  <si>
    <t>b'[\r\xdc\x8d\x03\xf6\x98\xcd\xcb\xa0\x83\x00\x92\xa9cQ\x16\xa8\x8dV-\xf4\xf0k@\xee\x03\xd3\xe2\xab@\xc4'</t>
  </si>
  <si>
    <t>b"\x11\x859\x900\xd0&gt;Gh\x9e\xf7P\xe1'crm\xd9\xa1\xa0\xaf\x8d\xc4\xecf\xc3vEB\xe2B\x8b"</t>
  </si>
  <si>
    <t>b'\xdc&amp;\x89\x95\xaf\xf2\xd6\x07@\x1c\x9d\x02\xf5P\x0c\x10:R\xc9\x05O\x99\xde\xbe\xe7)\x88s\xe8/_\xfe'</t>
  </si>
  <si>
    <t>b')\xd2\xc9N\xaa\x9e\x1cq\xbf,&amp;\x0767\x1d&amp;\x89VS\xa6\x8c\x82\x8df^\xd8S\xd8.\xb4\x00\x9a'</t>
  </si>
  <si>
    <t>b'B\x9d\x99HR\xf0\xb0\xf2\xe8s5\x8e\xfero\x92\xf1\xbd^~a\t\x11U\xdad\x0f@\x18O\x1d!'</t>
  </si>
  <si>
    <t>b'\xfc\x9a\xdf^\x92\x81\xb4B\xdbe\xb1\xd8\xd6\xfeE?e\xa0yO\xb9\x1d\x9d\x96\x1c"bW\xdb\xfc\xec\xa7'</t>
  </si>
  <si>
    <t>b'\xdf\xa6\xa0\xb3\x01\xbb\xac\x0bB\x92\xfbFR\xa9\xc1!\xed\xf8\x97\xbczlv\xa7Atl\x82d\x06/9'</t>
  </si>
  <si>
    <t>b'\x8b\xf9Fg\xf1}\xcau\x91\xa6x\xa7\xcb\xe5\xab\xb1N\x97ae\x8b\xc1}\xe4\x8f\xe5\xd2\xe1*\xae\xf2\x07'</t>
  </si>
  <si>
    <t>b'\x07o\xc7\xb7\x0b\xb8\xe1.:\x9c\xed\x83\xcb\xc7N\xf2\xab\x07u\x06\xdaS\x05\x99yS\xff\xfds\xbbn\xbc'</t>
  </si>
  <si>
    <t>b"\x87\xf9hc\xfcr\x83]p:'A\xb3\xe8\x96&amp;\xf7\xde\x94\xbd\xcf\x94&lt;\xff\xe4\x16 \xce\xd8j\xb6{"</t>
  </si>
  <si>
    <t>b"\xf9\xe6bx\\r\xa7\xc1\nrz\xa4\xa9o\xb0T[\xef=\x91\xf9\xb6b'u\xe8|hT^Q\x93"</t>
  </si>
  <si>
    <t>b".(\xa7\x10h\x89R\x1d\xb2m\x8b\x91'\x16`\xb0n]\xcc{N\xe0\x9f\xa6\x07\x8d\xea^\xb4\x86}\xd0"</t>
  </si>
  <si>
    <t>b'\xc2,\x8cb\xce;\xf4\xd2\xf9\x86SSA\xd8\xa2\xdf&gt;&amp;\xe7\xca\x1e.\x9fr\x8e\\\xa7\x90@\xbc\x04\x80'</t>
  </si>
  <si>
    <t>b'\x80\x87\xc3\xac\xdc\xc5\x91\xcc\x1f\x14\xe7N_l\xc6l\xecq\x97\xfc\xe2\xf4?\x9cF\xd7\x81\n\x86\x930\xfa'</t>
  </si>
  <si>
    <t>b'\xd0\xfa#\x88\x17$\xe5\xe8\xb6\xec$\xb1\xa7\x7f@\xc1\xf2\xaa_\x87T\x98\xd5\xe6\xbdI\xbe\xd1\x16o\xa8Z'</t>
  </si>
  <si>
    <t>b'}\xd5\x9cw\xf7\x84\x9d\xa2ck\xdb\x1e\xa0E\xc9\xe7\xdd$:\xcf\x9c\xc6\xe4\x1d\xb40\x11\xe2e\xef)\xfa'</t>
  </si>
  <si>
    <t>b'2W\x9a1\x99tk\xdc\x88\xf3\x95\x17\xc6\xca6\xcf\xfe\x11\xcb\xf0\xef`\xbbG\xd4\x10\xb7\xea)&lt;\xa8\\'</t>
  </si>
  <si>
    <t>b'|\xadk\\\x84\xc5\xf9~\xd6\xac\xd7lg-\x11+ \xa6lkZ\x0e\xe6\xfc,\xdf0\x15CM?\xf9'</t>
  </si>
  <si>
    <t>b'f)xT\\\x07\xaa\x1a\xf9&amp;\xf3\x0fe_\xfe\t\xbf\xa8\x813\xd6\xa3|\xe81\xf0e\xa5=\xd1\xed\x81'</t>
  </si>
  <si>
    <t>b'!\t\x1a\xcd\x98B\x81\xb9\xf2F\x9aa:\xf0\xd7\xf3\xbc\x1a\xe7\x03\x95\x14\x96\xae1\xa4(\xa8\xa6\xcd\xe7\xca'</t>
  </si>
  <si>
    <t>b'ZA\xd2:\xfaa\x89\xd7\xac\xff\xa9\x10\xde\xab\xd1\xfe7\xb9\xe6\xa1\x89\xbeo\x1e\xc8\xdbin\xb8\xd4\xd1\xa5'</t>
  </si>
  <si>
    <t>b'\x02\xd4\xd3\x9cYUU\xe6i;\xf1,\x1a\x08:Bq\xbd\x8b\x87Q\x10\xc4\xa0K\x82zr\xf4\xd2|['</t>
  </si>
  <si>
    <t>b'\xe5\xee\xe1"=\x99cT\x10e\x0b\xc7J?\x81\xec\xd8*B1,\x8f?5\xbb)\x1a\x86\x80\x1c7J'</t>
  </si>
  <si>
    <t>b"d\xf6\xf03J\x13?\xbaA\xc6\xd1\x94\t%\x9c\xe60L\xe03\xa3-\x7f\xa0o~\x9f\x01\xe1\x16'\xea"</t>
  </si>
  <si>
    <t>b'n\xf6\x05|\xaf\x86\xff]\xf2\xb2\xb8\x89\x9c\xd7f\x06Q\x81m\x14\x02~r\x12\x95\xefd\xf2\xe9\xa8\xbd7'</t>
  </si>
  <si>
    <t>b'\xb6\xb3\xfc\x8d\xa4\xaa\xf1n\x12oS\xc5\x1b?\xca\xc3\xb3 \xfa\xe1\x8e\xbe\xfa\xd4\xcb/\xb9\xbfb:\xc6\xf0'</t>
  </si>
  <si>
    <t>b"ha(wL|\xf7X\xd0\xbc:\xc4\xbb\xf5G\xe8'\x1cX\x83\x9c\xd9\x92d\x1a\x93\x03P\x90\x12k\x17"</t>
  </si>
  <si>
    <t>b'(\x93\xaa\x8fK\xc3\x9cH\xa0XH\xe0\x03V\xce&gt;`\x96\xdf\x19\xca\xe0\x10\xe5\xc40S\xd7\x18\xe2\x9f\xb1'</t>
  </si>
  <si>
    <t>b'*f_F\xcf7\x7f\xce\x1e\x0c\\\xe5zu\xc1n\xaa\xe8\x086\xab8\x8a\x99x\xaf\xae\xd7\x9d\x02\x10-'</t>
  </si>
  <si>
    <t>b'~\x00\xea\x1en/\xeb&amp;\xe3\xa5\xe2c\x8b\xcc\xf0\xe2\x97\xd9)\xe9p\x03fK]c\x11\xb4!\xa5*;'</t>
  </si>
  <si>
    <t>b'\xbdm\x16\xb7Zq\xf2c\xa2(\x95;\xa7B\x1d\x1c\xc6\xae\xd64\xc7\xeb\xcd\x93r\x8b\xfb\x06\xf6p\x0e]'</t>
  </si>
  <si>
    <t>b'~f&gt;\xed\xb8\xe9\xad\xcbv\xec\xaem_x\x16\xa9\x18\x8f\x8c\xe3\x93\x9a\x8a"E\x84\xcf6\xc6I\x1e\xca'</t>
  </si>
  <si>
    <t>b"\t-'#\x85\xc3Q\x91}P\xc9iDw\xf9\xd3\xbf\xb1\xda#\xdb|\x91\xd7\xc0G|L\xc3\xcee\xca"</t>
  </si>
  <si>
    <t>b'\xef\x90\x0e/\xf5\x0eH\x80q\xed"\x8c\xff\x14\x93\x01\xba\x03\x07\xbdE&lt;M\xe8\x1a\x87\x00\x90&amp;5Y\xd0'</t>
  </si>
  <si>
    <t>b"\x89'h?A/t\xd9\xfc\x03\xae9\xf3\x7f\x87w\x8d\r\x97\xc0l7\xbe\xe6\x90]E\x96\x05\xcc\x8cw"</t>
  </si>
  <si>
    <t>b'ejZfZ\xb9O\xdd\x9f\xc4\xd0|\xc5uAn\x99\xa8\xa9\xaeW\xe9\xe6#\x04Ydk\xc7+\xa4`'</t>
  </si>
  <si>
    <t>b'\xdd,,\x1e&amp;F\xa6\xd4\xad\xdd\xb2\x8ejE\xe0\xe5\xe4\xc2\xc3D\xc4``\xa4\xac\xf0\xbe_\xc3 T='</t>
  </si>
  <si>
    <t>b'e.D\x9a)u\xd7\x12\xc19\x10k;\x0b*\t\xc6$\x88\x98\x16?t7\xc9\xa9Dn\x12+H\x1c'</t>
  </si>
  <si>
    <t>b'\xac\xcf\xe6\t\xf7)\xd8\xd1\xfe\x8a\xb7\x0e\xcf\x14\xdd\x07 c\x93\xaeyD&gt;\xda`\xbd%7\xf5\\\x0b\xc3'</t>
  </si>
  <si>
    <t>b'VHu\x9ea\x14\x03\x8b\r\xf8\xeb`/[\xbd$\x8b\xad}\xf4\x12B\xde\xael\xfe\xfc4\xe4n\x9c\x19'</t>
  </si>
  <si>
    <t>b'p\x96\x8a\\&lt;\x86Z\xcc\xda\x1f3\xb0\xcbI\x1c\xf8J^T\x7f\x13\xaep\n\xecR#\x17\x1a\xb0\xfb@'</t>
  </si>
  <si>
    <t>b'\xe5"\xb9\x05\xd2\x8c9\x14\xe9\x01\x15,o-4d\xd3\x88\xfb\x93VC\xc8\xf7\x9e\xc0z`\xc1^\xaf\xf9'</t>
  </si>
  <si>
    <t>b'\x9aM\x8e\xb0ge^\x92\xffL\x97N \x8boA\xd9&amp;\xd0YT\xcc\xa8]\xcc\xae\xc0\xee5\x17\x19\xcf'</t>
  </si>
  <si>
    <t>b'\xcc\x90j\xa9,\xd4J\xa4\xd2\x8c\x8b\xc1a[\xc4Kr\xb2\xb6\x19\xb2\x08G\x83\xb4;\xa0\x18\x92\x93q3'</t>
  </si>
  <si>
    <t>b'\x0c\xd2\xbb"\x9b\x0f\xbeE\xdf\xe2\x88H\xb7\xfc\x1c % \xd0\xf1\x0fJ(yv\x85PEb\xa32\xc6'</t>
  </si>
  <si>
    <t>b'9F\x07\x04L\xa9\xc6\x89\xd1\xf2\x1f\xe6,\x00\x82\x06\xb9\x08\x1fF~\xe0\xae\xedV\xde\xe1\x8eI~\xaa\\'</t>
  </si>
  <si>
    <t>b'\xd1`&lt;\x014\xb9\xe6k8\x1e\xac\xba\xa9O\xe6\xad\x9d. Y7FV\x02\x9aO\x9cL~#;\xc7'</t>
  </si>
  <si>
    <t>b'\x07\x80Q\r\xf3\x10\x82\xb3!\xb2\xf9b!\x07\xab\xf1\xf5\xee\xd9_\x82\xd3\xeb\x10\xfe\xde\xa1\x80\xae7r\x1c'</t>
  </si>
  <si>
    <t>b'(\x13\xdb\x9a\xb8\x00\xd2I\x82\r\xff{\xb30%=)\xa2\xb5\x93\xb1Y\xffu\xcd\x9d\xda\xca\x14r=V'</t>
  </si>
  <si>
    <t>b'\xf2\xe8\xa0\xe9\x119\xe9p\x93&lt;\x7fi\x1aDt\xf5\xaeB\xcf\xaa\xf7s\x9cBK\x90\xb5+,(\x8c&gt;'</t>
  </si>
  <si>
    <t>b'e\xa9\xe6\xfc\xa2\x8a\xd6\xc5\x8bS\xf8\x7f8\xd0\xdeu\xeb\xd4\xf1\x11\x9f\xfd\xe7\xda\x97\x8d[\xca\xdc\xb3f\x87'</t>
  </si>
  <si>
    <t>b')\x1a\\\r\xf8\x00\x95\xa84\xdf\xff\x1a\x8dM\x890V\x19Cq\xed\x12\x0f\xfc\xd4k_\xf6\xc7\xf9\\\x7f'</t>
  </si>
  <si>
    <t>b'\xf4U\xcda)I\x96\x98\x84\xe6\x0e\xbf#\xa5\x84\x03\xc7o(\xd1\xe6n\xc6[_\xd6[\x17\xa7\x98\xd4\x1f'</t>
  </si>
  <si>
    <t>b'A\x90\xfcp\x9b\xa8\x90\xd9\xee\x8d:\x95\x87\xaap\xd2\x80\x8f\xdb$\x7f\xa6\xbd}\x96\xbd\xf5\xf4.\x8cb\x16'</t>
  </si>
  <si>
    <t>b'x,\xd3\xfb\xd4\x0c\x16\x00\xc1\xa3\x19f\xaa\x1d\xe7\xdb\xf7\xc1\xda\xb02\xd7!\xb0\x01o\x04H\ndn\xe9'</t>
  </si>
  <si>
    <t>b'\xa9\x9e\xad\r\xdf\x9d\xc2\x9b\xb1\x88&lt;\x18\x17O-\xd2 \xbe\xea\xab&amp;\xe30_\xaf\xc4\xbf\x9d\xd19 \x98'</t>
  </si>
  <si>
    <t>b"%\x07\xfa\xe0\xa6sV$0'\xc7Y\x9a\x90\x1d\x10\xea\x9b\x1a\xfb\x8fl;\xe0\xcc\x04\xefw\x8ef\xe4\xaf"</t>
  </si>
  <si>
    <t>b'\xcc[\xa1\xef\xe3\xa2\xbf\xc4\xa9\n\xbc\xfaX\xd8\xf7\xb8\xd3\x9c\xa3p=|\x7f\xa0j\xcdp\x18r\xba\x17\xdf'</t>
  </si>
  <si>
    <t>b'W\x80\x1e\x87\xc0}g\x01NK\xf3\xc4h\xe4\xad/^\x19\xe5&gt;C\x90\xbdf\x0f\xf4m\xa4\xf7\xa8^\x18'</t>
  </si>
  <si>
    <t>b"J\xef\x02}h\xc8w\xfd\x0cU\xf8\xbe'Aw*FX\xaa\xec\x02\x9e\x80\xef#\xf4\x99I\x99\x81\x02\x84"</t>
  </si>
  <si>
    <t>b'\xe0K)\xffs\x9c*\xa2\xdb\xf1O\xa2l\xe3,]v^\xff\xc2Xr\xc3](J\x9d\xc0\xc8\xd5\xd1G'</t>
  </si>
  <si>
    <t>b"\xd7\xfb\xd4|\xe9\xb9&amp;\xe6\xf3\xcaC\xc5\xa7\xdc\xd4\x7f\xaa\xb8VTU\xc4&lt;\xf7\xd4'\x03\xb6\x8d%\xd3\xaa"</t>
  </si>
  <si>
    <t>b'\xd4\xc5\x08\xacU\xca\x13/\xf9n5\xcbF\xa1O\xb2\x9d\t\xb6{\x07\xe3\x87\x12\xc5\xc1\xacsq\xa0S\x05'</t>
  </si>
  <si>
    <t>b'\x8ai\xcf\xef\x97+z\xbb\xbd3\xe5\x99\xaf\xeb\x84pFuh$\xbakD\x95\x96#\x06"\xca\xa7\xc0\xd9'</t>
  </si>
  <si>
    <t>b'\xcb\x9dSOx\xac\xf4#W\xb7\xd2\x07$C\x82#8V\xa8\xe9\xdd+\x9dQ\x081\xb4L\x96\x98\xf7\x9a'</t>
  </si>
  <si>
    <t>b'\x1a\x01\xfe\x7f\x7f\x95j \xe3\xf9K\xd1\xc8\x07\xc6\x16\x98s\x15U\xd9r\xe6\x84\xda\xda\xce\x8401\x07`'</t>
  </si>
  <si>
    <t>b'I\x1b@(\xa4\x90\xe8\x0c8\xb7\xa7\x16\xf0\xdb\t\xaag%\xbe\xeb\x84\xfb}\x94\x04\xa9:\xd7@\xb5d\x88'</t>
  </si>
  <si>
    <t>b'w\x1bL\xb4\x1db_\xc2Mj\x0bb\xcfV\x0c\xaenlq\x1d\xa1-\x8c \x04\xda\x92\x03\x1b\x03\xfd\x88'</t>
  </si>
  <si>
    <t>b'\xef\xdb\x9a\xfb\xe8\xf2\xd3ud\x9c\xb4.\x04\xac\xca%\x80\xd6\xf4`E\xe3\xe1e;\xee=\xd4\xee\x00D\xb9'</t>
  </si>
  <si>
    <t>b'\x7f\xefc\xae\xd5 Qm\x1a|t\xf6b&amp;\x186\xe7HV\xeb\xad\xcaMWM\xfb\x1cOHW\x0e\t'</t>
  </si>
  <si>
    <t>b'\x15\x9b&lt;\xf8K]\xe9g\xbb\r\xc7pl\xec\x93{\x1e\xa8HT\x9b\x10J\x8f\x83T?U\xf9\x9c\xa9\xfd'</t>
  </si>
  <si>
    <t>b'\nD)?\xd8\xf9\x04b\xb8?\xd1)\x1a)\xae]p\x0f\xc0k\xa6h\xd0A\xb0];\xa8\xf6I\x81H'</t>
  </si>
  <si>
    <t>b'\xb7\xca\xef\x18\xeaX\x80\xbf\x86?k\xf9;H^\xc2\x1a\xff{\x02\x9d\x0f\xbaB\xb3\x06-\xb5h\xdb9\xc2'</t>
  </si>
  <si>
    <t>b'\xf8\xab\xfc5\x9e\xa8\xf4\xf4\xf4\xae\xce1\xb6\xac\x8b\xc8\xb6\xf2\xe0\xfd\x17hp\xdf\xfaTtW\x1c\xf3\xe6\xd5'</t>
  </si>
  <si>
    <t>b'\x88\xbff,\x9f\xc1`\x94\xac\x9fM\xe1\xcc\x8b?\\\xd1\xed9A\x9e\xb8\x96\xcbm2\xe9\x98C\r\x18@'</t>
  </si>
  <si>
    <t>b'/\x81\xb3\xe3R~S\xdfA&amp;ve\x87\x0c\xbc\xb3+"\xefE\xecn\xb7@\xb7\x9c\x18\xc5\x90A6\xb6'</t>
  </si>
  <si>
    <t>b'\x1b\x9cs\x14\xe6\'=\xcf ?\t\x8c\x9d\xc3\x13"\x14\xd7X\x08\xfd&gt;`\x02\x03\x13\xf9\xc1\xdc\xaa\xd0\x9b'</t>
  </si>
  <si>
    <t>b'}\x0e\x17w?\x81]\xa5~Fj\x8a\xb6\x96\x7f!\xa7#\xacl$?\xa6\xe4\xf5\x11\x1e\xb6\x86.\xec\xb5'</t>
  </si>
  <si>
    <t>b'\x1c\xba\xaf\x83\xb6+g\xb3\x8f\xbc\xe7\xa4X9\xa5\t\x90F\x86\x8eD2,\xdb\xc4;O\x19A\xc9\xb8\xfb'</t>
  </si>
  <si>
    <t>b'`\xed\xc0\x14\xa9\xf0lt\x02)\xf2\xdfm\xac$_\x18\xdd\x12\xa2\x00+\xa8\x818\x899\xa6\x98m\xda\x18'</t>
  </si>
  <si>
    <t>b'\xc2+\xa5\xa2\xde\xe3\x80\xac\x87\xe4\xe9\xfbO\x84\xaa\x8ap\xe2\rZ\x04\xc3\x92\xaeS\x89\x03\xb3\xa6\xb5R\xd9'</t>
  </si>
  <si>
    <t>b'\x0f\xfc\x8e\x91\x8d\x1b\xba\xb4\xb4\x89T!@\xe0"\xd5\x9bN\x05\x8a~\x0c\xeaF\xb9h\x0f\xda\x99\xbd}:'</t>
  </si>
  <si>
    <t>b'\xafmOz/\x07\xad\xe0\xfa\x93\xa8E\n\x80J\x00MI]l\x8eJ8L^\xa0\xffV\x95\x0c\xd8\x9f'</t>
  </si>
  <si>
    <t>b'\xafm\xcbn&lt;\xf0\x1c\xa6\x15\xef\xe9\xf2\xfe\xd4\xd8\xab\xca,\xf3#\x98\xf8Y\xb0\xf3rU}$\xb3\x89\x98'</t>
  </si>
  <si>
    <t>b'&gt;O\xdd\xba\xa8\x14)\xc37\xfbx\x10\x11\x8b#8QB\xa9|qu\xde0\x01\xeb\x18\xdb\xcf\xffe)'</t>
  </si>
  <si>
    <t>b'\xc0\x06;I\xe8\x9a\xf0\xa7Y\xcdw\xd9&gt;4\xf5Wyn\xa8\x8ce:Lh\xb1\xc0)s\xe6\xe6\x84\xb9'</t>
  </si>
  <si>
    <t>b'\xf1\xe5\xaf\x84\xe8\xae\xb4\x17\x9bl\xaab\x94\x13\x9c\x98\xc5w\xe7\xbb\xf5\xd8_\xb3\xfeL!\xe9\x12\xd6\xeb@'</t>
  </si>
  <si>
    <t>b'\xb6\x1f\xfc\xd64\xb7\xa5L\n\xb5Y\xc1vd0+BTr\x01\xbaM\xcd\x19\xe7+i\\Hy\xe1\xa3'</t>
  </si>
  <si>
    <t>b'\xc0;\xbe\xb8\x97\xdb \x04\x08\xb8\xd4V\xf1xs"iV\xe9\x01\xd0\xcf\x02`/\xa4g\xd8?\xe34f'</t>
  </si>
  <si>
    <t>b'\xa6|\x13|Z1.\xfb=\x9e\xab\xd5\xb9\xc2i\x8aX[\x97\x8c\x1f\xcc\xbb.\xbe\x08\xc5s\xdcN\x9b\x1f'</t>
  </si>
  <si>
    <t>b'I\xd8\x91\x18,I\x93(\xd5\x82\x8e\\\xa5\xe7\xbe\xc8\x9d\xce\xc3\x87\xd3a8\x0c\x0b\xa5\x11\x80\x0b\xefbj'</t>
  </si>
  <si>
    <t>b'%\xde\xe0\x1b\xc3\xa5\xe7\xf5e\xf3\xcd\xaa\x87\x05@_\xb0TE\xf0H\x8d\xf0\xdf\xad\xc8B*\xf0\xf11+'</t>
  </si>
  <si>
    <t>b'\xec%\xedZ\xf2\xf7\x152\xd2\xb2\x1c\xb5\xedd\x9f\x1fh\x8fP\xd5\x9eC&gt;\xf5\xba,&lt;\x16n\xf1\xd1\xa2'</t>
  </si>
  <si>
    <t>b'\x19+\x17\x03\xb0\xf0\x91\x8b\xeb\x83W;2D\x8b\xe8\xbe$\x80C\n&lt;\x18\x14W\xdefyW\xb9\xd5K'</t>
  </si>
  <si>
    <t>b'[\xc7\x92\r\xeb\xf5\xf5\xa1\x99\xbfx\xf5\xfeZ\xa5\xa6T\x95"\x03\x12\xf0&gt;H\x92\x9f\xbd\x9e\x85[cY'</t>
  </si>
  <si>
    <t>b'\x13\x10clQc\xcdB\x0c &lt;\xef\xd2%f\xd5\x1f\xaf\xb3\xf2 \xa9\xc5I\x82\x8a\x13\xeb\xb9\xc0\xab:'</t>
  </si>
  <si>
    <t>b'`q\xbc\x97EO\x97-d\x1f\xa1hH\x93\xb4\x9c\xff\xa2\x915\x14F\xd9\xc8\xfe6\x05\x8e\x03\xdc\xea\x10'</t>
  </si>
  <si>
    <t>b'\xe7-\x1e\x0e]\xdfYN\x8c\xdb\xd0\xaf\xe0\x16\xdc9\x14\x1e}\xbdJ\x8e\x92_\x8c\xe8\xba\xb9\xc7Ah\r'</t>
  </si>
  <si>
    <t>b'\xdf\x11\xc6?\xd9\xcf}\r\xb22\x0e|\xab\x10~&lt;+\x90w\xf4E\x03\xfc\xef\x11\x02\xe1\x1c\xd7\xe1\xd1\x03'</t>
  </si>
  <si>
    <t>b'\x9fB\xc9\x9dJ\x19y\t|e\xa1\x9e\xdfB\x14\xca\x91\xf2\x0c8{&lt;\x8b\xdc\xaa\x02\xed\xb3\xe9\xa7T\xf9'</t>
  </si>
  <si>
    <t>b"\x997JZl\xbcG\xcd\xfd\xf4\xc7\x90\x89'%tor\r\x16X\xc5\xab\xbd[\x10l\x13\xddY\xe0v"</t>
  </si>
  <si>
    <t>b'\xad\xf6dNVD\xa4\x9d]\xe2\x87%[\x88\xce\xe7\xdd\xaf\x1f\xd4\x1e\xc3\xee\x18k\xc2~\xa4/\x18os'</t>
  </si>
  <si>
    <t>b"\xfb\r\xda\xd9p\xae\x8c1\xccAaF\xf4?O\xca7\xe8R=\x9c'\x9b)Y\x92\xa4\xfa\xdb\xa1A\xf4"</t>
  </si>
  <si>
    <t>b"\xa4~'X\xe5\xde\xf4l:\xfc\x08\xdc\x18+\x16\x1b\xa5N\xd6\x10{Y\x8b\xe5T\x85^;\x14\x97\xfa\x90"</t>
  </si>
  <si>
    <t>b'\x8f\x08\xf0\xc7\xba\xcb\xa71E\xf7\\\x9fd\x80\xdf\xb2\xaa\xd9\x98\x0f+\xceX+\n\x9aW\xd1\xfd5\x105'</t>
  </si>
  <si>
    <t>b'R\xe3\xb8\x8eU\xc1\xac\t\t\x9a\xe8\x9e\xa2EQ\x84_\xe1O\x18S\xea&gt;\xbc\x1b\xcc\xf7\xd3\x12\xf3\x7fR'</t>
  </si>
  <si>
    <t>b'\n\xcdG\x13\x17\xee\x1c\xc2\xfay\x11\x9cH\r\x8d\xc2\x0f\xcf\x17n\x1b\xc3D\xc4\xb0\x10\xe8\x92\xde\xb2\x8a\xa5'</t>
  </si>
  <si>
    <t>b'\xef\xf2\\\xf2\xde\xb7TZbU\xa8\xefu\xda\xdb\xe3\x1d6\xd6\x99\xd7\x0f\xe8\xf6\xdfe_\x00\xa3\xe6\xf0h'</t>
  </si>
  <si>
    <t>b'\xc5k\xf0l\x01d\x17\xfa\t\r6a\xb2\xae\xe4\xfa\xabs)\x1ao\xd5\x845p\xcdN\\%v\xac\xd8'</t>
  </si>
  <si>
    <t>b'\xc9$\xfd\xfe\xe2\x1c\xae\x1f\xe1\xb7\xf3:)\xb8&lt;\xae\xa7\x88\xe6\x98\xa8\x9c\x84\x82:\x85\xaf \x98Q{\xfb'</t>
  </si>
  <si>
    <t>b'c\xce\xc9\xa4\xd1#c\x83\x90&lt;\xb9l\xd5H=2\x869\xfc\x0fi\x02\xd3\xf7"6q\xe8~4\xe5 '</t>
  </si>
  <si>
    <t>b'\x02\xe7T\x1c\xe8\xa8o\x9e\xb9;\xb0h\xab\xd2C\xe8\xf9\x9c\xd9\x93\xb6\x1e\xe7\xdd\xc3\x19\xca\xd8&lt;\x00x\x14'</t>
  </si>
  <si>
    <t>b'\xb6`\x03\x11\xa7&gt;\xb9\xed\xc2\xe3!]|q\xcf\xf6y\x19H\xaa\xe8\xd3\xb7y\x9c\x11\x12+\xc7+\x90\x9d'</t>
  </si>
  <si>
    <t>b'\xd0\xd0\xed\x8fT\\1a\xa5\xc6\xe4\xb5\xa4\xd4\xfaC\xb0\x9e\xc45\x13\xfd\x02\x8a\xf55\xc3\x9b2JA\xb7'</t>
  </si>
  <si>
    <t>b'\xb1\x9c\x96Y\xb2\x9fME\x8e[:\xcb\xd5\xe0\xf7\xd6\x96=\xc3;\x17,\x18\xa1\x0f*\n&lt;C\x0f\x0f\xa8'</t>
  </si>
  <si>
    <t>b'\x01Z\xf7\xe6A\x17t\xe4\xfd\xaeM\xa2\xdfz3\xcf\xfd\xf7\x1b\xb1\x8d\xa3J4\xef\x85\x8e&lt;\x01Q\xadw'</t>
  </si>
  <si>
    <t>b"\xfa\x17\x19'\xdcI\xb9\x03\xef\x04\xfb\x9axE\xdc\xf0\xec\x94\xbc\x13\xf3F\xc4\xfat\\~X\x17\x82\xfeY"</t>
  </si>
  <si>
    <t>b'@\xbdy\x8d]\xf3\xb5&lt;,\xaf\xdb\xbe~\xfc\x18z\x98t\xe65\xab^\x87\x0c\xb02\xe2pJ\xf8)j'</t>
  </si>
  <si>
    <t>b'\x93\xb2\x91\xc6M\x15J\xbc\x80\xdc\x9f*g\x0c\xa8\x05y\xcb&lt;\xbfg1\x94\xd5\xdfx\x08r\x8d\x87\xe2\x8a'</t>
  </si>
  <si>
    <t>b'\xe5\x8e\x1e\x15\x0eK\x0b\xa4%\x8eV9\xdb\xc8&lt;\x1b\x15\x04\xe0q\x15\xe8\xd0t\x8e\xa5W\xbe\xecZ\xa6\xf3'</t>
  </si>
  <si>
    <t>b'\x9f\x16\xbf\xee\x92S"D\xeb\x08\xa0\x8fq\x9f\x88\xaaP\x04\xa1\xce\xc4+\xb3\x1d\x16\x89f\xf1\x9f\x9f\x85\xf2'</t>
  </si>
  <si>
    <t>b'\xc4\xeb\x81\xd1\xb8\x85W\xbfJD\xa8\x1a\xb0\xbf\xef\x10\x0c\xae\xa7I7\t\xa2|@\xe7\xed\x06N\xb3\xd8\xc4'</t>
  </si>
  <si>
    <t>b'\xaeL\xd8p\x85mY\x1b\xc2\x92\x0c8\xb2\xce"\xd3iH\x9b\x14 )\x10\xb3T\x82\xaa\xabR\x8aq\xda'</t>
  </si>
  <si>
    <t>b"\xf4\x13j\xf5\xb4\xd9x'j2\xb9\x13\xa6tF\xbes%\xe4\xcap\xfa\xb5!e\x0e_!n3\xf9\x02"</t>
  </si>
  <si>
    <t>b'\x1b!\x8a\xb3@\xdb6\xc7,\x14}e\x1e\x9bWN\xa8w\x16\x7f\xffuq\x08\x0bl\xb4r^\xee\x9e\x9a'</t>
  </si>
  <si>
    <t>b'\x99\xec\x80\xadW\x05,\xe5\xefC\xdc\x7f\xfe\x96\xfc\xc3\xb4c\x8c\xb8\xa7\x92^\xdb\xc8#g\xa7*\x98\xcb\xb8'</t>
  </si>
  <si>
    <t>b'\x93\xd4\x94j\x83\xa9(\xe5N\xaf&lt;I\x0c\xcc)(e:\xd6\xbd\xdf\xc2L\x8d\xfb\xb5\xf9\xba\x1f\x1e\x96a'</t>
  </si>
  <si>
    <t>b'ge\x9c\xdc\xbbB\xe1\x1d\x90p\x94oL\xf6\x1b\xa5\xf0\xcc\x16\xb0d\xd2V\xa3Nn@\xb2Z)\xcf\xad'</t>
  </si>
  <si>
    <t>b'\xf2\xcb\xd1\x90\x96\xd0\xff\x9b\xd7*\xab\x16\xb1\xa5\xbds\x02\xa3\x13\xd2\x1b\xc8,\xff\xe0\xect:\r\x03\xcfG'</t>
  </si>
  <si>
    <t>b'\xcd\xa4s\xe8\xee"\x95\xe2\xe9pj\xb6@0\xbb\xba\xcf|Q\x0e&lt;\\\xa3\x8a\xcd\x04\xc7\xbb\x1e\xb2|\xea'</t>
  </si>
  <si>
    <t>b"\xa8\x02\x03\x19X\x91Aq'f\xa9\xaf\x9bB\xab\xe5\xac?yX\xa4\xa1\x92\x988\x81\xa5\xe21K\x89'"</t>
  </si>
  <si>
    <t>b'\x04j\xdd)\xed\x85\xcb\xd8F\x10g@\xb3\x88\xbb\xf8@\x1a\xa0\x91)_\x07xm\xb0A#\xb2Q\xb3\x95'</t>
  </si>
  <si>
    <t>b'\x91\x05\x03\x81C^\xad7d\xc4\xfc\xc8\t\xe7T\x86\xf7\xef|\xd5\x1a\xdf\xbd\xd1ZQ\xbb\xbd\x84&amp;\x94\x18'</t>
  </si>
  <si>
    <t>b'\x87E\xc8\x81\xcd{\xd5\xa2bW*\xb0\xc4\x16\x97$\x11\xc0\xc2\xc6\xf5\x8f\xc3\\\x16\xc1\xa0t\xb8\xcd\x93S'</t>
  </si>
  <si>
    <t>b'\xe7\xee\x02e#\xe4l4\xa5\xb0\xa8\xcf~)\x04\x04wMAO#\xae\x05\xb2\x14\x1f\xe7\xfa\xec\x8f.\xf0'</t>
  </si>
  <si>
    <t>b'\x01\xfe\x82`\xbdJ\xf2\x98\xc6\xfa\xe6\xab\x8c\xbe\x7f\x1d\xf6\xb6\x827\xd8`\x95x\xfd\x93?\x86\x16\x14(\x82'</t>
  </si>
  <si>
    <t>b"&lt;\xc3\x15\xb8\xce\x81Fl\nW*\xffcQ\x8e/\xbbbP\xdf\x10\x81n\xe7R\x82\xcb\xe7T'\xb9D"</t>
  </si>
  <si>
    <t>b'X\xb8\xadi\xe7\xf8\x92?lE\xca\xfd\x81\xb2U\xd6\xc91\xff\xfa\x8cI\xf7s\xfe\x8d\x02{\x9b\x058\x83'</t>
  </si>
  <si>
    <t>b'\x98#)\xb9,A\xd3\xe0e\xa9\x8e3\x03}Tx\xf9f\x08\xc6\x1e\x0f7\xc1\xd9\xb0t\xb3vS\xc3\xba'</t>
  </si>
  <si>
    <t>b'\xb5\xf1\x00\xd5\xb6i\xab\x1e\x04\xa22b pj\x8a*9\xa8\xcf\xf4\xb4\x90a\r\xbf\xa6\xf8\x0f\x11\xfei'</t>
  </si>
  <si>
    <t>b'~D\xe4\xa3\xf5/\xb9\xf50\xcc\x9d\x1a\x9d\x8a\xae\x9f\x9c2\xb8\x8d\x87D\xa0\x14\xfdz\xa3\xf5r\xd8&gt;\x1e'</t>
  </si>
  <si>
    <t>b'\x11\xf5(&gt;\xf76t\xc5\x11\x82\x11\x89\xdf\x8a\xbe(UF\xban\xc2%\xdcT\xfa:3\x9cd\xa8\x17\x00'</t>
  </si>
  <si>
    <t>b'\xb2\x8a\x8a\xa7Q|z\xd0\xbdAT\xe9\x10\xb1\xfe\x06\x0e\x02\x0c\xdc9T\xde\xf7\x89\x07q\x16\x85\xa4\xf0\xd4'</t>
  </si>
  <si>
    <t>b')*9\xbf\x9a\x84\xe1\xec/\xc9\xd7#\xe6\x14\x82#\xd0\x05,\\\x88\xe1\x93\x0c\xe9h\xfa:\x9a\xb5_\x95'</t>
  </si>
  <si>
    <t>b'\xd1*\x1f\xd8q\x0et\x9d\xd4\xd3}\xdb\x86\x86\xdf\xa12\x86`z\r\xaa\x0cj\xad\x02\xce!\xeeb\xea{'</t>
  </si>
  <si>
    <t>b'\xc3?\xfa)3\xe7\x1a\xffbA\x16\x1d!s\xa3\xcci\xab\xbdF"1\x85\xbd\x80\x08\xf6\x07\xad\xc0\x8d\x87'</t>
  </si>
  <si>
    <t>b'\xf3\x14&lt;\x9c=$.\xb3\xe9L\xbc\x06\x10\x07\xb2Z\x1be\xa8\\\x95;A\x88\x10\xde\xa3\xedl\xa5\x88\x7f'</t>
  </si>
  <si>
    <t>b'\x81\xc0\x94\xe8U$\xd5\x04F\xd6\xff\x17C\x96\x00\xe39\x96\xf6C\x88#\xad\x10\x84\x8b_\xf1\xf5\xec(\xd1'</t>
  </si>
  <si>
    <t>b'|\x88l\xa9\x06Lj\xdf\x0f5\xb1\xe2\x98|\xc2\xbf\xc4\xab\xe7\x0eZ\x17\x95SX1\x9e\xd8\xd3)}i'</t>
  </si>
  <si>
    <t>b'\x03\x171\xe4\xa4\xe1eg6\r\x126f\xc8\x93P3\x8e\xc0\xf6\xacc\xd0\n\xa158;Z\xcd\x13\xa8'</t>
  </si>
  <si>
    <t>b'\xff\x9f\x8a\x99.\xf5\xe1\xa3@\x05\xe50\xd6\xc8\xa4[{\x84\xe9\xee\xde\xc0\xc7\x87-\xd7hG\x82\xab9\xd4'</t>
  </si>
  <si>
    <t>b' v\xe0\x19T\xa9\xe3\x9dz\x03XP\x19]05\xcd\xa8\xbf\xfdq$\xe7\x90sW&amp;\x18\xe2\xce+\xde'</t>
  </si>
  <si>
    <t>b'\xeaP\xb0y*\xc8\x0f\xbbI@u\xaeI;\x1e\x1f\xe9pmx\xfc\xee\xddJ=\x91\x04-\xc8\xc9&lt;\xaa'</t>
  </si>
  <si>
    <t>b'7\xee\x85\x0f\x8fU\x8dnk\xd3\xd0\x90{\x1d*\x94Q\x1d\xe9\x86d\x05\xbab\xc7q)\xbf\x98`O\xdc'</t>
  </si>
  <si>
    <t>b'6\nZ\xe8\x99\x9b\xcf\x8b\x00X\xdc\xea\x96\x8f\xba\x88auU*\x89\xa3_L\xbe\x91p\xa2\x13:\xa9\x08'</t>
  </si>
  <si>
    <t>b'\xe0\x13\xa0\x12%\x7f(\xf0B/=\x88\x97eI\xfb\xe3\xba2\xd5i\xca\xa1\xf8B\x1b\xf0\xda\xe8\x9a\xb2\xe7'</t>
  </si>
  <si>
    <t>b'\x19\x11Crt\xffU\xd0\x96z\x06\x9d\x05m\xe9\xed\xd1\x98\xbc\xb3\xae\xf4\x93\xdf\xf7\xcc=&gt;\xd0\x13Z\xee'</t>
  </si>
  <si>
    <t>b'\xfc\xd9\x151\xeb\xeb\xa7\x0cC)\x11\x06\xb7\xde\xa1\x85_ \xaeA\xd3\xae\xf9x\x95\xb3\xcf\x172\x94$W'</t>
  </si>
  <si>
    <t>b'\xdf\x06F\x12\x7f\xcb\xf7\xc7\xc8X;tZ\xee\xedk\xdf\xef\x9c5\xdfl\x86P\x92\xe9\x91 \xa2\xfbo\xdf'</t>
  </si>
  <si>
    <t>b'K\xc3\x0f\x13[\xb3\\\xc5R\xfb\xc1\xbe\x0f\x8f\xe2\x8d\xb3\xee:69&lt;\xff\xf3\xa47\n\x85\x97\xe1OS'</t>
  </si>
  <si>
    <t>b'\xb6\xfd@\xa3\xcf\xb7\xb0J;_\x88\n\x06\t\xc0\x83&amp;w\xc7SqN=~\x82S\x8f8\xd0=)\xc2'</t>
  </si>
  <si>
    <t>b'\xc2\xc3\xda\xa9\xbfL\x98\xfb\xd2\x1f\\\x8as\x08|j\xf7zae\x0f\xdf\xc3\x9b\xb45\x03\xc7&gt;!z&amp;'</t>
  </si>
  <si>
    <t>b'\xd7Kl\xd0S)\x12%O\x14Za\x17\x19^\xdd&amp;\xd3\xd3\x13zFY0\xe5\x8e!O\x1bh\n\x06'</t>
  </si>
  <si>
    <t>b'i"}\xf3\x80\x1c\xb3\x12l\xefQv3H}\xaa\xa8z\xb0\xf3\x0bvUk\x96\\m\xc2\xd2\xa6\x1eb'</t>
  </si>
  <si>
    <t>b'\xeb\x83\xda\xbf`}M\x94\x89-W\x83\xb0o\xf8"\x0b\x16X&amp;0\x00\xc3\x16N\x15\xe5)\x8de@R'</t>
  </si>
  <si>
    <t>b'\xb7a\xbb\xc7oE\xea,\x88U,=\xa5k]\xd4H\xb1*RB\n\x9ch\xb5\x1d\xebs\xa2\x95\xb7\xfc'</t>
  </si>
  <si>
    <t>b'\xe8-\xdb\x07\x1fC\xd1\xe9\x02\x07brP^\x1dF[4\x00\x8b\x86\xed\xb6\x03\xa2#K\x82\x87v\xd1\x9d'</t>
  </si>
  <si>
    <t>b'\x8c\xc1\xfb\xf5\xc0h\x0b4\x19\xc6&lt;\xe9d\xfc\xbe\x14V\xa9u\xcd\x89\x1db\x13E\xf9\x90\x94\xec\x99\x1d\xec'</t>
  </si>
  <si>
    <t>b'\x1a\xd4_\xdf\xf9uw\x06\x93\xbbZ\xa7X\t\x90\x9c)2\x02\x91\x1e\xbb\rUtir\x10\x07\xe0\xc9\xda'</t>
  </si>
  <si>
    <t>b'\xbf\x80&amp;E\xf8&gt;D\x12P;\x12\x15!\x93\xcb #+\xfe\xe8\xd0]4\xdf\xbb*\x1c\xac\xac\x9d\xe2\xc1'</t>
  </si>
  <si>
    <t>b'\x8d%@\xbbD4f\x90\xebb2\x99\x86\x00\xc4\xb3J\xeb\x18\x941\x81-JGY\xdd\x91hz?\xa7'</t>
  </si>
  <si>
    <t>b'\x13\xa9na\x8b\x80\x12\x17VNl\xf7\x8e/\x13\x93\xe0\xc5\x80\xf7\xceQE\xbe3\xbfiT\xac~w\x86'</t>
  </si>
  <si>
    <t>b'J\xc7\xb1\xc0\x84\xbem0\xa7)\x94&gt;_d\xef7\xce\x05\xb9\x02\xfb[\x99@\xd5bT\x0f\xf1\xdd\x1b\xe5'</t>
  </si>
  <si>
    <t>b'9-(\x17\xd2\x9a\x13\\ I\x88\xd4#S{\xd8oq-PGx\xcb\xc6L~\x9d=v\xba\xd7\xd9'</t>
  </si>
  <si>
    <t>b'q\x9fm\x1c\xf9\x8d\x01\xcd\x1b\xa7\xc6\x85\xe3\xb1!\xef\xd9\xabf\x1c\x06$\x1e5m\x87\x82\\\x8d\x1b\x9f\xe8'</t>
  </si>
  <si>
    <t>b"O6\xb8f\xa6U\xdf\xa6\xd9\xc5p\xa6\xc5\xb7\x9eb\xec\x86Uk'},%\x16\xf4h1\xebAd\xd8"</t>
  </si>
  <si>
    <t>b'\xee\xa1\xfd\x11\xd1\xb3&amp;\n\x8d\xa9\x97\xbck\xd1\xa33c`f\x8b\xbe\x88\x8a\x93\x11\xad\x84\x13v\x0cC\xcc'</t>
  </si>
  <si>
    <t>b'\xed\xe9"\xcf\xa1\xc0\x0e\x98\x14{\x9c&gt;\x8a\xb2\xea\x94\xc1\x1b\xf2W#m\xad\xf3\xecs u\xc3\xa6\xa1"'</t>
  </si>
  <si>
    <t>b'\xb7\x84\x9bf\x80\xaa\xbb\xd0\xdc\x7fG\xb7T7$2C\xcb\xf4\x14{U#\x96)\xb4\x1d~\xa6\x97\x19\xa4'</t>
  </si>
  <si>
    <t>b'@g\xc1\xa0\xc4\x0eH!w\xd4k\x02\x10\xd5\x032u\x7f\xe1\x9b\x8a\x0c\xeeX\x17W\xb4\xa4\x8b\x1b\xcd\xae'</t>
  </si>
  <si>
    <t>b"jN}\xdd\x98tA\x17\x11\x9f'm\x80\xbb\xb7\xaddKI\xe3\xb5\xa6\xf5\x86i\xcf\xe0x\xfd\x97\xa5\x9f"</t>
  </si>
  <si>
    <t>b'\x0b\x8b\xed\x8e\x8bo\xae\x16\xa4&gt;P\x1e\x80\x9cFPG\x1a"\xbd/#\xc1\xca\xf8l\x98w\xc5\xf3\x9b\xf3'</t>
  </si>
  <si>
    <t>b'/\xd5\x048\xeb\xf6\xfa\xcb.P\xcc\x13b\xd3\x08\xee\xf0\xf0U\x1a\xa2\xcf_\xd8e{\xd8\x19=\x8f\xd7\x86'</t>
  </si>
  <si>
    <t>b'H\xd8-\x13l\x1c\xed\x13~*\xb5\x96\xf6\xba;(\xccW\xf1\xc8.\xc4\xbc\xf7a\x93\x89\x96\xbd\x98\x05\xd7'</t>
  </si>
  <si>
    <t>b'w`\x9fK3OA\xf8\x04\xa0\xf2\xd5\xd3aj\xe9U\xf7j\xbf!\x98\xf7=\xfb\xc9\xc1\xda\xbcJ\x91\xc6'</t>
  </si>
  <si>
    <t>b'\xcd\xbc\xe8S\xd8\xfd\xd3\xa2\xe7t,\x83]a\xc0\xb5k\x14o\xba\xe9\xce\x9eq\xfc3t|\xb5c\x9b\x9a'</t>
  </si>
  <si>
    <t>b'\xf4\x8cL\x8e\x89}(\xd9\x18\x05\xc46o_\x85\x1a\xb2\xa8\x1a\xeel\xba\x19\xad\x9b\x8a\x13\xac}*\xb9\x7f'</t>
  </si>
  <si>
    <t>b'/\x16\xc92\xa5\x05\xbb:\xf5\x7fJ\xb6\r\xd1\x97\xc6\xe0\xe7aD\xd8^\xb6ene\xc42\xbaI\xcc*'</t>
  </si>
  <si>
    <t>b'\x02;`\xee\x08\x81\xc9\x83\x86\x19=\x89\x83v1\n\xe9\xc2/\xc8\x0b6\x8eE\x1b96y\x97n,i'</t>
  </si>
  <si>
    <t>b':\x0f\xcbO\x96\xdc\xca\x11X\xc65\x84\xc0?\x15\x04\x0c\xd1\xd6N\xceN!\x05\xf1ZG\xd9F\xcaa\x9c'</t>
  </si>
  <si>
    <t>b'\x8b\xef\xe4\xcf\xc9k\xa0\xf6]\x15\xb0\xd0W\x95\xb4\xa9\xab\xba\x03\xe0\xdaX\xda\xda\xf1\x1d\xe3\xacf~|\xf2'</t>
  </si>
  <si>
    <t>b'\x12Nq\x97#\xad\xc1\xaf3\xe1&gt;\xe38v]\xe8=\xfb\xb9T\xaaj\xc9d\x8c\xdbY\x9d\xe0\x991P'</t>
  </si>
  <si>
    <t>b'\x8b:\x11=eT6\xa0\xc6j:\x96\x1e\xd8WT\x9e\x16\xe3\x19oR\xce\x933i\xdb\x92h\xee\xe7\xb2'</t>
  </si>
  <si>
    <t>b'\xd94t\xba\xf0}y\xab\x9b\x88\xaeC:C\xb0\x9e\x06R\x8e \xa9=\xbeK\x17\x01t\xc9\xe6\xf0\xb7s'</t>
  </si>
  <si>
    <t>b'\x7f\x12\x96\xa3d\xdb\xcc\xb3\x9c\xd9`\xb0a\xe3\x92b\xd6[C#h\xe5\x11H\xbf\xff\xa6 \xbf \xc3\x94'</t>
  </si>
  <si>
    <t>b'j\xb5\xe9\x8czqn\xd1\xc8w\x15\xaa\r\xcb\x1c\xa9\x04\xbff\xb7\x98[\xe9\xc0\x89\x80\xee\xc8nU\xc6\x07'</t>
  </si>
  <si>
    <t>b'\xccW\x8am\xb3\x8f\x1e\xcc\xea/\xaa\x00\xe3\x0b\xb5T\x15\xb6\x87\x95\xc1\x18q\xae4\xea&gt;\xfa\xd4j\x82s'</t>
  </si>
  <si>
    <t>b'z\x19\xca\x14\x01\xda\x99\xf1o]\x10\xd1*\x91\x9b\xf7K\x91\xa8\x16\xceH\xe1\x87\xd3\x04"\xe3]dB\x1e'</t>
  </si>
  <si>
    <t>b'N\x885\xec\x86\xf6\x04,\x15|\xd4\xfb#\xc0\x85Ju]xgM\x85\xa3\xabT\xb6\x8b4\xc0\x1f\xf6_'</t>
  </si>
  <si>
    <t>b'b\xb1\xc2}[O&gt;\xdabW\xb4\xc6\x96\xea\xfe\xe7emu\xa59\xb4m\xc6\xa4C\xbfW\xc7\xc0\xa2\xa0'</t>
  </si>
  <si>
    <t>b'HD\x81~\xe1\xf9q\x89\xd3\x8d\x15w\xb6\x0c\xa1V\xfe}\xe1\xacP(\x0bdP\xbe\xd1-\x9a\xff(w'</t>
  </si>
  <si>
    <t>b'\xb0\x8b7"\xde!U\x95&lt;\x80\xadY=\x02\x86\xa56\xeb\xda\xe9\xbc\xcc\x03\x9f\x97065\'\x9c\t\x84'</t>
  </si>
  <si>
    <t>b'\xb1\x92\xca\xe4\xa1\xe7R\x8cn\x8b\x97\x8c\x13\xae\xde\x9a\xa0G\xc2\x1f\x14B7\x06\x16a\x82\rv\x04\xee\x88'</t>
  </si>
  <si>
    <t>b'&lt;0\xe0\xbe\xce\xfe\x03c\xd0Z\xd3XZ\xf0\xa6\x7f\x82\xe8\xdc\xd7\xdd\xd5\xd4\xca\x1c\xe5\xee\xd2\x06\xfe\x8c\x91'</t>
  </si>
  <si>
    <t>b'\xa6\xf5k\xe0mN\xcaH\x1f^\xffu\x8b\xbd\x06R\xb5\xa1\x8ev\x1dbA\xc3\xfcD\x1a\x00=\xcc\xe5\xfc'</t>
  </si>
  <si>
    <t>b"\x04\x05\x9eX'\x81kmw~k\x1e\xcd?\x9a\x9dvP\x0bh\x8fO\xe5\xdc\xa5\x8c\x1d\x86\x8e\x04\xb3q"</t>
  </si>
  <si>
    <t>b'&gt;\x8c\x01\x07}6\xa4!\xa5\xe0\x10U~\xd3\xfa\xa0\x1cL`J\xb8V;Y\xaf~\xb6\x1c.)|\xbf'</t>
  </si>
  <si>
    <t>b'8\xe9\x0c\xec\xe4Y\x1f\x81r8\xa0~M\x88Z0\x05\xae\xd7\xda\xfa\x02\xc2\xc8\xd9e\x17l\x16\xb6\x85\xc4'</t>
  </si>
  <si>
    <t>b'\xd7\xb3LH\x00\x00\x14s\x97\x0c&amp;\x18\xa0P3\xb7\x01\xe7[\xd1@\x8c\xc1G\xde\xf1\x1ah\x89\x8f\x99\xf8'</t>
  </si>
  <si>
    <t>b'P`f\xb1M(\xc1&lt;!\xd5\xf6M\xb1\xbd\x1e\xaa\xaa\x88\xd6\xc4S\xa4$9\xcf\t@\x82\xa6p\xb9K'</t>
  </si>
  <si>
    <t>b'\xb6j\x88M&amp;\xf9\xcb&lt;\xa7\x10$\xf3Lg\x91\x81\xd0\xc1\xfco\xc1\xfa\x8d\xa5`b\x99xx=g\x9b'</t>
  </si>
  <si>
    <t>b'M\x8ap\xed\xf2!\xe0\xd6\xc1\x88\xf1\xec\x01&gt;w\xfd^\x82!BQ\xec\x7fD4\xd1\x7f\x89\xaa\xe9\xce\xb6'</t>
  </si>
  <si>
    <t>b'8f.M\xd8\xe8\xa8\xbc\x04-V\x8a\xa2\x81;^Y\x80\x7f\xfc\x1d\x1a\x03\x81\xe0\x05?\xa8\xcf\xa4\xb4l'</t>
  </si>
  <si>
    <t>b'\x8f\xf9\xa1\xc2w{\xff\xd95f/\xc6\x97\xe1\xe4j5\x7f&lt;\xf3=\x13\xd3\xc8\x1d0\xe0\xaa\xfe\xd2\xaeQ'</t>
  </si>
  <si>
    <t>b'\xc8dS\x9c\xfez\xa9\xb1\x19\x14\x1d\xd8e\xf4\xba\xa6\xecK\xe4*\xa1\xfd\xf5&gt;\xd5\xc9,C@\xe2C\xd9'</t>
  </si>
  <si>
    <t>b'tm0\xdfg|\xb8\x9c\xfe\xe2$G\xe4DWs\xef$c&gt;\x84}\xf3\xb0\xf6\xac;\xc3\xc2\xdeC\xb7'</t>
  </si>
  <si>
    <t>b'\x05\x86\xc4Bm\x12\xeb\xf9\xae\xc1\xd7\xb0\x0b\x1b\xae\xc5X\x8b\xe4\xe9\xac\xb3\x81\xea\xb6y\xb8j\x92\x9e\x86s'</t>
  </si>
  <si>
    <t>b'\xc0l3\x0f\x8d\xca\xb1X\x96X+\xe37\x00&amp;W\xcf,\xc1\x01\x85\xff\x11\xc3\xef\xec\xdb\xbc.Nas'</t>
  </si>
  <si>
    <t>b'\xbak\xc0\xd3 \x1d\x1f\x0c}g\x9d\xa3\xcaZ3\xc0{\x05\xea\x17\x98u\x85\xe3+\x1bO0\x8fz\xb3&gt;'</t>
  </si>
  <si>
    <t>b'\x8f\xadQ\x07\x00+\xfb\xc8\x821\x0c\xfa]\x82\xa1\xddH\x89\xe5\xc2H\x85|\xad]S\x17\x18d\x18\xb5,'</t>
  </si>
  <si>
    <t>b'\xac\x06o_a\xd6-\x85D\xe4\xe7Q\x9a\xf7g"\x928\x12\x04\x91\xc6\x19\xdd\xe34P\x1f\x9a\xb6\xab$'</t>
  </si>
  <si>
    <t>b'\xebn \xfc\x879\xc7=\xe4\x04\xc6(\xcbT\x07l\xd4i=\xf5wP\xf2j\xfa\xf5d\x05\x1098\xa5'</t>
  </si>
  <si>
    <t>b'\x15\xdfAvCG\x9aDW\x9c\xcf^\xe1\x86Oo\xe5\x11\xfc0\xf9K\xf3\x8bSI\xe1r\x83x\x8b\xbc'</t>
  </si>
  <si>
    <t>b'\xb2^\xe8L(\xd9\xfb\xf3\xf0\x8e\xcc\xd5\x1e\xe5}m\x99|\x1d\x80\xcd\xad\xc1\xbf\xa4LQ\xb0H\xf0\nU'</t>
  </si>
  <si>
    <t>b'5dIe\xc0\xd4\x03\xd3\xbf\x94Bv\x1fb\x18U\xef\x13M)\x95\xa08\xd5:{Q\xe8"\xafN\x17'</t>
  </si>
  <si>
    <t>b'\xb2\x06B\x01(\xd23\xbcZ\xcf\x92\x86)&amp;x\xd8\x89\xa3e\x82\xcf9\xd3\xa6/5\x8bRB\x10\x8c\xff'</t>
  </si>
  <si>
    <t>b"\xd9\x94u\x92\xcck\xb3]\x9e\xd5|u\xc7\xf8'\x06\xe1v\xc0_\x14\xe6\n\x05z)G\xe1\x90\xbb\x8b\xfd"</t>
  </si>
  <si>
    <t>b'at\x96\xd5J?2_O0\xfb\xdb\xe84\x84\xcb\xf5\xd9B\x15P\xdf\xfc\xd8O\x930\x8e\xc7\xad\x84\xbb'</t>
  </si>
  <si>
    <t>b'|\xee\x92\x97$\xa2\xe6\xf0\x892\x16\x15t\xb4\x01(\xe1\x87i\xd0a\xb9\xbc_\x8dg\x15\x13\xca`\xe2u'</t>
  </si>
  <si>
    <t>b'\xba3\xa2@\x99\x17\x8f&lt;J\x97\r\xefU\xc5\xfd\x0c\x83*\xb8~\xb5\x86 x\xd5\xa2\xef\xbe\xfaC\x1a\xc5'</t>
  </si>
  <si>
    <t>b'?\x980\x17\xac\x12J\x98\x18\x92\x1f\xa8\xd0\xa0P\xb7;75\xc8\x1d\xbcD\x1a\x0eB\xdf-\x86r\xf7\x8c'</t>
  </si>
  <si>
    <t>b"6j\x81\x88\x9cT\xef\xa5\xc2\ro'Z\x16\xc5\xec*\x96\xb8w\x89\x95\x0bN\r\x83J*\xe8\xfdv\xe2"</t>
  </si>
  <si>
    <t>b'\xa5H6\xe7\x85\x141\x8b\x1e\xfe\x9d\xca\x92\x9d\x9a\xa2\xc0\x80C9\\\xacIV\xdcg\x94\x0c\xc9\x89\x95&lt;'</t>
  </si>
  <si>
    <t>b'\x0f:\xdd\x955\x07?\xb7e \x94?\xbd\xd8\xee/g\xfe"\xea\x1f\x18v\xd1\xf7\x80,\x8a^r\xf4G'</t>
  </si>
  <si>
    <t>b']\xcc\xab\\\x89\xffrz\xb53R\xadM]\xac\x07\xbd\xb9\x90\x9c\xa8\xa7W\x1e\x10\xeb\xac\xf6a\x1a"\xee'</t>
  </si>
  <si>
    <t>b'\xa2U\x0b\xdduQ\x12\xa2Y\x01e\x9d\x8bo\x0f\x04[\xc3\xeag.&lt;\xa1\xf8\xbb\xc3Eo\x9d\xa2\x18\xfc'</t>
  </si>
  <si>
    <t>b'\xf2\xee\xf7vk\x13\xe3\xe3\xe4:\x86\xbd\x82l\xb0\x04\x91\xb1\x9d\x13\xfa\x8d5\xa0\xc9\xe9O\x98\x91\x83\x07\xe7'</t>
  </si>
  <si>
    <t>b'z\xeah\x9c\xb9\x16\xeb\xd1\xdeE\x0c\xc9t\x0e\x1c\xb5\x83\xdb\xfd\xf1\xaa\xc0D\\\xba\xcd\x12\xde\x05\xd6?e'</t>
  </si>
  <si>
    <t>b'\xf0\x9f?\xf9\x19\xfa\xd1\xa4"\xf1\xad\xfd\xe1\x19\x10\x9cu\x9c\x93{\xba\xec\xe8\xda\x97\xbag\xd8{\xc1"+'</t>
  </si>
  <si>
    <t>b'\xe7\x9dX\x07\x1aj\x16\xc3N\xd6-&amp;(\x86\x8cU\x07\x0f\xa5\xc1\x95\x1e\xf3\xed\xa5\xd1TT\x8eI\x8c\xc4'</t>
  </si>
  <si>
    <t>b"d\xb1Lp'\xb0&gt;\xcb\x8d\x1f/\x95U0\x12C\xb0md\xd94\xd5\x8dj\x8eG\xf2s\xef$t\x8c"</t>
  </si>
  <si>
    <t>b'\x15%)\xc4\xdd A\xab\x98\x96\x83]&gt;Y\xbb8n]\xbd\xae\x96\xb4\xa5tc.\xf8l\xb3\x9c\xfe$'</t>
  </si>
  <si>
    <t>b"\x0c\x85-\xca\x89\n\x19\xde\xa6\xcd\xcc\xa1\x13\xc1\xb4#\xb9\x11;J\x1c\xf2\x06'\xcd-\x1ew\xff\x1cu\xc6"</t>
  </si>
  <si>
    <t>b'\x1a\x1d\xd4\xbc\x0cV\xf0\xcd\xcc\xb7\x80\x8d\xb5\xd7I\x0b\xd1\x88\x8d\x99\xec\x8c\xf3!\x92\xddu:\xde\x05\xdd\xc6'</t>
  </si>
  <si>
    <t>b'F\x99`?x\xd8b+9\x10\x8e\x1c\xc6\xa5`7\xb4NO\xffal\xe3\xaa\x85\xa1\xb1)A\xa1k\x83'</t>
  </si>
  <si>
    <t>b'm\x93\xd5)`|\xd1w\xef\x9c\xef\xa0\x97\x10\xe9\xf0\xbdd\xf4\x86\xa5\xab\xdf\x00\xb6f\xd0\x84\x05\x003\x1a'</t>
  </si>
  <si>
    <t>b'\x7f\x91H\x9d\x84\xe4\x18\xdf\xdbMV\xb8\xf8x^\x83i\xae\xc0\xe6\x9af\x0e\x7f\r\xaf\r\x91\x13\xb8|:'</t>
  </si>
  <si>
    <t>b'\x98\xdf\xc1\xe8|\xf0\xe8w\x0e\xd0"\xeaQ\xc5=L\xc2\xb8\t\x95\xc2\xa6\xc9Y="/\xef\xc4\xecnO'</t>
  </si>
  <si>
    <t>b"\xb2\x81\xd3f\x8c\x08\xfe\x1di\xe8\xf7l\xcc\x9d\x1a\xea\xe4\x9c\xfd`\xb3:\xe2)\x88'\xec\xbe\xb3\xe6\xc5\x90"</t>
  </si>
  <si>
    <t>b']\xcc\xe7Fp\x89\x80\xff\xe3\xa7&lt;\x1e\xe4#\xc1"\xc3\x9d\xe1\xf6\xb9\x1e\x89a\x17\xed,v\xf2\xc3~k'</t>
  </si>
  <si>
    <t>b'H\xd3\x86\xef\xbc\xfc\xa7\x88\xdd^z\x07\x16\x17\xceZ\xd8}\x01\xa6\x10M\xc3\x13\x89\xd9\xd36\x90O+V'</t>
  </si>
  <si>
    <t>b'\xa4\x97\xa5\xdc\x865\xf8X\xf3\x14i:!\t\x11\xf5 \xa9\xfb\x88\xb1~\x03L#\xb7\xe8\x1am\xb0\xc5\xb5'</t>
  </si>
  <si>
    <t>b'4C5\xe8FD\xebw\x80\xfa\x9d\xe90\xedC \x03\x15\x87=\x93\xb1\xe8\xe7\xc4F\x1dX\xaaf\xc9\xd2'</t>
  </si>
  <si>
    <t>b'\xdd9 \x81\xb4\xefZu\x81kg\x81\t\x86\xe8\x15\x8c\x08b\xfcr\x87\xce\xb8\xe5\xde\x10\xce(\x9e\xd3\xf9'</t>
  </si>
  <si>
    <t>b'7\x15\x89M\x841&gt;\xc9\xc7\xf9?c\xdb\x00\xe8\xa27\x9a\xdfJ/1L\x9a\xb1(\xb2\xf0*u+\n'</t>
  </si>
  <si>
    <t>b'.$\x05\x8e\x99\x82\xdcv\x90;"oH\xb9;N\xfcoFG\xe0\xad\xeb`\x81X\x8b\xac\x0f\x14\x9c\x11'</t>
  </si>
  <si>
    <t>b'\\\x05\xe0\x16i\xe8D\x81@\xfc\xd2\x8b\xb0\xb1\xacd&lt;\xb77`\xbei\xc6\x89\x1a\xb7\x85/\xcc\x11\xd4\xea'</t>
  </si>
  <si>
    <t>b'*.0\xce\x0c\xc9Sh\x07\x93&gt;\xcd&gt;+\\)\x90\x85\x89\xdf\xcb\x82I\x1a\xaa\xf1\x0e\xc7\x14\xcf\x18!'</t>
  </si>
  <si>
    <t>b'\xca\x8d3O\xa3\xaf\xdc\xd8\xbdT\xd9\xb7\xce[q\xb0X\xa1\xa7\xef\xac\x8e\tkv\xc4Q_R\xff\x02^'</t>
  </si>
  <si>
    <t>b'h\xf0\x89\xf3\x17\xc7\xb5&gt;\xaf\xd3\xbd\x10\xb0m{H\x88CsW\x1b\xf5\xe6\xdcDYC\x9f\x06\x8aX\xb5'</t>
  </si>
  <si>
    <t>b'\xa0\xff\xe7\xa9\x92\x99$t\xf4=Se\xbf\xdd\x98\xaej\xbcM\xc1\x93d\x17\xeb\x93"lWI(\xabY'</t>
  </si>
  <si>
    <t>b'\xdfs\x96\xe5_\x1f\x81\x87x\xc8\xf8i\x0e^\x99\xab\x94b\x8f+:\x81o)\xbb&amp;\x98\xc8\xd1$\x03\xad'</t>
  </si>
  <si>
    <t>b'\xbb\xff\xba$\xc8\x08\td\xd3\xdf\x81\xc8qsQ\xf6\xefJ\x0f{\xae%\xd02\xc5\x0c\xbb\x96I \x93\xcd'</t>
  </si>
  <si>
    <t>b'\x81\xd5"\x8e=\xcc\xff\xcf\xa9\n\xf2k\r\xcf\xec\xbd&gt;I\xc8|w\x11\xf4\xf4S\x89\x99\x14\xa1J\x97='</t>
  </si>
  <si>
    <t>b'\xbdQ\x95r\xc8&amp;yo\xb1-\x1d\xf4\xa3si\xccI%}\xee\x11\x11\xad\xbd\xad\xa5M\xc7\xb0}\x04:'</t>
  </si>
  <si>
    <t>b"\xa3^\xea\xdb3\xa5\xad9(Q\xe3\xe7Y\r\x8f\xb4\xae\xb6\xb6?\xb1'\xe6\xe7\x89&lt;o\x88\xcd\x1d5\xc4"</t>
  </si>
  <si>
    <t>b'\x0cF\xafyo\xe6N6F\x9f\x1fb\x13\xc3\xf4/\x92\x1a8\x7f\xd97\xf4\xf9\x95N\xbf\xf5\xea\xe3(C'</t>
  </si>
  <si>
    <t>b'\xc6D\xec\x82\x0e\x98#\x98\xad\x81\x10\xf5\x11\xec+\x14\xdc\xfb\x02\xb0\xbb\x9d\xaa\xc2N\x1e\xd4\x8f\xd0\xe9\xd5C'</t>
  </si>
  <si>
    <t>b'\xf8R\xd8&amp;\xa8\nX\x84\x1dIS\x92F\x02ex\x83\x80#/\x05\xa4\xdd\x9c_{j\xe6x\xcd\x9f\xc1'</t>
  </si>
  <si>
    <t>b'\xf2ws\xe56C\xab\xb8e0\x14CK\xe5x\xb5\xa1p\x11\xdf\xac^\xc0\x87w\x01\x06\x88_\xf4\x96F'</t>
  </si>
  <si>
    <t>b'.m"\xa7)J\xda\x01\x95/\x9a\x90\x8bZ\xe1\xe9cv\xf1:&gt;\xf0\n\x19"\xb2\xfc\x15\xab\'\xed\xce'</t>
  </si>
  <si>
    <t>b'E\xf8\xf4\xc0\xe2\x92\x8e\x0f\xb8q\xd3\xfa$u\xd0\x1a&lt;\x0c\xc1F\xfa\x8f+\x1f\x07\xd6\xe3\x8c/\xf3\x1b\xce'</t>
  </si>
  <si>
    <t>b"im\x0f\xd3\xe4\x12\xb8)x\x07Dl\xaf#\x83;0\xa7\xd4x\x8d\x86=']\xed4\xb6u\xc1\xf0\xb4"</t>
  </si>
  <si>
    <t>b"('i\x02\x9b\x88]\x11,\x9f\x93\xb2\x0eT\xcf#3\x8ah\xd5\x83\xf4\x83J\xd1\xea!\xcc7\x8b\x83\xb3"</t>
  </si>
  <si>
    <t>b'\x92\xad\xb4\xa8;\x18\x9b\xa1\xb7@\x1f\xa8\xbe T=\xc7:\xa6\xceIz\xeb\x01\n\x17\x90=\x92\xf8\xfb\xab'</t>
  </si>
  <si>
    <t>b'q\x10\x00\nn0hV(\xd8i\xc40\x1f\x12\xd1\n#\x0c&gt;Z\x11\xdf@\x12\x8dQ^\x1d&amp;\x81\x89'</t>
  </si>
  <si>
    <t>b' \xf2\x8e\x18\xd4\x9d,H\xb8\x14b\xd6e\xca\xb7\xa6\xe3\xb1\xd8Rs\x9e\xde\xa6Az0\xd9\x8b\xd9)T'</t>
  </si>
  <si>
    <t>b'\x10\x84V\xff\xf3\xf4\x16\xc9\x83\xf2\xbc\x1c\xdf\x8f\xf1\xbf\x19\xfe&lt;\xf1[\n!\xbd\xc7\xc6\x82\xfd&lt;ol\t'</t>
  </si>
  <si>
    <t>b'F\xfe\xe22\x12JN\x82h\x06\xcc\x074\x07\xd8\x17\xed^D=\x95\xc8\x15\xc2\x93*\xb8\xb2!\xc1H\xfe'</t>
  </si>
  <si>
    <t>b'\x8c6\xb5\xbe\xf7\xdao9\xef\xcf\x1e\xa9\xba\xf2p\xb6O~\x18\xfc\x01\xd3ea\\W\xd44|\t\xe7d'</t>
  </si>
  <si>
    <t>b'\x0f\x8f\x96\x8b\xd3V4ud\x02\x91\x04c\xb8\xb6N\x1c\x1bN\x84\xca\xc5\xf8\x845;\xc6b`$\xe9\xf9'</t>
  </si>
  <si>
    <t>b'\xcd\x14\x11F]K\x9c\x88=\x8bL(q\xd4\xcbf=\x0c\xa4%\xb6-MI\xba\xc1\xde\x82\xac\xf5BF'</t>
  </si>
  <si>
    <t>b'\xbf\xc8\xab\xbd\x0c\x13*N\xc2*u\xea@9\x95G\x0f\x90\x99\x92\xbe\x1dn_\t\xc5\xf2\xb83s\xf9\xc4'</t>
  </si>
  <si>
    <t>b'9Gt\x94\xe3U\xa0\x93"\xb8E\rD\x19C?\xf2p]R\xfc\xbbx(\xd4\xa6\xaf\x0e9\xef\x01\x8d'</t>
  </si>
  <si>
    <t>b"j\xce\xe5\xa0\x82\xe1\x07\x92\xde\x08'\xd7_&amp;\xfe\xf7X\xf6\x938\xa3\xfd\x96C\x1c&amp;W\x82\xa3\x13UX"</t>
  </si>
  <si>
    <t>b'\xb5\x0e\xd0{\x13l{g\x1c\x0b\xa1p&amp;\xd2\xa8\xf5\xdf\x81\xf6#O\x89\xf7\xf3*\xc5\x19\x8f\xf6\xde\x8d\xb4'</t>
  </si>
  <si>
    <t>b"\x89\xcct'6w\xdf\x13\x04\x11~\x88\x14$D\x02\xf3\x99\x05\x9d[\xe5gb\x18\x8f\x81\xfe\x9a\xb1\x9e\xa1"</t>
  </si>
  <si>
    <t>b'\x06pV\xdc5\xe4\x837lT\xfa\xf2\xa4\x10\x10\x08\x8d\xa7\x10\x1a\xe5\x8a\xce\xe6\xe7\x9c\xc3\xe7\xae\xd3\xee`'</t>
  </si>
  <si>
    <t>b'\x0f\x01 c\ny\x90\x08\xba\x9drXP\xab\x02\xcc\x8b\xa8\xe2\xfbY\x02P`\xf9o#\xcb\xf4\xb9\xca]'</t>
  </si>
  <si>
    <t>b'\xb5\x0f\xa4\xde\xf4\xa5\xb4\x12E\x96Ah~\xea\x8aq\xe3O\xc2\xd0\xf0\xf4d\xfd\x1b\x82\xc4-&gt;\x06\xab\x18'</t>
  </si>
  <si>
    <t>b"u\x1f\xd9\x9a\xea\x93\x95\xfa)_\xec\x16\xd2\xe9\xd5\xc2\xab\xe3%L\xba\x12'-\x99\x02\x85\xe9qC\xe6t"</t>
  </si>
  <si>
    <t>b'4\xcb\xe1\x85Ha\x16&amp;\xbd\xabE#\xc2H{\xed%\x97_\xc7\x93\xb6V\x95\x10\x08}W\xc8\xd1\xde|'</t>
  </si>
  <si>
    <t>b"\xc1\xc2O\xc3RH\x7fX\x972\xb4\xbey\xd5\xd1'5\xb17\x84B\x9b:Iw%D\x11*\xc4&amp;M"</t>
  </si>
  <si>
    <t>b'\xd3X6/\x10k\x16\x1d\xd8\xc8\x11\xe4\xa2!x#;\xe5\x18\xb4\xa1\xce\x9c5-:\xb0hM\xfb\xa5['</t>
  </si>
  <si>
    <t>b'\xb95t\x98\x8b=\x1cjR\xff2\xe8\xd5\xc8K\xd8b%XP\xd7\x1c\xa53\xdc\xd5.\xa6\xb0/\xe1\x19'</t>
  </si>
  <si>
    <t>b'_\xd1d\x1e\x8cJ2\xce\x81\x9e\x81\xee\x1c\x17\xacU!\xbe%\xbc\x00i\xb1\x8c\x82\xee\xc4\x14D\\\xe2\xfb'</t>
  </si>
  <si>
    <t>b'R\xd6\xf1~X\x16\xa6\xc5I$\xd0\xc4u\x98\x8e\x16\xd6\xd7\xdfn\x98\xf0a\xf5\x9b\xe0L\xa7\xcc%\x93\xdd'</t>
  </si>
  <si>
    <t>b'K\xe3\xf5Gu\x18\x9dP\x04)\xadi\x16\xd3\x8a\xac\xb6]\xe9)\x05~N^\xa6\xa0\x96K\xb3\x1e\xf9\xfa'</t>
  </si>
  <si>
    <t>b'h\xbe\xf0\xc0Q\xfe\xea\xe5X\xf7\xe2#\xbc\x10\x9a&amp;\x8a\xa7\xd5X\xc8\x8a\x04Dk\xcb\x0b:\x03\x18\x8b\x1d'</t>
  </si>
  <si>
    <t>b'EWO\x86\x9e\xa4e\xc89\x90^=\x99\x9b\x19xE\xca1=\xc6\xb3\xf7\x88\xc0\x81\xcaT\xfe`\x0e"'</t>
  </si>
  <si>
    <t>b'\x80\t\xa9\xc2\x92~U\x86\xe0!\x0cE\x10m\xec^Q\x8eD\xfa\xba\xf3\xe8\xe3\x06\xe3\xc2\xbe\xc4H\xfbh'</t>
  </si>
  <si>
    <t>b'7\xe2\x0fO]\x84\xcc\r\xdbn\x82\xe5\xb7\xa6\x9dz\xcd\xc1\xc3\x8e\x9be4\xbd\xe2\x0f\x8b\xfb\xec|r{'</t>
  </si>
  <si>
    <t>b'K\xff\xf4\xfc\xddE\xc7\xae\xdao\xa9b\xc5\xe3\xa9\x04\x0b\xc1\xd1\xdf\x06\x85\xf6\xe3F\xe3s,\xba1 R'</t>
  </si>
  <si>
    <t>b't\xa3\xc3QU\x18\xedZ\xba\xc2\xa9\xb6\x93/\x13R\xfe9%\xea\xc4&gt;\xcb\x0fh\xce\x8d\xc3\t\x87\xf4\xc3'</t>
  </si>
  <si>
    <t>b'\x9d\xa8\x0c\xf1:\x8c\\\x05\xf1\xe6\x8d\x97\x88i\xf8\xe7I\xefV:\x8be\x1f\x93? \x07\xfdIn\xe2\xc3'</t>
  </si>
  <si>
    <t>b'\t\xb8j\xd1s\xcf\xa3\xd2\\\x15\x082\xd5\x0bM\xdc\x19\xdaN*\x98\xf9\xd1\\K\x1c\xe3\x1cn\x0e\xefy'</t>
  </si>
  <si>
    <t>b'L\r\xdd\xe3\x11\x8c]\xd7NY=xd0\xfc\xc1\xe4\x82j3\xe1\n`\xe9y\x81\xaf\xf8w\xd4L\x9b'</t>
  </si>
  <si>
    <t>b'\xcf\xd9\xee\xef\xca\xbc\xc8\xf78\xc9\xc0\xa0c5\x0bA\x06s\xa7\xaa\x7f\xbe\xd4/\xb8\xa6\x95\xa6I\xf9\x11\xe3'</t>
  </si>
  <si>
    <t>b'\x07\x1bm\xc9\xb2\xb3C\x9c\x92J\x92\xd5r)\xf0\x11ut&amp;\xe1\xcc\x9a6\x80(\xf5\x13\xa2\x9ca\xa3\xe8'</t>
  </si>
  <si>
    <t>b"\x1b\xa6\xa8\x92\x1c\xc2(\xb6\x86\xfd\xe8DR&gt;p'\x1f\xf8=\xba\xbf\x94\xf8r/\xccw\xd5@\xe3\x8a_"</t>
  </si>
  <si>
    <t>b'\x96A\n\xc9\x18\xbe\xb8z\xdd\xf3/\xb2\xf2 \x84\xc5\xb2!\x10\xecA\x10\xdf\x9ek\x00\x9bUg\xc7\xb8\xf3'</t>
  </si>
  <si>
    <t>b'\x80q\xa2\xad\x9d\x00\xdb\xe3l\x9a=\xd8\xdc\xee\xc5\xf0a"\x17!\x9d8jJ\xaa\x8d\xa5\x9e\xec\xebTq'</t>
  </si>
  <si>
    <t>b'\x88\xd3;\x9b\x1em2\xee\xe30\xa7D\x15\xdcd\x02\xcb\xe3\x8et\xfa\xe5P\xa7\x815\x05\x02\t:\xef\xa5'</t>
  </si>
  <si>
    <t>b"\xcetE\x1c\xc5V\xcd1\xf7\x0000{%\x1a\x8cX-\x8av\xb3\xd3\xfdN\xef\x00Fa\xcaX0'"</t>
  </si>
  <si>
    <t>b'v\'K\xfe"6\x81\x1d \x98\xe8{L\xbfO\x9a\xc7\xd4\xf4Sz\xf3i\x03|J\x84\x8e_&gt;\xd8\x97'</t>
  </si>
  <si>
    <t>b'\xf8\x11&lt;"\x80\x85\xf1Q\xd9\xd7\xb9\xd2\xf0+L\xa7On\x08\xaf{\x1c\x1e\xe1\x80Z:\',\x0c3D'</t>
  </si>
  <si>
    <t>b'6`\xc7?\xc1\x80\x9d6\xd9&amp;\x8f\xd69)\x11\xc6\xcd1Z\xc8F\x7f\x1a\xd2\xcf\x9b\n[[\xbe\x81Z'</t>
  </si>
  <si>
    <t>b'W\xaa\xfe_\x98\xcc\x01\x1c\xd9\x1e\xd7\x10\xcfu\xccL\xf6\x1d\xce\xde\x9ah&gt;\xcb\x9b\xee3\x08v$\x80\xdd'</t>
  </si>
  <si>
    <t>b'C\xe9\xea|[\x1dd\x88\x94]\xdd\x1f\x07\'\xd0\xd5\xe6H\xb2$/UA\xe8\xb4p\xa9Px\x0c\xab"'</t>
  </si>
  <si>
    <t>b'\x9eW\xa5\x8b\x0c\xec+\xfe\x97O\xf7\xca-+\xaa\x91\xe6ox]\xec\x81\xbe\x10p\xb12\xe3\t\xcb\x00\xde'</t>
  </si>
  <si>
    <t>b'\x1c\x17\xf1e\xfeBt\n\xe9k\x0e\xe8z\xf8\x0c\xa8\xe9^\xf8\x1c%\xe5\xa0\xe2\xc7\x08\xaa\xc1\xcb\xc0\xcaB'</t>
  </si>
  <si>
    <t>b"r]\x8d'\xa4\x9f$:\xe3\xa8)\xb5\x95A\x13X\x9c\xd5P\xef\xb9\xa2\xc4\xb8\xb8\xbf\x15\x80\xaa\xce\xb8\xbd"</t>
  </si>
  <si>
    <t>b'j\xc82\xbf\xf3\xb3\x89\xf8S\xcd\x8e\xab\xad\x9d\xe3x\xa4:G\xb4\xf9F\xae\xc8\x8f0?\x12\xd8 \xe7#'</t>
  </si>
  <si>
    <t>b'^\xa6\x1e\xe6[\x8fa\xa5\x989l!W\x94\x00\x84\xddm\x941?\xa3\x81&gt;\xa8\x91sm\xa5c*\x9d'</t>
  </si>
  <si>
    <t>b'n6W\xf7\\\xd5\xf7\x15\xf2\xaeTz\r\x98g\xc0(\xd7LX\xaf\xb9=\x07\xe1\xf3\xde\xe3\xf1\xaaI\x0e'</t>
  </si>
  <si>
    <t>b'\xf7H\xa4\xec\xf6\xf4\xafv\xe0\x18\xa6\x87\x10\xb2\x8b\xf3~Z&lt;\x1d\xb4\xfd\x07\x0eT\x07\xf4qa\xb0^\x1a'</t>
  </si>
  <si>
    <t>b'\xb0jO\xc8D6\xc4\x14\xce+&gt;4\xd7\x80\xfb\xbe\xd7\xcc\x98\xd6s\xed\x11\xc4\xde\xc9\xdf\xe7\x94W\x03\xe7'</t>
  </si>
  <si>
    <t>b'\x0b\xedqs[\xcb\x08A\xcb\xe0\xd2\xf1\xd0#\x19X y\x93\x8dn\xf6fj\xac\x8a\xb9&lt;\xaa\xb9sQ'</t>
  </si>
  <si>
    <t>b'f\x88=\x92\xec&lt;+:\xa5\x9bG^xO\x1a\xfd\x13\xe9\xf4\x9f\x18\xd9%\xf8\xc8\xf9\x8c\x9bQ-\x17\n'</t>
  </si>
  <si>
    <t>b'd\xdb\xcd]\x96\xfa\xfe\x9a\xd2\x8by\x96\xb6\xb3&amp;\xa9\xd6\x96\x94\xa0\xe9\xfb$\xd8L\xbb\x90\xe0\x99i?\xc0'</t>
  </si>
  <si>
    <t>b'\x11/\xbdC\xf4\xd1\x9f\xa0\x8f\xbfK\xd5\x9bX\xdf\x98&gt;\x81\x82%\xec\x89\x12&amp;\xc8\xbcu\x950;i\\'</t>
  </si>
  <si>
    <t>b'\xa8\xd6G\xd98\xfe\x13\xbcX\xb1\x0f.(\xe6\x1cDLV4\x08\x01yG\x1dNU&amp;\x8b\x94&gt;g\xbb'</t>
  </si>
  <si>
    <t>b'It{\xe4IX\x9e\xc7\x91!S\xfe\xdd?\xde\xeb\x02\xc5{\x80\x1d\x81U\xd1\x0cX\xc0\xbf\xae^FW'</t>
  </si>
  <si>
    <t>b'\x9cI\xc5q\xbf\x979\xfa\x17\x10J\x15\xdb\xd7\xf1\x9dJ,d\xd8M\xc6\x8e\x95\x80VI\x1c\xf6\x8f=\x04'</t>
  </si>
  <si>
    <t>b'\x1c\x0e\x91\xb3\xd7\x87\x9aQ\xf4L\x13\xbf\xa868\xae\x9bf\xad\xcc\xee\xeb^b\x9e\x8b=hSls\x80'</t>
  </si>
  <si>
    <t>b'+\xe6\xb28\xaa\r\x81\xd8\xca(1\xa9m\xbd\xbas\xd16F\xad\xae7.\x98/"e\x01\xaf\x99\xfcH'</t>
  </si>
  <si>
    <t>b'\n\xa3h\xad\xa8U\xe2\x7f\xe4;\xb4\xa0\x18\x15\xb1\xa7\x02E\x08\x0b\xfd#\xd1!(~sH\x0f"\x8a\x9d'</t>
  </si>
  <si>
    <t>b'\x87W\x89\xb3\xb5&gt;mI\xe5\xe9\xfc]h\xb0*\xd8\x1bbo\xb9\xd3L 4U\x9b\xb4\xfeO\x9cw\x8b'</t>
  </si>
  <si>
    <t>b'%\xe5\xe9\xb6#\x7f\x93\x18\x17\x18^\xdb\xa7\xbfWD\xdd\xa9\x91$\xe8\xbd\xf1\xeb\xea[\xbd\x8e&lt;D\xbcP'</t>
  </si>
  <si>
    <t>b'\xf4\xd6\xddV\xcf\xdd\x93\xd8\x82mTc.\xbc\xed\xf0,\x85\x9a\xf8\xcb\x01\xf4\x06\x052\xffp-\xd9&lt;&gt;'</t>
  </si>
  <si>
    <t>b'&lt;\x84\xa9M\x9c\xf3\x94\xa2\xb4\xaf\x9fS\xef+s~*\xe0\xe9\xd3\x03\xb6!\x17\x16\xc8\x85\x9d\x80\xd9\x1b\xd1'</t>
  </si>
  <si>
    <t>b'\x99\xfc\xd9%\xcd\x12\xe7\xad\xed&amp;V\xc2r@\xcf\xb3\x83\xcad\x1e\x01\x99\xd0\x99u\xf4\xf7\xcf\xff\xd17\x0c'</t>
  </si>
  <si>
    <t>b'\x01D\x13&lt;\x90\xe9\xe7~\x12O\xfd$\xf6\x8bG\x161%\xc7\x9b\x07\xd4\xfb\xab\xbct\x1a\xc6\x81\xe6"\x94'</t>
  </si>
  <si>
    <t>b"~}M\xd29\xbe\xad\x0b'\x92\x82\x94\x1f[K\x95(\xd3-\xe3\x99S\xfd\xbb&amp;\xbc\xfd\x97#\xcf\x8d\xca"</t>
  </si>
  <si>
    <t>b'\x8b\x9eJ\xc1\xb9\x81`\xf1\xc2"\x99\x88*a\xdfie\x96\xfa\xc5\xed\xa8Q6\x81G1\xc4[m\x99Q'</t>
  </si>
  <si>
    <t>b'\x8b\x87\xf5K\xad\x902\x96\x0cP$\x92t\x1aA\xd0U|\xee\xb66G\x11\xb8\x98\x04\xaa0\xb0)jY'</t>
  </si>
  <si>
    <t>b'\x98\xa9\xbdn\xe6(\x85\t;Hd7`\x06\xfb\xe7\xf3m\x1e\xc6\xa6`e\xc2\x81S\xe9\xd7`c|0'</t>
  </si>
  <si>
    <t>b'|"\xc1\xf0\xea]\xf7\xcf\xbd\x07f^\xc1\xe9y+\xa7\xfbp\x1d\xab\xa6\x0c\xd1\'\xa7R\xe9\x9b\t\x15U'</t>
  </si>
  <si>
    <t>b'\xaa=[\x0c\xabs\xb6\xba\x9c$\xa2\xe5\x81\xad\xb9rC\x82\x8c\xa3\xee\xb4\x8d!\xfe\xaf\xc8T\xe7\xb6p\xc9'</t>
  </si>
  <si>
    <t>b'j\xd2uO+a\xcf\x0b\xf9\x9d\xe6\xfbW\x80\x14\xf0\xe3G\xb4h\xabO\xa8?\x827\x82\xe9\x1c\xdeX\xcd'</t>
  </si>
  <si>
    <t>b'\xdfa\x02\xf4+?\x93P\xbf \x97\\\x0b\xd1N\x0b\x186_W\x17\xb1Yc\xf4\x85\xe3\x0e\xd4Lo\x80'</t>
  </si>
  <si>
    <t>b'\xc8\xd8s\x92\xcbNT5u1\x14).\xfc\x18\x7fJ\x11\xfc\x88\xaa\x19\x04V\xefN$\xce\x0b\x1c\x19*'</t>
  </si>
  <si>
    <t>b'\xb4~j\x84S\xe8eDA\xde^=\x8a?\xea\x96\xeeT\xff\xaa;\xf0\t"GA.\xc9\\\n\xd7;'</t>
  </si>
  <si>
    <t>b'M\xda\xf8\xdf\x1b^\x87\xa4O\xe8\xb2\x0eCy\xeec\x1b\x8f8\xb8\xfc\x191`l\xaf\xc2N\x8a,\xa5\xab'</t>
  </si>
  <si>
    <t>b"&amp;/(\x91\x00uz\xec}zQ\x10\xc12|D\x171'\xf7\xd6&lt;\x8c\xc0\x97\xaf\x12\x94\x02\xa5\xd7\xdd"</t>
  </si>
  <si>
    <t>b'\x140a\xfb,~\xc5\xae\xb7\xcf\xbf\xc68\xc3j?T!Z;,\xd3\xdc\x03\xf9\x83W\x14\xb2v\xd3\xb4'</t>
  </si>
  <si>
    <t>b'\xc5\xfe\x15\xb6\x00\xc8\x1d\xaa\xe5&gt;u3\xe2\x99\x99&gt;\x00\xe1\x08\xf9\xf3\xe3\x1d\xe9\\\xed\xef\xaf\xad[\xe4?'</t>
  </si>
  <si>
    <t>b'\xf3\xf7\xc5\x93\x96\x8c\xc37 t\xe2H\x1f\x9a\x1f\xc1\xd1\xbb\xc8*\x18VR(\x1a\x88.T\xb1\xdc\xb2\xf6'</t>
  </si>
  <si>
    <t>b'R6\xc0\xda\xc5\x8f8\xbc\xabe\xbb,\xbdS2N\xfb\xe8\xa1\xfac=\x80\xe5$\x1b[@\x13\xeet\xd1'</t>
  </si>
  <si>
    <t>b'j\xbd*Z&lt; \xd1\xea\xf1K?\x96\xe2\xd4\xea\xf1e\x90o\xee\xbe\xcd\xaa]A\xf2R\x02\xcfd\xbc\x18'</t>
  </si>
  <si>
    <t>b'\x86?\x06\xc4t}\xcc\xa6kvvPVZ\x1f \xd2\x00\xbc\x9a&gt;\xe6q\xc89r\x1e\x87\xca\xae\xbfx'</t>
  </si>
  <si>
    <t>b'E\xcc\x18~\x18\xbf\x16\xe6fZ\x85\xeb\xac\xb2\x1f\xcd\xaa\\\xd5\xa9B\xfcV[\xa6\xb4\x90\xe9\xf3]\xc4\xca'</t>
  </si>
  <si>
    <t>b'\t\xc7\x97\x1b\xb3\x90\xb2Y\xfa3\xad\xb7`FdfhCN\xc4VU\x98\xe2\xe2\xa5&gt;2\xf6@\x18+'</t>
  </si>
  <si>
    <t>b'D\xccZ\xe8\x1d\xd1\xc5\r\xef\xba-HR\xd4:\xf7\x11\x94\xe9\x9d\xfe\x0cV\x89\xc70/\xc1\x93\x16\xffX'</t>
  </si>
  <si>
    <t>b'\xc3\xd7\xe0\x8d\x98\x83\xe0\x88\xa2#\xd1\xef\x983\x16\x0e\xa0\xf4\x9a[\x93tw\xba\x1b\xe2\xb4\xdd\xf7\xcdy\xd7'</t>
  </si>
  <si>
    <t>b'\xde"N^&lt;\x904X\x1e\'\xaf\x7f\xe1\xac\xceN\xca\x96\x9c\xd4\xc4\xa2Xv\x9a\xe3\xa0\xc91%oW'</t>
  </si>
  <si>
    <t>b'\xdeu\x0b/\xa1\x97\xf2\xf2\xb78\x84\x02\x12\xad\xdfC-\x03)\xa0l\xe3\x8c\xe7\x88)\xe7\xa0\x13\xb8Y\x9b'</t>
  </si>
  <si>
    <t>b'q\x0eGC\x1b\xe2x@3\xeeA\xe0\xb6\x93HyI\xe7\xecJ\x95=\xaa\x10\xed\x823U\x84\xb3-F'</t>
  </si>
  <si>
    <t>b'Q\x11\x1eQ \xe4\x05xk\xe6\xbdu\xb82\xcd\x89\x17!\xb3\x0e&lt;\x9ag\xc4q\x8c\x87\r\x87\xb9^\x06'</t>
  </si>
  <si>
    <t>b'\xd1y\x83.\x00\x13\xff\x9e\x9a \x00\x8e[\x17\x8e\xf6\xd0\xe1\xbf\xab\xf9\xaa3\xd9*?\xa0\xf0`\x82n\xb3'</t>
  </si>
  <si>
    <t>b'\x89v\x10\xd2\x002O&gt;\xeb\x0e~\x83kB2\xa7&lt;\x16\x93y\xf2\x8d_"\xc9\xc6P2,\xc6\xffK'</t>
  </si>
  <si>
    <t>b'\x95h\x89\xe3l\xff\x85\xbdz3\xf7\xa1T#\x02w\xb7\xa8\xabc\rP\xd4o\xf7s\xbe\x9d\xe3\x94\x97L'</t>
  </si>
  <si>
    <t>b'\xfe\xa9d\xc6\xb3\x05\x9d_\xe4#\x9e\xf0\xb7\x91\xca\xa2\xd6\xab\xe3\x0e\x03\x9fv\x19Xn\xd9\xaf\xe4\xec7h'</t>
  </si>
  <si>
    <t>b'ax\xff\x92\xa3Lh\xb5@\x08\x1d\x84\xf2u\x92Fg\xa4fOE\xf6\xe5\x97\x17\x0c\x19\x9d\x17U\x1a\x16'</t>
  </si>
  <si>
    <t>b'\xea4\xdf\x9d&gt;6\xf0\xcf3Q\xb0*\xe0\x98\x97b\xba\xe0\x95vH9\x1a\n\xceM\xa9\xd6\xad\xe5\x0c\xc2'</t>
  </si>
  <si>
    <t>b'+\xaet\x19&lt;p:j^\xb7\xce,\x12\xcf.{\xb7\xc4U\xc707\x8cQ8\x06DT\x9f\xe9\xa5\xec'</t>
  </si>
  <si>
    <t>b"8&amp;\xdd\x16\xd4\x8e\x1fS\xc2\xc7\x8d\xc5'\x9c\x85\xe2by\xd8\x99\xde\x19\xf9\xc4vyJ\x84~\xd2Z\x8c"</t>
  </si>
  <si>
    <t>b'\xa09\xfd\xa5\xad\t\xe3\xf4\xdf\xdep\x17\xe4\xc7\x07\xa2z7v\t\x84O\x8b\xb0 a\xba\xa7\n\x98\x82\xc2'</t>
  </si>
  <si>
    <t>b'?\x08G\xebvC\xb1:\x8d)\x02\x83D\xe2\xfdZQ\x818\xc1\x04\\\x02+\xc4\x11\xe9\xa3k\xa3\x87\x91'</t>
  </si>
  <si>
    <t>b'q\x07v\xd9YA\x9fM5\x9a\x03ZO\xda\xde\xc5\x8f\nf\xf9\x8d\x80\xd2k\xf6\xe9\r\x9d\xf5&lt;3\xcc'</t>
  </si>
  <si>
    <t>b'\xf0\xab\x9b\xe9\x13=\x9d\x01\xbc\xa0\xfe\x97\xe1\x9d\xe5\x89\xaf\xa6:TWp\xa7\xd1\xc0\x8e\x91|1\xe4R/'</t>
  </si>
  <si>
    <t>b'\xaa\xda\xda0\x08\x18%\xe6z\x162\x15\x87\x82d\x81wY\x148Z89O\x05\xd0v@\x15\xd8\xecm'</t>
  </si>
  <si>
    <t>b'\xdb\x975kK\x02\xb1\xb5}y\x88$2\xe1\xf3\xd0Gwg\xb2\xd7\xcb\x90z\x94y\xa0&gt;\x9f\x00\x10\xa5'</t>
  </si>
  <si>
    <t>b'\x8e\x8d\xe3\xd4\xab\x9c\xf8\xdbA\xaf2\x17m\xec\x8a\xba\x1f%c*\xff,\xb4\x05\xfd$]\x07\xa6\xfd\xd5x'</t>
  </si>
  <si>
    <t>b'}\xfa\xdb\xbb\x00\xee)\xd2Y@h ;\xec\xb9|\xf1\x01\x83\xb7&amp;\xf66\xbfD\xdb\x97\xa4G"\xe3U'</t>
  </si>
  <si>
    <t>b'\xa4%\xf3\x00\xe83\xb4\x95\x01\x06Vo|\xfb%\xba\xaa8\xb6=\xdaQ\x00\xaaF\xa2\xd9\xc7q; \x91'</t>
  </si>
  <si>
    <t>b':\xe8\xbb\xe4\xf5#h\xec&gt;\x12\x9bQod.$\xd7&amp;\xdc@\xbb\xde\t\\\xc8\xd9H\xd6#\xbb\xa0\xeb'</t>
  </si>
  <si>
    <t>b'Gp\x15\xaf\xf3\x14\xf8ruA\x92\x00\x18I\xb1?\xfa\x7f\xe5:\xbcr\x97y\xa6i\xde\xe7\xa3\x84\x90\xd8'</t>
  </si>
  <si>
    <t>b'\xe4\xf6\xf7\x03L\x90\xc9Q\x0b\xa92\xf3\x8e\x86\x98\x9b`\xe0\x03TY^F\x13\x1a\xb33q\x9b1\xc1\xeb'</t>
  </si>
  <si>
    <t>b'\xff\xef\xd3\x07\x18Y_\xe2xE\xe4\xabGO\x87\x07\x8b\xf1\x98\xfc\xab{\x86\xac\xbc\x89/\xa5\xf77\xfb\xc9'</t>
  </si>
  <si>
    <t>b'\x9b9Y#\x1a\xe8(\xd1\xc2x\x16e\xf9\x9fN\xa3h\x86\xcbr\xde\xdb\xe2\x97\xaa\xda\xa3\x05\xdd\x0f\xd3\xbb'</t>
  </si>
  <si>
    <t>b'\x8b\n]\xf2\xab@"\'\xfa\x89\x8f_\xae\xd6\x8f\t\xd7\xea/t*F\xeb\x8f\x0cVn7h\xaa\xdd\xdf'</t>
  </si>
  <si>
    <t>b'\xf8;\x07\x84L%r\x83\xe7\x1c\xd4\xf3\x83\x1c\xe0\x85#PZ+hll\xab\xd3\xed&lt;Q\xfb\x13_\xae'</t>
  </si>
  <si>
    <t>b'\x8a\xd9\x04S\x99\x86\x1a\xadU~\x19\xa3\x9d\x85rD\x18\x90\x13\n\x19V\x98\xe6~\xd8\x07\xb6J\xd9\xf7c'</t>
  </si>
  <si>
    <t>b'\xf7\x8b\x03\x88\x84yhZ*QE3\x12\x95)\xcd\xa8\x83\xb2\xf5\x8esvs\xb0\xe7\x19\xac\x8d{\xfaE'</t>
  </si>
  <si>
    <t>b'\xe8 \xe6J\xf6\xec\x8f\xca\x91\x94{)\x81\xf3\xf9Z-%\x00\xad0S\xcd2\x96r \xb6\xf9\xaf+\x13'</t>
  </si>
  <si>
    <t>b'P-?l\xf4\x9a&amp;h5K\x03-\xdb8\xd5x\xf7\xf5j8\x80\xa0\t\xe9\x08\xf1\x08)\x8c\xcd\x03\xdd'</t>
  </si>
  <si>
    <t>b'`\xe5\x95\x94Z\xceoF\xa1\xba1\xf5b,\x1c\x9a.B,\xe7\xc8\xf8L\xb9\xe6s\x97\x99Y\x8e\xe4A'</t>
  </si>
  <si>
    <t>b'\xebO\xd4o\xb4`\x81\x1dH19\x01`\xe6^\x08\x0cp\x9e\xfbCN\xa1\xf4S\xa0\xe6o4\xaa\x1e\xfa'</t>
  </si>
  <si>
    <t>b'-\x03\x0c\xe3\xd5\x89].\xddFB\x16\xacSH\xce\x05\xcf\x9c\xbc\xa1\x1a\x06\xf1\xec\x1d\xdd\x97_\x08&amp;n'</t>
  </si>
  <si>
    <t>b'\x05\xd5m\xc4S\xe6\x01\x14\x11\xc9nl\xc5\xc5\x84\xd1\x1c\x8f\x97o\\\x08e\xee\x9aB\xd6\xd5\xb4\xe0\xec.'</t>
  </si>
  <si>
    <t>b'\x83\xb1U\xc0&gt;\xa7\x18\xe5P\x16\xbe\xaa\xb6E\xa6\x1ar(.\x89.\xd5m\x120\xd9\xd7\xf3\xbaS\x1c\xf8'</t>
  </si>
  <si>
    <t>b'\xb8\x1dv\xe2\xb8q|)\x1c\xc1?\xaa`To\xe5\x0fy2\xcc\xb6\xf6\xba\xfca\xda?\xcfh[&amp;#'</t>
  </si>
  <si>
    <t>b'\n\xf0\xeafy*\x1a\x89b\x8a\x0c\x94Y\xbe\t\x1d\xe9\xf4f\x03\xdd{\xd6\x9c\xdf\xe5\x10\xfdd,\x95\xe2'</t>
  </si>
  <si>
    <t>b'\x1e\x9dy\xdd\x1b\xa1i\x87\xb6\x93\xf0c`mq\x0cKg\xc6Z\xab\xe0\x8a\xe9\xde\xd0n;*\x15\xd3$'</t>
  </si>
  <si>
    <t>b'C#k}\xf4\xac\xac\xe3\xde\xae#\xb1;=\x8cuR\xd5\x9a\xa9&amp;\xbfQ\xa9I\xe7*\x97\x1e\x12\x05\x95'</t>
  </si>
  <si>
    <t>b'\xd6\x90\x95\x9c\x98V\xa6\xb1 H\x952%\x13\x8f\x838v\x90\xd6y\xc3\xa7!\xa1\xc00#:\xeaal'</t>
  </si>
  <si>
    <t>b'\xd9\xacb\x12\x7f%\xb1\x9d\xa2\xdbyo\xe2\xea\xc0\xfcfKQ\x17\x86&amp;\xfd\xc2N\xa0\x9f\x03\xa0k\x8a\xef'</t>
  </si>
  <si>
    <t>b'Ep\x99\x8b\xd9i\xa4-\xd94[\xc4\x82c\x8fC\xcf\xe5\x10\xf6\x0f\xa4sg\x9b\xa4\xc2\x1c\xcax=\xd9'</t>
  </si>
  <si>
    <t>b'pQ\xdc\x10\xea1\x1f\xd8\r\x0e\x102\x8e\xef\x123\xdd\xbd\xd8O\xea\xf3\xe7\xde\xb5g\xf8\xb6\xd7\xbb[\xae'</t>
  </si>
  <si>
    <t>b'`\x12B\xb0\t\x99\x04Un#l\xdb\x92P~\xe5\xceK\x92\xa0{\xe5\x97qS\x97r3\xf1aj\x92'</t>
  </si>
  <si>
    <t>b'l.0 \x89\xe3\x16\x93)\x18\x87$W\xb3\xfc\xdeq\x12\r\xbb\x1c\x8c\xaegwu\xcb5/9\xdf\xb4'</t>
  </si>
  <si>
    <t>b'{zt\xee\x07\xa5R\xaa\x03\xe0\xd7/\xd8\x99\xe8\x13\x8d\xe1\xc4\x92o\xc0o\x85\x84\x04K@7\x839k'</t>
  </si>
  <si>
    <t>b'_?Q7\x9a4]\xa8\x87\xe29\xf6\xca7*\xb1\xb1\x9f\xc2\x80W\xc3W#\x967\xa0&lt;\xd0\x07\xe7\x96'</t>
  </si>
  <si>
    <t>b'd9a\x17\xf5\xf4\xa6v\x8eF\xc5|l\xd8\xaa\xb0\xb6&gt;|C\xa4\xcd6G\x1cg\x15\xf2JjD4'</t>
  </si>
  <si>
    <t>b'E\xffux\x96~\x1bv\x91\x94\xf2\x9d\n\xbd\x8c(\xd6\r\xaf\xba\xeb\x15\xa5\xa9{\xd6\xfcyX\xa72\xdf'</t>
  </si>
  <si>
    <t>b':l\xe8}O\x01\xe5\xa9!\x8d\xbcv\xb9-\xddM\x83\x08\x1c\x92\x9b\x14\x15\x9f\xb0\x8fqx\x92iy\xf3'</t>
  </si>
  <si>
    <t>b'w\x80\xf7\xe7\x85\xdaA5\xea\xa0\xc6.Gd\x86\x8dH\xc7\xe3R"\xd4\xed\x03\x91\xbb\xe5\x9e\xc3\xdc\x99\xf5'</t>
  </si>
  <si>
    <t>b'-s\xff\xba\xe0&gt;"\xd7\xf3-\xfad\xa9W\xd7D\xd9V\xf7g\xe7\xff\xb6\x1a92B\xd8Q\xd1=#'</t>
  </si>
  <si>
    <t>b'\xdc"\t!\xc8\xf2?\xd1\x87N\x0b{\xb5\xea\x88}B\xb60\xe5 1\xbf\x92-P\x1a\xeb!\xe7Q\xe5'</t>
  </si>
  <si>
    <t>b"\xbf\xbfqK\xd2\xf5&gt;\x9c\xeb\xb3%\xcd/\x8e\x84\x05q!\x0e\xcd\xce\x8e\xb6'\x8b\xc5\xae\x89\x8c\xe0\x89\x93"</t>
  </si>
  <si>
    <t>b'\xd5\x1d\xf5k(\xcaO"\xabZP\xe0\xd4\xea\x0c\xd8\xa2\xb1\x07g\xcc\xf1\xc4\xe7\x9a\x0e\x86\xd4&gt;\x17\x16\xa3'</t>
  </si>
  <si>
    <t>b'\x926N\xfc\x03\t\xea\x18\x85\x1f\xa8]\xffa\xe1\x13}\xe9\xc3\xaaQ\xf1.l\xfe \xa3\x16i\xa19\xe0'</t>
  </si>
  <si>
    <t>b'\xfa\x1e\xfe]\x10\x01\xce\x94B$\x14\xf2\xaa$w\x12\xea#\xff@7/\x8b\x11\xb7(Z\x15\xe1zz\x8f'</t>
  </si>
  <si>
    <t>b'H6\xfd\xb2n\xc7\x9f\xc2C\x98\xa3^\x1d\x7fR!8\xab\x8f\x1e\xbe-&lt;\xef\xc6\xc0\xea.Q\xe0\xbe\x9d'</t>
  </si>
  <si>
    <t>b'\t\xcc\xb6\x90\xf5S\xc3z\xf5\xb4\xffme\x04\xe2\x7f\x96\xb8\xfc\xf2\xc5G\x17\xe0\xc0\xc2\xd47G\xcbo\xde'</t>
  </si>
  <si>
    <t>b'\xfe\xd0\xce\x96\xd1F3e\xa2\xe5\xfa]\xcb\x87\x0b\x81Qg-\xc1[W\xa0\xa8( \x17\x02G\xd0[m'</t>
  </si>
  <si>
    <t>b'\xd3\xe6&gt;)\xcb\xeb\xc6\x13m\xeb/\xbb\x0cu\x81\xe7\xc4@\xab\x02\x90_\x81-\xd8da\xa8\x14\xdf\x84\xf1'</t>
  </si>
  <si>
    <t>b'\x91"\xb33\xc3\xb9\x96\xb8qS#\xf5\xad\x9c\x864{3\xf2"t\x83\xc9\\\xd0\xfa\xae|\x88cs!'</t>
  </si>
  <si>
    <t>b'\xe5)\x1e3\x075\xbe~\x9a=\x03s\xea\xcf\x8d\xd4\xb7\xb4\x12p\x96\xf0 \xa1&amp;\xf7\x92Us\x07\x93K'</t>
  </si>
  <si>
    <t>b'\xec\t\xc0\xdd"\xf2Vgc\x9f\xff\x82sY\xddB\xd3\x0e\x1a\x10\x90C\x9b\x81h\x155\xd7\xb6\xe6\x0cd'</t>
  </si>
  <si>
    <t>b'\xe1%\xae\xf3\x05\x9a\xff\x16\xd886,\xdd\x02t\x9a\xf3C\xb3)\xc0R\xaf\x89\x1b\x17\xd4\xfd#\x86\xd4\xec'</t>
  </si>
  <si>
    <t>b'\xcd}\xb7\x0b\xabs \x8568 \xbc\xb7\xf7Y\xfc\x01\xcb\xf7\x8b\xd4\x82\\ \x10\xf4\xa9\xd9\xd5c\x9e\xca'</t>
  </si>
  <si>
    <t>b'\xfdi\x01\x97\xa6\xf2\xbbo\x96\xab9\xaan\xb1\xaa\x96\xda\x1f\x9d~\xef\xb5\x99QZ6\x03\x8d\x06\xe5/M'</t>
  </si>
  <si>
    <t>b'!\xc9\xbc\xcc\xb8X\x89\x81\xb9t\xae\xf2\x9d#\x87\xa4\xd5\x1f2\xf1w\xfb\x81\xb0\x1f\xe88,\xe5\xd3\x93v'</t>
  </si>
  <si>
    <t>b'de\xe1\x81G\xc79\xc4\xd2\xb5\xb1F\xc2\xe7\n[G\xd8\x06Cq"Q$%\x877C]\x97\xd3\xa4'</t>
  </si>
  <si>
    <t>b'\xe3\xdf\xfc\xc6\xd9\x0ey#\xbc\xc8\xbe\x15w\xffv\x10,\xe3\\_\x81L\xcf\xf9\x86\xbd}K\xcf\xe5\x01\xfb'</t>
  </si>
  <si>
    <t>b'%\xe3fHn\xf5\x07hcq\xc0j\xc1\xf1\xbe\xf3g\x96X\xe9\xe6\xed\r\x08\xaaL\xd33\xcb|\xf1\xc2'</t>
  </si>
  <si>
    <t>b'^\xff"\xd8\x06\xb3\x9f\xa8y\xfd\t\xb8\x957\x1f\xd6Pk\xbe\x84?{\xefo\x1a4On\x03!\xa16'</t>
  </si>
  <si>
    <t>b'\xabB\xa4\xc9\x96l\xd5D\xd7y\x87D\x99G\xf9\xe36cb\xe8\x9a\x19%\x04\xbdn{\x0c\xbf\x1fF\xb1'</t>
  </si>
  <si>
    <t>b'\x88\xa7\x9a\xbb%\xa5\x06}\x04y\x12\x1bd/\xbb\x9es\x8e\x91\x06|\xb6=\xe0\xa5.\xc7\x99\xca\x87\x88\x9d'</t>
  </si>
  <si>
    <t>b'u9Vc\xcd\xee\xae\x0c\xdcY\x15N\xac\xd3\x11\xe1\xa3\x86\xab\xd2\xb5\x86\x19y\xc5\xdb\xbf\xb9!X\xbb\xcf'</t>
  </si>
  <si>
    <t>b']Dx\r/~\x9b\xc8G\xca\x1c\xd4\xc6?\xabv\x03v\xf8\xb1\xf3Sc&gt;\x18]\xa6.\x95\xb8\xff\xfb'</t>
  </si>
  <si>
    <t>b'g\xf2\xf6\xb8\x9f"t\xb4\xdc\xbc4\rE\x97l\x1c\xcb\xe4W1\xb0\x91\xa8\x1f\x88Vk\xd0\x95-\xd1{'</t>
  </si>
  <si>
    <t>b'\xcf\xd4^S\x9c 5\x81\x9c\nn\x91\x865&gt;k\xa0\xe7\x8aSZL\xdf\xde\xffS&lt;\x8a\x80f\xce\x8b'</t>
  </si>
  <si>
    <t>b'\xea\x8dI\xb5\x90\x8f\xdf\tgHa\xcd\x86\xec\xf9\xa4r\xeb\xfb\xaa\xa5\xdc\xdc&amp;\xdc\xb9\xa4\xf4\xfc\xc8\x90p'</t>
  </si>
  <si>
    <t>b'\xeb\xb1g\x13M*\x19\xc7\x87_Z*\xdcK\x0e\xe6.\xec\n\xba\x1a\xc5\xee9 \x8b\x1f\xbdg\xb6/}'</t>
  </si>
  <si>
    <t>b'uC\x9a\x1d\x8a\xd2\x03\x0ed\xcf\x89U\x99\xd5\xde]\x03\x19A\xa5\xab\x07\x8e`\xd4\x07\xf0J\x84a2\x01'</t>
  </si>
  <si>
    <t>b'c\xa0\xdat\xbd\x1d\xb3{_E3\xaf\r\x0e\xe6oZ\xe3RYS\x11\xec\x85\xd5\xe0O\xee$\x87A5'</t>
  </si>
  <si>
    <t>b'\x94\x94\xc6+\x8b7\xcb\xe6\xd9\xe5kDf\xeeu+\xc0O\xa8\x97\x0c\x08/\xe8\x06\xae\xb0S\xf1}\xeb\xa0'</t>
  </si>
  <si>
    <t>b'\xc4\xa2\x1f\xdd\x8a\xec\xfc\x1f\x19$\xb7\x8c\xdd\xa3\x99$\x1b\xca\x19\x1c\xd4\x7f\xb9\x96&lt;{N=N\xfey\xe5'</t>
  </si>
  <si>
    <t>b'dt\xce-\xffq\xf2\x8e\xa7\x92\xd8\x8f\xa5\x93\xab\xa8K\x1f\xaa\x88\xaa\xf9|\x94\xaf\n\xee\xfb\xf6b\xf8\xd9'</t>
  </si>
  <si>
    <t>b'\xef\x85\xbf\xf1\x1f\xf7\xdf\x06\x1e\xc0\x19\xc5\xec\x99\x88\xb4u%\xbb\xab\x8f&lt;\x80\xe7\x1b\x13\x07"&lt;Mu\x06'</t>
  </si>
  <si>
    <t>b'\x1e\x12\x0e\x9b\xab\x9e\x80Q\x12\xf4\x91\x8cZ\xda\x0f`9\x0f\x96\xa7(\xb5\x84\xdc6?\xa6\xb0.\xc2\xd1\xf7'</t>
  </si>
  <si>
    <t>b'\x0e,\xc4\x9f\xce\xb7\x8a/\x80\xbd\x9e$\x86\xe4o\xad\x003%\x13\xeaYfxd\t\xc1#\x14\x1b\x8d\x15'</t>
  </si>
  <si>
    <t>b'7\x8f\xc4:+\xb0\xfd\xbb\xea\x87\xc8\xfb7\xc6\x87\\\x1ci;\x90|\xad\xa0\xe9%\x9f\x88\xda`Y\x94\\'</t>
  </si>
  <si>
    <t>b'C\x80\n\x0f\xf1\xeb\x0fFI@|\xe1e\xca\xfc\x12\x9c\xfaq4\x9a\x14\x8b\xc5_n\xd6I\x8f\xd1OC'</t>
  </si>
  <si>
    <t>b'\x8f4\xb9`c\x92\xde\x18M\x9b\n\x83\x89\xe0\xfd\xfd\xe5k\xd9\x97]\x03\x9d\x8b\xe3\x83\xfeA[\x18Q\xd3'</t>
  </si>
  <si>
    <t>b'f/8f\x1d\xe4\xc3\x9f\x95\x83$\xff\x05p\x04q^E\xfb\xbf\x0e6FnW\x97N\xc3\x1a\xd2\xce\x1d'</t>
  </si>
  <si>
    <t>b'\x86\xefMD\xe92\xbeb\x00\xde\x04\xea\xbe\xd6{\xb9\xef=\xca\xffn\xc1\xd9n9\x1a\x8f\x98\xfe\x11bY'</t>
  </si>
  <si>
    <t>b'p\xe52\x1aD\x95\x13\xe5\xa4\x8f\x93\xf9\xf2\xe8\xf5;~\x17\xd8\x8e\xba-\x85\n\xef\x15D\xa3\xd6\x12\x12\xbe'</t>
  </si>
  <si>
    <t>b'\x1b&gt;ys\xc8\x8dO\xa3"\xce_\xb6\x1e\xb8\xb99\x07\x99\x12^\x17\x0f\xc9v\xd2\xcc\xbc\xdbxo\xd7\xa5'</t>
  </si>
  <si>
    <t>b'\x95\x0b)\xa3\x94\x12\xebl$\xa3\x95\xc7e\xd9;%\x9f\x9e\x9bT2\xb6\xbc\xa8\x9b\xee\x07\xfd\xe0E\xdd\x88'</t>
  </si>
  <si>
    <t>b'PA\xa9\xcf\xf4\xab\x1f\x0c\xc1@\x92\xc3ge\xeeI0\x1e\xe3V\xa3\xfc\xdb\xcd\xfdUFFSOK\x13'</t>
  </si>
  <si>
    <t>b'\x05\xd3\xa5\x92\xef\xd7\x9d\xff\x96i\xf3\xba\xde\xde\xbe&amp;\xa6\xe4\xeem\x10\xd4M!\x94\xfc\xeak\xfc\xb5\xe5\xe7'</t>
  </si>
  <si>
    <t>b'^\xb2\x86\x8f\x82^\xf7o\xba\xd6\x12Q\xab\x1bl\xffq\x14)\xb6\xa5nx\xae\xf7\x96\xd0g\xb0u&lt;\x9d'</t>
  </si>
  <si>
    <t>b'!C\xe0)Q5\xe6S\xf9q\x96*DY\x13\x01S\x91\x9f/\x97v\xfdX\xac\x03@\x9c\x9d\xc2\xc9j'</t>
  </si>
  <si>
    <t>b's3\xa8S\x89\xe6/\xa0\x01\xa9\n\xf8\xb9\x8a\xed\xe4\xa5\xb2h\xd0\x07\xfdmC}z\x82\xee3\x82=\xa1'</t>
  </si>
  <si>
    <t>b'\x80\x90\xfe+\x01]F\x94A^\x01\x19\x99\x94\x86\xa3\xad\xfc\\&lt;\x06\x82\x9eF\xf0\xfd\xd4\xe30\x0bs\xd5'</t>
  </si>
  <si>
    <t>b'\x15\xc1\x17}\xeav\x9a\xa9A\x00\xf8\xea\xba\xf0;\xa2\x1f\x13\\\x1d\xc9\x9e!\x7fC#@\xe5~\xf5\x06l'</t>
  </si>
  <si>
    <t>b'Z\xea*\x12\xec\xcc5X\x00/\x8d\xd4\xac\x9b\x9ch\x90]\x95n\xc9\x00X\x15\x99\xe3\x89\x9a\x8a\x9f\xbe,'</t>
  </si>
  <si>
    <t>b'$Qh\x80k\x91!\x89\x17E~H\xe5\xfd\xf5\xd0\x92=y\x92\t\xd2r\x82\x1d\x0b\xc5\x02,a\xf8?'</t>
  </si>
  <si>
    <t>b'\x1e\x85\x0fg_\xaaGo+\xc3\x19\xa7\x0bK\x95\x17v\xf8\x93"\x1b\x9b\xcb\x99\x99t,\x99\x18\xad\xcd\xbd'</t>
  </si>
  <si>
    <t>b'\x86X\xabB\xdd\xb5\xc1\xe5\xd3\x8d.\xe44\xb36\xb5k\x1c\xe6\xa7\x12~Q\n\xea59\x14\xacf\xe6)'</t>
  </si>
  <si>
    <t>b'\x82z%\xb27\xb3\x13\xf9hk&lt;\xc7\xb3r\x94\xfd\x99\x8b\xbc|\xe9r\xa4b\xe7W\xb6f\x05\xaa&lt;\xf4'</t>
  </si>
  <si>
    <t>b'\xf8\xc7\xfc\xad\x83\xfbO\xc7\x99&lt;t\xb8\xe6\x95\xee&amp;^\xf4\x1d8\xc6 \x11&gt;\xc2\xcc\xfe\xeaH\xed\x88r'</t>
  </si>
  <si>
    <t>b'\xe03\xc5]}\xbf\x86\x03\xe0\xe2\n\xdc5\x86\xad\x82\xfe\x1a\x11\x9a\x88b\xd1\x8c\x11\\`Y\xc6\x019\r'</t>
  </si>
  <si>
    <t>b'jX&gt;\x07Q\x99\xc6\xc5d\xbf\x94\x1b\xc8\xbd\xe0\n\xe0\x19?\xa6\xb5\x9c\xdf\x00=\x84L@u.\xb7\x84'</t>
  </si>
  <si>
    <t>b'\xd2\xbb\xa6P\xa9\xdf\xac\xd6"\xb8+\x95\xf4G\x94\xb5\xc7\xdbsH\x05,\xc0\rs\x91\xd8\xfeN1\n|'</t>
  </si>
  <si>
    <t>b'\x91!i\xb3\x9a?\xc2\x95\xf3\x84^o!\xe9\x88\x8a\xdf\x91\xe2V]\xf1n\xcd\x8f\x92nj\x16d:\xd7'</t>
  </si>
  <si>
    <t>b'"\xf5\xf5V\x17&gt;8h\x8a\x83\xc6\xec\xd3+v\xbe$\x00\xbd\x85\xe2\xd8jZ\xdb\xf3J\xdfi\xf7\xf0\xc8'</t>
  </si>
  <si>
    <t>b'E\xd7\xf9H\xc9\xaeUv\xba\xfbm\x80\x14r\x13\xaa:2.EF\xd3\xb3p\xe7`\x157\xe5\x0f\x8a\x10'</t>
  </si>
  <si>
    <t>b'\xec\x08\xcfC\x93\x05\x8cBxb)\xec\x8e\xcc\x9b\xa4\xb9\xcbj\xe6\xf5\xb2\xd7K\xdd\x1a\x7f7\xd5\x1a:\x1b'</t>
  </si>
  <si>
    <t>b'\xaa/3\xe2E\xa6\x8bU,\x808\x93+\xf3X\x9f3\xf1/\x05\x00\x84\x81\xb4\xf2\xf9-r\x19Xl\x0e'</t>
  </si>
  <si>
    <t>b"G\x93lD_\x1es\x83f\xc3\xeb\xaf\reD^\x02l$M&amp;\n'p\xd3\xcc@\xab\xc1\x91\xf9\xa0"</t>
  </si>
  <si>
    <t>b'\xb5\x01vd\x8dK\xe9\x9e\x16\xcd\x81\x12\x85\x0f\xa7\x1d\x14\x9f\xafr\xcaa\xf4\x10 X!h\xbc\x83\x0b\xa1'</t>
  </si>
  <si>
    <t>b'\xba\x89B\x08\x03\xdeE*\xce\x95\xa1"l\xfd+v\xd8\xba\xe1}\xf9\x7f~\x18\x96VC\xf2u S\x8b'</t>
  </si>
  <si>
    <t>b'[t\xe3\xe2\xc7\xd6$&lt;\x17\x94\x8a=\x86R\x94\xe5+\x01\xe6\x07\xa6\x1e5*\xcd\x1f\x00 sNv\xf2'</t>
  </si>
  <si>
    <t>b'\xf7*\x957\x1a\x96\x1f\xb9\xff\xdf\x94\xa219\x8fU\xfd\xed\x83V\xcb\tf%%\xf3X\x86U\xe8\x7f\xa3'</t>
  </si>
  <si>
    <t>b'\x9bv!\x03\xbb:\x02\\\xcb\xafL\xe3\xa4\x1b/\xcf\xc6\xb5\xadp+|\xa5\x8ep\x9aG\x17(\xf0\xae)'</t>
  </si>
  <si>
    <t>b'\xbeJ\x8b\x92\xbd\x1d\xabG\x17zZ\x9e\x16\xa9\xbb\xd0\xfc\xc6\x00p\xe9\xc9\xa2\xdbpoj\x1d\xe9$d\xe5'</t>
  </si>
  <si>
    <t>b'\x15\xcf_\xe0!E \xa48\x11\x92\xa5\x89\xd0\xc9&gt;Y"v\xe8\xbdR]\xd8x,\xb8q\x18a+4'</t>
  </si>
  <si>
    <t>b'e^\xbcH\xeb\x87X\x969\xae\xa8Zq\x9bW\xec\x83\x15\xfdb\x90m\x83\xa5\x1e\x98\x8f\x98\xaa\x90\xdfu'</t>
  </si>
  <si>
    <t>b'/\x90)VQ\xb2\x13\xf6\xe5+GX$\x81\xf4\xbb\xc9?^\xf6\td*.\xd2\x02\xec\xe3\x81\x11u\xf2'</t>
  </si>
  <si>
    <t>b'I\xddm\x9b\xf1\xb3\x17U\x04\xdd\xf7*\xf3\r\xd9(c\xe0\xd5\xa0\xdcZ^\x90\xcc\x84\xad\x7f\x83\xc0\xf8f'</t>
  </si>
  <si>
    <t>b'\x94},\xd2\x1d\x99\xe7\x80\xbe$\x0b\x05\xc6TM\xa0p\xd5 ZK\\\xb6\x07_\xcf\xd1\x15\xe4\xa8.\xad'</t>
  </si>
  <si>
    <t>b"\xf2G\x1e\x0ec\xd4\x17\xa86@L\xae\x88'3w\xc9\x9f5\x7fxD\x93\xed\xcc~\x90\xee]\xdex\xba"</t>
  </si>
  <si>
    <t>b"\x17'\xc0)D\x0e\xba\xc6\x19\x8d\xd6\x85\x00}\xa2\x1c+;[hN\xb5\xc1\x88\x02\x9d\x10\xf6!\x13\xa5@"</t>
  </si>
  <si>
    <t>b'\xbc\xf0o\x8a\xa7\n\x06\xfa\xbc\xc1\x03\xca\xe4/\\\xb0\x82fF8\xfb\xd74\x13hy\xb8\xe1\x98\x07+J'</t>
  </si>
  <si>
    <t>b'\x94j\xa0R\x87\xcc\x95\xb1%}\x97e\xc0\x93[(\xef/\xee^D9}p\xf3i\xdc\xb3p\xc2\xe6o'</t>
  </si>
  <si>
    <t>b'\x10\x9cn\x8bG_\xde\xd25\xab\xe22\xad=\x8f\xdc\x88\x1f=\x9cgJz\xec\xf4\xae\x13\x97\xad?H\x97'</t>
  </si>
  <si>
    <t>b'zN\xbd3\xed?\xae\xc9W\x0c\x04$\xb3\x17h\xdfQI\xf9\xfc\x15\x12`\xb9\xbe\x7f\x05\x03\xce\x0bI]'</t>
  </si>
  <si>
    <t>b'\xc8\xcfg0\x06$\x1a\xd5\x05lt]\xc9\xb6k\xce\xf4\xd9\xbbzH\xd2\t4\x81\x03\x7fj\x89&gt;\xff\xfb'</t>
  </si>
  <si>
    <t>b'Y\xaa\x03\x84\xa9\xf7\xf8RQr\xean.\xdf\x04p\x17\xabU\xac\r\x94;@V\xcfa\xffwX\x17\xe4'</t>
  </si>
  <si>
    <t>b'\xb9\x89&gt;\xe4O\xbf\x97Y\x85R\n\x170/\xf4\xac{\x04p$\xc8\xbb\x1b\xbe\xa4\x1a\xe1o\x93\xcd\x12\xc2'</t>
  </si>
  <si>
    <t>b",\xbb(\xb3\xa6,\x9f\x1co\xc5\xc1'\xd8\x9d\xf5z)\r\xcfP\xfccB7\xee(\xaekyH;I"</t>
  </si>
  <si>
    <t>b'\xba\x0cz\x18\x0b\x98p\xa4\x1aQ+\xbc\xf0s\xd7\x15\xd4\x13\x8c\x11l\xa2\xa1\x00\x95\x1d\x16Z\t\x80W\x01'</t>
  </si>
  <si>
    <t>b'\xa2\x08\x9e\x86\x8fJ\xea\xa5JalO\x96\x10\xb1z\xe8\xfdW\xc9\x01\x0c^\x0e\xe2\x17\x89\x12\x05\x87d\x1f'</t>
  </si>
  <si>
    <t>b'~^d\xd34{\xeb\x13\x9a\xc2\xe1?\xf2*\xe3\xc1\x16\x0b]\x91J\x0b\xe9\x95\xfb,\x96f\xb3,}$'</t>
  </si>
  <si>
    <t>b'\xe7\xb3\xcfI\x99\x185\x02\x97\xd9D\xd1\x97\xe4FDAXw\t\x97f9\xb4\xee!\x11,\xc41\xe8\xf8'</t>
  </si>
  <si>
    <t>b'\xe2\x0e\x89\xcde\x94\x07F\xd2\xbc\xc7NV"\xe3,\xd1\x90\x91J\xdb8H\x7f\x00\xb3Fw\xda|\xcbO'</t>
  </si>
  <si>
    <t>b'r\x82X/t\x91\x94\xf9\x05c\xcf\x11\xa6\xd3\xd9\xa6 D\x1c\xffc\xed\x88}Q~\x0bXE\xd5\xc3\x90'</t>
  </si>
  <si>
    <t>b' SLy\xa9\xea2\x08\x80\x91&lt;0=\x91\x12r\xb4\x19\xdd\xed07s\x116\xf6\x89\x18x\xae\x1d\x18'</t>
  </si>
  <si>
    <t>b'\xfd\xdc#\xd3\x1f\x85\x85\xdeb\x7f\xad?`\x8a]\xbe\xd7\xab\xd60\xfe\xf5\x00\xdf1O\xef\x89Ctu\xc5'</t>
  </si>
  <si>
    <t>b"Y\x84(\x83\x87\xf4x\xe6Q\xb5\xce\xdf\xcb\x8c\xcb\xe2\xbe\x94\xd4\x0f\xe9fv'\x9c\x03\x92\x9f\xf0W:\xd0"</t>
  </si>
  <si>
    <t>b'D\xf5\xca\x8c\xf4\xc1r\xab;L\xa9\xd6\xa2\xa4m\x8eP\xd6#f\xe0Dh\xcb\x8c\x19\x19\xa1\xce\xfbA\xe3'</t>
  </si>
  <si>
    <t>b'\xd69&gt;\xd7W\xe3\xa7\x168D\xe1\xf4h\xf8\xd8\xd9\xce30\x07\x94\nP\xde\xcf\xe9\xf2\x18\x02\xd2\xd14'</t>
  </si>
  <si>
    <t>b'\xa3U\x08\x8d2\xffb\xd2\xea?\x11\r\xb3\xad\xd5IKt&amp;o\x15\x8bn\x8b46\xc4a\x9f\xfb\x89$'</t>
  </si>
  <si>
    <t>b'7\xbf6c4gm\x19\xaf\xa2Q\xf5l\xf3ol\xd0|\x92\xfb7M\xad`(L\xa4e)\xaaj\xad'</t>
  </si>
  <si>
    <t>b'n6P\xf3\xc5\x14_F\xcd \xef\xf6\xf3AcF\xb7{\x12\xf6\xad\x1ba\xe4\x8dg\x052)j\xfb\xba'</t>
  </si>
  <si>
    <t>b'&lt;\x19G\x8e\xb1\xab\xb5\xe8\x8d\xaf\xed\xf1\xb0\xc2EB)\xfbl\xf5\xe1n\xde\xcdh\xcdq8\xed\xb0\xd7\xce'</t>
  </si>
  <si>
    <t>b'\x10%`X\xc0\x16\x01T\xca\xab\xd4\x82b\xef\xe2P2 \xbc\x05N\r#\xf76U\x15{\xe83\xf8\xbb'</t>
  </si>
  <si>
    <t>b'\x9d\xe90\x14\xdc\xf3\x9c\x9f\xc8\xde\x7f\xd4&gt;\x1e\x90\xfe\x99.\x0b\xde8\x8c\xb5u\xae\xb1&lt;\xb0c\xfb\xceC'</t>
  </si>
  <si>
    <t>b'\xb9_\x9f\xb0\x8e\xc1\xcc\xc6\x10\x9fq\xb4\xf7`o\xc4\xd2M\xeb\x99\xa9\xd3k\xa6\x19m\x86\x95\x7f\r\xac\x8b'</t>
  </si>
  <si>
    <t>b"\xd7\x81\xab\x8f\xe8\x94\x8e1$\xfbk}c\x97O\rx\xb91\x0b\x8f\xe1\n\xefh\x7f\xf0'\x02\x87\x1e\xe0"</t>
  </si>
  <si>
    <t>b'K\x1c=\xdf\x9e\xe26\xc7\xf7\x02\x1a\x9c\x06S\x82kfi\x14%\xb0b\x9b8s\xba\xb1\\\xb9\x15Lh'</t>
  </si>
  <si>
    <t>b'\x03\xe3\xd6\x91\xf4P\xfc\x80\xb2\xd8\x01\xa8\xea\n;\x90\xe2\xc7\xe5\xe8\xa7?\x9eY^\xa2\xafw\x92\xefo\xd6'</t>
  </si>
  <si>
    <t>b'g&amp;?\x92\xee\xbe\xe0f0\x08\xda\x8b\xd1*\x12\x8aH\xc2!9\x12\xd4;\xc2Q3\xd5\x8f\xfe\xea{\xb7'</t>
  </si>
  <si>
    <t>b",\xcd6\xc4\x85\xe4\xa2#\xd6XD\xd2cJ\xe1D\x9c\x1aA\x7f\xed\xc7w0\x9cl\xa6u\xcb(\x97'"</t>
  </si>
  <si>
    <t>b"\x03\xdeD\x85\xd6\xb5\xb9\xd0x'\xad\x96]B\xf4\x8f\x14\xeb\x86\xa4j4a`\x1cx\xfb\xda|o-B"</t>
  </si>
  <si>
    <t>b'\x07:\xbb\xb5\xe0K)y8&lt;$\t4G\xfc\x81@e\xe1\x1c\xfau\xe62Wa\x93wr\xcb\x96j'</t>
  </si>
  <si>
    <t>b'\xddw\x16A\xbaZ\x03g/+\x96d\x0e\x8a\xa3,\x1ch#\xa3\x01KFK\xf62C\x1e#(9\x19'</t>
  </si>
  <si>
    <t>b'o*4\xac\x03\x9c\x82\xb1\xeb\xbbI\xe5\xec\xec\xcc:\x80\xab2_\xd0\x1a1\xe4\\8\xe7\x9c&gt;\x1a\xf7A'</t>
  </si>
  <si>
    <t>b"t@\xec\xdc\xa5\x8c=\x11\xff\xe8\xea\x10$'&lt;\xaa\xef\x11R\x95h\xf9s\x0f`\xe80z\xa2\xbc\xcf\x1e"</t>
  </si>
  <si>
    <t>b"_\x8e\x9fqX\x8e\xc3g\xa5L\x1c\xbf\x90\x1f\xe2^XG\xc1LU\x97'F\xb5\x8dKv\xbe\x94\x18\x17"</t>
  </si>
  <si>
    <t>b'\xc3JY\xa58\x99\x94]\xb0f\xb8\xe0\x8e\n\x1d\xccB\x0c\xcb\x14\xd7\xadIvk\xf2\x91\x17lY&lt;p'</t>
  </si>
  <si>
    <t>b'\xd6[\xd3%|(\x8d\x04j5\xcd4\xa3\xdf\xb8L\xa7\xf86\xa0D\x14\xaa\x04\x8d\xcdl\x1bc\x06\xefE'</t>
  </si>
  <si>
    <t>b'\xf0p5\xfb-\x0f\xef\x82\x0b\xa2\x1c\xbe\xe8G+\xb3\x94Sr\xaa{\xc2\x8a\xb0\x12\x90/\xe0x9S\x86'</t>
  </si>
  <si>
    <t>b'i1\x93\x19\x8c\x8a\x8c;CO\xe9\x9a)\xca\x0c\xa5\xc1\x84+\xfb\xe7\xceQ\xec!\x02-\xc4\xc40C\xcf'</t>
  </si>
  <si>
    <t>b'A\x17\x9e\xbf,s\x1d\xd2\x1c\xfd\xe9\xc9o\xb5\xb7\x1a\x01T\xd1sa?&gt;\x9b\x8f\xd2y\x80a\xbb\x82\xaa'</t>
  </si>
  <si>
    <t>b'{5\xa5Dn\x049\xed\x9c\xf2\xad\x91.\x0f\x1bZY\xce\xd5G(B\xbc\xf8S)Jzc&amp;\xd3\x10'</t>
  </si>
  <si>
    <t>b"\x06\xa1N8\xe0\x85G&lt;'\x89\xcc\xd0n \xfd\xd7\x80\xc4\xfd\xd3\n4\xe1U\x07{{,'s\x1e+"</t>
  </si>
  <si>
    <t>b'\x0c\x02xU\xe0s&amp;\x1d\xff\xf9d\x02\xac\x08\xfa\x15\x06\x9a\xaa\x04\xd4\xe5\xeaM\xad{\x1b\x927\xb9\xbe@'</t>
  </si>
  <si>
    <t>b"\x8f\xc4~\xb2:\xcd\xe6\xa4J'!\xe5f\xbamg\xacg\xa2\xcds\xff\xf5\x93O\xd0P\xea\xf8L\x82\xf8"</t>
  </si>
  <si>
    <t>b'6\xf4B\xb3\x159"Q\xa6\xb30\x1a\xb5\xf5\xec\x1e\x19\xb7\xaa\x8b\xffV\xef\x8d\xa1\x13\xf69\x1cN\x1e\xe4'</t>
  </si>
  <si>
    <t>b'J\xb64\xdc`M\xa0\x150\x939{\x82\x84HZ\x1c"\x83\x0b\x00\xb7\xd8\xb2?S[-#\xc2QG'</t>
  </si>
  <si>
    <t>b'/\x99U\xda\xc0f\x18\xc8\x91&amp;\xf0\xecm\xd4\xdf\xdf\x81\x18\x0b\x07=\xcc\xad\xf4\xd8\xbe\xd7\xa2\x82\xc0\xc8\xaf'</t>
  </si>
  <si>
    <t>b"\xdd\xd9\xf0z\xfe\xfb6\x1f\xa6R\x9dlm\xa66\x90\xf8z&gt;0\xb5!\x8f\x13\xae\xa7b'\x19\xf4\xa8\x05"</t>
  </si>
  <si>
    <t>b'\xae\xdbM\x83}\xa8z\xe3\\\xc5\x89X\xe2\xa3\xc3X\xa4("\x1dh\xd0\x1b\x88=\xbd\xdb:^F\xdbX'</t>
  </si>
  <si>
    <t>b'xM\xf4U\x19\xa8\x1f\xbbBr\xd3\xa6\xf2\x82-\xf0qS\xa7\x13\x11\xbak5Q\x1d\xb2\t\xce\x85_\xb2'</t>
  </si>
  <si>
    <t>b'\xa1\x96\x06\x11\xf0\xa8\xa8\x8f\n\x99\xeaW\xbc|\xc8c\x90\xdf\xa8\xc0\x7f\x89C\x80\xe9\xad#~\x1b\x0b\x12\x84'</t>
  </si>
  <si>
    <t>b'`\xe5\x1c`\xde\x9e\x84\x94\xb5c\x12D\xd7\xbb\x8d\xb0\x91\xd4\xfea\x98H\xe7\x99:/Hn\x98\xac+u'</t>
  </si>
  <si>
    <t>b"\x83?(nMuJ\x1a\x8ev%DY\x95jZ\x8bOo\xd6^\xad'\xd9\xea60\x97\xd1\x95\xc3\xdb"</t>
  </si>
  <si>
    <t>b'1\x9bU{\x8eH\x97\xf6P\xac\xba\x7fj\xcd\xb8\xe9\xdf\xf0\x83EN~\xcbHL\xd5\xe8\xb4\x9a\x8a\xfe\x8f'</t>
  </si>
  <si>
    <t>b'\xbaVi\x9b\xb57\xf45\xcdk\xc9\x04\xa38\xc0\xfd|\x0f\x16\xae\xfbA\x88G]\xa0\x86\xa5\xcdj\xb45'</t>
  </si>
  <si>
    <t>b"\xc8\r'#\xd2n\xb8\x90I?\xe2\xc1\r\xb5\x97[-}5\x97&lt;\xcd\xa5\x1c\xc3\xa0'\xa5\t\x0cY\x9c"</t>
  </si>
  <si>
    <t>b'\xe70\x01\x03\x93\xaa\x84{}\x08\xb0\x82Xr15\x05[\xb6t\x07P\x0b\xc52\x92\xfc\xe27\x8d\xe9\x93'</t>
  </si>
  <si>
    <t>b'u\xc4\xed!\xfa\x8d\xad\xc3V\xd6U\x01!\x8d}\xfcnZ\xefQJ\xcc\xb0S( \x1c\xc4\x0e\xe0\t\xad'</t>
  </si>
  <si>
    <t>b'\x92\xec\xda\x1ej\x14rj,\xf3`\x8d\xdar\x99\x15\xec\x19\x95bdX\x16\xe4\xfa\xf7\xd8A#\xb4\xc1\xc6'</t>
  </si>
  <si>
    <t>b'a`y\xdb\xae\x05\xe9\xa7d\xcb\xd0\x86\x80h\xfd\x9eq\x16\xbb\xaa\x1b#H\xd6ez\xe9t\xda\x16\x9c&lt;'</t>
  </si>
  <si>
    <t>b'zZQ\x81N-\xa4\t\x8bT{\xc8\xd3R\x0fx\xd14\xf1b\x87$\xba\x14\xe5{\x89ug\x04\xf8w'</t>
  </si>
  <si>
    <t>b'\x08\x03&gt;a&amp;S\xad\xd8\xb5\x8f\xa5\x87\xaeM\xa5\x91\xf3/G2\x16Tx[Z\xd0\x00!\x8e\xfb\x1c\xc6'</t>
  </si>
  <si>
    <t>b"AA\xb5t\xa6[\xed\xb7K@\n\xd9\x0c{r\x12\x96\x13\\o\xd5\x82u\x1b\xd7\xdc\x1c'\xed\xbb\x1e\xc7"</t>
  </si>
  <si>
    <t>b'\xebfd_g\x17\x99\x1cqmd\xc9\xe8\xb1\xffY\xd4\x0c\x92\xfc7oq\xf7\x9e~\xb7\x7f\x18T\x87\xde'</t>
  </si>
  <si>
    <t>b'\xb0\xd0\x97:\xab?\x82v\xd7\xfe\xf3@7h\xd5\xb1K\x87e\xa5\xe1\x14\x86&lt;#\x89R\xb5\x04ON\x8c'</t>
  </si>
  <si>
    <t>b'\xf2\x90D\x1b\rW\xa6\xb8X%\x9f&lt;R\xacQ\xfd&amp;\xe52\x15x\xcf\xfe/\xe9\xf2X\xdd\xa5\xe4?\xd8'</t>
  </si>
  <si>
    <t>b'\x89{|w]\x00u\xd6\xa2}+&lt;\x18\xeb\xaa\x16\xa2\xe0@o\xce\x18\x9fp\xb6\xed\x11\x9dW&gt;"\x12'</t>
  </si>
  <si>
    <t>b'B\xc8\xb8)\xa4\xf71\x9e\xf4-7\xb4\xaa\xc3\x85\xe1P\x14\xd2\xfd)\xe2\xebFmk\xc3&lt;\xae\xc0\xb3I'</t>
  </si>
  <si>
    <t>b'kl\x18Py[s\xb5\xd23ns\xdd1\xa8z)\xd1E\xee\x9b\x9c\x97\xe8\x01\x84\x97f\x93\xb1\xe3e'</t>
  </si>
  <si>
    <t>b'\xc2\x11\x9a\x0b\xdcW\xe2&gt;\x85c\x8cw\x1b\xc4r\x81O?\xd7\x07\xb3\xed\xa5p\xd6\x01~\xd05\x1b4\x10'</t>
  </si>
  <si>
    <t>b'\xe6\xf7Q|\xa4\x80\x11\x8e\xfb\xb3z\xcf\xf6\xde\x92\x96\xf8w\x8d$\x98&lt;:y\xd9\xeb)Kjl\xcc\xca'</t>
  </si>
  <si>
    <t>b"\x08\xaf,\x19\xd2\xd29;\rt\x17g\xa6\x018q\x00\xccC\xf7\x8a,2\x1d\xc9\x15\xb7iF\x7f\xe3'"</t>
  </si>
  <si>
    <t>b'\xf8\x11K\xc6\xf7$\xdd\xe1\x9b\r\xad\x8c\x1a\xec&lt;\x1c\xabw\xd4Y\xcd\xae\x9c;\x05H\x97&gt;\xd7\xe3K\x93'</t>
  </si>
  <si>
    <t>b'\xa7k\xdb\x0b\xae\x0b\x95\xba\xb8\x1e\xebZW\xa1Zx\xb1K\x0c\xcc\xbc`\x13\x83\xd0\x1c6\x90y#f\x89'</t>
  </si>
  <si>
    <t>b'z&lt;K\xa8L\xa9wf\xc4}lOj&lt;z\x8cb\xc8\x14\xf4\x13-\x80\xdcp\xc7m{\xefBN\xa3'</t>
  </si>
  <si>
    <t>b'=D&lt;\xcb\xf7\xd1\xf8\xe8)m{V\x13\xf8}A\xd0\xb4p(\x0f\xf8\xa6ZX\xbd\xbb\x9c\xd4\x19n\xac'</t>
  </si>
  <si>
    <t>b'\xda\x85\xe62@\xa6\xc5\xd3!\xed\xcc\xfeYS\xbe\x19\x8e\x0c\xbd|\xc6P\x8e\xf8\x89\xb17\xd0\x8eu&lt;f'</t>
  </si>
  <si>
    <t>b'\x08f\xb1\xe5b\x15{\x82\x84\xcdR\xe1\x06;\xc1[\xb4onS\xe0S\x16{\xd7\xcb\xf1\x19\xa7"g\x81'</t>
  </si>
  <si>
    <t>b'\x87O\xd2\xe7\x8d|^\n\x9d\xd7h63a\x8du\x02P\xc7v9\xfc\x16K`\x08\xbc\xc1\x05?\xa5\xfc'</t>
  </si>
  <si>
    <t>b'\x8e\x8f\x88\xd1\xc1\xa9\x01\xe3\x9e\xb3\xd1\xfa\xd6\xca\xfc\xb3W\x87[\x85+\x88FA\xb6t\xb5\x1e&gt;\xed\xf3\x96'</t>
  </si>
  <si>
    <t>b'\x94\x08\x1e\xf8\x1bT\xd0\x1e\x81\xe6\n\x1c,^\xa60\xac&gt;\x9e\x80e\xf2/a\xac\x99\x04\xeb\xd4\x90t\xf7'</t>
  </si>
  <si>
    <t>b'&gt;G\x16S\xec\xf2\x04\xf1\xef\x18\x03\xdc\xda\xe6\r\xde\x049U\xf8s\x92h5\x1aL\x01\xe7\xea\xe5\x88\x08'</t>
  </si>
  <si>
    <t>b'J\xda\xcd\x8d\xc78\xff\\04f\x15\xc8\xe7\xd8\x05ipn\x89\x89\xe4i\x16\xeb\x06\x95,\xf1R\xbb)'</t>
  </si>
  <si>
    <t>b"&amp;\xf4HE@\xefk\xaa\xfe\x99Z~\xfaa\xe4\xca\xdfPz\x8f(\xfd\x1fRZJ!\x1b\xe4'\xab*"</t>
  </si>
  <si>
    <t>b"\x809\x82\x8ct\x86\xf6\x7f3\xd0\x03\x823'\x96\xec|\xecG\xddB\xa5@@\xe3)\xee\x01t\xda\x98="</t>
  </si>
  <si>
    <t>b'\x89\xc4t\xf1\x87X1\x14\xd00\xbb\xb0\x87\xe1q\x95Tt\xd7\xc5G\xcdhtG\xd6/\xb3_\x1fB\xbc'</t>
  </si>
  <si>
    <t>b'\xc5\x8ds\xdc\xfa4\x0c\x01a\xc9\xe0\x88{\xbf\x08\x9d\x17\xb0m\x9fCd\xc1\xbf.\xb5J\xd1\x19\x7f22'</t>
  </si>
  <si>
    <t>b'\xda`\x1fU3B]&amp;9v\xc5\xdd\xf6\xd3\xea\x01pb\xcd=I\x8a\xb2\x1c\x04dH\xc3s\xc1{\x0f'</t>
  </si>
  <si>
    <t>b"\xa7\xc0e\xcbQw\xf7:\xf6\xe2'\x0cF9\xff\x9dC\xa1\xe0@\x97\xf6\x8f\xc9\x89\x8a\xaaJ\x9cb\x136"</t>
  </si>
  <si>
    <t>b'\xc0\x13J\xaf\xdd\x96\xce1\x97\x92\x00g(\x00n\xf3\xdfb\x16\xb5l\x89^#\xe4kO\xd0o\x9a\xcd\xb5'</t>
  </si>
  <si>
    <t>b't\xac\x95\xc4\x96Ww*\xee\xd2\xf3u8\xd2\n\x8a^\x07\xcc\xaf\x82!i\xcbnL$\x99Z#z\x80'</t>
  </si>
  <si>
    <t>b'\x11T+\xf3|\xd6\xe3\xfa\xc1mZCPiY\xc7\xadO\xa1\xa3\xe0N\xbe\x14T_\\AO\x80\xefA'</t>
  </si>
  <si>
    <t>b'\\,\xe5\x84q\xde\x0ex6_\xd6\x0f_9\x0efE\xe6\xb3\x9f&amp;c]\xa7\x96\xae\x19\x19c\xbd\xc9\xd2'</t>
  </si>
  <si>
    <t>b'\xbb_G\xc2\x10\x08\xac@\xd7\xe5\x1a\x81\xc7\xa7N]\xe6\xab\xc0\xa2\x83\xd84E\x94\xcc\xc8\x1eB\x90$~'</t>
  </si>
  <si>
    <t>b'J\x03\x02\xe4\x88\xea\xc5H\x96\x9d\xb8\xc71\xd7\x90\xc2\xb7\xab\x938%y\xf3u\xf4#\xd1\x1bx\x1e\xe9v'</t>
  </si>
  <si>
    <t>b'oq\xe4\x90\xc2\x08RM]\x94\xce\\"w\xc2\xc7\r\xc6JQ]x{\xed\xb5\xe2\xe2\xe3p\x7f\x17\x1f'</t>
  </si>
  <si>
    <t>b'\xe6\xe4\x03(\xed\xae~\xb1\xb9d&gt;{_\xba\xace\xe9w\xfcS\x14~&lt;\xbf!6\xf6\x99\xb2b82'</t>
  </si>
  <si>
    <t>b'V?\xd4P\x17\xaa]\xfd\xf73\x81,\x94+\xb48\x8f\x1a\x9dqa\xbd\x85v\x13\xa1v\xa8\xf2\xf1\xf1,'</t>
  </si>
  <si>
    <t>b'\x1fH\xedj\xd5\x11\x9b\xcfT\xd65hwW\xcb\xf0\xe7\xb4\xbf\x1b&lt;\xcao\x18+\xc8\x87n\xd6vf"'</t>
  </si>
  <si>
    <t>b'\x90_e,\xf2\xd17\xac\x81s4\xb7\xbd[\xe8\x0f\x88\xb0\xb0)F\x11\x1f\xb7\xec\x12\xe4\x0c\xa9\x9e\x92\xa0'</t>
  </si>
  <si>
    <t>b'\xadc\xa1q\xbc?\x9d\x0b\x0b\x0e\r\x012&gt;\xc8i=\r\x8c\xfe\xe5K5\x91io\x13\x9b\xd8\x1b~\xf0'</t>
  </si>
  <si>
    <t>b'+\xe3_w\x01z\xef\x80\x18\x93\x8c\xa2\x08\x1epM\xb9\xf7Ol\x1db\xfb\xde\xfc\xd4?\x80C\xfe\x89\xc2'</t>
  </si>
  <si>
    <t>b"A\xaa\xc5\xeb\xec\x8a\x168\x82\xe0\x93\xfa\x80g)`;GSM\xe7\x0ea\xe3\xee\xb7\xe0\xaans9'"</t>
  </si>
  <si>
    <t>b'\x92\xbc\xa7\xfd\xb9\xba\x90\x9d\xa2\xaa\x82\xd2\x90\xe1\x96\x1azj"\xa7a\x0e\x9e\x9b7\xcc\xd6\x91~2\x18b'</t>
  </si>
  <si>
    <t>b'\xa1\x84bAM\x8b\x01\x93\xc1279!\x99\xbf\x8d\x8f:\xac\xc1\xc8\x1a\xc4\xbc1\xeaWM\xcd\xa8\x13B'</t>
  </si>
  <si>
    <t>b'\xd5u\xe6u\x0c\xaam\x8ds\x81m\xb3\x89B\xc3\x0e\x13\x01\x82o\xde\xcb\xc4\xf3~;8\x7f\x8a\xa7\xfa$'</t>
  </si>
  <si>
    <t>b'\r\x07\x13o\x0bG\xbd2b\x01\x111\xa6R\xffT&lt;\x84\xaa\xackv\xa0\xdfRE\xa1F\x0f\x1d &amp;'</t>
  </si>
  <si>
    <t>b'\xbf\xd7\x0bz~\xe3Cv|\x7f\xab{\xcfw\xe3\xf8O5\xe7\xe0m\x10\x89\xf2\xc95\x0fhG\x85\xc2\xb1'</t>
  </si>
  <si>
    <t>b'?n\x88\x16\xf2)\xc9\x81\xe5\x0bx\n\xdc\xc2hZ\xa2\x87\xef\x0f)h\xd9\x9d\xef\xa1\t\xf6yB\x80v'</t>
  </si>
  <si>
    <t>b'\xc0Yj61iN\x14Z\xb6\xf27\x0f\xad\xee\x964\xef%\xa4\xec(\xe7\xd4\x06\x12\x16\x85l\x87\xbcA'</t>
  </si>
  <si>
    <t>b'\x9b!\x97\x14\x07W,\x18vn\x8f\xe3 \x07W\xc1L\xb2\x058\xd5\x96H\xe7\xa1\x88f\xcdw\x801\xc3'</t>
  </si>
  <si>
    <t>b'\x8dg\x1a\x89\x15\x82\xd3\x1f\xe0\xe3[v\t\x05\xc9\x04n\xe4\xad\xd25\xaa\x87\x07\x0e\xf2\x0e\xb13\xf7\xd7='</t>
  </si>
  <si>
    <t>b'\xc9\x19\xc1\xf4\x07\x07A\xd2|\x91`\xa5\xf87\xe7\x0cE\x97o\x83k\x9d\x1c\x9b\xda\xf7\r\x9b\r\x8e\x02\x07'</t>
  </si>
  <si>
    <t>b'N\xca\xbd\x99Rs5\r\x18&amp;\xbe\xe2\xa0XSnf\xb3j\xb0\t\x86)\xd4\xa7e\r\xbb]P\x10U'</t>
  </si>
  <si>
    <t>b'\x03$\x9a_M\xed\xc6\xaas\x05\x81A\xf2e\xed\x96%\xf5\xf0\x0cC\xad\x84^ZK\x82\x13#&amp;\xdb)'</t>
  </si>
  <si>
    <t>b'\xf8\xf1\xb2\xb7 \x8a\xfaG\xe5&amp;\xcb_s\x93?\x07\xb6\xb0Yr\xd6\xb5\x19h%\xa6*X\x97u\xfc\x8f'</t>
  </si>
  <si>
    <t>b'Z8\xf74d[223\x16\xfa\xe4w\x1d\x96&gt;\xb5\xa50AZ\xdaQ\x93\x0er\x8d\xe9\xed\xbbu|'</t>
  </si>
  <si>
    <t>b'&lt;IuN\xe0\xd3\x97\x12\xffU\xbf\xdc\x0fxWZq\x02\xfa4\xad\xbcRql"\x18z\xa3~\t\x17'</t>
  </si>
  <si>
    <t>b"\x85\xf0\xe3\xe5\x9a\xebX\xa3\xa2\xd6\xe8rL\x93\xfb\x9d\xf0$*\x90^\xa7\xd1\xb8k\xb56'\xbc\x8e&amp;\xee"</t>
  </si>
  <si>
    <t>b'*\x18\xab\xc4S=\x07\xeb\x0c\xeb!\x19\xb1_\xd0M\xb1\x8cD\x11\x8bd\xdeB\xf7\x8eN\xbeC\xc1@\xfd'</t>
  </si>
  <si>
    <t>b'\x89\xde\xeb\xe0+\xd6\xb6);Y!iG\xb5\xc8\xbb\xfd\xbd&lt;\x03\xbcD\xc6\xff\xa5r}T\xbf.\x9a\xb4'</t>
  </si>
  <si>
    <t>b'\xcd\xd2\x9c\xaa\x93\x946\x98QG\x9e\x99\x9c\x9e&amp;b+\x91\xbd\x00E\xe2\x86\xaf\x85\x14xq\x9f.]&gt;'</t>
  </si>
  <si>
    <t>b'\xdd}\xc9iD\x96W\xecc\xf3\xe9@\x18T\xfe\x89X]_\x9a\xd9\xc2\x00=\xb9V\x15d\xd2\r;`'</t>
  </si>
  <si>
    <t>b'\x9a19q\xd78\x15\xc4\x95\x11\xc3g\xbcH\x85\x84\xb4A\x14\xe4\x04@O\x9b\x14|m*]\x14/{'</t>
  </si>
  <si>
    <t>b'lo\x95\x04\xa5\x88U\xe0(\xa0\xac\x83\x9a\xda?\xc6\xe6\x19\xf2v\xce\xae\xbc\xff\xb2\x07\xb8*\x03\xda}T'</t>
  </si>
  <si>
    <t>b'\xe4\x87\xdb\x9b\xf8]\x9bB\xec\x7f\x8a\xe4g\x83:\xd7\x9f\x9e\xa2x\xf5\x1f\x87\xf8\x13\xda\xbf\xe7\x06\xb2\x9f\xdd'</t>
  </si>
  <si>
    <t>b'\xb8Q!D\xe2C\xe6\x88\x18!\xd4\xbc\xf4\xef \x06!\x1a\xb7\xb22\x0cM\r\x0c6\x13\xc8\x18\x81\x0eC'</t>
  </si>
  <si>
    <t>b'\x05\x0e\xe5\xea\x9fv\x9e\n\xa9}\x93-\x16g6\xf4\xa0\xfc\x9a\xa3?\xdf\x01\x98\xd0\xe9\xec`J\xb1r\xc3'</t>
  </si>
  <si>
    <t>b'Q\xc1b\xe8$f.w\xef\xcb;8\xc8\xebG~C\x98\x02\x05\x9el\xf9\xb7K\xadg\xa2$5\xa7\x91'</t>
  </si>
  <si>
    <t>b'bh#\t\xea$\xc4w_\xefi\x04\xc0\xb6\xbd\xcbK\xcd\xa9\xdb*\xcdL@L\xdc\xdfK9\x01\x9cl'</t>
  </si>
  <si>
    <t>b'\x81\xea\xa4\x87\xf3\xb6o\xf4\xe6\xb4\xfc\x1d\xf1\x8f\n\xa0\x0cc\xfc\xe1\xcf4\xa3\xa0\xd4?\x11\x05\xb6\x93\x1bY'</t>
  </si>
  <si>
    <t>b'\x7f\xe2B\x0e\x06\xb5\x9a\xd7zm\\\xb1\xbau?\xf8~6a\xae\xeeLt\xaa\xa5\x91v6\xe2\xb9\xe0\xa8'</t>
  </si>
  <si>
    <t>b'\xdb\x85_ID\xed\xd1e7\xfe\xf7+\xe4\xafMF!\xfd\x8cl8\xfeP&amp;\xc4\x9a\xe3\x8f\xde\xea\x83\x01'</t>
  </si>
  <si>
    <t>b'\x0e\xc4\x9b\xe0B\x02V/\x05\x96\xddk\xa9hR\xf0E\xa3\x06|\x83\x18P%k\xcd]^G8\xe6M'</t>
  </si>
  <si>
    <t>b'\xd9\x8a\x17v\x1dt\x87\x8c\x16?\xe2\xef\xa2,\xdb%\xb76\x803\x1d\xc9s\xd5Z*\x81#\x7f\xa1\xdb\xb7'</t>
  </si>
  <si>
    <t>b'b\xc5\xe2\xb5m,\xe2\xd4\x92m4\xff!,\x87\xba\x9b^\\\\\xd8a@\x8dN\xeaK\x98\xfae\x7f{'</t>
  </si>
  <si>
    <t>b'\xe4\xa1\x99\xb1\x97\xd1\xfa\xae\xad\x99\xa3\xbf\xee}\xde\x01\xbd\xa6\x0e\xa8\xf4\xb6\x82\xdf\x10\xaa\x8e\x17\xf4\x1c\x91\x9e'</t>
  </si>
  <si>
    <t>b'TCC)\x10\xaa\x84K\xf6\x1c\xfe\xcd\xbc\xbb$&amp;\xb2\x1d\xe5\x05rP\xea\x17\xe1\xcb\x0e\xce\x91N|\x07'</t>
  </si>
  <si>
    <t>b'\xa5\xb3\xa5\x85My\x8f\xfb&lt;=\x19\xdf\xd5\xabhkk\xdf\xcf&gt;\x89,\xb7EA\xa7\xbdi\n\xc7@\x19'</t>
  </si>
  <si>
    <t>b'\xaa\x08\x7fWo\x90\xc7\xca\x10M\xc2\xc6\x85\xadnOF\x00\xe3\xf4\x17\x17\x1di\xa5\x9eY3\xaf=\x14\xc9'</t>
  </si>
  <si>
    <t>b'\x8al\x83\xcd\\\xc1v\x06\xef\xda\x00\xeaI\n\xc2\xec\xf3\xd7\x03\x95\xb1-\xeb7\x9cR\xb6-w\xbe~\xfa'</t>
  </si>
  <si>
    <t>b'9PE\xa2lDx\xc6\x8a\x9a\x96p\x0c\xbd*\x87\xe7\x12\x83\x9f\xf0\xa4-\xff\xee\xb08(2\xf9\xc0\xdf'</t>
  </si>
  <si>
    <t>b'\xdcZc\xb0B\x93[\xcd\x8c5\xec\xe7\x0b\xa2\xbe\x04\xdd\xce7\xe2\xb9\xc5\xd3\x08\x02y\xaeZ\x93?\xb71'</t>
  </si>
  <si>
    <t>b'\x813\xa8WUP\xe7\xe7\xfc\xaf\x116\xd6r\xd1&amp;\xbd0\x06\xaf*\xa6\x15_\xccI;\xe7\x16\xc2\xf7\x06'</t>
  </si>
  <si>
    <t>b'\xa6\xcd\x04\xff\x1c\xf2R\x19b7Z\x90\xff`\x1d^p\xf9\xbbQqb\xc3Y\xdd=\xb1\x8e\x12J$*'</t>
  </si>
  <si>
    <t>b"F\xf5\xff\xaf\xf10#`\x8e\xbd~&amp;\xd7DQ\xbf\x16\xc0'\xcd\xe2F3\x9e\\\xf4&gt;j\xc3[\xd9\xe5"</t>
  </si>
  <si>
    <t>b';\xd6i\xf8\x17\xad$&gt;\nQ;\xe1Z\x1fHj\xfa\x9d\x8c\xe6?\xfb\xce\xdeZa\xe1\x89\xce\xb6\xde\x84'</t>
  </si>
  <si>
    <t>b'\\\xc7\xb01d\xb8\x89L\xa9\x88\xbc\xdb\xb2\xeanB\x97\xf5\x9fS\xe6\xd7\xe0\x1a\x10U\xdb]\xa1\x9c4\x0e'</t>
  </si>
  <si>
    <t>b'\xbb\x87_\xa4E!\x0e\xdbv\x8c\x89)@vLBB\xdba\x13\xb8\xa3\x0c\\xB\xea\xe7A\x84\x1e\x8f'</t>
  </si>
  <si>
    <t>b'\xd2\x1f\x93\xb7\x00\xef\xbb;3\x85\x1bZ2q\xcb+\x16\xe5Z(\x95\xd45\xb1% Y\xb0\xd8=\xf8\xcf'</t>
  </si>
  <si>
    <t>b'\x03t=\xf0\xba\x81X\xd3\xe0\xb2E\x83O\xb3\x85\x93;t\xa2y\x8f\xd5\x97\xab\xd1\x92\x04\x9091\x17\xb4'</t>
  </si>
  <si>
    <t>b'tp\xec\x10\xfc\x12\xe7y\x0f#\xeb\xdf\xddu&lt;QL\xea\xe5\xf9\x04t\xafRA\xfd&amp;\x9d\xbe\xb0\x96\x93'</t>
  </si>
  <si>
    <t>b'f\xff\xf3\xe7\xff\x01\x15\xbc.\xfe\xfa\xad\x9c7\xa3v\x87\xd8\xf8\xbc\xd1@\x80\x84p*\x19uS\xd1\xbc\x82'</t>
  </si>
  <si>
    <t>b'%N\xe7\xb49\xfa\xee\xd5\xbf\x90D"\xdc\xe1&gt;6K$\xa9dM\x90:M\xb7y\xf0\x8e\x08\x04\n\xda'</t>
  </si>
  <si>
    <t>b'\xd6\x11\xb7\x94\xa1Q^F\xaa\xba\xbad\xd2\x87]\xc2\xae2\xf2]\xae\x18\x11\xba\xda\xdd\xe72\x19\xd3\xc7\x9f'</t>
  </si>
  <si>
    <t>b'\x9f\x84\x1c\x9e6\xe1\x9d\xa0\xea\xf7}~J\x0f\xaf\x8e\x7f1?.\xc5\x00\x8bO\x88z\xe5\xac\x90\x86=u'</t>
  </si>
  <si>
    <t>b'\xb5\xac\x80:y\xfd\x15O\xd4\xd8\xf6\xa6\x9f\xd3D\xb8\xdd\x97_82\x19&amp;\xcd\xc6\xcbj\x04!\tBR'</t>
  </si>
  <si>
    <t>b'w\x1eok\x98R\xb8uPp\xbe\xcd\xbao\tW\xc1\xd8?N\xf4\x15\xd8\xf1!^I\x00\xb1\x8d\xd94'</t>
  </si>
  <si>
    <t>b'\x0e\x0e\xbcw\x08\xb9P\xba\xfbO\xe0\n~.\x86\xa9P\xc7\xbd\x81d:\xafh\x0b\xa3\xcc\xfe\x93\xef\x11\x90'</t>
  </si>
  <si>
    <t>b'@\xc9\xd3\x11\xa6\xd2\xb5\x80\xadJ\x18KXh\x15\xe5R\xea\xea*\xe7\xbd&gt;k\x8d\x80I?\xcf\xbe\x82\x14'</t>
  </si>
  <si>
    <t>b'u\xfd\xa9.\xb6\x10\x1a~\x05\x983\x1f\xee\xd8\x96\x11\xce\xad\n\xbe\xfdf\xd4\xb2\x7fh\xcb\xc2\x07\x18\x9a\xc3'</t>
  </si>
  <si>
    <t>b"d\xa4\xb5\x8b@\xd9r\x0b)\xd4\x9e\xf6\x87\xd7Q\x88_\x1c\x9cZ'^;\x8aY,\xc98\xf14C5"</t>
  </si>
  <si>
    <t>b'\xc4\xd0\xb4\x81I@\xca\xd0\xce\x0e\x14\xe4Nie\xbc\xc1\xef\x1c\xec\xb6"\xfc\x9b\x05\xbe\x1cy\xbf\xe4\x87\x11'</t>
  </si>
  <si>
    <t>b'\xaeA\xe1\xcb\xa0\xd3\x0b\x85\ro\x04\xd7\xda\x8c\xb5\x95\xb0^?!\x03TLtlL5\x0c\x05\x8cT\xd2'</t>
  </si>
  <si>
    <t>b'\x94\x82\xdb\x8eT\xb9$aM\xdb\x9e\x8c\x86\xa1\xd1N\xc7\x9b\x02\xf4\xf7\xf7\xca\x99\xa8n\x8c\xf05\xbb\xd8z'</t>
  </si>
  <si>
    <t>b'\xeb\xb8\xf3O1\xdf\x93\xd0#\xb0\x98\x97\xc8\xb8\x87\x81\x06\xf8&amp;\xa2k\xd1\xa0\xc77A6!\x9e\t\xce{'</t>
  </si>
  <si>
    <t>b'\xef\x99Nc`\x83u\x81F\x84\x99\xb7C\x84\x7fE\xab\x7f\xdf\xd7|\xbd\xd3\x1a?D\xbd\xcd\xb7EN\xcb'</t>
  </si>
  <si>
    <t>b'Y\xca=\xad\x91\x9bI\xb2\xd9\xc4i\x91\n\xa8&lt;\xd7\x1b\x91\xe7P$\xf1\xb1\x84 \xb0:l\xa2i5H'</t>
  </si>
  <si>
    <t>b'[\xe7&lt;\xd4\x87\\\xff\x8bF,B\x98*\x05\xb9P\xfe\x17\xdb\x18\x84\xee6u\x9f\xdcr\xb9\x94\xc3\xee\x93'</t>
  </si>
  <si>
    <t>b'X\xc8\xf0fa\xed38l\xe7\x10\x97\xb5 u\xcc\x93\xe6\x9f\x83\rN\xff\xd0+\x1eI\x06E\x04\x18\x8e'</t>
  </si>
  <si>
    <t>b'\xa5\xe2\x14\xde\xf2\xdc\xcf\xd8\xd1\x8c\xf3\xf9\xf0\xcd\x90.|\xcb\xe3n-E\x96\xf9\x7f\x97\x1c\x93pW\xe2/'</t>
  </si>
  <si>
    <t>b"\x90\xdd;N\xb4\xf0\xf4\x96B\xd6\xc6\xc42\x0f\x17\x84\xc4o\xb7vj'^\xe7\xc2\xbc\xe2I\xb0\xbcO\x0e"</t>
  </si>
  <si>
    <t>b'z=\x1a\xbbK|\x13\xe1i&gt;\x04\xc54\xd2\x80\xf0w\xbf\xa4\xfcY6\xe2t\x03\x9e\x81\x870\xd1m\x0c'</t>
  </si>
  <si>
    <t>b'\xa6X\xfdah\xd3\xe6o\xf2\xd6\xed\xa6\xb9\x169\xe7lB\xff\x957-2\x8aZ\xf1!V\xcc\xbe\xd0\xb9'</t>
  </si>
  <si>
    <t>b'\x81\xca\x07"q\x8a\xf8\xde\x05j"\x0b\xb5\xd2\x02\x8a\x8b\xb1\xb7A\xee\xd4f\x08D\xb3\x8c\xf7\x1c:\x14\xaf'</t>
  </si>
  <si>
    <t>b'\xb0c$9\x9e\xdd\xd4\n\xca\xeb\x0e\x83F[\x9b-\x11\xcf\x96\x94\xdc\xf4\xba\x92\xf7\xf2\x9c\x85\x99\t*\xac'</t>
  </si>
  <si>
    <t>b'\x13\t\xca\r\xa4\xe2\x1f;_\xb8\x98\x88\xe9\xc1\x89\xc9{JE\x13\x8f&amp;\x8b\xe0\xff#\xa6\x02\xdeAc\xb7'</t>
  </si>
  <si>
    <t>b'\x82\xf1\x1d\xea\x92\xb6\x03\x1dEKi\xb1\xb8J\xe9Un\x92$\xf6\xcf\xcf\xaf\xb0w\xfb\x8bK=\xc8\xd1\xc9'</t>
  </si>
  <si>
    <t>b'x\x9a\xbb\xc8\x96\x7f\x03\x08\x8c\x9d\xfdd\xc0A\xf9\x0c\xab\xb4;\xd5\x8d\xde\xe4\xa4m4\x05"1L\xff\xc5'</t>
  </si>
  <si>
    <t>b'\xf3\xb1\xbe\xcd~!\xfc\r\xa5\x7f\x0b\xefZ\xd7\x83\xd8\xbf\xcf/\x0eB8\xc8Q\xcet\xaa\x86\xda\x0cUC'</t>
  </si>
  <si>
    <t>b'\xd6\xd1&gt;[\xe6\x9b\xf0\x0c+\x14\xe20\xfe\xc4\xbf\xa0\x1bX\x00\xcaLU\x14m&amp;M\xceo[\x8e\x9b\x91'</t>
  </si>
  <si>
    <t>b"\x90\x1eU\x8d\xba\x83\x0fV\x94\xbbq\x8c\x7fr\xadV\xc9wB\x01\xeb\xf3\xb5D'+\xf3\xdd$\xec E"</t>
  </si>
  <si>
    <t>b"1\x03\x9e\x014\xc4\x0c\x0cU\xbb\xbb\xf2~\xbc\xe7\x95w\x98\xde'i\x8dI P+j\xfc\xad.]a"</t>
  </si>
  <si>
    <t>b'\xc1]\xf7B&lt;\xd2\x10VcP\xe1\xf6\xe9\x1e\x86U\xabmHkX;G \xa9a\x04\xbb]\x18S\x03'</t>
  </si>
  <si>
    <t>b'\xe6\xedeT\xab\xba\xe0&amp;\x847\x17\xf6\x1es\xdf\x99\xa1\x8e\xb7\xd7\n;h\x02\x07\xf8\xb4\x12\xe7\x16\xbf\x0b'</t>
  </si>
  <si>
    <t>b"~\xbf/\xe4H\xd1\x12\x05kKZ'\xfd\xd5n\x90]\xc1&lt;\xb7\x8d\xe8\xe9\xea\xae\xd6M&gt;~\x0e\xf7\x94"</t>
  </si>
  <si>
    <t>b'Q\x92?Lg\xe8YG]\x91\x1c\xaf\x9cG5\\\x11\xc9~y\xa4*\x82\x8e\xbd\x17\xe4&amp;]D9\xee'</t>
  </si>
  <si>
    <t>b'B\xca\x87\xf9\xb3\x9e\xc8\x91i\xab\\\xd0G\xa16\xac\xc3\xf2/\xf3\xed\x95\x00b\x95\xb1"}{\x0c}\xe5'</t>
  </si>
  <si>
    <t>b'l\xa1u\xb9\x03\xfd\x10\x9d\x06Qf\x18U\xc8\x1aa\xcd\xc5\xb1\xdbRI\xa5\xf6\xcf\x0eH4WQ\x12-'</t>
  </si>
  <si>
    <t>b'\xc5\x85\x80&amp;\xe5\x94*d\xbb/\x0c.\x14\xce\xdf\xf1yK\x9e\x17\xb7\x01\xb30\x82\xae\xb5{\xb3\xa6\xf6['</t>
  </si>
  <si>
    <t>b'g\\\x9d\x85M;N\x00ZVF\xab/8\x03\xb5H:\xa2q\xd9\xf4\xfb~\xdf\xb7\nC\xca\x943C'</t>
  </si>
  <si>
    <t>b'\x99W\xf0\xac\x19\xa11\\\x02\x99\x82\x1ar\x9f\xcd\xb6Lt]s\xb7\xea\x07\xdd\xfe\xc4\xdc\xc1\xaf?\x8a\x19'</t>
  </si>
  <si>
    <t>b'\xfc\x96)R\xa5uT`g\x89\x17m\xb1`L\x00L\xc2\x1fC\x91W/\x18\x84\x96\xff\x1c\xd8\xa8\xd1\xf3'</t>
  </si>
  <si>
    <t>b'P\xdc\xed\xa9\xd09\xa3\x02p"w_\x07Q|k\xa3q\xc7m\xa3\xad\xec,\x99zP\x94JxFZ'</t>
  </si>
  <si>
    <t>b"\x05\xd3\xd2\xa23\x9e\xb3wr\xe0\x0b~^\xd2;\x1e'\xb3\x18\x87h\x078g\xd2&lt;\x12\xd7\xef\xe5\x9a\xb4"</t>
  </si>
  <si>
    <t>b'W\xc5\xd7C"\x80R\x92\xdc\xf1]\x0b\xa5\x0cz\xd1\x99\x01$*\x83\xf3 k? ;Hg\xe9\xadZ'</t>
  </si>
  <si>
    <t>b'\xcc\xccj\x030\x8fg\xda\xfcis\xb9p?\xd0S\x0cEh\x99\xd9\xe9\xa6T\x8f\xba\xbcY\x0f\xe54`'</t>
  </si>
  <si>
    <t>b'\xcf\xd7#\x80\x1d\xbd\r\xae\x80;F\x16\xa3?\xd4\xe2\xad\x1d\x83\xe8xl#\x84\x85\xa3X\xffl\xac\x93t'</t>
  </si>
  <si>
    <t>b'\xde\xe2\xcd\xbb\xeb\xdcV\x85wH\xbeK\xe3F\x99C\xf7J\xc1\xcd\x8f\xcf-\xa5w\x8f\x9d\xf4M\xa2?\x9c'</t>
  </si>
  <si>
    <t>b'b\x05\n\\\x15\xd4&lt;\xdb\xf2\xc8t\r\x96\x80\xd6\xd1\xe3\x16+\xd7\x0e\x1e\xa4o\x1dbp\xd3\x9a&gt;L\xca'</t>
  </si>
  <si>
    <t>b'W\xeb\x10Z\x01\xd4A\xd0\x1f\xa0\x91\x90\xdc_\xe6\xf5\x15G\xc9\xd7\x8e\xf3\x8d\xedE\xa8\xa1_\xd95wr'</t>
  </si>
  <si>
    <t>b'\xac\xeaV\xd3-\xfb\x1b\xe80\xcf&lt;\xe5\xa3\xd2\xff\xa4\xcd\xbd\xce\xcb\xae\xbcyFuk\t\xbe\xed^wm'</t>
  </si>
  <si>
    <t>b'3l\xf5\xaf\xb5d[\xc80\xd1\xa71\xa0\xa5;\xb8\x15\x9a\xf7\x0f\xba_o_\xc8D\x16=A[]\xf5'</t>
  </si>
  <si>
    <t>b'\x07H\x8e\xa98z\x01M@A\xb9\xe0\x0f\x83\x1e\xd1\xa3\xcd\xb6\xd0\xaa9_j\xb0t\xc5\xa4+\xa7d\xdd'</t>
  </si>
  <si>
    <t>b'\x14W\xd5\x7f\xfd\xd1U\xc1\x99\xafE\xf9\x7fZ7{\xa9\xcd\xb7\x96\n\x03V\xf4\x9en\xe6\xf6du\xac\xb6'</t>
  </si>
  <si>
    <t>b'E*/\x9d\x0b\x9b\xb7\x94\xea\xcet\xab\xc23\x82\x83\xbe\x83\xe6{/p\x8f\xad&amp;mk\x1d\x1f\xf9\xaa\xdb'</t>
  </si>
  <si>
    <t>b'\xa9(\x13\x9a\xd3\xb8[o\x13\xcc7\x03\xdd\xc8\xb1b\x15N\xf2\xa4\xb2\xe0\x9bX\x07v\x99\xed\x99\xa8O\xfa'</t>
  </si>
  <si>
    <t>b'\x04\xe3\x01j\xf3\xe0\x84?]\xe9\x1c&amp;C\xc1/o\x96p\xa4 \x80\xe8\xf0\xeeIP\x94\x99Fm&amp;K'</t>
  </si>
  <si>
    <t>b'q\xf3l\xab7&lt;b\x02\xf9\xaav\xd1\xb3\xa7\x93\x1e\x86\x02-\x04\x04\xc7\x1b\x91y\x03\xd8c\xf77\xe4\x15'</t>
  </si>
  <si>
    <t>b'\xdb\xefh\xba\x99&lt;OeM\xd6\xdd\xb3s\xd8\xf1\x02\r\xe4*\x01w\xb1\x8a@k\xe0\xcb\xd0\xaf\xf9r%'</t>
  </si>
  <si>
    <t>b'\xb4\xff\x11\x8di7\xf0\x9d\xf1\x0b\x1d0\x87\xe2\xe8\xd9%\rw\xe7y9\xe9-\x90\xaf\xeb6HQ\xe6\xe6'</t>
  </si>
  <si>
    <t>b'P\x12\x97\xb4\xeeqI\xdf,-\xc3\xd6\x84\t\xb7\x81\xfb\xed\xaa\x86\xde\x85D\x98\xc0\xa7\xa5\xd7\xddt\xee/'</t>
  </si>
  <si>
    <t>b'\x86\xf5He\xb2\x9b&gt;N\xa4\xa1.\xed\xa1\x82\x16*\xe2dY\xa54I\xa3\xfb\xd9\x03j\xf0\xdb\x1c\t6'</t>
  </si>
  <si>
    <t>b'\xa28_F\x00\x12\x86B\x9a\xa5\xb3\x8a#\x1b\xff\x8c\xd3i\xed#H\xe6,\x8f\xbe\x97\x1c\x01x\xda\x02\x11'</t>
  </si>
  <si>
    <t>b'\xfb\x92\xa4\xa6J\xbaD\xdfe\xb1c\xbe \x1f\xeb\x0c\xe1\x8e\xd1.j\x82\xff\x7f\xf4\t}\xddy\x88b\xfa'</t>
  </si>
  <si>
    <t>b'\x86\x87\xa3b\x85\x02\xdd\xf6S0\xa9\xccG[\xbfx\xe4$\x13\x00\xc1\xb2^X!\xdc\xcf\xf3P\xeaS\xf0'</t>
  </si>
  <si>
    <t>b"#o\xbeD pus\\\xe0h'\x9aFz\x02uk\xc0a\x99\xc3\xcfH\x8f\xd3d\xfc\xf4\x86\x91\x18"</t>
  </si>
  <si>
    <t>b'q/\xcb\xd7l\xf2"\xec+7b\xce#D\xc7&lt;\x96\xc8\xc8\x1d\x1b\xcd\xa4$(\x83\xd7\xff\xf0\xc5\xae\xf8'</t>
  </si>
  <si>
    <t>b'\xfd\xb2[\xdc\xb1@\xde\x9fJ\x88\xd7\x9fO\x0e\xbf\x81\xce=2\x1a\xa7&lt;\xc1\xceTl\xc9\xbc0R..'</t>
  </si>
  <si>
    <t>b'\x17A\x08\x08\x97\xb9\x16\xe3\x86d:Q\x88\xe9\x81\xe1f\x92H\xa5G\x8f\x0c\x8f\xca_\x06\xe54\xf9\x13\x85'</t>
  </si>
  <si>
    <t>b"\xcb=\x10n$\xb3VS\x93\x93t;\xfe_s'\xf3 [\x11D(\x1c\xed2\xf1\xf8C\xccR0\x16"</t>
  </si>
  <si>
    <t>b"\x9f\xba\xa2\x00\xa0\xf1\xb5\x83\x96\x9aa\x07*\xb0\xc9\xe3\x94S'_\x9cw\x97m\xd7\xc2s\xcd\xcf\x9a\xe4\xa9"</t>
  </si>
  <si>
    <t>b'&amp;\xc4\x8b\xd8]\x893E\x1c\xe5\xcb=)KS\x16-\xe1E\x07i\xfb\xfeP\xdb\xd3\x99\xab\xd5\xb7\x92\x8e'</t>
  </si>
  <si>
    <t>b"D\xc3\x8e\xbc\x8dJ`\x0c\xe3=w\xdc\xc1\x18\x80a\xb26\xe1\xb4*\xc7O\xba\x08\xb8'\x1aU\xb1\xf2\x92"</t>
  </si>
  <si>
    <t>b"v\xd3\xad\xef\xd8RH\xce\xcfy\x06%\x1b(\xd4\xf6\xb3\x07L\xd6\x85\x94T#v\xa0\xb1\xe9u'\x1e\xf6"</t>
  </si>
  <si>
    <t>b'\x1d\x9d\x85e\x88\xc9\x8cN\x81\xc4\x01_\xe9\x90a]\x8a\xed\xf7:C\xcd\xa6\xf7vt\xfe\xf0\x1e\x04\x8cE'</t>
  </si>
  <si>
    <t>b'\xf0"\xb5\xe50\xb9\xc1\x97\x81\xdc2\x05M$~\xbaN\x94\x1a\x07\xf6!\x85`\xc5\xa7OF\x8c\xbc\x19\xf5'</t>
  </si>
  <si>
    <t>b'\x8f\xc9\x9c\x928\x82\x0eC\x80\x05\xf8\xc6\xf6N=6\xc2\x94\x81\x8e\x8a\xdd\x93\x94\x1a\x08A\xef\xe2\x9e:\xda'</t>
  </si>
  <si>
    <t>b'\x1b[\xbd\xbb\x05S\xeaU{-e\xce\x00\x03fw*\xbe\\Y\xd0\x88\xd6l\xd9\x1a\x1b\t\x1f\xe0\xfd\xc5'</t>
  </si>
  <si>
    <t>b"\xed\xb6\xef\x1dF\xe74\xaeI.\xc6\x13\x02A\x9b\xae=X|\xf5.c\x02\x06x\xe5'\x8b\xe4\x8d\xc7B"</t>
  </si>
  <si>
    <t>b'`H\xae\xad\xf9\x84\xfe;\xce\x17R\xb8\x9bo\x93;\xb2l\xf2\t6\x00\xaa\x8b\xd24\xe0\xc5=.\xcd\xfe'</t>
  </si>
  <si>
    <t>b'\xf8\xd3\xfcpv\x88,\xc35\x02YI\x18\x9a^*\xd1zK\xfcY;\xacR\x1b\x9d\x8c#\x92\xae\xb8\xbf'</t>
  </si>
  <si>
    <t>b"\x93H\xe9\xca'1%\xe9\x11\xb6\x8a\x98\xd1\xa0\x98-\xbeV\xeb\x90\x91:\x885\xf3&lt;\xfe\xfd\x9f\x84\xd91"</t>
  </si>
  <si>
    <t>b'\xe1\xc9\xf6\xe9Q\xe69\xc2f\xcd\xfb\xf4)\x05\x0bow\x06\x9fJ\xaf\xff\x92\x1e0\xcc\x12\x80\xe9\xcc\x0e\xa9'</t>
  </si>
  <si>
    <t>b'\x01\xa8\x84\x05\x82\xeb\xdc\xeb_\x96\xc4no\xf5\xf0\xa1Z@\x9e\x05\xe3N\xf0K\x91\x0c(c\xf1\x7f\x97i'</t>
  </si>
  <si>
    <t>b'\x8f0i\xf6\xbbR\xe6\xf3\xce\xef\x19\xc9\xf7\xc6-\xce\x8c\xe84\xde\x15{\xf4\xff\x08J\x0cA#\x08\x8a\x86'</t>
  </si>
  <si>
    <t>b"'\x88~\xca\xf9\xe2\x8a\x06e\xa8\xfd*\xb1\xc2\xd99\xe8\x9b\xfa=\x19\xf10\x17\x8a??\x85\xfa\x8c\xd2\xac"</t>
  </si>
  <si>
    <t>b'\xedSp^\xed\xd8Q\xba\xad\xee\x88\xfb\x81\xa4]\xf9fsY\xaf\xfeSV\xf1{\xe5Uo\xfc\x11\x10\xc8'</t>
  </si>
  <si>
    <t>b"\xe5\x18\x02\x0f\xaa\x06\x1b\x9d\x90\x05\xaf\xa2\x8d\xca\x95h\xb3'\xa4\x82=M\xe70\xde.!\x8d\n9$V"</t>
  </si>
  <si>
    <t>b'\x01\x8a\xa3x\x17H0\x0f\xc8p\xb6\x0c\x91\xb4k\r\xc06Bl\xe7\x15\xc9\xb3\x11\x98\xe6p\x8e\xe4{\x8c'</t>
  </si>
  <si>
    <t>b'UV\xefN2\xb1?\x89\xdfm\xe2\xadE\xc6\xe1\xacF0\x06\x98\x19`\x05Tq\x18|\xf6&amp;\xd1H0'</t>
  </si>
  <si>
    <t>b"cNE5bC\xf9z\xf1\xb9\xa8\x10\xc5\t\x8a\xb1e\xb6\x87\xae\x18\x89'\xee\xc8\x01a\x96\xb5i?\xd2"</t>
  </si>
  <si>
    <t>b'\xe4\xa3*\x1c)\\\x18\xfc\xca\x95\xa9$:\x06L\xa3\xbd\xa2id\xd1\xfb\xc1R\xb6lR\x11t#|\x83'</t>
  </si>
  <si>
    <t>b'\xb7\x9eg\xad\xeeu\x01k\xaf\x02\xd6\x90f\t\x0f-\xba\xf6L\xadB\x84\xaaY0\x84\xc4\x85\x07\xa1\xb0O'</t>
  </si>
  <si>
    <t>b'\x9d\x8b3!\xcaE\xa5\x08&amp;\xc9H$\xf9\n\xb2\xfdBk\xf8/Y]\x81#\xfc\x83\x9d\xa2\x8b\xa4\xb3^'</t>
  </si>
  <si>
    <t>b'\x96h\xfb\x1c\xa3\xe4\x0e\x8d;f\x11x\xa6\xda\xfb\xf3\x8f\xbf\x14\xd7\xb0\xbd\xa6\xb1*\xdd\xc5\x85jI8V'</t>
  </si>
  <si>
    <t>b'$W\xb6v\xfe\xa8\xbc\xd1=\xfa\xf2\x04\x04{\t \xe9\xc6\x9a\x0b\x8bAX\x90f\xe7L%\xe5\xbb\xe0u'</t>
  </si>
  <si>
    <t>b'\xc8\x80\x81\x17\x82`&amp;E\x0c\xc5\xb5b\x92GW$\xef\x14G\xc3}uj\xe9"rY\x1d\xcf!\xae\x94'</t>
  </si>
  <si>
    <t>b'\xde\xc5 S\xd0Do\xd9\x1f\n\x16u\xef\x8a0\xc0dz(l\x1fh\xfa\x1d\xc3F\x13=\xcawI\xa0'</t>
  </si>
  <si>
    <t>b'\x9f*\x9c\x97Y\x88\x85\x17\x03\x7f\xcc8\xd2\xc7\xf0%\x83\xea \xd5|\x07u\x00@\xf6tv\x14\x9a\xb8\xc9'</t>
  </si>
  <si>
    <t>b'\xc57\xee\xd2\x02s\xda\x05m\xa62\xf0\x87A\r\x08%\xa7\xf0:\xa6\x03(\\jn\x8b\xb9\x97H\\\xa1'</t>
  </si>
  <si>
    <t>b'W`\x08)H\x1eL)LQL\xa7\xdcT0j\x17)B\x9c\xfc\x07\xad\xea\xae\ro\x91\xbf\x1c\n\xa7'</t>
  </si>
  <si>
    <t>b'\x9e\x8a\xf8\xa9\x16\xea\x96N(\xf2&amp;|SZO\x89\xaa\xca]1J\xd6\x8f\x0c\x8fD\xef&amp;\x83\xdd5-'</t>
  </si>
  <si>
    <t>b'\xb9\x85\xe6\x1e\x153\xd4C\xec\xcb5`\x1d\xe3\x91%\x8e\r&lt;\x8b\xec\x84\xb5)4O\xe3\x1c=\xcf 1'</t>
  </si>
  <si>
    <t>b'\r\xb0;^$\x01\xf4x\n&gt;\xc6\xc8\xdd\xb3\x82\x00&amp;\xea}\x8dk\x16\xd49\x10[\x18\xa9\x8b$\xb3e'</t>
  </si>
  <si>
    <t>b'2\x1c\xba\x8b\x13\xb38\xcf\xe6\xe2\xd1\xfeY\x08\xa1\xa9s\xc4\x92\x078b\xc4\xb5\x0c\xbd\xb7_\xdb2?\xdf'</t>
  </si>
  <si>
    <t>b'8\x7f\x00(tS\xcd\xc1\xf4&amp;\xf9\xcd\xeb\x04{\xf7w\xd4Y\xb1\xbdE\xba\xec|\xc9\xd3#\xd0\xc0\tH'</t>
  </si>
  <si>
    <t>b'P6\xb1\x17p\x06$\xae\x8f/\x90\x1d\xd6\xf4\xe7\x8c]c\xc4\xfd\xa8\xdc\xbc\x07\x07\x11}\x85\xf1\t\xcep'</t>
  </si>
  <si>
    <t>b'\x94\x8d\xddCT\xbc*\x8b\x1e%\x89\xb4\xbex5D\xd6\x85EF\x99p\x87\xa4\xea\xc4|\xb1gd\xa1\x1e'</t>
  </si>
  <si>
    <t>b"\xdf\x8e5\xfb\xc4\x9f\x9b\xb2\x08\xc5\x04\x8b}G+'\x04\x93\x84\x04\xd9#%\xff\xf0\x81nkg\xf2H\xbb"</t>
  </si>
  <si>
    <t>b'\x03\xb5\xa0@A&gt;\xd2\x1d4\xd0dFHE&lt;Af\xfc\xd5\x0e\x8a\xb8\xac\x96HKg\xec\x02K\x9d&gt;'</t>
  </si>
  <si>
    <t>b'\x95\xdc\xc3@\x02P\xd4\xf9\xd9\x8b4\xaa-\xdeE\x8aI\xe2E\xab+\xb6G\xf7\xc2\xcb\x10\x16\x8fG\xd38'</t>
  </si>
  <si>
    <t>b'\x84\xb1\x0e\xa1\x89\xf7O\x17/[T\xaa\xbb\xaf0\xed][\x18\x94\x9d8\x16t\x08\x9a\xf1\x85\xae\xe8\xde&gt;'</t>
  </si>
  <si>
    <t>b'@\xb6\xb3\xf9\xb7@\xdc.!#\xb8\x16\xdc\xa7\x04\xa7\xca\xf2r\tSuac\tC\xd6\\\x89D\xd5\xc5'</t>
  </si>
  <si>
    <t>b'\xdar\xbb\x13\x01\x18\xfc\xda\xb2\xa2\xdc\x99|\x10\xa7#\x13\x86\xa5\xdd\xbe`3}\xee\x96\x07\xeb\xbd\x87\xdc\x15'</t>
  </si>
  <si>
    <t>b'j\xa5\x0bl\xf1\xf2\xfc\x8a\x82\x13\xf8I\rk/\xbc\xa4\x8cw&gt;\xbc\xaa\xaa\xc6\xc5s\x1b!\x08&amp;T\x19'</t>
  </si>
  <si>
    <t>b'\x99\\\xe4\xa5Hg\xe4\x05\x9c\x8d\x9b\x90G\xe6\x9b\xbb1 \x94\xd0d\t\xff\xeb\xa8\xebw\xc7Y*\xc3#'</t>
  </si>
  <si>
    <t>b'\xa9\x83\x9f\xe1\xbc\xd6\xfa\x9d\x9e\x87k\xb0\xb3\x0cDzu\xab\x10\xdcJ5\xa0\x17!\xb0\x1dh\xdclL\xf0'</t>
  </si>
  <si>
    <t>b'\xae&amp;L6\xb1\x9b\x9c|+ZL\x1f\x97^d\xd1\xe0V\x05)\x9ed%\xa67\xfb\xe1\xe8\xe2\xd2\x11\xc2'</t>
  </si>
  <si>
    <t>b"_\x86 \xbf@Z\x05\x8c'\x0b\xd4e\x8a4\xb5[\xc0\x94C\xa4\x96\x01\x90\x17\xe5\x0c\x8b;\xf1\xaec\xd3"</t>
  </si>
  <si>
    <t>b'\x9c\x1a\xba\xf0*UG\xef\xe2\xdf8/\xa6n\xffc\xbb\xca#\x13\xde\xb2q\xe7\xb1\x0b?2l\xa9\xb8g'</t>
  </si>
  <si>
    <t>b'?\xffx|4\x97\xdda\xdah\x84m\x0f\xb2\x07\xa6\xba*0\xc1\x95\x16\xbdn\xce\x11aw\xab\x95\x08\x1f'</t>
  </si>
  <si>
    <t>b'\xac\xfe\xb9\xb9\x89\x95\xeb\xa1T\x80\xcb\xb7\xfb\xd9\xaa\xb48\xaaD\xb9`\x01\xc3S`\xa7Z\xb2\x81\x1ag\xac'</t>
  </si>
  <si>
    <t>b'\xf0yI,\xe2\xe6\xf6\xec\xb5\xf9\xf4\xbfa\xb1?\xa3\np\xdap\x82\x08r\xa4p\xce\xce(\xea\xde\xde\x0c'</t>
  </si>
  <si>
    <t>b'\xd3u8e\x1c\x01Y\xb7+\xcf\xf2\x1f)\xd3\xd0@\xd0\xa1\x11\x0cL#~\x17$\xafDB;gk\xca'</t>
  </si>
  <si>
    <t>b'&gt;\x8a\x08\xae\xf7\x1b\xabf\x1fj\xf3S~d]\xc7\xad\xe9\x17\xcc\x19\x86\xe8fK\xfc9\xb6\x91y-\x8b'</t>
  </si>
  <si>
    <t>b'\xf2/\x80x\x1a{*\x02\xaemE}\x06\x12\xf4\xc2L$\xf3\xac\x8f\xbe\xcb\xad\x14\x1c\xf7%\x0e\x1d\xe6\x81'</t>
  </si>
  <si>
    <t>b'\x1f6\x97\x15oD\xd7\xb0\xd0\xa0:\x8f\xa6\xc9N\xd7\x89\xcd\xb3\xbb\xaf[g\xf41\xff"\x88\x06\xe7\xa3\xed'</t>
  </si>
  <si>
    <t>b'j\x08\xfd\x11-\xbaS\xfb\xca4\x9cE\xaaV#\x82(cgc\x97\xa0\xba;\xfc h\xa0\xafG\xb6\xd3'</t>
  </si>
  <si>
    <t>b'\xec6\xb3\xb0\x8e\xed$\xa8\xdb\x0b\x12\xbe2Q\xddp\xd9Z\xca2^\xd48U\x1f4\xe8\x19\x1a\x84h\xae'</t>
  </si>
  <si>
    <t>b'\xaaU6\x1b\xfe\x80\x112\x08E\x88\x93\x90\xce\x84\xce\x176\xdb\x04[\x8d\x17o\x9fCN\x88\xab\xcd\xbfl'</t>
  </si>
  <si>
    <t>b'/\xf0\x9b(\xd1O\x88C\xf1\xfa\xcf&amp;\x96c\x90E}t\xb2&amp;D\xc1\xb4\xca\xef|`\xa1P@*,'</t>
  </si>
  <si>
    <t>b'\xe5\x04\x8b\xd9n\xbc\xbd\xeab\xda\x9aH\xd8\xd9&lt;`N\x9b\xdb\x0eV\xa5\xc4\xf94\xd9=1\x17!u*'</t>
  </si>
  <si>
    <t>b"\xf8&lt;\x86'\xb1\x8c\xca'c\xcb5\xb9\x01\ro\xd5*#\xfdi\x99\xfa\xbc\xb1tR\xda\xb2cJ)0"</t>
  </si>
  <si>
    <t>b'Y\x01eq\xf3\xd8%\xc7\xc2\xb5\xee\x87\xc484\xf1M\xc9\x91\xaf\xae\x8d3\x7fEZ\x99#\x9b\xdak\xeb'</t>
  </si>
  <si>
    <t>b'\xa9\x7f%\x91mx\x0e\x06\xfc\xf7\xc3\xbaUz\xbcJF\x85M\x0c[\xcbz\xa8\xee\xbb\x84\xb0\xdc`9L'</t>
  </si>
  <si>
    <t>b'\x98\xe9P5\x8a\xda4\xceU\x19\x8aWs\xf7J\x96\x82H\x81HpkKFM\xb6io\x93M\xadP'</t>
  </si>
  <si>
    <t>b'#\xe5\xcf(\xe522\x9b%\xaf\xa0\xf8!\xd2\xae\xa1\xdf\xc2\xf6\xac\xe5\xd3\xf0\xb0\x1el\xb8\xdeN\\{+'</t>
  </si>
  <si>
    <t>b'\x8a\xa6\x0c,\x1e\x06`\xc3\x0eu\xfe\xb4ry\xc5C\xe9\xaa\\\x97\x1d\x1d\x9c\xa8\x96!yu-\xee@\xad'</t>
  </si>
  <si>
    <t>b'\x80\xfap\xfe\xc2\xa8aH\xf63\x06"\xf2\xed\xf5\x8e\xa5\xfd\xb1\x14\x7f\xdeiBN\xef\t\x8d&amp;\x89\xefo'</t>
  </si>
  <si>
    <t>b"\x82\x97`\xc2\x9c-\xf6\xf1t`\xcd\x94\x90\xf4'\xcd~\xaeE\r\xa2Z\tV\x98yv\x161t\xec\x19"</t>
  </si>
  <si>
    <t>b'\xcf2Q\xee\xf5\xb3\x04\xd1k\x1d\xe3\xd3\xd6\xc0\x04Y#\x1c\x92\x9a\xec\x9c\x07H\x9eu\xc04\x84N\x0e\x07'</t>
  </si>
  <si>
    <t>b'\xb5pl\xc7(\x80\xf4\n\x0756#\xcaC\'\xd2p\xe7\n"x\xff\xe5\xbb\xfe\xba\x90\xb9\xb1\\`\xc1'</t>
  </si>
  <si>
    <t>b'\xe0\xd3\xdf\xbc\xa4i$*2\x1c\x885\xad/\x1dR/]?\xda\x91\nW^\x1eBJ\xe0\xf1\xa6\x10\xba'</t>
  </si>
  <si>
    <t>b'R\x8a\x1b4\xff\x89\x17\x12c]\xd9\xde\x13\xd1\xa4\x90$\x97\xff\x17\xdc-O\x8f\xa9\xd3\xda\x1bi\xb1\x89\xbe'</t>
  </si>
  <si>
    <t>b'\xc6\r\xaaP\xa5\x0c^\xdaK\x8c{\xdd\x07_\x81\xb3\xbb\x94*\x08\xb4be\x147&amp;\xf8\xf9u\xdc&amp;\xe0'</t>
  </si>
  <si>
    <t>b'JM\xb6\xf4\x80?\x88\xb2\xfe\xe8\xb7]mP\xbc\xb7\x85\xacM8\x97R\xeab \xd5\xd8g\xef^U\xe1'</t>
  </si>
  <si>
    <t>b'\xc29\x18\x1b0\xbc\xf5G\x1e(\x00\x9b\x0bI9-\xe1\xf7M\x0b\x0c\x1c\xc9R9\xcb\x83\xcc\xb2l\x01\xbb'</t>
  </si>
  <si>
    <t>b'\x84\x1c\x80P*\xbb\xfb\x8c\x89\xd8\x85\xcb\xae\xdb\x88c\x9d(\xfd\x81?\x0b\xc6\xc3\xe1^\xa4\xed\xa5\xca\x82\xdd'</t>
  </si>
  <si>
    <t>b"\xeb \xa9\n\x1d\x0fE&gt;\xc0\xb4\x88\x89Tr\xe9\xd8G}%\xcd'\xfb\xc5\xa4-35\xfa\x88\x14\x96\x85"</t>
  </si>
  <si>
    <t>b'\xf0\xde\x0c\x80m\xb5\xa7\xa7\x1d\xe8\x81\xfb\xc8\xf6JN*5\xd8X2\xdf\xb7(/\x19\x7f\xfc\x7f\xcb\xb6g'</t>
  </si>
  <si>
    <t>b'e\xda\xb0\xe2\xc6\xfe\xe7}f\x8a\xe0\xc5\xe2I\x1dv@\x105\x02\x05\x80l-\x13E\x89\x13/\xb3m\x04'</t>
  </si>
  <si>
    <t>b'J(\x02\xc9z\x07\x96?+\xa3os\xa8\x9a\xfa\xd3\x03\x95\x01L\x91\x1age\xe9\xa9\xb3\xcf\x90\x19\xc4\x07'</t>
  </si>
  <si>
    <t>b'^\xe4o\xc8\x1c\xb6$g@tl\xbe\xcczfts0{\xf3{v\x13\xf6\x1b\x1fG\xe7\xbb\xd4\xae$'</t>
  </si>
  <si>
    <t>b'\xac\x99#\x16\x89l\xfe@\x8b\n$\xdb\xd6\xa9\xb6n\xab\x11k\xe5\xb0\x80\xc5\x1b\x80\xdeP\xda\x033\xe5h'</t>
  </si>
  <si>
    <t>b'\xc5\xfe\x02dS\x14\xca\xd8H\xd8A\x04\xe0\xfc\xffKA/\xf1\x13q\xd15n\x95\xe0\x1c\x8fX\xb0\x05\x14'</t>
  </si>
  <si>
    <t>b'}]\xf5\xa3\xf0\xb0m\xd0\xd8\n@\x82\xc5\xea%~\x0c\xb7N\xa4Q\xef:r1\x08\xc6\x82&amp;\x84&lt;L'</t>
  </si>
  <si>
    <t>b'K\x83)\xecg\xd0m\xf5\x88\x1a\xed!\xa4\x95\xf0\xc3\xec\xbb\xf2LfA\xf2\x00\x9f!\xb9\xcb\xea\xf7=\t'</t>
  </si>
  <si>
    <t>b'1BcSt\x14&amp;\xc67\xae\xd1\xcbt*\x85\xe4\xbc\xe5\x89\xc6\xf4\xa2\xa4\xc3\x06\x99i\xa6\xed\xde\x7f\x0b'</t>
  </si>
  <si>
    <t>b"\x0f\xd7IZed\xde\xc0h\x06\x94\xd9\xa3\xa4'\x86\xb4\xa0Q\xfd\xe5p\xdc\xeba\x07\x92vD\xdefT"</t>
  </si>
  <si>
    <t>b'+\xd1\x19r\xf9\xf1\xbb\x07g\r\x0f\xf5\xe3\x1db\x9a"\x12dH"\xf6\x81!o\xc5\xa33,q&lt;\x0f'</t>
  </si>
  <si>
    <t>b'\xcc\x9bu\xa1\xbf\xfe\x81R2,\xd0Z\xf3C\x80\xd2\xf2\xd2\xc4i\x81}\x1b\xd8\xad%Cmm\xfe\xa8\x04'</t>
  </si>
  <si>
    <t>b'\xbd\xaaE\xda\x98\x1b\xc8Z{Xm\x90\x19\x13\x8b\xc1\xc6\x06\xcb_\xe7 \xef\xbb!\x1f"\xb7=\x88K\x9b'</t>
  </si>
  <si>
    <t>b'\xc9\xa2n\x11:\xac\x80\xf0S\x7f:\x95\xceV\xd7_&amp;\xd4\xd2\xb0\xbf/`\xa5k\xbal\x15\xdf\x1a\x16('</t>
  </si>
  <si>
    <t>b'\x89\xcd\xbe\x99\x94\xdd(\x92\xe9\xf3~\xa3\x00\xec\xb6\xa7l\xa6\xc8\x86\x8b\xc5;\xab\xbbD8h\xc5\\\x1a\xf9'</t>
  </si>
  <si>
    <t>b'\xa9\x10\xe7K\xd5\xb7\xef\xdd \xe4\x02\xe6\x06z.\xf2e`\x98\x19\x167p\x8d\xbe\xe2\xd2\xb3\x04R\xebn'</t>
  </si>
  <si>
    <t>b'\xa3\xa2\x92\x8d\x8b\xd9KPG1\x11Sl\xe7\x1c\xfc}\x00\xae\xcc\x19 \xf0\x1b\xbe\xe9W\x92:\xd1u\xfc'</t>
  </si>
  <si>
    <t>b'c\xde;\xd4\x10\x08e\xee\x8d\xc0g\xe3\x1d\xee\xd3\xff\x99\xe2\x1e&amp;\x16\xe0\xc2\x1a+\x05\xf7\x8d\x81Z\xea\x13'</t>
  </si>
  <si>
    <t>b'\xcd\xae\xbew\xdb\x9b\xbf\xc2\xe2\xcf\x94\x9f\xdfVhf\xbd\xf5\x808\xe5\xdc\x96\xf8\x91(\xd5\xa1\xccJ\x99H'</t>
  </si>
  <si>
    <t>b'N!\xff+\xe2\nd\x0f\xdeel\x0b\xb4s\x8dj\xfb\xf9\xc0\x81\x1e\x82C\t6\xe9+\xa6\xf7\x83\xf0W'</t>
  </si>
  <si>
    <t>b'W!\xa1^\xdfV\xe9\tP\x8a\xcfu\xc6\\&gt;&amp;*qH\x05T\xa6l\r\xa2\t\x00^|\x8fw\xdd'</t>
  </si>
  <si>
    <t>b'\xac\n5\x84\x84g1c\xe2\xeb0\x8cK\xb5B\x96N\xb9&lt;T\xd5\xf1\xb4\xd3\xb8\xf5\xa4j\x88\xc1\xab\xbc'</t>
  </si>
  <si>
    <t>b'1V\xb6\x92lH\xd7\xfdpjT\x07\xb8\xc0\xb8p\x9b1\xa2\xd4G\x04\xc7$\x81\x86-9\xa4\x96\xda\xf1'</t>
  </si>
  <si>
    <t>b'\x8cb\x98\xd0\xad\xe9\x13!:\xf4%\xfcU4Y@\xf4p\x8c\xc4\xe7\xa0\xf4 \xa5\x97o\xd6\xfd\xa1\x12f'</t>
  </si>
  <si>
    <t>b'%07?TC;\xa3\xc5F|Y\xa0(|\x0e\t\x97\xb5\xe6\x89*DI\x8b\xdf53\xf7)\xa1+'</t>
  </si>
  <si>
    <t>b"Q\x0ce\xae'P\x16n;$10Z?\x19\xd1\x82\x04\x07\xb8\xb3Pn\xa7/\xfc\xfa\x92\xd4\xbe\x9b\x8d"</t>
  </si>
  <si>
    <t>b'0\x1e\xa6\x13\xe0\xe1\x9c\xdb\xd1\x83\xc5\x83\xec\x19*j(\xfe\xb1\x85\xd5xRR\x12o\xb48!R\xe5S'</t>
  </si>
  <si>
    <t>b"B\xaf\xda'C\xff\xf5\x0c7\x90q\x9bLP\xbc0o\xe8\xea\xbdmUz\x9d\xd1\xdd\xe7\xbd\xcc\xf2\x82\x19"</t>
  </si>
  <si>
    <t>b' \xa4I\xf2\x8f\xb0\x8d\x93F\xac\x06t\x06Lu\xd8A\x03\x1a\xc3Q/\xb9\xcd\xf1hh"JlNj'</t>
  </si>
  <si>
    <t>b"t?\x82e\x88'oB\xf2g\xc00gP\xed\x8bL\x0b]u8\x1f|xqr\xc6\xe5&amp;\xfc\xfeg"</t>
  </si>
  <si>
    <t>b'\xef\x8f2\xb8\xf7\xd7\xfb\x9e\xe0\x1fK0\xe0\x95k\xf5d\xf6) F\xaa\xae\x00\x8aCK7\xe6\xda\xb71'</t>
  </si>
  <si>
    <t>b'c\x0bX\xe9\xf1\x875\xefp\x8eFx\xbdEna\xa9mw\xc6S\xc9\xc9\xbc\x93\xc2\xe3\xf4\x1a\x06\xed\xef'</t>
  </si>
  <si>
    <t>b'\xa2\x84L\xc5\xb6h\xcar8\xc2\xa7x%\x92\x8d\xd4\xb9M\x88M\x0f\x9co\xa2?\xb0\xe1Y\xe5\x83\x0e\xba'</t>
  </si>
  <si>
    <t>b'\xc3\xf6\xb1|\x13\xab\x815\t&amp;hHS\xb9\xe5Bf}\xd3Y\xa8\xcbHI1\xe0\xbcg\x95HOH'</t>
  </si>
  <si>
    <t>b".\xedQ\xad\x0b\x84u\xd8I\xdc\x91v\xadd\xd7,\x89x\xdf\x07'\x96KdO\x00{\xb3,\x13\x86h"</t>
  </si>
  <si>
    <t>b'w\xd7\x7ff\x16\xbc)\x8d&gt;E&amp;\xff\xa1\xd6\\%N\x95\xb6D\xa1\xa1\xa9\xa5b\x8f\x81\xd7\xfb\xd5,^'</t>
  </si>
  <si>
    <t>b'\xcc\xf7\xcftR\x053+\xb3\x88\xf2\xbfk\xa0\x88I\xd1\xd4\xb3 \x03%\xe5\x89H"\x84G\xf6\xa6 \xd1'</t>
  </si>
  <si>
    <t>b'\xa4a\xa9\xed\x9b\xbc-\xb0\xa4\xdc\xb6T\xcf\xe7(\xeb\xe0\xcc\x952\xaex\x8a\x02M\xd5So\xaa\xbd\xb4_'</t>
  </si>
  <si>
    <t>b'`\xc8\xddx\x1c\x0fU\xce.\xb0\x107&gt;w:@b&amp;\x1a&amp;\xa5u\x19\xf1\x05\x82W\xde8\xbb\xeb\x01'</t>
  </si>
  <si>
    <t>b'\xd4\xd8\xda\x04\xb2V\xca\xb1K_\xf1\x92\x12(#i5\x80\xd7\x9f\xec\x82\xc5\xf4\x95B\xc1\xe3\xa4\xc1\x95\xc3'</t>
  </si>
  <si>
    <t>b'lYx\x00J\xcd\xa4\x95E^\xc3\xf0L\x85\xccu\x1a\xf5\x1d\xf9Y\x17\xd9E[ \x84\x8f\xcfd\x90\xc4'</t>
  </si>
  <si>
    <t>b'\x05#l\xba\xa1H\x94\xed\x8d:\xe5)\x95[\x07\x03L\xe2\xcf\x12\x9a\xc7\x16\x03&lt;\xf4 \x0f\xdc\x8d\xaf\x1c'</t>
  </si>
  <si>
    <t>b')J,\x89\x84\xc8\xab\xb1\x14x\xf9i\xb2\xc7F\xce\xb8\xe8p&gt;\x8f\x9e\x81\x99\xca\xd1\xf2wF\x19\xdaq'</t>
  </si>
  <si>
    <t>b'\xe8\xc5\x89^\x0b\x04Th~\xc3\x10\x00\t\xf6\x01_\xa0\x9f\x0f\x8a\x82\xc7\xba\xac\x9d\x7f\xac\x89%\x12\x08#'</t>
  </si>
  <si>
    <t>b"X\x94.\xb6\x05.5\xe4\x1a\xce\x9at'n\xca\x8d\xbe9\x01.\x13\xf4\n\x8c\xd5\xec\x96]\x1e\x97m\x18"</t>
  </si>
  <si>
    <t>b'\xc6\xf6\xbcg\xd8\xca\x04\x10\x14\xea\xdf6q\xbe\xeb\xb5i"\x1d\x10\x14\xf3S\x00l\x84h\xbb\xf9\xafm\xff'</t>
  </si>
  <si>
    <t>b'^\xefY\x11\xa1\xa9\xeb\x97\xb6\xa5\xbe)\x8bR\x8eaA\xd4\xeeG~,g\xc6\x9d\xb5\x14\x03l4.\xfc'</t>
  </si>
  <si>
    <t>b'\x8bh\xfcO\xac\xbe=@6\xfa\xc3$\x9b|\xdf]&gt;Y\xe3\xf3\xecP\x86\xa4[\xcd\xc4Z\xf5\xf0\xc4\x81'</t>
  </si>
  <si>
    <t>b"/K\x89\xc4\xdfB'\xea\xc6\xb5\xc2\xa4`u\xe1K/\x01\x88\xf3\xf0Y\xcbzz\xe3\x88-\xb2\x1f\xa7\xbd"</t>
  </si>
  <si>
    <t>b'\xa0\xb6\x16\x9akS\xfd\xcen\x02\t\xf7\xb0\xb6\xeeKg\xf8\xe8#\xf1V\x10_\x99\xa9kp\xf6\xf0{\xc6'</t>
  </si>
  <si>
    <t>b'\x8d\xeb\xbf!\xba\xe7\xf2p\xa2n\xc3\xd5\x04\xe2\xa8$\x88\xe5\x03U\xf8\x8a\r\xd71\xf4\x02!\x1d\xc6\xf1\x8b'</t>
  </si>
  <si>
    <t>b'\xe46`\xb2jU\x8d\xaeJ\xc1\x00\xa0\x9b\xe4\xa8\x82\xdd\xac\x19\x99r\xa1\xd7\x89\xe9\x93\xcb"k\xa4\xa3\xb5'</t>
  </si>
  <si>
    <t>b'R\xe4\xedj\xcb\x1d\x90\xcb\xd6\xb7\xc9!\xb1KQ\xac\xf1\xf9\xe6~\n\x10\xfa\r\xc7\x87Bkl\xea\x06\x8e'</t>
  </si>
  <si>
    <t>b'\x1a\xc7\x15\xe8\xf5\x8d{\x7f\xfc\x0e\x19\xab\x9em\xe19pW3\x18\x86\xf0\xc7l}\xf6\x104j\x9f\x80?'</t>
  </si>
  <si>
    <t>b'\x81\x8e\x10\x99]\x1fY\xf9!G4m\xfe\x0f\x97\xfb!\xab\xfb\xaf\x85\xc8\xb1\x9a:\xa3)\x9b\x92J\x0c&amp;'</t>
  </si>
  <si>
    <t>b'\x94\x00\x1a\x8fL\x06\x7f\xd4/\x82\x11\xc0\x18\x97\x9a\xdf\xad\xa17\xa9_\x9b\xe2E\xe2\x10\xec\xfd\xa8\xb6\x16.'</t>
  </si>
  <si>
    <t>b's\x99\xca?\x05\x8c\xd2\xab\x1fv\x0b\xdf0\x14\xb0\x17R\xb9\x8d-\xf4\xd2\xd5\x7f,a\xab\xe2\x8e\xda2\xc1'</t>
  </si>
  <si>
    <t>b'n\x81\x12Pf\xa5\x89\x99\x8e\xbe\x99\xb54D\x94\xa4b\xc1\x0b\xb8.\xef\xb9L\xec\xd3\x94\xd1E{\x19@'</t>
  </si>
  <si>
    <t>b'\x93mTV\xc7\x04~\xa1\xe1\xfd\x1c\xb2\x8aJZ\xf0\x9f\x8e\xd5U.I(bN\x15h\xa1\xb9Q\xd9\xb8'</t>
  </si>
  <si>
    <t>b'\x97\x15\xd9\xdf\xe3\xe8\x96ce8\x83Y&amp;\xa6\xf2\x15;^\xbe:\x8dM\x9f\xdb\r6F\x1a:\x8c\xd2\xdd'</t>
  </si>
  <si>
    <t>b'9\x13\xdb\t\xd7\x04Q\x13\xe8\xee\xdb\\\\\xab\xe4\xc9\xd0X\xc7c\xca\x03\x8c\x0e\x9ck\xf9\xb8\xac.JG'</t>
  </si>
  <si>
    <t>b'\xbd9\xf5\x8e\x14o\xb2\xd3\xf1\xc5\xc56c@\xc9\x9b\xe0Sj&lt;\xbdT\xe0\xf9\x07Y\x87A\x8b%\x1b-'</t>
  </si>
  <si>
    <t>b'\x1f\xf9\x97\x18\xd8\x7f\x95\x82\xb8\xf4\xc9c\x1d$A\xa6DL]\r_j\xea\x07g\x01\xfbvP*\x0b\xcd'</t>
  </si>
  <si>
    <t>b'|\xaes)b\xb8e_k\xed\xa2\xc7\xe0\x19\xc1\xb98koB\xbbh\xe2\xca#;\x15\x9e\xba\x94\xac\x00'</t>
  </si>
  <si>
    <t>b'(\xf3=\xba\xfa\x11+\xfd\x899\xae\x89\xdd\xc8}n\xda\x0c\xc8\xdc\xdc\xbbY=\xa75\xbe\xb0\xb7\xb5\xd2\xd3'</t>
  </si>
  <si>
    <t>b"6\xd5`W\xb7\xe2\xd5\xb6&lt;\x0c\x00'\xd3{X{(\x1e\xfb\xdf\\s\x03\x05\xcc\xffY\x89\xc3_\xb8;"</t>
  </si>
  <si>
    <t>b'8/q\xfd,\xf8\x15\x0eD\xd5]\x01\x85a\x8a\xcd\xc9\x81/h\xa9UBMR\xbe/N\xc9\n!\xc1'</t>
  </si>
  <si>
    <t>b'\xa21\x83\x01f\x0e\xb0z\x19\xe8\x07\x9d\x7f(D\x0fj\xe5\xc8\xe6U!&amp;\x1e\xb3\x99_\xd7\x9a\xff\\w'</t>
  </si>
  <si>
    <t>b'\x15\xcc\xfe:\xc1m\xad\xd2\xe3\x00\xb16\xce\x9d?\x88\xdf\x01\xdf\xd2\xb3X\xb1B\r_I-\xa2:\x14\xa0'</t>
  </si>
  <si>
    <t>b' \xf3\xa9\xa5\x9c\xc8}\xb7\xdc\xff\xd6eJ\xcc\x02\xb5\xf0\xe8\x04\xd5}\x04\t\x9d\xc7\x8dw\x0e\x18\xa4\xebx'</t>
  </si>
  <si>
    <t>b'\x19\x8f\xd4\x8cLN\xab\x90;\xc0\x9eDL\x9f\xe2\x01I\xb5\x82`\xcc&amp;\xc4.\xeb%/}\xd9\xecv"'</t>
  </si>
  <si>
    <t>b"'L\xad'\xc7`@Qj\x9e\xa8\x88t\xedl\xf0k\xbb\xf71&lt;\x17\xc2\x8e\xcdT\xbe\xe7K{\n/"</t>
  </si>
  <si>
    <t>b'\xe2C5\xc4\xd9+\xc8\x7f\xf5\xac(\x0f\r\xce\xdbo{\xe9\xfe\x84\x01\xc2\xd34m@a}+\x80\x9bj'</t>
  </si>
  <si>
    <t>b'\x82\xfc\xc8\xbe\xbc=\x08\x10\x10\xc7r\xf5#J\xb9\x96\x89\xd025w\x83\xfcq\xf4\xb2\xb0/Y\x04%\x0e'</t>
  </si>
  <si>
    <t>b'\xef\xdb\xfb\x97\xd0\xbb\xc3\xb8J\xf6\xe8\xcb\xe3\xe7\xeaj\xc0EJ\xc1n#\xa6\x93\x87\x0f\x088\x07\x12J\xc4'</t>
  </si>
  <si>
    <t>b'K\xe2e\x97\xf1:\x1d\xbcs\xfb\x10\x9f\x97\xf7\xda{\xc0\x89\x83`V\x11\x8d\xf7\x10f\xc8\x17\x97K\x98j'</t>
  </si>
  <si>
    <t>b'\xa0\xe1\xe4,\xd3\xc3ZR\xdcC\x0fx\xac\x1e\xcc\x03Z\xb0\xde\x85y\x93\x83Q\xad\x80\xdc\xdb\xa0\x82\x0eh'</t>
  </si>
  <si>
    <t>b'\xa9\x83\xb4\x85\xef\xad\xa2-\xf8\x17\x17\xaar\xb1\x1b\x0e\x02\xeb;z\xe2m\xb7\x13\xf3\x8c\x15\xf0D\xee\xaf:'</t>
  </si>
  <si>
    <t>b';\xb5\x979x\xec\x8c\x06\x89@agM\x82lz\xf7c\xaa\x95Y\xb7\xaa\xe1c\xee.\x81\x99\xea\xa7\xdc'</t>
  </si>
  <si>
    <t>b'\x8f\x1f\xde\xf89\xc8\xce&lt;zO\x82\xcc\xd6\xbbJ\\e)\xd3cz\xb9\xbf5\xfb7\x01]\xd7o\xca\xc6'</t>
  </si>
  <si>
    <t>b'\xf9\xfb8Z\x1a^\xf3z\x96\xd5\x1c\xceB\xfbuN\x9a]\x05+N2\x19\x975\nl\xed\xc3\x1f\x81\xea'</t>
  </si>
  <si>
    <t>b'Z\x88#\x93\xa4\x04\xdf\x9d\x08\xba\x8a\xb8!)\xa7\x1c\x00K\xd9O\x81k\xe9j\x1bL\xbd\xbc`\xc2X\xeb'</t>
  </si>
  <si>
    <t>b'\x04\xf7\xeeK\xda"\x80\xcehqe\x1amh\xc7)\xa1R\xfbr\xebHbS\xdb4\x98\xbc\x1b\x8e\xd9\xdf'</t>
  </si>
  <si>
    <t>b'e\xf6\xc6to6\x98\x0f\xe7\xa7\x9e\xe9\xe7\xff*\xc6?Y\xa0X\\\\r\x1f\x93&lt;\xa6{\xdbuh\xa4'</t>
  </si>
  <si>
    <t>b'\xdf\xb8tVMj\xc8~\x95\x7f\xad\x81G#\x80#\x8e\xddD\xdem\xf4R\xf4=J\xc2\x0cK\xc6\xa5\x94'</t>
  </si>
  <si>
    <t>b'M\x00S\xc5"&lt;\xa1\xc3H\x8do\xfe\xe0\xd8\xc9\x96W\xf10\xf1\x15\x91\xa9a\xfdKe\x0c\xd2\x069&amp;'</t>
  </si>
  <si>
    <t>b'Z]\x95\xb7\xba\t\xd1\xb8\x0e\xd9\xa8\xcbK[\x88@&lt;B+\xc0\xe7\xc3\xba(\x7f\xb7\x88\xffg\x8b*\xae'</t>
  </si>
  <si>
    <t>b'\x05\xf9n\xad\xba\xfd\x87\xb8\xfe]\xb0\x94\xbbl\xdb\xb4\x0c[\x1a\xf1\xeb\x01\\\xb2\xf6.\xb8\xd4\rq\x937'</t>
  </si>
  <si>
    <t>b'?\x9e\xa5\x16o\xf7\xe0\x03u\xa0)b\xe1\xe5\xe4\x13\x12\x1c\x90\x0e\x1f\x1e*\xa9E9z\xed\'"\'&gt;'</t>
  </si>
  <si>
    <t>b'\xe7\x158\x81\xac\xe4\xd1\x98\xef\x18\x071&gt;\xea\x04rn\xedz\x8da\x83\x07\xf4\xf2&lt;\x11[\xaaf(]'</t>
  </si>
  <si>
    <t>b'j\xa2\xae\xb3f\x87\x03#\x8e\xed\xe5\xa9 ?]\xd7%;\x84\xd3\x98\xbc\x96~\xcf\x99y\xba\xa1~v\xc6'</t>
  </si>
  <si>
    <t>b'\xf9\x08\xd8z\x16\xae\x03V\xa5.\xaa\xd8J\x8c\xa7\xd4\x17\xab\xc3\xe6\x81\r\x88\x9e\xd7\xc2{\xce4\xbc\x87&gt;'</t>
  </si>
  <si>
    <t>b'\xb8\xe4\\4]\xcd\x16\xeaU\xb7\xa5JF\xd7h\t\xd0sY\xb7\xc7\xf8\xb82;\x9e ;\xa5t\x1cp'</t>
  </si>
  <si>
    <t>b'\xa0:\xbe\x83\xab3\x92\x8a\t\xde$+0\xe5\xfbC\xd7\xb8(W^\xaf\x7f9\xc4&gt;.\xf9~g\xc4\x9f'</t>
  </si>
  <si>
    <t>b'$\x85D\xd3\xb508\xcb\x95h\x9ec!kE\xd6\xb9\xec\xdf\x9eA&lt;\x00\x81-\x02\xe3\x08\xb6:0\xfe'</t>
  </si>
  <si>
    <t>b'\xd52\x08\xa0 \xf4\xcbP\xa1T\xcf\xeb\xeeucr1\xa4P\xfe\xfe\x88#\xd2\xd6\xbb0\xf4\xaaK\xeac'</t>
  </si>
  <si>
    <t>b'\xb6\xfc\x98\xde\xa2\xa9\x1c\xff\x03\xc0\xe4\x84F\x19\x8f{!\xa728\xf1\x1e\x8f\x14&lt;\xc6&gt;\xa5\xa8\xab7 '</t>
  </si>
  <si>
    <t>b"\xd8\xc26\xa7\xb8\x0e\xe8\x83\xc2\xcc\x91\xafL\xf8\xba\x14\x1eg\xbbj\xff\r4X\xf7\x07\x13\x13;\xd6'\x08"</t>
  </si>
  <si>
    <t>b'\x0cc\xe7\x02\xe0\xe0\xe9\x90\xea`\xd0\xf0\x84\xf0\xc7\xc0\xf5\xf6%\xb2d\xb7\xb9\xb5\x94\xdc\xac\xa3\x9dU\x99g'</t>
  </si>
  <si>
    <t>b'\x03f0\x06\xaf\x9b \xd9*\xa2\xb88\x12J\x1d\xb2\xdb\xbf\xc9\xc2\xdc\xa0\xe2\x9286N\n\xc6\xeb\x10q'</t>
  </si>
  <si>
    <t>b"\x9cL'Zp\xfc~d\xbfXF\xf7,\xaa\x8cxk\xeb\t-\x0f\x83\t\x92g(^\xee\xba\xd9\xd8\xd6"</t>
  </si>
  <si>
    <t>b'\xac\x8a\xfd\x82,\xae\xbf\xb3p\x0f\xcf\x8eP,\xa4\x81\xfe\x04# o\xc4\xd9\xe7\xb6&gt;\xba\xed\xdd\x98\x14\xbe'</t>
  </si>
  <si>
    <t>b'\x13\x06\x830\xd9\x89\xc4_\x01g.\xe4\xeb\xd8|\xcf2\xcd\xc4*\xdf\xf5\xd6vUD\xd2\x04\x18\xa0=\xa6'</t>
  </si>
  <si>
    <t>b'\xddt\x92oP%\x8c\xffU;Deq&amp;\xa6\xfe\x1cL\xfa\xd4g1\xe3mC\xf9l\xccY%Yn'</t>
  </si>
  <si>
    <t>b'\xf6@\x9a$\x97T\xda\xcf\xdc\xab\x13?P\xbdW\xb2\xfdb\x06\xca\r\xee\x82\xc7\xb1\x8e\x7f\xb1\xfd\x95\xf3]'</t>
  </si>
  <si>
    <t>b'H]=\xb2\x8b7\xb8\xfb\xd7\xf0L\xb6\xae)\x0c\xcc\xaai\xea9H\xcc:r\xba\xe8\xe7\xd8\x9aq!\x92'</t>
  </si>
  <si>
    <t>b'\xd7\xcf\xcdNnI\xa7\xce\xaf\xaa\n\xdb\x89\xf7%\xa4\xe97\x01\xc9y\xab\x1dYk\x9e\x82\x1a\xc2\xc4!H'</t>
  </si>
  <si>
    <t>b'\x9b\xd7\xa3PU\x86\x90K[{\xcb\x98\xf2*P\\\x03\xb6r9%\xb5y\xa1\xe2A\xd9\x98E\xd8\xbfr'</t>
  </si>
  <si>
    <t>b'\xd9\x7f\xad\x02\x87c,\xc0\xb4\xbeo\x98\x8d-\xe1\xc7&amp;\x0e\xca\xc7p\xd0\x82n\x97\x96\xa7\x90wP\x9a8'</t>
  </si>
  <si>
    <t>b'\xf0\xdcA%\xba\x85\xf5~\xfaS\t{\t_l\x1a\xd3SNE\xb8\x00\xaeS7[{\xf6\x9ahD.'</t>
  </si>
  <si>
    <t>b'Q\xb4\x02\xef\x8d\xf5\x145\xd2\x0e\xeb\xfa\x17\xb9sg\xa3J\x8a\x82p`\x9e\x0c p\xa4\xef\x89,\xb6\xd3'</t>
  </si>
  <si>
    <t>b'\x17!\xe86\x04~l|OU\xe6\xeeZj\xf0\x1d8\x87\xe9\x95\xe8+\x0c\xc7)\x93\x9b\xee\xda\x1e\x82+'</t>
  </si>
  <si>
    <t>b"\x82\xeeC,@H\xbb\xad\x93\x10q\xa3;U,\xf5\xa4\xa6'P\x05\xd7\xea\x8cp\x13\x02\xebn\xdfV\xe3"</t>
  </si>
  <si>
    <t>b"\xff\x1b\xd3\xf1\xc0\x1c\x0f'nh}\x9d.L\xf8\xe4GW\xd4X\xb1\x96\xe2\xaf\x1c\x14\x17U\x1d\xfaO\x95"</t>
  </si>
  <si>
    <t>b'YG\xf4Ygk(|\xfc\x05\x97\x0f\xc0\x05D\xd3]\n\xf4\xe45\x05\xc5\x84\x0b@\xd6\\\xc8\x8b\xe5\x1b'</t>
  </si>
  <si>
    <t>b'\xd6\xdb\xbd&lt;\xf4\xf6\xccub\x80#{\x00D\xe8\x84\xc1f\x98\xd2\x15&lt;:\x92^W\r\xa6l\x18k\xc6'</t>
  </si>
  <si>
    <t>b'\x0c\xc6\xee\xbf\x85K1\xc1\x88\xed*\x17[\xd8\xa6\x0b\x80\xc4p\x07\xa8\x1b\xbd9e#G\xf0\xfa\xc3\xab\x1f'</t>
  </si>
  <si>
    <t>b'Lf\xd0\x1a\xd4\x89\xd7\xc0\x14k\x16\x9c\xcd\xcc4\x93@\xfa\x0fk\x9f\xc3\x0e,\xc6y\x08q\x92M)\xc8'</t>
  </si>
  <si>
    <t>b'\xecD\x9e\xef\xceL\x16\xd5U\xb98\xde\xa2;[@\xe29\x86\xda1l\x93\x7f\xd4\x98\x1c\xfc+\xd77\x14'</t>
  </si>
  <si>
    <t>b'Y\xe5\xc3W\xdf\xdc\xc5qJ\xef\xcb\x96\xa2\x84TFy\xc2\xbbq\x1f@\xdb\xda#j\xe9\xdc\xca\x1a\xe8\xda'</t>
  </si>
  <si>
    <t>b'\x18\x94M\x0f\xcf/b0H\xa8\x13\xfc\xac\x96{\x0e=\x14L.\x96\xfd3\xf3\xad\xd3\x08!\xbe\xa6\xcf\xda'</t>
  </si>
  <si>
    <t>b'k\xc9\x80\xc2\x8d\xc4\x81|$\xf3\x1dxP\xfc&lt;&gt;\xba\xab\xb9&amp;-\xe3"g@\xb0\xbd()\xd1\xa3&amp;'</t>
  </si>
  <si>
    <t>b'\xd0}O4\xa7nVwO\xc3\xb5~(7\x99j\x85\xe0\x19!\xd4D\xbew\xde\xb3wT\xe8\xafp-'</t>
  </si>
  <si>
    <t>b'\xd5\x98\xa2s\x00sF\xc7\x9ev\xadDN\x19\xbae\xb3!\xf3\xf3\x02\x1e\x91\xe2gVO\xbc\x10Lp\x12'</t>
  </si>
  <si>
    <t>b"\xd6\xfd\xd3\xb9\xda\x0f'\x14e\xa0\x04\xf2\x0e\xd5iu?J&lt;\x92\x1b\x0c~\xd5\x03\xa6&lt;\x9ea\x19\xd8\x80"</t>
  </si>
  <si>
    <t>b'\x01\xd5h\x95K\x87z\xf0\x96%\xe0\xdd\x1d,\xce\xb93b\xf5t\x05\xd2\xc5\x8a\xd4H~q{m\xe9,'</t>
  </si>
  <si>
    <t>b'\x9c\x93^.A\x92\xf8\x883uV\x93A\x17@M\x96:\xf3K\x8dT\xd1X\xa9\xc2D&amp;$\xd2\x81P'</t>
  </si>
  <si>
    <t>b'Ob\x05\xd0\xb6\x0fi\x07~\xd7\\R\x8c\xfc\xae]N3\xa2\x1ce\x85\xed\xcbV\x0e\xeaU\x06\xad\x9f\xf8'</t>
  </si>
  <si>
    <t>b'\x83:r|+\xca\xd7\xc1\xa6]GW\x82\xf5\x8a\xe4Ym\xd8%\x82u\xc5\xb1\xddusw\xe2\x98\x03\x15'</t>
  </si>
  <si>
    <t>b'\xbc\xc9\xc1\xbc\xa3\x18\xc5\x8er\x00\xf5:\xea3\xe9\xed\x8f\xe6\xccsJ\xaa\xae\x18Z\xf2\x1c\xff+D\x9el'</t>
  </si>
  <si>
    <t>b'\xfb\xdf%|\xd8%\x91N\x83C\xe1}\x1e\x84\x14$\x89\xc7\x04m\xcd\rp\xe9\x019\x83\xde\x94\xd0b\x8f'</t>
  </si>
  <si>
    <t>b'&lt;\xb6\xc2\x9a\\\xb7\xfa\xc0\xda\x1dZ\xc2\xe0(\xedL\xaaPG\xfd\xbcY\xdc&amp;O\xea\x90-&gt;\x99\xe8('</t>
  </si>
  <si>
    <t>b'\x90+2\xcb$T\x9d\xdc\xe6r\xf6S\x8c\x92\x0bT\xaea\xcdh\xbeP\x12\xdf\xad\x9d\xd2fo\xe1\xfe\x1a'</t>
  </si>
  <si>
    <t>b"\x87\x1e\x13\x8c\xee\xba\x8b\x16\x9a\xb6\xdc\xc8\xc8\x04\xd8\xfdP3\xd0\xb8\x86\xbd\xb4UD\xcean\xfc'\x9c\xea"</t>
  </si>
  <si>
    <t>b'\x01\x91Np\xfb\xec=8J\xc4z\xe8\xce]!k\x1a\xc0v\xa6\\\xcb\xc3\x00\x95=7^\x9f\xe7\x12\n'</t>
  </si>
  <si>
    <t>b'Dc\xc6df \xbc\x19\x86\xaa@\xff\x967/LH\x04\xb5\x88( \x08\xf5[\x0b\xcb\xdc_\x8c\x7f\x93'</t>
  </si>
  <si>
    <t>b'\xa9J!\x88\xb0\xe2\x80h\xc8p\xbc\xa5\x18\x1bS\xb1\x0c\x94\xcd\xb2\xf1\x842\x03{\x92\xcb7aq\x83\xa6'</t>
  </si>
  <si>
    <t>b'\xf2\x04\xdd\x19\xd8a4\xc6M\x076\x07\xb1\xd7E\x03\xa1\x8c\x05m\x00C\xd8\xe6\x8d&amp;\xc2\xed\x00\x8c(\xa5'</t>
  </si>
  <si>
    <t>b"X\xb1\xb4\n6E\x01'g3\xd7\x82\xe8\x12\x8d\xfe]\x10;\xc9&lt;G\xef\n$:\x8d\xc8@\xea2\x80"</t>
  </si>
  <si>
    <t>b'&lt;\n\x03\xe4\xfe\x9d\x1aVt,\xea\x8es\x16{=\xec\xee\xceE\xe6;w\x16e\xc1Dwuvg='</t>
  </si>
  <si>
    <t>b'#\xd8M\xb2c\x9d\x1c\xe1f\xcb\x01Q\xbf\xc1)\xed?b\xc5\x140\x1a\xb9\xaa\xb4\xaa\x01\x02\x9a\xf6\x86u'</t>
  </si>
  <si>
    <t>b'\xbc\x07\xc7\xcaE)\xb2`\xea\xe2\x18\xe5c,\xc0o\x13,\x0b\xfa*/\xfe\xa2\xder\xfe\x8e\x12\xf3.\x88'</t>
  </si>
  <si>
    <t>b'\xd4\xac\xec\xd2 \x9f\x0e\xcc"\xeb0\x8aJS\x9f#\x1eO-\xc6\xf4\x19\x03\xc9\x9e\xfe\xcb\xe8\xbe\x80\xbc\xfe'</t>
  </si>
  <si>
    <t>b'\xe2\x9a\xba\x0f\xc0q?\x18z\x93\xef\xccH\x11\xce\xc3\x10R\x19\xb8\xe0\x12\xcf\x01\xb9\x84\xc2S\xecz\x11;'</t>
  </si>
  <si>
    <t>b's\n\x01\x05\x81i\xd0\x1a-4\n\xeb\x18e|n4F\xe7\xc1/S\xe7\x93\x84+V9\x91\xd2E\xb2'</t>
  </si>
  <si>
    <t>b'\xaa\xceI\xc8VA\xaax\xf2\x811\xc5\x9a\r\n\xc3\xbd511\x15\xd2-\xe0\xae\t\x8cp\xcb\xdb\xee\xc1'</t>
  </si>
  <si>
    <t>b'\xcdH2O`6\x96\xc9\xc7V(^ a\xf1t\xcc\nQ9:\x86\xfaI"\x91YB\xe2\xd0\xacE'</t>
  </si>
  <si>
    <t>b'\xd8\xdeR\xc8X\x1a7\xd54\x98\xaa\xb0\x88\xd6\xceK\xa8\xcfp@Z&lt;\xbc*\x07\x82e\xf4\xb5\xd8\x16w'</t>
  </si>
  <si>
    <t>b'\xf7\xd5\xa8\x13\xd5\x8b\xd7\x830@\xb6\xf6$RO\xa4A\xfe\xeaw\x1bQ\x96~\x162\x04\xbapd\xd2\xcf'</t>
  </si>
  <si>
    <t>b'\xb9\x97\x18\x81\xf9\xdd\xd4QI"\x03\xc2\xe6\xc2\x7f\xee\x8a#u\xa1%\xaa\x12\n{\xfc\xa7\x8e\xee\x86u\x1c'</t>
  </si>
  <si>
    <t>b"\xc6\xaa\x0b\xc7\xc54Uc\x98\xba\x9e3$\xbdD\xcf\xc1q@\xa2\xf3##j.'\x08\x12\x87\xa6\x1b$"</t>
  </si>
  <si>
    <t>b'\xb5P\xa1\xd4\x84\xdd:\xd3\xf5\x18Xv`rDi/O\x8a\x06r\x87\x81\xed\xf2\rt\x92-2g\xaa'</t>
  </si>
  <si>
    <t>b'\x92\x86\x0cN\xe3\xf3fk\xbf\x96\xf2\xe36\x0f\x82\x98M\xc1\xe7\x7fY\x00I\xa9\xe0l\xce\x8c\xf3\xfeT\x02'</t>
  </si>
  <si>
    <t>b'\xf13\xa8\xbc\xfe\xa8\xe2\x9df3%\xdd\xc0\x8a\xfa\xbfpD\x99\xee\x9d\xd3\xf6\xac\xa77\xd1\xa09.v\xe9'</t>
  </si>
  <si>
    <t>b'9\xd7\xed\xca\xc2\xbb#\x8eb\xd7\xcc\x1e\xb7\xcf~\x85\xe6\xb8\xa00\xc7\xd6\x0c7ke\xb9\xb8\x92\x89\xee\x9e'</t>
  </si>
  <si>
    <t>b'y\x1d\x18P\x12\x18\x19\x0es2#\xa7K\x01:\x95BU\x18v\xfe\x04\x81\xbc\xe5\xd4\x86w\xbe\xa3\x1f\x16'</t>
  </si>
  <si>
    <t>b'\x17Irb\x82\x0cE\'\xb6\x9f\xee\xfa\xd4\xde\x18\x1diJ\xb9\xba\xa2"\x9d\x89!@\x19\xd1X\xd3\xa4_'</t>
  </si>
  <si>
    <t>b"9\xea\xf1\xca\x02\xd1%W\x8b\xfe\xbd\xd8\x0b\x9f\xf9_\x01\xf2\x86'\xe5A\x9a}\xc7\x19\x0b\xfe\x02l\nV"</t>
  </si>
  <si>
    <t>b'\x907j,\x91co\xf1`h~B\x0eL\xbd\xd4\x06\x1a?\xa9-}\x06\xc6\xf4\x0e\xefI\xdbE\xff\xbf'</t>
  </si>
  <si>
    <t>b'l\xc1\xe1\x17!\x89q.\x1d\x90\xa6\xa3k+\xec\xf0`\xaa\xbf\x00ey\xe0\xbd\x0e\xf5\xde\xcc\xee\x98\xf4\xc6'</t>
  </si>
  <si>
    <t>b'a\x1b_\xd5G@7\xd0\xc5hh\x9d\xc8\x9f5R5=h\xdc\xe6\xc5\xe2\x05;\x15\xfa\xf7\xba\x17\rX'</t>
  </si>
  <si>
    <t>b'I[\xccS\xe0lf\x19\xe7\xab\x17y!\x15Xh\xfb\x04\x1d*}\xfa\x04\xb1\xa3\xdeRv\x08\x1e\xe6t'</t>
  </si>
  <si>
    <t>b'\xf3\xd7\xafO\xbe\xd8^\x08\xe7Z\xaee\xe1\x1aYu\xc7\xf8\x86\xa4\xf5\x16\\\x046\xa1\x05\x16\x16\x9d\xeb\xbe'</t>
  </si>
  <si>
    <t>b'[\xe5\x12\xd4c\xf2\xd0.\xc5\xf0&gt;\xffj\xd4\xfd\xcf\x11a3\xaf\xd4\x0c\xee&amp;\x86\x9ad\xc3\xf71\x10X'</t>
  </si>
  <si>
    <t>b'\xeb\xab\x7f\x9f\x95\xfc\x9fG\xa0\x9aGd\x8b\xb6\x1f^c\xcf\xbe\x8d]\xc2O\x81\xad\xd4\xc0\xa7\xa2g$z'</t>
  </si>
  <si>
    <t>b'\t\xe4$\xc8"\x05A?\x7fx/$D\xc8p\xfc:\x0b\xc2\x16v\xf1\xdc^\x14\x0f;\x14L\x08_\x7f'</t>
  </si>
  <si>
    <t>b'\xc5U4\x8c\x04=\r\xfe\xc3:$J\xa1\x08Iu\xea\xe7\x07\xd9\xfa\rrL\xd0\xd7Q:\x9f\xf16\x05'</t>
  </si>
  <si>
    <t>b'u\xc1\xd9\xea\xdad\xc4\xc9\x98J\xfeU\x1d\xee\xf9\xd9\x0b\x7f\xf9X\xa3\x12n\xcb\x933\xc1H\xe7\x13\xf7\xbe'</t>
  </si>
  <si>
    <t>b'\x9e\x16\x0f\xd4\x91\t\xb9\xac\x1f\xee\x1fh2[TR\xa9"v\xc3\xd1@\x8a\x13/\xa0J\xaf\x0cv\x93\x07'</t>
  </si>
  <si>
    <t>b'\xa6\x85\x9b\x97U\xc3\xaf\xb3\xd5\xf9\x053^Yu\xc6J\x9e\xf1))\x15\x84\xfdC&gt;\x14\xd9\xc1\x0c\rb'</t>
  </si>
  <si>
    <t>b'\xcb{\xd1\xd6\x0b\xdcN\x8a\xb7\x87x\xe3\xca\x13\xee?\x7f\xee6\\\x08\xca\x03\xf0\x87\xd2A\xf8\x92\\\xf8\xd9'</t>
  </si>
  <si>
    <t>b'\xfa\xff\x13:\xf1U*&lt;\xcf\xeb\x80\xf6\x8d\xb0\x17\x91\xe9\xc2E?\x9db.2\x8e\xe7;p\x97=R\xf1'</t>
  </si>
  <si>
    <t>b"}\xb2\x10\xf9+~\xc2\xfd\xdd\x8b\xc6\xc96-\xc5\x95\xe7'u\x981n\x04\xc6$\xb27\xe8\x1c\xe2\x18\xf7"</t>
  </si>
  <si>
    <t>b'\x7f\x93\x1c\x84$`\x7f\xba6\xbc\x1e\xd313\xd9\xfb\x0ch\xe15\xcf\x80\n\x13\xb1\x0c\xabX\x19\x0b:\xf9'</t>
  </si>
  <si>
    <t>b'd\x8f\x90\x19Z\xe0\xd9~\x0c\xc2\xb03\\\x99\xda\x82L\xc5-\x9c\xb6\x80G.\xcc\x05\x94A\x90#\x95\xae'</t>
  </si>
  <si>
    <t>b'mq\xbaC\xf3V\xfb\x02\x970\x14\x17\x08!\xc5$qA\x06\xb2~%\x16\x06\xbc\x19\x0c.nQ\x95\xd1'</t>
  </si>
  <si>
    <t>b"\x19\xeb\xea\x91\xe9#\x08\xe1\x13#+\x14R\xbc]I\xce\xfa\x80\xc9\xcbr8\x95\xadI\xdb\xbd'pH\xd1"</t>
  </si>
  <si>
    <t>b'\xa4\xe0\x8a\xb7\x0bU\xd2 YH\xed\xf8\t\x06\xe7)\xd3\xd4\x13\xef\x9f\xb6}W\xa4\xa5\xc3\xa1\x1a%\x96\x1a'</t>
  </si>
  <si>
    <t>b'S\x81\x9d\xb9\xdb\x83\xd2:\x15vb\x98z\xbcP\x92/g^0\x9f\xeb\x8d\xd0\x0f\xdbj]\xc7\xbe\xa1@'</t>
  </si>
  <si>
    <t>b"\x04\x0c\xed\xbf\xbdl\xf6}B\xec\xdb\xa9@v'%\xbd\x14\xeb&gt;\xce\xd9\xbd\x03\xbd\xe0u\xb9X@t\x94"</t>
  </si>
  <si>
    <t>b"W\xb6\xbd\xe3\x82N/'\xbe\x92\xb9R\xe9\x02\x15\xcea[\xbe\xf5\xf6\xe8\x04O\x8c\x939h}4x\xf4"</t>
  </si>
  <si>
    <t>b'9K\xf0\xe6)+\xabZv\xc2\xab\xdal\x89\x87\xff@V\xa3\xe7Z*\xec}\x10\xefQ\xfc\xd9\x0f\x02\xb9'</t>
  </si>
  <si>
    <t>b'Y7\xa9\xaf\xed\x87\xf8Kx\xdb\xc4N\xea\xde&lt;\xd10\xd4$U{\xfc\xe3\xb7[\xdbt]\x06Yw}'</t>
  </si>
  <si>
    <t>b'\xbfv\xdd\x84\xf5\xc9!,\x8b;\x82\xb2\xd8\x1e\x93e\xeb\xc4=}\x97|\xe2R\x10\xadG\x84\x1f\x17\r\xaf'</t>
  </si>
  <si>
    <t>b'c\x80\xea\xc3Qf\xf5Y"\xe7J\xff[\xab\xefq\xae\xa9\xdf\xf5\xc5\xa0\xc5\xdc\xd2"\xe0\x9b\xce*d\xe6'</t>
  </si>
  <si>
    <t>b"\xfd'\x96U\xdf\x0c\xc6\xe1nT\x19\x19\xdc/\xee#\xc1?\x8fmj&gt;\x1d\x91\xd1\x10\xb5\x1c\x1a\xfd\xfe\x8d"</t>
  </si>
  <si>
    <t>b'YQm|\xa3L\xfb\x19\x05\xc9\xe7m5k\xc2\xb5z\xe9[\x1dF\x8c\xb8\xc3,H\xfb?\x19fd\x9e'</t>
  </si>
  <si>
    <t>b'\xc9\x81a{j\xed\x0e\xb7\x19aU\xc7&amp;\x86\xe8SJ\xa5\x7f\xb7\xfd.r\x8e\x01\xab\x9f\xe68/\xef\x93'</t>
  </si>
  <si>
    <t>b"\x15\xaa@\xab%\xcdI\xaa\xa4YI\xb4s\xf6~\x99R\xa2'\xfa&lt;c{\xa55y\xde\xaf\xe9\x0b\xc2\xf0"</t>
  </si>
  <si>
    <t>b'y\xa3\xcc\xd5\x15xK\xf9\xecA\xa384\xf7\x07V\xa8i)\x85\x0cW\x0e\xa8\xaf\x19\xf2.\xcd\xda)\xc3'</t>
  </si>
  <si>
    <t>b"U9\x95\xb1X}&gt;F\xcc\xfccL\xd4\xa5u\xa0J\xa0b\x93Y\xcf\xc5\xef'6\xad.\x93\xf5\x06x"</t>
  </si>
  <si>
    <t>b'\xa4\x96\xf5\xb3A\xf8\xbc\xd5\x97\x94\xb2\x1fM~\x92F8\x86\xe2\xb7D\xf77\xe1\x0c\x80\xd0\xf4L\xaf\x17\xc1'</t>
  </si>
  <si>
    <t>b'0\xaf^\xcbNcPxq\xd4"\xc9\x96\xce\xe0C\x9a\xc3tU\x06\xe8jn\x88"A\x95\x94&lt;*1'</t>
  </si>
  <si>
    <t>b'2-\xd6{\xbb\xdb\xbf4\xd9 \xb6\xe0\xc9\xab$&lt;R\xdcr\x8f\xb8\x15\xda\xe8\x0f+-D\xc6\x8c\x96\x96'</t>
  </si>
  <si>
    <t>b'Y*\xce\x1dk\xc8x%E\x19\x06Y$q\xeb]16\xc8\xd8\xb6${\x83\xca\xfdyq\xc3K\xa1|'</t>
  </si>
  <si>
    <t>b'F\x8b\xb4\xdd\xd7\xb2\xcc\x999aEZ\xc2(\xf2\xec\xb44\x08\xbe\xbe\xb9\xb2\xdd.Qt\xa5\x839\xd77'</t>
  </si>
  <si>
    <t>b'S\xf3\xdb\xc3\x08\x18\t\x18\xe33\x16\x95\xd2\xb2\xc6\xd7\xff:\x80NN\xc7\xda\xa2.\xfa=\xfa\xd6;\x94\x86'</t>
  </si>
  <si>
    <t>b'\xf2;\xbc\xcc\xf1V\xd7a\x9d\xffAl\x84]\x85\x0c\xd1.\xe1\xd9\xec4\x1f\xc0SFZ\xd3Po\x07`'</t>
  </si>
  <si>
    <t>b'\xd8\xcb;4$\xbcaZ\x1ekY\x8a\xd4\xad\xbb{\xa3\xdc\x1b\xe4\xd9\xdd\xc2\x8a\x03$\x04\x1e\x8eAQ\xcb'</t>
  </si>
  <si>
    <t>b'\xbd\xd1\x86\x81\xadbW3\x81\xae\x9cj\x81\x063\xce\x18\x1d(Nu\xd2\n,\xc5\xcb\xe3&gt;r\x1d^\xd9'</t>
  </si>
  <si>
    <t>b'\xa525\xcflNz\xe0\x01n\x1c\xc8\xbc\\\xbe\xc6n \xe1\xd9\x02\xc2\x1f\xae\x0c\x91\xd1\xe6N\x1c\xf9~'</t>
  </si>
  <si>
    <t>b'\xc3\xe5YiU\x9e1\x15\x0e\xab\xea\xda\xa1\x0bX\xfb\xc6\x16\xc0W\x97\x02\xddR=d\x10@:uVy'</t>
  </si>
  <si>
    <t>b'\x9f\xdb\xe0\xb1\xcc\xa1&amp;\xce\xe5\x839|"\xa3Ezm\xe49\x1c\xad-\xe0\x18\xd2\x05Y}p\xc0\xdb\xc0'</t>
  </si>
  <si>
    <t>b'\x04}\x04+\xceP\xce\xab\xe3\x04\xd2u6.\x89\x16d!\x82$26I\x07\x87\x8d,\x0e^7\xcfy'</t>
  </si>
  <si>
    <t>b'\xab*Z*\x18\xc23\xe9h\xaf\xb1\xb9\x0e\x18jg6\x8e\xe5\xa1G\x08N\x1f\xb3\xda\x12O\xab\x87\xa0b'</t>
  </si>
  <si>
    <t>b'"G\x1c\x9c\xf3v\xcc\xf1\xd0\xca\xb6\x0c\xa7\xc9{\x12\n\x98\x1d\xeb~?\xca\xe3:\xc2I\xf7\x8c\x89\x00\xf3'</t>
  </si>
  <si>
    <t>b'\x8c\xd0?\xb8\x0f\xfa\x06\x1a\x8b\x07b\xd1]\xf3\xc5\x8dp\x9b\xe0fOj\xf5\t%\xd3\x1c(\x1e\x8ai\xe7'</t>
  </si>
  <si>
    <t>b'\x17\xb6 \xc0\xe4L\x93\xe7\x8c\x89\xf4`\x86\xc5\xbf\x9ex\x95v\xc9`\xff\xd5B\x04\xd8\xae\x86\xd3\x15\x1e\x8a'</t>
  </si>
  <si>
    <t>b'3\x11\xb6\n\xc5\x130L\xdaY\xe0\x8a\xd4X$\xbbNsW\x87;\x0cZ\xc7=\xbfA\xfc3@\xd9\xcd'</t>
  </si>
  <si>
    <t>b'\x10\xda\x82d\xe8\xa6LOZ\xc2\xb0\x0b\xf4C7[\x82\xf4e.\xcb\x15\xfc\xfbD\xb2C\xb5c2$\xe2'</t>
  </si>
  <si>
    <t>b'\xaa\xd5&gt;y\x9d\x85\xa5\xc1\x84]o\x90\x85S\xf6\xdd\x1c+\x12|q\xf6\xb3#\xff\x03\x08\x0c*!\x88\xed'</t>
  </si>
  <si>
    <t>b'q\xae\x0b/(-\x8e\xc0\x13\xfd\x00\xce\xf9\xb7\xa9\xc6\xf4\xa6\xe2\xdc\xb7\x99j\xba\xb6\n\xeaOV\x1c\xf7}'</t>
  </si>
  <si>
    <t>b'\xeff\x97Z\xe8\xb9\x16\xf9\x9a\x93\xad\xa231\x91\x89+\xb4&lt;\x99\xba\x07\xd9\xf8\x05\x9c~\x9a\xe3\x03\xf2\xba'</t>
  </si>
  <si>
    <t>b'\xb3\xce\x0b\xff\xb5h\xf0\xca\xba\xady\xcc\xe7\x1a\xc5\x92\x10\xa3\xd29n\xeb\xdd\xbcn\xf0\x07\xcb\xb2\xff\xe1\xf1'</t>
  </si>
  <si>
    <t>b'\xd1\x94I\x08\xf6\x9e\x9b-\xa4D\x98Q\x12\x8bj,]I\xb3\xffz\x92\xe3"cz\xb8\x03\xc7v\xf6\x16'</t>
  </si>
  <si>
    <t>b'\x1c}:\x9epx\x92S\xcb*\xec\xa8\xfe\xb9\xfa0\xd0#\xc2\xc4\xf1\xa5\xe2\x81H\x82\xa8\x94!\x81\xe0%'</t>
  </si>
  <si>
    <t>b'\xec2\xcf\xc4\xae`GJ$\xe2\x13\x10\xd0\x8f%\xa4OP\xf8O\xdc6}M[\x1a\xfes\xb6\x82\xf6\xb1'</t>
  </si>
  <si>
    <t>b'&amp;\xc8\x16\xbd\x9cA\xf8\xab&lt;\x9e\xc6\x97\xe5@R\xfdw2\xfe\xc5\xd3\xe8\xba-`J\xa0\xc3-\xe1\xc4\xe8'</t>
  </si>
  <si>
    <t>b'\xf7($~\x80\xe8\xbaM\xc84\x816A\x8d\x94\x00d\x7f\xad\xd9c\xc7:C\x0etO\xda\xb4\xc4\r\xe8'</t>
  </si>
  <si>
    <t>b'\x9e\x10\xe0\xc7&lt;\xdd&lt;1W\xd5\x01\x1d4K\xda\xd6\xaam\x90p\x1c-7k.&lt;\xce\x9f}\xe3\xb6\x03'</t>
  </si>
  <si>
    <t>b'\xca\xd9\x92V\xcd2R\n\xfb\xdbS\xdf\xbf\xe2\xc72\xbeE#\xcd\xa6\x02\xdb\x9bD\xff\xb7ILu\x92^'</t>
  </si>
  <si>
    <t>b'\x82\xe2O\xcd2\xeb\x15\x17\xa4\xbd\xa4f&gt;\xe2\x1b\xda}M\x85GO6By\xe7`\xcb&lt;\xfe\xceq\n'</t>
  </si>
  <si>
    <t>b'\xc6\x87\x92.n\xcf.9g2\xbf\x86\x88t[\x97\xe5\xa1\x8foD\x7f0\xf1\x7f=\x94\x9f\xc1B\xb7E'</t>
  </si>
  <si>
    <t>b'\xa44\x12\x1f\xc7\x1c+\xa4MB\x077\xdf\x0ce\xd6\xf8\x11h\xe1\xa7\x82&lt;s\xe8\x8e\xc0\x0b\xe6\xc0\xe2S'</t>
  </si>
  <si>
    <t>b'\xe1\xc6ac\xbdW\x84\xb0\xc3m1\xea\xc2\x8c8&gt;\x05r\xda\xcb\xc6\x8f\xe2\xb5\xbc\xed\xfcW\xc7~\xd0\xbe'</t>
  </si>
  <si>
    <t>b'|g\xab\xa8\xa8:\xb7/\xa3%\x99\xdc\x0f\xcb\xaac\xf4\xa3\x89\x02C\xab\x93\n\t\x9cG\xb5\xea\xf2\xe1\xc3'</t>
  </si>
  <si>
    <t>b'\x1bV\xbem\x87 1\xe7\x9d\xb2\xfe\xcc(~\x9c\x1d\xe3o\x1b\x82\xcc\xa1\xdc\xc9\x15e\x1dU\xc0\xe9\x1b\x06'</t>
  </si>
  <si>
    <t>b'#\xb1\xb1!\xbe\xda\x0f\xc3\x9fG(Y{\xde\xf1\x7fXW\x1d{\xd6EZ\n\xce!\x8b\x05\xa5\xa0\x05\xb7'</t>
  </si>
  <si>
    <t>b'\x91\xdb@\xb9\xa4\x9ei\xe8\xd2\xa5\x89~e\x8f\xcc4V%\x12\x03\xd1B\xa6\xf6\xdf\x93IA#\xdc\xa83'</t>
  </si>
  <si>
    <t>b'E\xa7\xcbM\xfc2\n)Z\x98\x06/\xe4H1\xb1Z\xae\xac=\n\xb3\x90$+!\xdf\xe2\x11\r\xb3?'</t>
  </si>
  <si>
    <t>b'W\x04TXy\x0b\x9e\x00\x8f2\x19\xf0\xd1@\x0e\xb7R\x16\x15\xb8\x8c\xbe\x91&gt;\x9c\xbax\xcf%\xe2\xc1\x82'</t>
  </si>
  <si>
    <t>b'\xbb-_\x1e"\x04$@\x0e\xb9\x80\x13R\x99\xc2\xc8\x95\x85\x06&amp;\x8a\xc3Z\x1a/\xe4\xb1\xdd\x7f9{\xc2'</t>
  </si>
  <si>
    <t>b'\x9e\xd7\x18\x02Us]\xf8\xbd\xa9\x80\x10l\xe9\xf9\x0e\xda\xe6\xd5\xba\x14\x9a\xf5su\xbc\x07s\xbb\xe0}\\'</t>
  </si>
  <si>
    <t>b'3ygd\xef\x8fJ\xb0\xc0\xf0\xb8\xf7\xd5\x00R\x1a&lt;\x02\xa5f\x1c\xb3\x8e\x90l\xd0/}\xd0\x9dN,'</t>
  </si>
  <si>
    <t>b'\x01&amp;\x1c\x9e;7\x8f\x0e\xc8\xba\x86\xc0\xc5\x96\xb8\x80\xb5\x7fzI|\xe8\x90\x13\x03\xdf\x0ct\xb9\xfb\xb1\xea'</t>
  </si>
  <si>
    <t>b'\x0b\x82\x07\xba\x99\x0f\xc8s\xd2\xb3\x01{O\xc3\xf2t\x83\x16\xe2\x0f\xc9g\x05\x9aN\xca\xac.\x04\x95\xe2b'</t>
  </si>
  <si>
    <t>b'\t#)\x13\xc4\xe9\r\xd2\x9f\xca\xf4.(\xcbd\xb3\xc2\xa9\xc6\x05\xfc\xca\xb8\xe6J\x04\x80\x18\xcd2\xff\xe5'</t>
  </si>
  <si>
    <t>b'\xca\xc4]\x80T\x805l\x8c\x10V\xde\xb2T\x02\xfct\x96\xc2\x8b\xaff\xfc~\xa0\xc5[bz\xe2bd'</t>
  </si>
  <si>
    <t>b'\x86J2\xe4D\xf0\x94\x81\xe9h\xac\xa1\x06^\xecO\xfeL\xa7\x06C\xfa\xdb\x00W\xef\x1c\xf3\xf0\xcb\xc5\xd7'</t>
  </si>
  <si>
    <t>b'\xdc\x84\xaa\xea\x1a\x04{\xc0Q\x13l\x7f\x90\xcb\xfe)\x801\xfe\x01\xd7\xd2K\xae:3(\x81\x84&gt;\x8c\xe4'</t>
  </si>
  <si>
    <t>b'u\x1b\xd5|\xaf\xec\xf6b\xdc\xef\x0c\xbb\xae\xf0\xca/T\x07#\xda\xb5&lt;\xd2 \x821\x0f\xdby\xad}\x05'</t>
  </si>
  <si>
    <t>b'\xfe\x12\x93\x9cg\xa7\xf6\xedxI\x86\xac3\xed\x97\xf4Rw\xf8sX\xb2\x0b\t\x8fG\xd0\xa5\xdd\x7fO\xda'</t>
  </si>
  <si>
    <t>b'\xb2\x97\x10\x99\xb4\x1a$\xb3c\x0c\xbe\xe9"\xf2X\x172g%\xd1\xab\xf9C\xa1\xd9\xaa\xb9\xb8\x0b\x02\xce\xac'</t>
  </si>
  <si>
    <t>b's!\x8ab\\\xdd\x87\x8f\xb3qd\x19p\x88_\xcb+\x02\x83\xbe!\xcd}7\x8c\x94\xa3\xd1Z\x10\xee\xcc'</t>
  </si>
  <si>
    <t>b'\xf4\xbd\x1a\xc1\x8c\xa8F\nNL\xf3\x0e\xce\xdd7\xa0\xb6\xd3\x8a\xfb\xe6\xf4\x1f&lt;\x15\x16D\xde\x86,\x8e\xbb'</t>
  </si>
  <si>
    <t>b'\xc6\xe8\x11\x03\xd1\xfb\x87)J48\x88\xdec\xae\x02?\xdd\x18l\n\xd2O\xaf\xcd\xdd\xcc\t\x82\xe1-V'</t>
  </si>
  <si>
    <t>b'\xed\xa0\xe3p\xb2\xa4\xc2\x8a\x8c\x18x\x1d\xd9\x8b\xd5g)\xe1\xaa:ow\x8f\x9d\xff,B\rR\xb0&lt;\xc9'</t>
  </si>
  <si>
    <t>b'\x8e\xa4*"\xf5c\x0f&amp;]\x08\x92e5\xe9\x8c&gt;\x03\xf4\x04\xd5\xee\x80u\xb2\xbe\rbr\xdf\x8c\x88\xb8'</t>
  </si>
  <si>
    <t>b"\xa0A\xe3+\tG\x9d\xf5B_o\x10\x166BF|\x98\xe7\xbb\x0bZ\x95\xd5&lt;'*e\x98p\xa1q"</t>
  </si>
  <si>
    <t>b'\xe4\xc7\x1e\xc4\xd5\x94|\xde\xffGA^~)_]\x1f\x87t\x8fdA\xc7\x1f\x8c&gt;FhPJ::'</t>
  </si>
  <si>
    <t>b'\x7fCV7kv\x05\x11\xae\xb7\xe3\xf7\x9bh\xa9\xd8\xca7\x14\xa5\x8a(!\xd4f\xbb\x8e\xe2\xb1W\xc7\x97'</t>
  </si>
  <si>
    <t>b'+t/\xdc\xefx\\\x01\xe0:\xa6C\\cQv4!)~*\xa8\xc4act\xd5,^\x93I\x14'</t>
  </si>
  <si>
    <t>b'\x1c\x86\xa2c9}\xb6B\xb0\xa9\x0e\x036\xdb7\x9c\xd2\x03\x8b_+\xf3\xb8`\xd4\xfa\xaf\x158.k\x85'</t>
  </si>
  <si>
    <t>b'\xc0%I/\x19FB\xda,\xacK\xc1\x92\x0b\x17\xac\xed\xe7\x07\x7f\xb7y[H\x7f\\\xe6\x972%He'</t>
  </si>
  <si>
    <t>b'\x87\xfc\x9f\xc3\xc9\x08\x14\xb7\xf4%+\x1e-*F\xaa\xfe\x98\xcc\x1ar\xe6y^\x8c\xaf\xd0\xd2\xda6HR'</t>
  </si>
  <si>
    <t>b'\xc39\x94?\x04\x84\x1c#A\xd8\xd8\xa6\xf3\xb2J\xe8\x93\xaa\xa4\xa8\xca\x0b\x8c$\xf1\xca\x9d-\x91\xd2\x90\x9c'</t>
  </si>
  <si>
    <t>b'\xe7\xb2\x9eyy\x91\xdev(H-\x14\x08\xc7;y;\xfc\x88\xe6\xb1\xbf"\x87\x7f\xd1,\xd3\xb9\xb6;\xc1'</t>
  </si>
  <si>
    <t>b'a7\xf7\x97\xed\xaci\xf8\xec\xec\x01\xe5l\xd0\xdc\x8d\xa4\x1b\xdcf\xbbgJ\x15\xf6T\xb7\x8d\xc4\xe2\\\xd2'</t>
  </si>
  <si>
    <t>b'o_\x84\xa2\xa7\x8bm\x8bl\x07p3\\z\xca\x91\x84\xcf!_b\x0fzM\xbe\xf5\xd1Noy\x07)'</t>
  </si>
  <si>
    <t>b'\x0c\x043\x8d\x99\xe06\xf58\xa8\x1dw\x82j"G\x80\x97zx\xd2\xe7DtU\xce`\x87w\x03\xc6\x97'</t>
  </si>
  <si>
    <t>b'|\xe0+\xf4\xe9\xf8\xc6\x13\x8b\xb2\xb6\xd2:a\xf6\xbf\x94e\xc2\xa3\x14\xad8&gt;\x17R\xb2F\xeb\xbe\x1c\xf6'</t>
  </si>
  <si>
    <t>b'\xe1O\xa6\xbeOx\xd9\x0b^\x10\xd16\xe8\x19\xf5\xb1\xba4\xc1\x95P\xaf\xf2iw\xa4`ny\x15\xa3A'</t>
  </si>
  <si>
    <t>b'T\n*L\xeb\x97\xc5P\x0c\xaa\xa4\x0e\xe1\xdf\x87-MYW\xee\x9e\x9b\xc8\xf8\xd1zI\x8at#dG'</t>
  </si>
  <si>
    <t>b'c\x81qb\xe2\xa5\x7f\xcd\x0c\xe4\x92\xa8dA\x07\xdavB:K\xe6\xe3\x05\x104TA\x8dJ\xdd\xaf\xfe'</t>
  </si>
  <si>
    <t>b'l\x13N\xe94\xf8,I\xe4+\x1eM\xf3\xb3\xbc\x04\x9c.\xda\x99\xa5\x91\x83!\x8c\xbc\xa2gC\x8e\xe8\xbb'</t>
  </si>
  <si>
    <t>b'2\xe2\x13\x93\xc9\x06Ow\xfes\xab\xa0\x11\xac\x89\rk\x0c\xe9\xcf\xc6\xdb\x9e\xe7\xfb\x00\x96\x9cQ\xf2\x8e\xbc'</t>
  </si>
  <si>
    <t>b'\x99 p\x99\x80\xe0d\xae\xc7\xc7Wh\xa1\x86\xdaEJ\x9d\xbdG\x92\xf9\xca\xae\x84\x03\xe4/\x8f!\xde\xac'</t>
  </si>
  <si>
    <t>b'\xd5T\x13V\x8ah\xfe\xc4\xfa(d&lt;Y\x10\x86\x12\xadh\x9cC\xd4=\xe4\xef\xc1)(mk\xc4y\xe1'</t>
  </si>
  <si>
    <t>b'\x8fQ\xa3\xe5?\x10q3\xbf\x00$\x9b\x84\x86\xd8P\xfd\xb8\x833\x17D\xab\x84\x98}M\xa9v\x19\xb7E'</t>
  </si>
  <si>
    <t>b'\xca\x98\x8f\x83\xb9\xe7\xce\x8f\xab\xf4[g\x9c\x06\xc4\xa1\xe9Aw\xf9t\x94\xd0\xdem7\xecBc,\xf9\x0f'</t>
  </si>
  <si>
    <t>b'\xfctM\xa2Pb\x85\xd3*\xceMKcb\xfc\x88\xc6\xff\x9aa*k$w\xef\x9d^\xff\x05O)\xcd'</t>
  </si>
  <si>
    <t>b'\xd9\x86;\xc3\xd2\xbd\x9b\xb5Xs\xbf\x14\xa8\xefQ\x13\x143\x14Sy\xf8\x17\x80\x8bZp\xa6\x96\xf7\xed\xbe'</t>
  </si>
  <si>
    <t>b'\xb9x\xbb\x97\xc6c\x11:\xd9\xe0\xe5\xd7\xa6\xc1\x17\x8d\x82F\x1e\x19\xd3}#\x19`\xb6D\x0b7\x08Yx'</t>
  </si>
  <si>
    <t>b"\x91'*\xb5\x08b\x1e\x95X\x89\xe5_\n\x03\xe6\xf3b\xa3Yy\x99x\xd1T\x14\xdc\x03\xa4~8q\xb9"</t>
  </si>
  <si>
    <t>b"\xb9\x12\xb8O\xe5\xf8\xc8\x15`\xcb\x96\xef\x03\xa2\xc9\xb5\x93\\\xcf0&amp;\xa9Q\x8eV'\xb47Z\x8c\xbdv"</t>
  </si>
  <si>
    <t>b'\x1f\x08\xb7\xbe\x8e&amp;\xd4]\x8b\xf5\x7f1\x10\n\xf8F\x95\xf3@P\xb6\x9b\xf3\x0bn\xa0w%-\x8bQ\x18'</t>
  </si>
  <si>
    <t>b'_\xe6\xfa\x11\xa6\xbd\x9bL\xda-Y\x95\xd5\xd5B\xf1\x825\x8a\xa4\xca)g\x1c\x1c@\xee?^\xb7\xbb\x9a'</t>
  </si>
  <si>
    <t>b'y0#\xeb)/\xb5g\xf7Ac\xcd&amp;\x1fbQG\xae\xafW\xf9\xf7KQ&amp;l%\x83\xec\xban['</t>
  </si>
  <si>
    <t>b'\xfd\xd8#\x1e\x98\xf3\x8c\x95\xe2G\xde\xc2\xabN\x05\x8f\x07@\x00^\xb0\xd9=@Pd-\xa6wi\xff\x16'</t>
  </si>
  <si>
    <t>b'v\xc8l\xdaj\xc4\x9f\xb5\x0e\x88\xf7\xab\xb1\xc7\x94\xb5\xb4\x15\x96\x87J\x92\xb7\xb2x2\x83u)\x94\xcfK'</t>
  </si>
  <si>
    <t>b'3w\xff\xcc\xb9Y\x05\xaf\xfa\xdcA\xd8@\x10Lv.v(\x8eV\x8c\x83OlN\xccE\t\x92\x7f8'</t>
  </si>
  <si>
    <t>b'y\x00\x00\xb6\xbd\x04\xc9He\x04{\xf3\xf6*\xa2\x05\xf5]p\xb1\x1af\x98\x1d\x14\x9d\x13p\xc3@\xf1\xaf'</t>
  </si>
  <si>
    <t>b'L-\xbbA}0\\\xf6=\x99\xeb\xd5\xef\x13\x91\t"\x80\x9e\r\xee\x9c\x1d\'\x06\x92\x04\xe6?\x88\xe5T'</t>
  </si>
  <si>
    <t>b'\xe2\xf8\x00\xdcr\x95Df#\xa5\x8c\x8c\xfcA(\x85*\x81\xac~\xf3\xf9\xefl\xcc\r\xe5\x80\xfcoD&lt;'</t>
  </si>
  <si>
    <t>b'4)7\x9e\x0c\xd7\x8b\xfc\xa0\xa0%\xa0\x01\xc99\x10\xea\xfc\xec~\xe1\x12\xc2\xf1\xac\x84-\xa2\xd1]\x15u'</t>
  </si>
  <si>
    <t>b'\xd6\xe1\xfb~\xab\x1el\x89W7[9.\x9b\x92\x1d\x0f\xd3\xca\x15\xa6\xdbF\xf5\x04\x92\x97Xl\xbc\x13N'</t>
  </si>
  <si>
    <t>b'\xb4\x89\xc2\x94\x12\xff&gt;\x1c`?\x85\xc5C\x9e\xc0r\x92\x1e$\xf9j\xcc\xc0\xb3-\xe9z\xd4Y\xf0\xe7\xc1'</t>
  </si>
  <si>
    <t>b'\x18\x84\xac\xe3{\x1b\x9d\xfc\xe8\x9c\xe8f$x\xf0N1\xe2h\x9c#\xff\x93\xcf\xd4_4aoP\t\xcb'</t>
  </si>
  <si>
    <t>b'y\x01\xd7S\xa7Y\x08\xfd\xa0\xfe\x85\xa9qk\x13;\xed\xe5\xb3\xb62p\x8c\x90\x03M\xfd\xa1pE\xe3\xdb'</t>
  </si>
  <si>
    <t>b'\xe1\xc2\xf2\x07r\x9f)\xe0\x13\xb9\xe5\xff\xe5|\xc9=\xa6\xc8xz\xb9\x8b\x96~(^@-\x8cj\xb1{'</t>
  </si>
  <si>
    <t>b'Kv\x90\xd3W\xbb\x94\xbf\x92e\xad\xf2\xec2$\xee]\xd0\x15\xc9\na\x1dbQ\x94\xae\x1ab\xd3%\x02'</t>
  </si>
  <si>
    <t>b'm\x1c_\xbaz\xad\xb2\x06^\xe3\xf1\x039W\xa5g\xc3\xa7\x1f\xbf\x14\xb1T\xdf\x91 \xd0\x13}04C'</t>
  </si>
  <si>
    <t>b'\x85o\x12\xd7\xc3c\xa4\x9c.\xb7\xa4\xdb\xb9\xf4\x0b\x1d\xda\x83\xe1t)\x03&gt;\xe5\xd7\xce\xf3\xa7\xf4\xadf\xd4'</t>
  </si>
  <si>
    <t>b'(\xc9J\x1bA)-\xc4\xa6G\xc4\x8a]f\xe3\x02v\x84[A\xa4\xf2$|_\xbcl\xdby-\x8c\xa4'</t>
  </si>
  <si>
    <t>b'\xd8\x1b.\xc4c\xd8\x7f\xa9\xb4\xc4_&amp;\xe9BH\xaf\xb3=j\x07\xb6q\x0f/\xf4\xb0#\x91s\x96\xc4\x9e'</t>
  </si>
  <si>
    <t>b'\xc1\x1b\xa4.8x\n1\x05\xe0\xe8\x82\xb3\x13\xf7\xac\x06F@\x87\x03\xfb\xe5\xb1\xe9{fi\xf3\xf6\x9e\x1a'</t>
  </si>
  <si>
    <t>b"m'\xbb\xf8\xa9\xb5*&lt;\xd1\xa8\xbf\xf9J\xbe\xd2\xdb\xf4\xf4\xb5\xae\xbeq\xc5e\x9d\xcfRr\xa3_\xa9n"</t>
  </si>
  <si>
    <t>b'\x96\x01\x92a\xb2\x7f\xf96\x9f\xf8\xf3;i\xf3z\n?L{\x14\xb2\xc5\x8bp\xd1o\xa5\x11\xcc\x80\x05\xce'</t>
  </si>
  <si>
    <t>b'm\x91\x11X`H\xa7\xc1\xef\xd2\x1caC(\x07\x8d\xccz\xcb\xa5+m\xa3"CsFh\x0c\x9c~\xce'</t>
  </si>
  <si>
    <t>b'l\xf0\x91u|j\xc3:~(3\x04\xad\xe4C:\xa0d\xbd\xdbH\xe4WQ6y\xca\xff\x80G\xfd\x85'</t>
  </si>
  <si>
    <t>b'\xf9\t7\xe1t\x83\x07\xef\x9d\xb8z\xae\xde\x87\x82$\xc4\xde\xf1\xd1U\xe2\x18\xde\xddJ\x00\xba&lt;\xbc\xd7\xb9'</t>
  </si>
  <si>
    <t>b"\xa0\xb9ReE\x94\xf7\xa0\xc6\xba\x8b\xa7\xc8\xf6\xe7\x8d\xa0?\x87l\x10'k+YZ\xf2\x870\xe5.\t"</t>
  </si>
  <si>
    <t>b'sq\x9a\xf8w\x00\xc5{\x0e\x8e\xca\xc8s=Y~*\xc1\xcclx\xb5\xfe:\x8f[u\x92\xacd\x9d\x84'</t>
  </si>
  <si>
    <t>b'\xfa\x1b\xe4d0Xp#07e\xbce\xf8\xcc\t\xc6\x91@r\xd5\x98\x86\x06\xfcAv\x96\xd4\xde1\x10'</t>
  </si>
  <si>
    <t>b'\x90\xbf\xb8N\x90\xb9\xca\xfa\xc8^\xb6K]\xc7\x82B\x01\xa1\xaa\xf4\xfd\x7fa~\xbd\xa2\xfc\xc7a\xa6\xe8\x1c'</t>
  </si>
  <si>
    <t>b'2V\x18|\xf2\xb1\x00\xe6\xc6?e\x8a5x\xd5\xc6\xc5 J:\x97V\x85k&lt;\x1f%\xba\\\xfc%\x83'</t>
  </si>
  <si>
    <t>b'[X\xed\xacT*?\x92\x8d\xe9\xa12\xa7/J\xd4*\x85\xabP\r\x88\x08-\xa8\xedA\xcb\x89\xeb\x89&lt;'</t>
  </si>
  <si>
    <t>b'\xf1%]m_qK2`om\n\xf71_\xcb7\xb3\xf8\xf5}?O\xa6\x89\xd8\x85\xcfq\x90\xcc\xac'</t>
  </si>
  <si>
    <t>b'=\xf5\xf9\xfcr\xda%\x83\xec,\xae\xe0\n\x07\x80\xd1\x9aQ|\xa0\xed\xc0W\xc2#\x08\xe4\xed\x8a\x07\x18\x19'</t>
  </si>
  <si>
    <t>b"v\xd3j\x9d\xb5\xff\xdf\xb1\xd6\xcb\xf3y'\xc5\xcd3\xcf\xba\x01\xc0\x01\x03\xf1\xf8\xa0g\xf0=u%\xd3\xaa"</t>
  </si>
  <si>
    <t>b'Z\xe0C\x91*%\x95\xb4\xe9\xe5\xdd\x19|\xc2y\xc9x\xe8jb\x14\xc6\x01oW2\xeav/\\m\xaf'</t>
  </si>
  <si>
    <t>b"e$\xcb\x08r\x9989\xde\xe8\xc1\xdb\xd3\x91z\x14N'\x83W\xc5\xa2\x10?i\xbe\x17\xb1\xdd\xd0\x13\xd3"</t>
  </si>
  <si>
    <t>b'L%\xaef)\xac\x1c\x19\x90o"\x81\x16\xd4Y_\x94\xa3\xf7\x8f\xfb4\xb5\xef\xb9\x9f\xd2\xc5\xb9\xdb\xdcN'</t>
  </si>
  <si>
    <t>b'\x9eEyAP\xeb\xe23u|\x12\xc74\xe5\xe3\xcb\xdfq\x9b=|?\xea\x8e0\x10\xbdbs\x15e!'</t>
  </si>
  <si>
    <t>b'\xb1"\xfa\xcb\xe7\x1d{\tR\x07\xb2\x1b"\xcbf\xc7\x15\xddv\x99&lt;\xdbvn\x9a\x8e\xbe\xc3=?\xc60'</t>
  </si>
  <si>
    <t>b'Z\x1f\xf6\x7fc\xc7\x95\xe8\xa2\r\xc5\xf2%\x01\x14\xcd\xcb\xa8\x8f\xf5uK\xcdj\xf5\xa4\x918\xac\xce\x96\xaa'</t>
  </si>
  <si>
    <t>b'LFy\xbb_\x112\x92\xb5R?\x9a5\xf7K\x99\x11qFG\x0e\x97By\xeb\x9a}\xd9~\x10\xa8\xf9'</t>
  </si>
  <si>
    <t>b'\xcf\xad\x07\xaeumWfwe\x12Q=\x86\x84G\xb5\x1e27u/\xeb\x1b\xd1w\xbaD\x91\xaf7\xc4'</t>
  </si>
  <si>
    <t>b'\xb87RL\x1a\x98\x85\x96f\xb5\xa2J\x86+\x83S\x90\xd1~~u\xdf\xfaM\x99\xd0\xd5\nw"\x88\xfe'</t>
  </si>
  <si>
    <t>b'\xc4\xba\x97G}\xe1\x90Cg\xe3d\xe7\\g/\x91U\x93Yv\x90\x9a\xf8\xbfV\xa1\xfb\xbaT\x0e\xf6\xfd'</t>
  </si>
  <si>
    <t>b'sK\x92\r\xb1,\xfe.\xd6\xd3\xc8}\xdb%&gt;Q\x10\xb6\x04\x11\xf4\xca\xe0\x8e@u\x8dI\x81nZ^'</t>
  </si>
  <si>
    <t>b'\xd4\x8feG1\xbf\xc9\x05\xeb[\x84\x9d[A\x9b\xc4c{\xa4\xdb\xfc\x8e2i|\xa2A\x7f9Ko\x17'</t>
  </si>
  <si>
    <t>b'\xae\x99?w2\xfc \x82\xa5*\x98\xa2V\x0b(\xcb8B|\xe0\xaf9\xaaI\x18w\xd2\x07\x9f\x1bn\xa6'</t>
  </si>
  <si>
    <t>b'W\xa2\n\x02A\xf3\x8d\xd5\x11\x82\xc3\xb1\xbea\xd0\xc3]g\x89\xe1\xa9\x7f8$9\xb4%V\x0f9jj'</t>
  </si>
  <si>
    <t>b'\x13\x14"m\xf2\x01ts\xd0\xa3\xac\x95i\xa4t\xdek\xea\x80J\x0e\xf4\xad\xb7\x82\xda\x00K\xdb\xfc\x87['</t>
  </si>
  <si>
    <t>b'\xdb\x17\xfb\xa6\xb1[\xe9\xe84\xccY\xdc\xc8c\xb7\xf6\xefA3rj)\xb7X\x06\xef\xaa{\x18\xc4&gt;\x9a'</t>
  </si>
  <si>
    <t>b'\xcb\xa6\xa0\x86_\xcd:c\xe7\xeb.\xb0\xa5\xeb)\xe5W\x88\x02\xbdt\x87L\xd2D\x8e\xa4\xff\xc5\xc2\xfa\xe0'</t>
  </si>
  <si>
    <t>b'R#\xf2\xbe:\x05\r\xbf\xbf\x12\x95\xaa\xfb.\x85r\xe7\xce\x84"\xb0\xaf\x90U\x81g&amp;\xa7\xc3=\x10\xab'</t>
  </si>
  <si>
    <t>b'\xb6Y\xa5\xc4nk:\xbb\x0b\xa38\xb5\xc6J3v)\xe2[\x89&lt;\xc3\xbb\xa3\xe8:\xfa\xe0E\x91\xc9u'</t>
  </si>
  <si>
    <t>b'\x97\x0e\x07\x02\x0e\xa8\xc5p\xe5\xac\xc1?;^\x88\x18\x8e\xb2\xd97^{\xdf\xf8&amp;\xeb\xce\xcd\xf9hb\x19'</t>
  </si>
  <si>
    <t>b'\xeeCw%\xca\x11\xb1?\xc8\x08ix_\xbeB\xeaV\x19w\xd5\xd1\xa3\xba\xcc\xdd\x93\xd4G.\x86a4'</t>
  </si>
  <si>
    <t>b'o\x03t\xa2\x80\n\x80\x03g\x9b\xbe\xbc0\xed\x83\xf8\xaf\x9b\xd9\xa1~\xd8I&amp;I+~\x02\xd50U\x86'</t>
  </si>
  <si>
    <t>b'&gt;8\xb6\xbb\xee\xc0#\xd8\xdc\xf09T\x1a\xd9\xf0\xde\xa7\x81\xb8\x1ci\xe8pZ\x11\x1e+\xed?\xfb\x13\xdb'</t>
  </si>
  <si>
    <t>b'/\x8bKD\xdc])\xd82\xe8\xe4\xdb4h\x96x\xf9\x9a/\x8as\xe6V\x049A\xd0\x99\xe1\x9b\xc4&lt;'</t>
  </si>
  <si>
    <t>b'N\xfe\xda\x07.D\x07\xf6qW\x9bu.\x00dj\xa6\xc5\xb5\x98w\xcf}\xef\xf6\xa4n\xb1\x0b\xe2\x07\x8c'</t>
  </si>
  <si>
    <t>b'\x1b\xea\xceS\xb3\x12\xaa\x19\x11Q\x86g\xdd\xe9~B\xc5km\xcf\x81\x98&amp;?x\x1a&gt;\x84\x9b\xe2\xc2n'</t>
  </si>
  <si>
    <t>b'\xa1\x82\x08{\xc2\xe8\x06\x89kiP}x\xd6?5\x8f\x05\x91\xad\xda\x8e\xe5:\xadlq\x13DR\xb10'</t>
  </si>
  <si>
    <t>b'\xee\x83\x14d/6F\xa8*\xa5\xbe\x14(6\x86\x81Q\x1c\\\xa2\xac\xee\x07M\xdb\xb5\x14\x1b\xdd)\xc54'</t>
  </si>
  <si>
    <t>b'\x92\xcb\xae\xb0\xcd\xceU\x93[\xeb\x83/Xx\xd2\x86\x13\xa1\xcd\x9cQ\\\xd5v\x06\x85\xb0\x06oy\xb0!'</t>
  </si>
  <si>
    <t>b"\x87\xf2Nc$\xa6Y$]7'\x02\xbe\x02\xae4\xedUc\x9a\nnm|\x86\xce%=\xa7\xcc\x193"</t>
  </si>
  <si>
    <t>b'\xb5\x8c{\x8a\x96\x8f\xa8\x8f\xcb\x89\xb2\xad\xcd).\x16\x86Y\x90\xe0\x8a,\x1bn\x0cj#\xd2\xdcP\xb6\xd2'</t>
  </si>
  <si>
    <t>b';\xf1\xe91;\x93#\xd0-7|#\xfa\x93\x8c\\\x14\xab\x12\xc0&amp;\x19\xd8\x89\xfa@\x81Zf\x0e\xf4P'</t>
  </si>
  <si>
    <t>b'{\x1b!\xf3D\x89\xc5# )\xb1\x9fVd5\xda\xa2\x9d \xbb\xe5\x05\xb9\x02,\xe4^\xd5\xf8\xe5FD'</t>
  </si>
  <si>
    <t>b'\x9a\xbc\xc30\x8d\x9d\xa1_\xfa\x16^k\xf8\xc5\xd0\xde\x7f\xeb\xd7|y\x0e\xb4x\x10\xc8M\x9f\x17g\xf3\x01'</t>
  </si>
  <si>
    <t>b'\x96\xc4\x05\x00\xf8\xbd\xb3\xc8\x96\xf9*i\x11\x01\xcfH\xd5\x11\x899\x0c\x81!\xf8\x9a\xd3\xaat\x1c\xf4\xb7\xca'</t>
  </si>
  <si>
    <t>b'\xdc\xb5\xdf}\xc2bU\x1ei1\xb8\xcf\x03\x1c\xf8\xd8\\\xb8\x00\x19\xca4\x86\x9bm\xa3y\x95\xd4\xdb"\xad'</t>
  </si>
  <si>
    <t>b'\x15W)\x82\xac\xff\xb0j\xa6`\xadp\x90\xe4\x80B72\x03\xc3\xf9\x90;x\x92\x90\x99Ur\xc8\xb5\x15'</t>
  </si>
  <si>
    <t>b'\x96\x90\xd8v\x17\xd5\x1a\x90\x10\xa5\xbc-\x99\xc1\x10\xf3J\xfe\xd8\xa2}\xeek\x02lyx\xcf\x81\x83\xe9B'</t>
  </si>
  <si>
    <t>b'\xd5\xe82\x13I&amp;\xf4L\xcfx\x06\xb2\xbc\x1b\x9c\xec\xc9\x96\x02n\xd0\xcc\xa0\x83\xb1\xe5c\r\x81l\xd7x'</t>
  </si>
  <si>
    <t>b'\xa5!\xa0\xe9\xf8\xbe\xc0\xbf\x93i"Zg\x13\x13\xe50\xa6\x06h\xf9\\a\xbei3\xc9\xc4%2\xb2\x9f'</t>
  </si>
  <si>
    <t>b'\t\xdfG\x86\xd0\x8a*\xaa\xd9\x1b\xa8GJ\x80\x9c\xc4\xfft\xf7j\xbf\x9bN\x1c\xec\xbb\xd4\x142\xa0,f'</t>
  </si>
  <si>
    <t>b'\xb3\xc9\xb1\xf7QQ\xcaWB\xee\x89\x82o\x95\xae#\xf4|\xc0\xe7\xb0\xb1O\x85\x89S\x10\xe2\xd5\xf91f'</t>
  </si>
  <si>
    <t>b'\x08V\xc5\xfc\x15t&lt;\x13l]\x1d\xe7-\x04#\xeb\x14g\xdfc\xa7\xad]6\x95\xf3/\x0f1\xad\xf1h'</t>
  </si>
  <si>
    <t>b'\xa2\x95\x96DV\xef\xf7\x9a\xc0QSv\x7f\xe1L\r\x1e\x03\xbb\xd2i\xc7|4r\x9b\xc6\xd2\x87\xdc@?'</t>
  </si>
  <si>
    <t>b'\x19\x959\x1a7\xa5\xf3lC\xf7\x85\xc5u\x03\xdf"\x10\xb4\xd3\xdd\x06\xa4V\xcf_\x84\xb8QqO2\xa1'</t>
  </si>
  <si>
    <t>b'\xee&lt;^\xbc\x9f\x82\x1b\xad\x92\xe7r_=Y\x98\xae\x87\x13\x04\x0eO\x10\xbc\x0bV@HV\x92\x94\xa8\r'</t>
  </si>
  <si>
    <t>b'\x81\xd6\xd7U\xed\xa8\x8e\xddd\xc5\xcc\x8d\x00\xe1#\xfb\xbb*V\xa1\xe6\xe2\xd9\xe1\x94=\xaa\xbd\x87\x07m\xb6'</t>
  </si>
  <si>
    <t>b'2m\xe9Sj\xf7\xa6p]\xb5\x1c\xb5G3\x17\xda\x92\x1c\x90\xa7H\xab\xf5`\xdfw\xdd\xe5\xd1g\x82\xb8'</t>
  </si>
  <si>
    <t>b'\xb91\\j\xe2\xbf\xaa"*\x8f\xc8\xf0\x8d\xaeO\xca\x06\x9c\xfe\xbdg\x97G\xf6U(&lt;\xf5t~\x91\xa3'</t>
  </si>
  <si>
    <t>b"\xd1\xdbb'\xab}\xe7\tt\xb2%\xab\x13#\xee\x02;\xd9\x18\x86;\x86c\x1f\xe2i\xa2[\xdd\x10\xc4\x14"</t>
  </si>
  <si>
    <t>b'\xd8\xdf(\xf4Kts-\xe5\x9fe\xcc\x8e(p\xa1K\x8f\x00\xae\x8d`\xd5\xff\xc1,&amp;\x7ff\x96\xfb\xa4'</t>
  </si>
  <si>
    <t>b'c\xc4\xf8P\xb3s\xfaxQ\xa7{4\xa8Y\x10\xae\xe9\x80\x1a8\xaa\x7fr\xabOe\xde1)eU0'</t>
  </si>
  <si>
    <t>b'\x0b\xc4\x1b\x81;\xf25\x87JA\xb5\xc3\x8b\xc3R\xbc\xa4f,P\x8e\xad\xb7\xd0fm\xd9\xc2(\xcda\xd7'</t>
  </si>
  <si>
    <t>b'LL\xb3\x8f\x04\xd5G\xeak\xd8at\xe1\x11X\xbf\xd3=d9\x84\xf8\tZ\x18\xfc\xd8_\x0b\xb7K\xa8'</t>
  </si>
  <si>
    <t>b'\x0bn\x9a\xd6\x18[\xac\xd8\xed1\xef\xe7\x87\x04\xa6\x1c\xb5\x89\x90\xd6*\xe2\x834\x98WH\xdd\x8a\xd0\x15\xf4'</t>
  </si>
  <si>
    <t>b'N\x89\x9e\xe9\x80d$\x9d\xb6c\xdd\x87ni\xf4\xd4\xa0BQ\xd9\x98\xff\xc5H\x17rQ\x87r\xf2\xc5\xa8'</t>
  </si>
  <si>
    <t>b"\xd2|\xcb\xceo\xc1c\xf5*\x1aw\xa1\x16n\x99u\x10\xd9S7\xaf??~\x04\t\x1b\x12'H\x18\xaf"</t>
  </si>
  <si>
    <t>b'\xb5\x07\xac\xd77\x7f\xfd\x04\xf0\xd7\x8e\x99\xdcg?Z6?E(\x078\x149U\xec\x1f8&amp;\xcb\x9b\x80'</t>
  </si>
  <si>
    <t>b"\xce~\xa6\xce\xa4\xe4\xbd\xcb\xd0|\xd0\xfe\xfa(L\xfe\x84\xcdK\xbc\xbf\xee9Bh.k'\xb6\xb8\xa7\xa1"</t>
  </si>
  <si>
    <t>b'N\xcb\x86\x1cE\xfbfI~\xf7M\x95\xc1\xcd\x91\xdd\x18\xca\xca\xd4h[\xaenlE"_\xa0\xf6\xd6n'</t>
  </si>
  <si>
    <t>b'\x8f\xd4\xf1\x18\xaaq\xe5W\x87l\xb8\xc8Y\x7f\xd0\x88\xac7\x95&gt;\x9f\x9f\xdaV)}\xe0x\xbf\xe8\xeb\xa5'</t>
  </si>
  <si>
    <t>b'0H\xbbG\xd5\xbb\xad\xd9~\xfdd\xdcS"`l\xb9\xbd\xfa\xe9g\x12\xfe\xc2\xdc\x11A\xe5\x07\xb3\x8d\xa1'</t>
  </si>
  <si>
    <t>b'\x9en\xcf\xb0O\xb2k\xc4\xec\xb4\x86B\xedb\x92g\xacK\xa1c\xd2\xe7\x02\xc2g\xd1\xa0\xcd\x0b\x00D\xd9'</t>
  </si>
  <si>
    <t>b'\xe1\x12\x04=\xaaP[\xab\xe8\xa2\x8fk\xb5\xb1[\xc6\x9e\xda\x17T+\x82,\xd6\xdf5\x80\xb9\x88\x89\xed\xa8'</t>
  </si>
  <si>
    <t>b'\xccm\xa5\xa9\x0b\x1a\x8bg\xcf\xad\x1dm\xf5\x8d\xf6!\x8d\xc9r\x8bii9&amp;\xf4\xda?\x7f\x13t\x9f\xba'</t>
  </si>
  <si>
    <t>b"\xff\xe7\xba\x83\xa9\xb5d\xe4\xf2'w\xfd\xb2j\xec\xb7\xf7s0\xe8\x8c\x04\x1aH\x01\xce\x06|\xe8\x03%\x88"</t>
  </si>
  <si>
    <t>b'\xd6\x02\xae\x95z\x84\xd5\x80\xa7X\xbd\xdc\xb7[\x87y;\xb3o6\xe5\xc3\xee\xe8&gt;78*\x1eII\xd0'</t>
  </si>
  <si>
    <t>b'\xd0G\xf7\x9e=m\x9d\\\x95\x14\xd4N\xc8\xe4\xee\xe8&gt;\xe2\xf3\xa3,K\xee^\xf4\xa4\xfc\xcdO\xe2\x81\x98'</t>
  </si>
  <si>
    <t>b"+\x9a2\x1aX\x17\xa0\x816\xc4\\S\xc5i;\xe5\xee\xe5\xd5+\xc9\x9a\x12\xb8'\x00B\x1f4'\xb3\x95"</t>
  </si>
  <si>
    <t>b'R\x80\x9f%\x7f\xcbX:G\xa3g\xab]\x16S\xba\x1aG\xb9;&lt;f\x8c7\xa98\x12\xef+\x1d\xac-'</t>
  </si>
  <si>
    <t>b'!\x1d\xc5\xfa\xb4\xbb\xed&amp;\r\x8f\xcb\xfe\xee\x88\xcf\x10\xb5\xb2W\xf9\x1b\x91\xc8\x08\x98.Q\xa3wX\xd0*'</t>
  </si>
  <si>
    <t>b'\xfa\xf9k\xa3\x0b\xe5;\x0e\xcf\x17\tW\xd9\xc7\xe8\x9bfr\xae\xa3\xef@\x03\n5\xb9\xae\xdeF&gt;\xa5x'</t>
  </si>
  <si>
    <t>b'\xbb\x866\xd0\x80\x11\xc8\xads\x91\xb9W_!\xd5\x1f".4^\xda\x88\x9a\x10\xea\xf1\x8c(\xb0e\xf0\xef'</t>
  </si>
  <si>
    <t>b'\xf7\xebS\x04\x98\x15\xa2\xb9\xbf6\xb6\xd4\xcdW\x1d&gt;L0\xd3\xbf\x84\x10I]&lt;\xd1\xdf\xb4\xfd\x1f,z'</t>
  </si>
  <si>
    <t>b'\x95\x16\xa2\xebG\xf6n\xab\xcb\xb4\xdd\x89+\xcd\xaep$y\x88\x95\xe3\xab8\xd0.U:t\xf1\xbb@\x04'</t>
  </si>
  <si>
    <t>b'\xa3\xf3\x9a\xc4\xa7\xba\x07P\x95\x83\x8f\x88V\xdeHG\xf8\xa6\x15\x05\r\xc7\xb7\xe6]\x03\x0c\xe5\xb0\xd5\x1e\xef'</t>
  </si>
  <si>
    <t>b':\xd5\x9d\xe1(\x9e\xdb\x03\x13\xdaT`\x1b\xe2~\xaba\xfdM\xf1\x91\xc5#q\xcc\x01\xde\x0b!\xb7o\xc1'</t>
  </si>
  <si>
    <t>b"XfL\x84\x86\x96\x05Re(\x0b\x92\xb62\xb6\xfbI\xa1#\x86NK\xc3\xb7Y\xb7\xba'\xfc\x1b\xc3\x9d"</t>
  </si>
  <si>
    <t>b'\xae\x15\xb3\xdb\x08\x11[\x1eQ#\xa8\x14,\xda`\x0e\xa6\xa6#\xc3,!=\x83&lt;"\x17\x1b\x0b\x9ab\xab'</t>
  </si>
  <si>
    <t>b"'\x1eH\xb9\xcf\xe6\xf5\x8b\x95P\xda\x18\x03\xec\x9d5\x91\xb8)\xb7J%\x11Z\xe11\x80\xc3\x80q\xe0\x93"</t>
  </si>
  <si>
    <t>b'l)\x94\x1a%\xe5\xc1\xc4\xc4\xc4\x8fF\xfb\xf5_:\xff\x9c(H\xadA%\x85\x85T\xfa&lt;\x87\xcbE\x93'</t>
  </si>
  <si>
    <t>b's\xbb3\x9f\x1a\x13\x03v\r\xdb\x12\xecJ\x80\xf8\xde\xfa\xa8\xad7\xb6/Z\xd3O#\xcc\xb0\x1d7\xb6^'</t>
  </si>
  <si>
    <t>b'\x85\x9c\x18\x0c(C\x021[G\x82\x08O\xf4\x1cr\x8c~\x88-A`2\xfc\xf4\xf4\xdc\xc2_\x0c\xdf|'</t>
  </si>
  <si>
    <t>b'{v\xce-Z\xb4\xe3\xcb\xf4\xa1i?\xa5u\x06\tt\xbb;\x98\x82v\xd0\xa6\xca\x16Q\xab}M\xb4v'</t>
  </si>
  <si>
    <t>b'\x1c\xcdX\xc7u\xdf}\xb8\x13S$Rs?\xd7\xd7\xc7\xad\xe5Y\x9a\na\x94\x826@\xe0\xe1\xdeSD'</t>
  </si>
  <si>
    <t>b'\xf4\xed%\xf5\x8b\x8a|\x128\xeb\xba\xee\xd2"\x9b\xa4\x1bW\x9d7\xde\xc2\x83\x1d\x97\xa0\xae\x1f\x80e*\x03'</t>
  </si>
  <si>
    <t>b'2\xb8}\x85on\xa33\xc8\x93*8\xb1\xe9\xabRI\x8b&gt;\xe6\xe9\x80\xf8rBM\x8b\x05\xa3\xc6\xcf\x11'</t>
  </si>
  <si>
    <t>b'\xbb@\x80\xd7\xac\x8cx\xfa\x9e\xc0\x90\xc4=b\x01\xc2\x1aClr\\\xaa^\x95D[;Uo\x03\xb4\xfd'</t>
  </si>
  <si>
    <t>b'\x85\xecv\x8a\xbfK\xf76\xa4\xc5\xcb\x11,^@\xf5\xfd\x11ML\x01\xb4\xd3zI\x86FPbG\x11;'</t>
  </si>
  <si>
    <t>b'\x11:\x0f.\xde"\xa2\xf8h\x83\xcc\xf4&gt;\x9b\x82\xa6Z\xb5\xceb\xf2bMyl\xf0\xfbT\x11Z\xd1p'</t>
  </si>
  <si>
    <t>b'\xa2Y\xe3\x8e2\xa0\xcf\x81+\x1f\xcb`\xa9\x02`\xf3\xbfE\xdcNm\r\xb8a\x98\xe1a\xa3-\x9cD\xc1'</t>
  </si>
  <si>
    <t>b'\xe5 \x0e\xea\\n*G\x1fw\x19\xdf\xb45\x7f\xf0k\x93\xb5^\t\xbd\xbfNp\xb1\xb8px\x9b\xb0\x80'</t>
  </si>
  <si>
    <t>b'K\x82\t\xbf:\xe32j\xa4\x19\xd1h#;j\xf4\x9d\\\xa7\x18\x83\xcdp\x1c\x02\x13\xc4\xc8\xbb\xfd\x0e\x95'</t>
  </si>
  <si>
    <t>b"a\xb7&gt;\x82\x9cL_\x13CA5ZT\xea1&amp;\xfc\x80'\xe6\x9a\xef$X\xe7\x00\xbe\xb4*\xdah\x8c"</t>
  </si>
  <si>
    <t>b'\xdf\x0c\x97\xce\xa3d\xaa&amp;\xb2\x92\xf8\xc6!D^\xd33\xdffU\x9d\x0b\xa3\\\xdauKv@\x97\xd7\x8a'</t>
  </si>
  <si>
    <t>b'\xd3(n\x17\x9fnsi\xee02\xceU\x04V\xe5\xe79@/\xc3\xfdZ\x19\xcbf\x91\x85\xc9q\xb1\xb0'</t>
  </si>
  <si>
    <t>b'V\xde\xc5\xae\x06\x9b\x92\x95#s]\x16\x8cP:\x00\x87/\x13\xbfx\x85\x8ei\xb8\xa8?\xa4\xc1\x1fR\x83'</t>
  </si>
  <si>
    <t>b'q\xa0t\x1e\xed\x0e\xf5q\xf5qJ%* R,\xfbA\x11\x08h\x88~\xa4tYB\x8cGz\xf2\x98'</t>
  </si>
  <si>
    <t>b'\x14.\xf1\xfe\xf3\x13\x14\xbf\xa3*#\xe8\x07\xc8\xa7\x06\xdb.\xe4\xecP 5&amp;\xf8\x7f5\x1f8\x95S\xd1'</t>
  </si>
  <si>
    <t>b'\xbf?\xd1\xe8]~\xd1]:\x84\xb2\x98\x05\xfeQ\x0f&amp;\xa4+\xfb\xcc\x08z&amp;\x15Y\xfaB\x95?\xe6g'</t>
  </si>
  <si>
    <t>b'%\xa3\x83\x02\xd4\xbd\xa7\\`\xa6\xc8\xe3\x16\x8a\xd4j\xa0\x96\xfe\xb4\xab9\xcf\xcf\xcb\x15pt"\xd5G\xd2'</t>
  </si>
  <si>
    <t>b'\xac\xa4x9\xa4\xe5A\xc7\xe9-\xd3\xf8$\xf5V\xa5\x9dZ\x87\x1a)T\xbf\x08\x14f\xe4\t\x86\xd3gW'</t>
  </si>
  <si>
    <t>b'\xdf\\\xea}C&amp;\xc8L\x146\xc1\xabr\x0f\t\x17&gt;5mpd7\xf0\x0br\xa6\x80[B\xa7b\xe7'</t>
  </si>
  <si>
    <t>b'\xfc\x16\x87\xde\x11\xf7\x87\x8d\\9\xa4\x0e^w\x1d\x19F\xbc\x1ct\xa5\x7f\x87\x8f!\xf3B\xb8rq\x1a\xb6'</t>
  </si>
  <si>
    <t>b'~!\x1fMP"\x98^xa$\x97\x94\x0b\x82z\xbb\x1a\xe3\xc3D\x1a\xecY\x8c\x1b\x83Qc\xb9Y7'</t>
  </si>
  <si>
    <t>b'\x1f\xb0\x13d&amp;(AP\xd0\x15-\xe4\x8c\x9a\x93i}\x95\x7fXH\xbe\x03\xe1\xcadY\\\xcf\xf2\xf6\x9b'</t>
  </si>
  <si>
    <t>b'\xbf\x06\x18\xa9\x0eiA\xcb\xba\x9bP\x03^\xcf\xae}c z\xb2\xb4\xba51\xfek\x9d)D\n\x8d\xb5'</t>
  </si>
  <si>
    <t>b'\xe2\x961\xa1\x91Sf\x16\x96\xb8\x16\xf9\xdc\x82k\x03\xa7\x8d\xde1\x00\xfc~\x83\xbe3\x90\x89\x00\xaaD\xb4'</t>
  </si>
  <si>
    <t>b'\x8d\xddS\xd5Q\x0fF\x81\xa8\x0c\xd6\x10\xc9\xc0nG\xc09\xa7\xe4\x0c\xf3\xde \xec\xeb}\xa8Z\xbc\xc2\xde'</t>
  </si>
  <si>
    <t>b'?S\xc4\xf5TG\xd2i\x81}\xcbB\x9bm\xa6\x9epH\xf2\xc9DJ\x7f\xc7[J\xa1\x987?\xe2}'</t>
  </si>
  <si>
    <t>b"\x85\xc6s\xe9'\xdfP?E\x14&lt;U\x9b\x82-;\x8d{\xe7\x087\xd6r\xed\xf12\xd0O?9\xbe\x10"</t>
  </si>
  <si>
    <t>b'r;&gt;jN\xc1\x068T\xf4\xd8\x1b\xf7\xb8\xb8f\x1b\xf8DIJ@\xd6M8\xb16\x01\xc79$\xd5'</t>
  </si>
  <si>
    <t>b'\xa4LC\x0em\xfc\t\x9e\x18E\xfe\x1f\x8f\xf5\xed\x8f\x02A\xb3\xc4\x0crg\xca\x82\xdf\xd6\xa4\xc3g\xd2F'</t>
  </si>
  <si>
    <t>b'\xba\xfeO\n%\xc4f\x8f\xe3\x9b\x07\x96\x04\\\x18\xf9Q\xb2\x9c\x04\xe0 \xd5\xc0\xd3\x12\xea\x01\xa4\xbdZl'</t>
  </si>
  <si>
    <t>b'[Qa\x13\x86\xd6\xd69\xdf\xe5#\xa4|\x81\xb5~\xab\xb4\x0c\xc5\xbd\x136\xae\x9c\xe8\xeam\x04\x9d\x81L'</t>
  </si>
  <si>
    <t>b'L\xdf\x03L\xa0\xcf\xaf:\x01\x94\xfc\xb1KJ\x05\x97\xb2TL\\\xa0X\n\xbe\xba\x89\xca\xe9\xb5\x92\x9fl'</t>
  </si>
  <si>
    <t>b'\xf3\xe1\xb8\xa6D\x10\xa2\x8e\x81\x03\x9cl\x8b\x16\xc9`{\xca\xc4\x12\xee\xc4o\x01\xb2\n\x83y\x88\x81\xd4\xcc'</t>
  </si>
  <si>
    <t>b'{\xda\xf6m\xea4\x89\')xnjB\xc0\xd2A\xa6\x04\xce\x94\t\xfcb~\xf0\xa6\xa3N\xf5"S\xbb'</t>
  </si>
  <si>
    <t>b';\xb1\xc4V#\xb97\x9f\xf3_\x7f\x05\x18\x8ef\xaf\xb9c\xa5P\xecX\x0b\xbf\xb8-&amp;\xd3\xafx@\xca'</t>
  </si>
  <si>
    <t>b"\xfe/E\x11\xc44\xba\xbd\x8d\xd1\xf8\x9az\x01\xb9\xeb\xdf\xbc\x13}kT/\x16'\xd7\xc8mZq\x95/"</t>
  </si>
  <si>
    <t>b'\xd7S\xeb\xbeP\x9c\xa1\xbc\x04\x0f\xbd\xbb\xc8\x93\x83\xd6}\xd5o\x9f\xb9/\xd9{;,\xfd5av&lt;\x8f'</t>
  </si>
  <si>
    <t>b'A\xaf*}\xc3\xe4\xb5\x96K\xf1\xb9\xe4\xa1\x96\xde\xf0\xfe\xf2i\xfc\xe8R\xc4\xdf\xb7\xca\xdbF\x1dc\x82\xd0'</t>
  </si>
  <si>
    <t>b'\x8c\xe2\x8d\x9b7\x93\xb3h\xc1p\x86\xd4O\x15\x9an\xc1\xde\x01-\xb9n`?o\xb5i\x02\x8aA\xff#'</t>
  </si>
  <si>
    <t>b'\xc7\xdf\xe4\xa7\x95uB*v\x1a&lt;\xbfP^\xa0\n\x05\xf3:u\x92\xe7\x98m\x98\xef\x16\xcfQ,\xd6\xe5'</t>
  </si>
  <si>
    <t>b'!\xf2\x10\xce\xd5\n|\xab\x97\xdc_\x81\x9c\x1b;H\xa1\xfc/\x8c\x9a!42$@\x14\x8c\x9c\n\xf9\x9c'</t>
  </si>
  <si>
    <t>b'\x8ae\x01\xc5t\xe0\x83\xca\xda\xab\xa9\xaeI!\xb2\xf1#m\\\xb7\xfa\x7f+]X\xec\x92u\xcfR\x88\t'</t>
  </si>
  <si>
    <t>b'U\x1a~,\x19\xc2\x8d\x1a[t\x94&amp;\x0b\xce^\xbc\xab\x06]\xa6\xe81\x07\xbc\x87\xbal&amp;|E7\xd2'</t>
  </si>
  <si>
    <t>b'\x11;J\xddG\xbd\xeb\x10\xb6*\xc0\x16\xd56\x1e.\xbf\x89\x8b\x9b\xc4CD\x07#\xac\xb7\xbb\xffA\x86\x80'</t>
  </si>
  <si>
    <t>b'\xc8\n~`\x96\x1eN\xf5\x87\x03|\x16g\xfd\x14\xb9c\x08\xb4\x07\xed\x9f4\xe6e{[j\xcc\xff\xb3\xba'</t>
  </si>
  <si>
    <t>b'\x0c\x8a)\xe8\xdd\r\xf5\xbe\xf3\x14\x8d|\xb0\x8b\x13@\xd0q~\xec\xcf\x12\x8e\xf3\x1fx\xa1\xf1O\x13\x85\xa2'</t>
  </si>
  <si>
    <t>b'\x86#\x9b\x15\xc3UJ\xf1u\x15ae\xed\x9e\xd3"\xb5\xbe\x0f\x9e\xa1\x02\xca\xdc\xafo\xf4\xe0\x1e\\\x0e\x80'</t>
  </si>
  <si>
    <t>b'\x9e\xd4\xa5\xe8\xd4\t\x88\xe0\x18K+(\x0e\xb3\xd6\x0b\x80h\xe3!\xc9-\x92\xe0\x7f\xc1\xbe\xcab\x87S_'</t>
  </si>
  <si>
    <t>b'\xf89\x14\x14\xe8\x13\xf7\xa85\xef\xf9+\x1b\xe7\xc7\xfb\xd3=\x07F\xd8l\xbd\x0c(\xd7\xc0\xafL\x98\x91\xbf'</t>
  </si>
  <si>
    <t>b"3d\xfe\xe4M}\xe8\x0e\xd1\x144O\x9c\n\x93\xec\xfb]\x1aK\xdfJ!\tt\xe3m\xf6\xe0'\xa0\xf3"</t>
  </si>
  <si>
    <t>b'[q\x1d\x15\xb0\x12\xc4\xaaCk"\xf6\x07I\xb3k\x1f\x8a\xf8J\x01\xcf\x1b\x80 \xa4o\xf2C#\xd8\xf6'</t>
  </si>
  <si>
    <t>b'j\xaf\xe5\x8a\x18$\x0e\xdc&amp;\xd1\x08\x9c\xe4\x96\xce/\x00\xa8\xce\x0e\xa0l\xdaO\x18o\xc5Bc\xac\n#'</t>
  </si>
  <si>
    <t>b'\xf0\x1e\x88T\x88\xed]\x83~ &amp;\xd0\xe9*\\yw\xe3d~\xa4\t\xf1\x1d\x15\xcb\x96\x87\x07\xbb\x1d\xb4'</t>
  </si>
  <si>
    <t>b'\xb5\xdd\x9c\xacK\x111\xd7\x9e\x15\xa0%\xab\xd2\xb3\xa6\x06\xf6_\xdfW|4\xca\xef\x04%]\xc8\x13`G'</t>
  </si>
  <si>
    <t>b'\xf8OP\xa4\xbf7\xb0\xa6\x8c\x1f~U\xdasM-\xacj\xce)wt1F\xf6\xc5\xec{\x01\xb0Yn'</t>
  </si>
  <si>
    <t>b'\xcd\xfeUI\x88\x88\xefIu\x90\xd4\xae\xdaG\x99J\xedp\\\x1f\xb7\xd1\xd5\xa2gu\x81\xe4K*\xdaT'</t>
  </si>
  <si>
    <t>b'3L\xcc\x82\x02Zgh\x12L\xd6m\x9e\xb6\xa6\r\xfc \x85\x07\xa4\xfel\xe3T\xe58\xe4\x11\x07A\xf9'</t>
  </si>
  <si>
    <t>b'\xeby\xdfQT\xcc\xd9\xe9\xb6\xc0\x03}\xa6\xc6\xf7\xc9\xe2\xe4\x1c\xd8\xec\x95\xe6\x08\x02R\xee\xc9\x9e\xc5\xf2\xb6'</t>
  </si>
  <si>
    <t>b'\xf7\xec\x9c\xaek7\x1a\xa9\xa6\xe5X\x1a\x7f\x96\x82\x8d\x90\xc1\n\x8f)\xa3\xb9&gt;\x80\xd3\xba\xcf9\x81eT'</t>
  </si>
  <si>
    <t>b'$\xc2\x98`}\x16\x0c\xa0\xd8|"\x91\xf0=G\xcc"\x1e%f|B-|\x97\x87\xae\xe0:h`\xbe'</t>
  </si>
  <si>
    <t>b"\xcc\xf4/\xfc\xc4\xec\xb9]V7\x16k\xb7\xb91\x97\xa7\xc6\xa5\xfa\x9a{tc'\xbcj\xc42{J-"</t>
  </si>
  <si>
    <t>b"dE\xeb\xc5'\x88\x7fB\x95\x03\xf6\xf7\xf8Q\xfe\xc44V\xb5\xb0X\x91\xda\xc4\x19*bU\xfa\x00%*"</t>
  </si>
  <si>
    <t>b'\x93\xc6\x99 !U\xaaY\x16\xa5\x9c\xe7\xe3\x1364\x05jl\xd4\xe5H\xa8 \x87\xb9\xda\x80\x1f\xd8\xa3\xfa'</t>
  </si>
  <si>
    <t>b'\x0c\xcc^\xa8\xad\xca\xed\x08\x98\x1dF\x8e@UxB\xd3c\xde}O\x1e\xbf\xc6\xf2\xfe.\xfe}J\xc9&lt;'</t>
  </si>
  <si>
    <t>b'\xed\xbe\xc7N\xe2k\x07%&lt;\xc9\xa7cb\xe3\xf1\x99\xdb.anH\xf5N\xb6I=kd\xe7\x86N\xe4'</t>
  </si>
  <si>
    <t>b'\xdd\xb4\xc9d0\xea\n\xdb\xa9\xc5:a\xd1u?\x9f\xde\x1b\xeb\x80_\x95?\xb5%W\xa9\xf6v\x91\xc5\x97'</t>
  </si>
  <si>
    <t>b"\xb9Z\x0bT\xccX\x11\x01\x85_{#\xee\xcd8\x19\x1c\x01\xbd\th\xc5\xa1\xdb\xb0\x9b\xdc_[\xd2\x95'"</t>
  </si>
  <si>
    <t>b'&amp;\x80*-\x99\xb6\xfec\x07D\xe6E[&lt;$\x94@/\xa7\xe1M\xd5M\xeb\xd1\xd1\x1b~\x10\xd5\x8b\x89'</t>
  </si>
  <si>
    <t>b'31\xc7\x07D\xf9\xc9\xa2\x00\x81z\xaca\xe3CB\xe0\xbc{Y\xae\xde\x12!\xee\x04aE\xe6 "\x1f'</t>
  </si>
  <si>
    <t>b'\xb2\x91%R\x00h\xb6JBM=\xc5\xa9\x9c\xea\xa7sF\xa0\x0c\x1a\x04\xb3\xac$\xc3\xbb\xca\xc8\xd2\xa8O'</t>
  </si>
  <si>
    <t>b'\xc1\xd1H\x7f\xc5\xe6\xc2\xe29\x1d\xbeH\x1e\xf5\xd5\x8fP/W\x86\xd5&gt;h\x9dy\xaa\xc9n#x\xd7\x94'</t>
  </si>
  <si>
    <t>b"\x85\x12\xd5\x10\xadV\xadN\x9b\x00\x7f\x19\x01\xf7\xf2\x8c\x9f\xbc\x8b\x01\xd7\x93K\x15\xab\x07\xdf-\x1c'\xb3r"</t>
  </si>
  <si>
    <t>b'\x99!x\xd4\x94O0\x91e\xab2 \x86$?)\xd6Q"(\xff\xbc\xafQ\xcd\x8d\xc6\t\xbcm\x8c!'</t>
  </si>
  <si>
    <t>b")'\x16\xf6^\xbfc\xec\xa4l\xe4x\x00\x88P\x19f\xd57!\xb4\t\x94\xd4\xf3\xe5\x86A\xb5rS\xb4"</t>
  </si>
  <si>
    <t>b'\x99\x1cr\xb9/\x1a\x1b\x9f\xc6\xf4UKRXp\xc5\xfd\r\x0c\xef\xa2\xceV@\x19V\xa7GPUj9'</t>
  </si>
  <si>
    <t>b'l(2\xb5\xa4&amp;\x05\xe9\x14\xba\xa5\xfd\xa9\xb4\xa6\x01\x84V\x0c\x94\xa6\xa3\x9a\xea\xb5\xee*\x8b\r\xb8Z\xec'</t>
  </si>
  <si>
    <t>b'\xa7%\xf1\xcd\x7f\xfd\x88\xe2 &amp;\xf7\x9e\x9b(\xe2\x7f\xd80m\xd0\x19\x86\x8245u@K\x08IVS'</t>
  </si>
  <si>
    <t>b'l\n\xfc7\xe4\xa0}\x12\xd6\x8a\xd7\x10\x86\xbe;\xc6i\xa3\xb6\t\xc4 8\x80\xb2\x10\x01@J\xb7\xfd\xc9'</t>
  </si>
  <si>
    <t>b'%/?1\xce+{\x98\x13\xb1\\&lt;\x16\x0c#\xec\xebCF\xc1}\xda\x0c\xd2L\xf3\r&lt;#+\xb4\xd1'</t>
  </si>
  <si>
    <t>b'\xcfp\x84Yp+\x02rr\xce\x8eL\x9b\x9d\xcf8\xf48NX\xb5\x82n\x81\xf16\xdfDP\xc8\x8ek'</t>
  </si>
  <si>
    <t>b'X\xae\xd9?\xba\xd8\xd3n\x16&lt;\xc5L\x80\xdf/b\xd5U\xe2e\xbf \x84\x9e\xf8Z\xeb@/;M\xa6'</t>
  </si>
  <si>
    <t>b'?SvX;\xac\x05\xf1\x7f4:\xf2\x0f\xb9\x07\xfbf\xe6U\xdc\xe6$Q\xf7\x1a\xcc\xc7\xb6\xdeS\xf6\xbe'</t>
  </si>
  <si>
    <t>b'V)d\xc1Z\xdc\xbfw\xdfPf\xc6m\x8f0\xf9\xaa\xf4\xd7\xe4\xfa\xa0p\x04\x05\x9f\x9d3h\x06\xb2q'</t>
  </si>
  <si>
    <t>b'\x02S\xbaH\xdb\xaf\xf1\xb5\x9e.\x8f\xaa\x86C\x02\xbc=\xf7\x97\xf3\xa9e\x8bg\xafe\xfdu\xff\xa1\x13N'</t>
  </si>
  <si>
    <t>b'\x1aH\x9e\x8d\xe0\x02\x17\x14vG\x1aZ\x9a#&gt;h\xfbU\xe0\xc0F\x1f\xb9d\x1b\xe6\xb1OW\xf7W\xaa'</t>
  </si>
  <si>
    <t>b';\xa2\x1b\x1cyE\xa9jy\xa0A5\xefl&amp;\xf8Z\xae\x8c~\xb6$\xc8u\xc3wu\xdc\xae\x1a\xae\xd2'</t>
  </si>
  <si>
    <t>b'\xfcJ\xdb"\x80#\x19_\xb1@\xb2\xec\xddxB\xff\x13B\xc1\xbe\xd9-\x19\xa9=\xe6!!D\x94Y\xd3'</t>
  </si>
  <si>
    <t>b")tq\x1c\xf8E\xf5\xae\x0b'\xc3\x89p\x1a8\x01\x07wU`x\xca*\xd6\xd9\x8e\x8a\xf5\xf6K\x80l"</t>
  </si>
  <si>
    <t>b's\xd5\x91\xa4\xb8/\x80nr\xf1\xd7\x85\x1a\xaeAU\x8e!1{\x1b(cb&amp;/o\xfeN\xff+:'</t>
  </si>
  <si>
    <t>b'\xc34\x9aF\x85\xb8\x0boR\x95\x84r\xebVW&lt;\x94\xfd\x06,\x1b\xc5\xa2\x04;\\M\x03zJ\xc0o'</t>
  </si>
  <si>
    <t>b'\x8f\x9cZu\x1a\x7f\xad\xb14\xcd\x90"s\x1bQ\xcd\x0c\xe6\xdf\xdb\xd3h\x1b\n\x16\xa2\xc4\xfd\xd5j\xccK'</t>
  </si>
  <si>
    <t>b'\\\xbf\xe1\xb1\x01\xe5\xe7&amp;\x8a=\xc6\xd3\nDE*d\xaf=w\x00{q\xefC\xcfU4\x7f\xe7\x0eK'</t>
  </si>
  <si>
    <t>b"\xa2\xaeD\xf3\xd4\x9a\x04&gt;\xd8H\xb3\xbb\xe5=\xb2\xe6\x07\x96\x12fP\xb7'vr\x83\xa70\xb8mG\xf4"</t>
  </si>
  <si>
    <t>b'\x9bM\xe2t{\t\x16f\xd1y\x05\xb2\t Wtd%\x8eC\x8c\xba\x12&gt;\x98\xfa\xdbs\xfds\xed\xa7'</t>
  </si>
  <si>
    <t>b'?T\\&lt;\xa5V\x9b\xf9\xef\xb0\xe7XZ1\xfb\xa56W\x9dU\x14W-,q/\x06\x8dA\x9c\xf0 '</t>
  </si>
  <si>
    <t>b'bd\x0f\x93\x10{\x12\xa9\xfcDJ\xf6O\\\xcb\xe1\xe2$]Ha\xab\xe9\x1e\x90\x1a\r\xa0\xcd\x10!~'</t>
  </si>
  <si>
    <t>b'\xde\x11\x01\x0f\xb8%\x02\x7f\xf8\xf2;\x0c_Q\xc3{\x96\x9eb\xe4f \xb4\xf0\xe3(G\x8e\x9a\xa0\x83\xa1'</t>
  </si>
  <si>
    <t>b'A\xe4\x1e\x16\xcc\xd2uQ\xd5;\xc5]Oy\xdf\x87\x99\xbc8\xa8\xb4\xe0\xce\xfe\xd6w\xd0\x0bm\x90\xcdI'</t>
  </si>
  <si>
    <t>b'\xd4PK\x03lR\xe3\xf5\xe3-\xa6\xf7\xf0\x15qn^)\x80\xe1O\x99\xda\xee\xf1\x12\xbc\xbc\x7f\xd7\x1d\xc9'</t>
  </si>
  <si>
    <t>b'\x8c\x97\xd2\xe7\x06\xa4\xcfB\x10\xa4dx\xb7\xa2\x181\x99\x9e\xadW\xe6CKJ\x1ea|\xfe\x1d\xdb\xd9L'</t>
  </si>
  <si>
    <t>b'\x9fK\x96 \x05|\xec\xdf~\x9e\xcd`%\xb5(\xd8T\xed\xcb\xdd\x1a\xe6\xa0\xd6s\xeb\x08\x1cwvQ\x0e'</t>
  </si>
  <si>
    <t>b'\xfe\xfe\xe6\xac\xe8zM\xa5W\xaf\\\xe6\xf1\xf4\xdd]\xd5\xa5\xd7p?\xb0\xbaG\xf3V\x9a\xafl"\xbd\x94'</t>
  </si>
  <si>
    <t>b'\xc3R\x07yX\xd4\xd4\xbe_tP\xdcy[H\xb6\x0f\x18\xc57\xd9\xf0\xa40M\xe4\xcf\x12Z\xe2q('</t>
  </si>
  <si>
    <t>b'P\x94:\xa2\xc22\x87\xbf\xd3\xc3\\d\\\xac\x02\x12]\x16\xf2T\x96\xfc\x94\xd2\x1c\xa1,\x8c\x13\xf5\xc5\xec'</t>
  </si>
  <si>
    <t>b'\xf4&amp;\x12\xffXg\x87\xd3\x9b\xc3DZ\xd7)N\t\x10\xb9\xd7vlE\x8eS6/\x96e\xdaU\xeft'</t>
  </si>
  <si>
    <t>b'\x06\xfc\xf6\xb7\xd4 P\xdf+ \x00u\xca\xbd&gt;xM\xae\xc7\x13\xb3j\x050EU\xa8m$\xb9\x96\xfa'</t>
  </si>
  <si>
    <t>b'\tr\xa4\xbc\xff5\xe0\x05-3\xfd5N\xf4\x99\x9f\x86L\xe0\xf9\xf1y\xea\xb8\xbe\x16\xef\xda?\xec\xb7\xfc'</t>
  </si>
  <si>
    <t>b'&gt;\x94\xe2\x9cu`\x8b\xfa)zO\x96\x8ak\x0b\xa9\x84Z\xbcZ{\x0crU.\x18\x9e4vt\xda='</t>
  </si>
  <si>
    <t>b'\xcb9\x8cSu\x9abG\x1c\xf7\xa4\xac\xc6\x9f\x94C\x9c\x01`\xa7L,\xee\xe9?$\xe1T\x02\x95\x11\xa3'</t>
  </si>
  <si>
    <t>b'\x0f\x7f\x0b\xab&amp;\xff\xb0\x15!@U\x8e\xa4\x88\x9eh&amp;\xedH;h\xbbD\xf2\xc6\x7f\x88q\xab\xeb\xe7u'</t>
  </si>
  <si>
    <t>b'\xff\xc3?\xafgrSO\x85\x9b3J;\x95\x03\xb6\x19;\xcb+\x02lo\xd5\xa9V\xf5=\x7f\x10\xf2\xc0'</t>
  </si>
  <si>
    <t>b"'\xb9\xba\x8f]\xdd\x1f\xd7\xa1\x16\xb3\xd9Bf\xe8\x87\xbe\x8dY\xe4\xc7\x92\xfd\x8b7\x12\xe0\xa0\x8cM[x"</t>
  </si>
  <si>
    <t>b"\x187q3&lt;G\xb4\xc0\x9b\xaau('cJtyL?0/\xadT6zW\xbdv\xe0\xce\x8dC"</t>
  </si>
  <si>
    <t>b'\x8a\x84\xc1o~\x99\x97\x02$\x08e\xd2\xc7Fm"\x83\xf6\x7f\x0b\xe5\x94\xd1\x0b\xac\xb4\x8c \x19k(\xe6'</t>
  </si>
  <si>
    <t>b"m\xa9\xbe!J8\xc8\x12\xf0\x82\xf0e=;\xa3\x0fw\xc85\xf1\xfaYm\xe2\xea\n&lt;\xaa\xfa\xa1',"</t>
  </si>
  <si>
    <t>b'\xdcG\xfd\xfdX\xebBUP\x02\xf5%&lt;_K|\x13\x95rz5TlPH\xc0`}\xb4J\x00\xa1'</t>
  </si>
  <si>
    <t>b';!\x03\xdd\xd8Q0^\xff\x0e\xa3\xfc\xd5K,\xef\xd3\xdd+\xe7\x9aA\x19m=\xf3\xe3\xbb|\xf5\x02\x1d'</t>
  </si>
  <si>
    <t>b'\xb6\x94\xcb{\xd7\xcd\x85\xe1\xc0\xdf\xf7\xa9*\xad\xd0\xaa0\xc8\x96SV\x06\x0c\xa9\xbb,\xd7@\xff\xc6\xec\xa5'</t>
  </si>
  <si>
    <t>b'zcl\x061\xcb3a\x1fU\xace\xf3\xa2\\_\xb1uYf\x85\xea\x96d6\x174T\x9b\x05\x9f1'</t>
  </si>
  <si>
    <t>b'\xcc\x7f\x8cZ\xbf\xf07\x85\xc2\xa0\x12x\x99\xc5,\x1d4V\xdb\x17o\xfd\xeft$\xa53\xae\x9d\xae#\x8b'</t>
  </si>
  <si>
    <t>b'&lt;\x17\xf6o\xffu\x92^\xec\xa1\xd9\r\x90\x02xA\x11\x9b\xd4[\xcf\xb6\x0e&lt;\xd1\x0e \xe14v\xa4\xba'</t>
  </si>
  <si>
    <t>b'\xfeZ\xc9\x85Q\x12.\xc7\xfe\x83t\x924\x87cu\xa0\xf9|"\xa2\x13\xdfY\x8c\x89\xffY\xb1\x90W%'</t>
  </si>
  <si>
    <t>b'y\x96\x84\x9eM\xe8\x7fY\xf3\xf9\x15\xd5QJy\xdc\xff\xb1\x96\xf4\xf2\xb1bA?\xb1\xda/\xc2:\xb3q'</t>
  </si>
  <si>
    <t>b"]\x8a\xe9'\xa5\xff\x1c\xad!\xe8\x03*\x9d\xfd\xf6\xce*p\xb8FC\x02\xca\x1f\x0b`\x9c\xcf\xa0\xb5@\x04"</t>
  </si>
  <si>
    <t>b"h\x0e\t[\xa4W\xdbW\xac\xef\x98\x8e\xf0\xf7\xf9z\xad\x9cAd\x1c\x8d\xea.#'a\xf4\xfc\x06S("</t>
  </si>
  <si>
    <t>b"\x05\xc4\x90:\x00\x9e\x9f\xd3\x92\r\xc82\xe2k9W\xb8U\xb1H\xc4\xf2'\xa7\xa2\xeb\x8e\xa5\xb3\xb3\xf6\xdb"</t>
  </si>
  <si>
    <t>b'\x9a/M\xe7E\xe3\xa9"\xdb\x03l\xef\n\xe8e)4c\x87\x9f%\xd2\xbf\x1b\xa8\xf3\xea\xdam,\xa0\xb6'</t>
  </si>
  <si>
    <t>b'\xd7KF\xb2D\xca\xd3Z\xea \xb4t\x80$\xc8\xa9Ot\xca\xfdDDXl\xd08Uu\x9eJU\x07'</t>
  </si>
  <si>
    <t>b'\x00uP\xc2m\xf1M7\xf7sOY\xdc,\x8b\x80\xe5{\x91b\xcd"-\xb9\xf8KH\xf4Vh\xf93'</t>
  </si>
  <si>
    <t>b'\xd3D\x01\xfb\xfa\x83\x7f\xef&amp;A\xf0\\R3PeA\x92\x05?\xd1 \x08\xde\x14\xda\x91\x0b\x8e&lt;y\xec'</t>
  </si>
  <si>
    <t>b'\xb8\x0c\xd1&amp;\x80\xa6\x87\x17\x80\xf6\x82\xfdv\xd2\x81V\x81\x9ex\\\xcd\x128\x85\xf9Y\xbe\xd60j\xac\xbf'</t>
  </si>
  <si>
    <t>b'&lt;\x9ebc\x95\x8e\x85\xd2C\xf2\xd6\x00\x99A\xe2u*\xef\xf1\xd5\xc5\xef\xb0nD*\xb7f\x81J\x07\xb4'</t>
  </si>
  <si>
    <t>b'\x16JG\x0eq;U\xae\x9e\xcd\x9d\xaf\xaa\xb0\xd1\x11\x92\xc0\xfeQ\xacb\xe4p\xd8P\x8e\x14\x87vkh'</t>
  </si>
  <si>
    <t>b'\xca\x1d\x13\x8f\xa19\x98\xfc\xf3\xf9j\x053\x81\xc0\x03\xc9\x8a\x10\x87\x16\x04iF\xb7Q\x1aQi\x8d\xbdn'</t>
  </si>
  <si>
    <t>b've\xc2\x10\xd38O\xa4\xc3\xa9\xa00\x1f\xc36\x1f\xc2\x84`!\x82\x17*\xa6&amp;\x83[\xf2\x13\xe6=\xba'</t>
  </si>
  <si>
    <t>b'\xa10\x9ctK\xbc\x9a\xb2\x1d\xa5_\xe6\t\xf7\x94\xcd\x88\xfbd\xf0\xf8 \xb6I\xef\xff\xa4h\xb1&lt;W\x13'</t>
  </si>
  <si>
    <t>b'G\xf7.\xbe\x1e\xdaA3\x18\x14\xd4%v\xec\x95s\xd4L\xa4\xea4\x94\x8c\xb2/\xe3\xc6\x87,B\xcf('</t>
  </si>
  <si>
    <t>b'd\xed!\xfa\xd1E\x9c\xa6P\xbd\xd9N\x92\xca\x1e\xf3\xfc\x03\xc6&lt;\xdcy\x06\x9fW|\xf5\xd1\xe3I\xd9\xc7'</t>
  </si>
  <si>
    <t>b'8\xe2m9\xab\xba)\xcfX4Tx\x19\xa9\xa1\x16!\xc1\xde(\x12\xe9?\xec\xbe\xdau\xe8t\xd9y\x0f'</t>
  </si>
  <si>
    <t>b"8'\xa6+\xb0p^\x1c\xed\xd1\xb9\x93\xfe&amp;\x0b\xb46^\x02&gt;\xde\x98L&amp;6V\x08\xb0\x04#\xaf\xec"</t>
  </si>
  <si>
    <t>b'\xf9\xacC\xc8\xab\xbe0\x1d+\x93\xef&lt;\xab\xb3\xc9\xcd\x1e\x9c5\xcf\x05&lt;\xf4\xef\xd5\x89I\xafeZR\xa3'</t>
  </si>
  <si>
    <t>b'%\xa3\n\xe9\x95\xa0\xc3\xcaB\xf5\xa4w\xb7l,\xf3\xe5\xfb/L!\xc5\xcf\xd0 \xb72\x17\x8e\x7f?z'</t>
  </si>
  <si>
    <t>b'\xd9?l\xddY%&amp;F\xb2b\xedC$\x84\xf7l?\xdf\xf1\xe1\xca\xe6fA\xf7\x0e\xea\xa3\x7f8\xca\xa4'</t>
  </si>
  <si>
    <t>b"V+\xf9 \xb3\xe1\x11'\xb7P\x001\x0bAiO\x80)E&gt;\xeb\xdfpTy\xb9B8\xd2\x19d\xe1"</t>
  </si>
  <si>
    <t>b'\x88\xc7\xb2o\x1c:\x03\x86\x06&lt;D?\xa6\xb19\x18\x7f\xf1_P{,\xed\x0e&lt;\x1fN\xea\xd0\xa4\xcd{'</t>
  </si>
  <si>
    <t>b' \xa9F@\x16\xb9\x91./\xbd\xfed1\x00\xceG\xf2h\xc8nB\xaa+.\xe0\x8e5,\xce\x07\xe8\x97'</t>
  </si>
  <si>
    <t>b'\x86\xbe\x89\xc2\x8f\x8d\xf0\xdc^2\x1cP\n=\xc0\xdf\xf9\xbe-9\xa2\xec\xf0d\x1c\xaaF\xcc\xe9\xbb%\x88'</t>
  </si>
  <si>
    <t>b'\x938\xfam\xffy}0J5\xac\xca\xf6_vZ&lt;T\xc9\x06\x18\x83}K\xe7HH\x9eA\xa0#\x88'</t>
  </si>
  <si>
    <t>b'\x12\x08\xbaS4%\x18\x90\xa2\x7f\x05\x17=|\x1a\xcbF\xf4\xbc\xa2{5m=\x1fh\xed\xc3\x07\x07\xaf\xaa'</t>
  </si>
  <si>
    <t>b"\x08\xda*\x16\x0bZ\xc7j_\x05\xe0\xe0\xcb'\x91ib\xd6\x8ddYbn\x9fF\xec\x9f1\xb7\x8d\xfd\x91"</t>
  </si>
  <si>
    <t>b'\x01\xfdB?\x01\x80\x1d\x06\x9ek\x9cA)\xb2\x9e\x94\xd8\xa1\x1a\xc8N\x00\xbel\xeeQ\xd8\xabS6\xda*'</t>
  </si>
  <si>
    <t>b"\xe3\x8a\x90\xce&gt;\xf9\xf4\xcd'\xc9\xda3\xe4\x0b\xa1\xf0\x1a\xc7s\xab\xd8\xbdV\xb4\xf6Vebv\x9d\xc9\x87"</t>
  </si>
  <si>
    <t>b'\xae":\xe7iD\xa9\xe7?z\x1c\xb0[?\xbb^Y\r\x80\tR0,GY*\xdcCO\x0cX*'</t>
  </si>
  <si>
    <t>b'5\xd3\x00V\x99z;\xc9\xebdg$\xff\xfc\xdd\xd6ES0\x1f&amp;\x1c"P\x05=\xe2^;\x99\xa8\xdb'</t>
  </si>
  <si>
    <t>b'f\x97\xc1s\xfaM\xb4\x8d\xb0\xe2\x93\xc7X\x0f\xc3o\xc5\xaayEd\ru\t\xe0\xba\xe8+\x99\x1c,S'</t>
  </si>
  <si>
    <t>b'@\xeb\x17\x97\xd4\x18\x15\x9b\xc1&lt;\x87\xb0\x987S[\x9d\xafE\\K\xdf3\xf6\xc2\xb7\x84N\xca#bX'</t>
  </si>
  <si>
    <t>b'\xd5\xea.t#*\xfcg\xb3\x1a\x810\xda\x10\x9d\x92Z\xe0\tW\xde\x16\x80\x11\x16\x06\x9f.\xe5\x1a\xdd\x98'</t>
  </si>
  <si>
    <t>b'z\x9a.\x13\x16m\x1b\xadER+\xd5\xe6d\xe3k\xe0\x1e\x04p\x13xa\x10)\x97M\xbe\x1c\x08\x1c\x0c'</t>
  </si>
  <si>
    <t>b'\xc0\t\xb0\xe1\xaf+l\xe8c\x92\x95]\x0cp\xb8K\x1d\xees\xa7\x1f\x14\x04\xf0\x15\xf3\xb0\xfaa\x01&amp;\xae'</t>
  </si>
  <si>
    <t>b'\xd0\xff\xbf\x00\xcc\xf5E\xcd\xce?F\x9dV9A+\x91\xe2fg\xd3u\xf5\x0f\x0e\xa7\x8b\xcbU\xa645'</t>
  </si>
  <si>
    <t>b'}h3\x1d\xc9\xccH- \xc9T\x80\xa9\xe3\xbf\n\x08\x91y\xd5X\xf2d\x08%6\xc0\xcd\xceB \xd5'</t>
  </si>
  <si>
    <t>b'\xbe\x1a~,.\x1e\xbf\xb7\x91oZ~K\x07\t\x9a&lt;T\x9f\xd2\xde\xbfg\x9d\x18\x07\xeev\x8aa\xfc$'</t>
  </si>
  <si>
    <t>b"\xbcG\xd6\xa3\x8f\x90\x1d\xce\xd6^\xaa\xb2\xbb%\xfd\xf6\xf1\xed\xb44s\xa5\x08\xea'+\xbbww\x9b\x8b0"</t>
  </si>
  <si>
    <t>b'q6OJ@i\x04\x14\x18\xcd\x93\xa49\x84w\xda\x99\xd11&gt;\x8b\x06ft\x83\x95\xd4u\x10\xc2\x86_'</t>
  </si>
  <si>
    <t>b'\x05\xc2\xa7\xea\xe3\xe1\x1bDH\x86\xfe\xd8X\xbfZR\x06\x7f\x0b\xab4\x83H\x90\xcc\x19\x8b\x96\xe1\x0c\xf5\xda'</t>
  </si>
  <si>
    <t>b'/\x89\xae\xb5\xc6\x11\r?\xd7\xc58V\xec\x95@\xa7\xcf\xea\xf3\x9e\x08n\x1aS\xd7d\xbc2|:\xb5b'</t>
  </si>
  <si>
    <t>b'S\xeaI\x02\xa8\xfb\x0c\xe6~K\xc0\xca\xa8x\x13\xaa\x00\xf0(b\x8e\xed\x92\x18\x1bf\xb70\xa0\xd9\xd5\xb0'</t>
  </si>
  <si>
    <t>b'^\xb7\xdd\xb7S\xcfC\x10\x96\x9c\xc3\x89\xb6\xdd3s\x067\xf3Fj\x89N&gt;3\xa1\xeb4!*\xa5e'</t>
  </si>
  <si>
    <t>b'F\xf74n\xca\xa7\xbcr\x1eF\x0c\x07\x81\xf3%"\x01\xd8\x86y\t.-\xc0\xd2\x8b\x06{\x8aQ(\xa9'</t>
  </si>
  <si>
    <t>b'3\x02#\xd75\xebN\x9d$\x87\x1a\xa1M\xd4\x18,\xffb\xb5N\x85z\xc6\xef\x8b\xbe\xa5\xb4q\xa9\xbdM'</t>
  </si>
  <si>
    <t>b"y\xfa\x88\xc3\x93\x97\x0c\xc1C2|'u\t\x02\xe8\xf2\xd7W\x94\x07d\xfe\xc4R\xe2\xab\xc2\x96\xaf\x8c\xe8"</t>
  </si>
  <si>
    <t>b'\xdbX\xcc\xfcX\xb9\x16\xfa\xd7m\xd3\xc3\xc5\x0e!i\xdd\xdf\x86F\xb5&lt;-m\x90\xc1\x08\x052C\x82P'</t>
  </si>
  <si>
    <t>b'u\xb7\x82,X\x98\x90\x1cY\x08\xa0\x84\rr:\x7fon\xba\xb6\xec\xa4)\xd7k\x0e\x86\xfam\xc2F\x8e'</t>
  </si>
  <si>
    <t>b'\xc3\xfc\xa6\x03\x0f\x90K\xf8E\x93\xe49Q0\x87[:6\x05wL\xd5\xe3.\xf0\xbb]\xf2\x01LQ\x9c'</t>
  </si>
  <si>
    <t>b'\xf12\x04\xad\xd9\xbf\x99\x9f\x11(\x86}\x9c\xba\xac\xda,\xf2\xe9\xe4\x8a\x171\x00\xf8\xf9%\x86\xb6}\xa5 '</t>
  </si>
  <si>
    <t>b'1\x97\x1c\xe5\xe4[hb\xb0@.\x88y\r\x88 X\xd1M\xba\xa61}\xba\xfe\x0c\x83[\xa7&amp;!\xc8'</t>
  </si>
  <si>
    <t>b'\x86\x93\xfc\x90\xf8\xcb\xeb9S\xe5,\x01-\x96d\xd4\t5\xc8\xddOL$\x11\xeb\xe9,\x05\xb9\xed\xd3\xb1'</t>
  </si>
  <si>
    <t>b'h\xbc}\x1c\xd9$\xde\xe4\xe5l9A\xda\xc5\xf4\t\xcb\xe0XW2G\x82t]D\x90\x9a\x93\xbc"~'</t>
  </si>
  <si>
    <t>b'@\xd36\xe7\xf9\xfe\xe0\xfc\xe9\xb3\xe7\xd6\xc4\xff\xcfN\xe3h\xf3\xae\x96\xfe\x00Yv6v\x9b\\\xc8\xf4\xff'</t>
  </si>
  <si>
    <t>b'\x89CB\xc7\x89\x96\xe4\x04c\x98\xce\x7f\x03\x03r\xb92U\xbe0\x08)\x82V\xabf\x0e\xe1\x19\xee\xce\x0c'</t>
  </si>
  <si>
    <t>b'*F\\\x83T\x11\x7f\x80\xc3V)|S\x7f&gt;xi\x1bKb\x0f(.\xce\xbe\xd8x\xd3\x9b\xe5}\xdb'</t>
  </si>
  <si>
    <t>b'\xe4\x1c}\xc0\x1bn\xf8\x1aV\xe9-\xfa\x88N\xc2\xb9\x0b\x0f\xde\xf5m\x98\xf0\x15\xfc\x996\x9a\x9a\xb3\x99\xbd'</t>
  </si>
  <si>
    <t>b'gu*\x90+\xfe\xe4\x13\xa9\xd1\xa5\xa5\xdbi\x86\x92\xf5\xea\xf2\xcaZ\xc1D\xf7\xf7\xd4\x99^\xbax\x94{'</t>
  </si>
  <si>
    <t>b'V\x7f\x99\xf2\xc1W\xf5pP\nMa\x04\xc0\xc2\x08\x9ct\x8a\x94{\x9a\x88c\xf0%;\xe8yA\x9bk'</t>
  </si>
  <si>
    <t>b',r\xcd/p] \xcf\x9a\xaaf\x1f\xc3K\x16\x0c\x11mS\xeeB\xef\xa3\x1c\xdeE\xb4az\x86S\x85'</t>
  </si>
  <si>
    <t>b'q\xd85V\x02\x8a\x914\x10J\x80\x7fA\xab\x18\x7f\x01k\x87\x17\xb5\xa4\xf6%2\xbf\xca\xb03\x8aDP'</t>
  </si>
  <si>
    <t>b'f!\xbf\xad~l\x1dI\xc3C\x85$\xe3\xb6Uqx-\x12sA7\xdb6a \x8d\x06\xcb4bz'</t>
  </si>
  <si>
    <t>b'.2\x82\x98\x96\xb1#\xf4\x98g\x15\xf3l4z\xb4Z\xfa\xd6\xce:\xc1w\x8c`2j\x12sD\x1f\xf0'</t>
  </si>
  <si>
    <t>b'\xc4p\x8a\xbaK\xd0z%G\xeay\xb3\xb7:l&amp;\r\xe5v\xd4\xec\xe2\x8b\xb6\xc2\xbdQnX!\xaeg'</t>
  </si>
  <si>
    <t>b'Z\xf7"\xa1O*A\t+59. \x9d\x04\xb9\xce\xc7\x90\x04\x1a\xa4\xb6\x87\xf1\xff\xb6mW\x1bF\xed'</t>
  </si>
  <si>
    <t>b'\x7f\x85\xcbF\x01\xeb[\x82\xd2p\tV\x03p\x16"\x92\x1d\xcf\xc1"\xf6\xb9\xe9\x11&amp;\x19p\x13\x83\x9a\x97'</t>
  </si>
  <si>
    <t>b'e\x11\xaa\xe42\xa9\xbf!\xf4\xd2`\x03\xa3AM[\xdf\xe1\x95\xd1\x19\xb7\xd6\xc3\x12\xc9\xadh\xe7~9S'</t>
  </si>
  <si>
    <t>b'\xa4\xd7\xa9\xc1c\xab\xe7+\xf9\x8e\xe8\xe4\x911\x96,xat\xb8\xa5\xf08odl\xc7\xba\xd8lOL'</t>
  </si>
  <si>
    <t>b'^\xb4\xa4\x86\x0e\x8e\x82N\xf28%\x0c\x03\x0b\xcb\xea\x1e`\xab[\xb5\xda\x1b\x01\xe6Y\x856\xe2\xbf`\x7f'</t>
  </si>
  <si>
    <t>b'\xce\x1f2Zi\x00\xa3#\xcc\xe5&gt;|@\x82N\xfc\x12\xba\xfai]\xb9\xcf\x82\x93\xcb15\xc0^5\xb9'</t>
  </si>
  <si>
    <t>b'(\xdfT\xec\xb0\x1d\xdd\xc7m)P\xe6\xef\x15\x80d9\xb7\xb5\xea\xb2[\x17\xea\xc3\x0cm\xddk\x16\xb4\xc6'</t>
  </si>
  <si>
    <t>b'\xd0\x04\xc2)\xe5\x05\rD4\x9cZ\x9eO,\x9c\xa2i4Q\xb4\xc9\x8d"\xfe\x12\xb7+\xc4\xd4B\xack'</t>
  </si>
  <si>
    <t>b'X\xbd\x7f\xb5\xe3\xdaN\xc3\x93\xa7E\x86E\xf3\x82\xe7x\xe9rD_\xe3\x19}\xb2\xa1\xcc\xb8\xf1\xebo\xd6'</t>
  </si>
  <si>
    <t>b'\xa0\xcc\xcb\xcc\x8f\xb3f\xbe\x8b\xc1\xf0h\xa66\x86\x974F+\x9d\xcb9\x1f\xd4x\xf2\xa2\x12\xe5%)\xdc'</t>
  </si>
  <si>
    <t>b'\xb9fp\x9f\x14\x18\xf1y\xc8\x8a\xc3\xe0\xd53\x92\xbf\x03\xe5J\xd46\xb6&amp;\xa2\xce:\xc7\xae\x8f\xbe\xf4\xe5'</t>
  </si>
  <si>
    <t>b'\x8b\x8bq\x01\x92JZ\xdf!\xd9\xdai\x8d\xfb\xed\xfb\x13q\xfa\xa6\xf7\x9f\xde\x1d3\xf8\x91/\xc9\xaa,n'</t>
  </si>
  <si>
    <t>b"\x8ez\x7f\xd9\xb70K\xa3\x1a$T\xc6%\xa870\xc7=l\xd9\x170.7zo\x80\xf4k\xe2\x9c'"</t>
  </si>
  <si>
    <t>b'\xb1\xf3e_\x0e6\xe7!\x1boB2\xca\xab\xfd\x0c/Z$\xfb\x1c\x1c\xccR\xbbl\x0cl\x8b\xa2\x0eh'</t>
  </si>
  <si>
    <t>b'7\r\x04\xcfI!\x86\xc6e\xbe\xeam\xd4\xdc\x97\xc1\x946\xd0&amp;*9F\x88&lt;5I\x19O\xde\xb0O'</t>
  </si>
  <si>
    <t>b'\xc2\xb9\xf5kD{\xdf^A\xa5\xb3\x8b_\x90}L\x89P\x0e$\x91g)Gu\xb80z\xe2\x85\xfb^'</t>
  </si>
  <si>
    <t>b'a\x06\xc8/"\x97=r\xa8L|\x8d\x12\x86\xa11\xa4H\x8a\xbaJ\x05d\x1cv\x0e4l\x95P+\x0e'</t>
  </si>
  <si>
    <t>b'\xbfV&lt;\x1fw0&gt;\x8cS\xd4\xc9\x93\xc1ZW\x7f\xa6\x87\xc2:B\x89\xdb\xaf\xa6\xafi4GZ\xc1\xfa'</t>
  </si>
  <si>
    <t>b'8\x1ai\xf0&amp;G\x17\xf0\xa4[\xbd\xe4c\xc8\x80\xf0\xd1\r\x15\xbf\xfa%\xbc\xdc\xa9\xef\xd9)&gt;O\x80"'</t>
  </si>
  <si>
    <t>b'2 s\xad\x0f\xc7\xfc\x7f&gt;c\x13\x8e\xdf\xb56j$I\x1d\x80\x85\xf5ce\x114cs\x02[\xbc\xef'</t>
  </si>
  <si>
    <t>b'\xff\xf2\xf2""\xdf\xc9\xb0\x8b\xb5\xc0W\xf7\x9f\xbcg*\x9c\xc0L\xc648\x8e\xe9c\xab\xf1tp\xee\xb4'</t>
  </si>
  <si>
    <t>b'B\xf0\xeb$\x10\xe0\x80\xb4\x9a0\x89L\x1e\xa3)\xc9\xbe\x1ebg\xf7~?\n\xdb\xffw\xc4o\x08\xe8\t'</t>
  </si>
  <si>
    <t>b'\xd5&lt;\xcaL\ncu\xf7e\x1f\xb0"\xaa\xf4\xa6\x1f\x7f\xe8\xd0#\xd1\x18\x8fa|\xa2\xf6?\xe1\x8ac\xcf'</t>
  </si>
  <si>
    <t>b'Z\xd0\xa3\xe9\x94`:\x0b\xd7\xd4\x00J=\x1c\x10\xfe\x18\xbe\xbd\x04\xf45J\x96( Kz\xd9k2?'</t>
  </si>
  <si>
    <t>b'\x86\xa2\x916\xd9T{v\xca\xe8\xd3c\xdc\xa1\xa2\xd3/\x9akj\x83\x95\xfe\xcc\x18 \xab\xfe@\x96\xd5\x82'</t>
  </si>
  <si>
    <t>b'y\xb6\x00\x18\xfd\x88k\xb7\xe92F\xa6\xad\xd2#\xb8\x9et\xcf\r[\x1d^\xe7\xfaw\xd6\x04\xff[o\x13'</t>
  </si>
  <si>
    <t>b'\rR\xe6X\xc6\x15\x13\x0bn\xb2\x80\x9f\xe6I\xf7?\xe6\x1f\xdaB\x1fT\xcbi\xe4\xc1\x80\xf8\xd6h6\x83'</t>
  </si>
  <si>
    <t>b"[\x19\x02\x84_\xe0k\x1a0\x9b\x0e}G\xf1\xda2\xe7_^\x04\xa1\x98\xfd\x89\x9d\xbb\x90\xbf'\xdd\xfb\xa4"</t>
  </si>
  <si>
    <t>b'\x1cs\xb5I\xc2\x02\x86Xl$WL*^[N\x088\xcc\xb4nI\xe8\xa3#\xf8\x90\rp@\xe0p'</t>
  </si>
  <si>
    <t>b'P\xbb\xd1}U\x0ct,m\x1e\xe0`&lt;:\xf1p|e\x12\xde\xb1r0\xaa,&gt;n\xdc\x88\x0e\xcd_'</t>
  </si>
  <si>
    <t>b'\xefQ\x9b\xc9\xa35W\xed\xc6\x95\x10\x9d\xablA\x05\xb5\x16\xab\x84\xbf\xba$T\x05uC\xbbp^\xb4\xb5'</t>
  </si>
  <si>
    <t>b'1!9\t\x07"\x060\'\x9c\xd2n/\x8c\xa7"\xed*~\x15\x88\x00_\x9f*\xcb\x153x+\xe1,'</t>
  </si>
  <si>
    <t>b'\xdf\x96\x12?\x9d\x0f\\&gt;B&gt;\xe58"\xfd\xb5\xa5\x82Z}\x1f\x19\x07.|\xc6g\xd5\x05\xf3-\xa6\xa9'</t>
  </si>
  <si>
    <t>b'\xack=G\xb4\xae5o\nx3\xc5\x95\x9c$\x86\xe6\xc4\xde~\x1e\xa4\xb0n\xf2q\x93\xe5K\xec\x81\xa5'</t>
  </si>
  <si>
    <t>b'\x17\xff\xa6\xe7\xbb\x9d\xff\xea\x1cm\x0e\xb3\x8a\xa9&lt;\x88\xb1\xaeH`\xd4\xde\x9dqn\x00\xce)\x94\xce\x87N'</t>
  </si>
  <si>
    <t>b'\x9c\x11\xbbc \x1d\xd1\xa01\xf5\xbf1\x8bj\x1ecA\x8a\x987\x0b\x11\xa58C(\x0ez=3F\xe1'</t>
  </si>
  <si>
    <t>b'\xf7?\xe19\xbfg\xea,=UK$\t\xa4U&amp;\x86\x901(\xd8\xee\xcc#\xffjg\xb0;\x15gX'</t>
  </si>
  <si>
    <t>b'\xf7\xf0\xb0\xea\xac&lt;\xd4a\xf4\xe1\xb6-[\xc6\x06\x90\xe6\xda\xb6\xf2\xdar\x18?~[\x84\xe4M\x84#g'</t>
  </si>
  <si>
    <t>b'\xab\xc5\xcee\xfe\xda\xe1P\x8fs\x03p{\xb4\xf7\xb6\xdd\xc18\xd2\xdb\x94c\xb7g\x8f\x97\xf6\xb6\xf4\xca\x1b'</t>
  </si>
  <si>
    <t>b'\xffB\x88\xc4\xd1\x830\xd8\xc1HVJ]dB\xf8$\xa2d\x820\xccb\xdd\xab\x1a\x17\x91A\xf7C\xe7'</t>
  </si>
  <si>
    <t>b'\x8a\xac8\xa9o\xcc{\xaaP6&gt;\xf4v\x8c\x1a\xa8\x9e\xe1\xa0#\xdc\x8c\xe9V*@\xbf&lt;\xcfp\x12C'</t>
  </si>
  <si>
    <t>b'\xb4\x0fENme\xfd\xcc9\xdc{_\xdfm]y\x84\x90\xc4lG`\xf3\x98zC!\xdc7\xee\xcb\xa3'</t>
  </si>
  <si>
    <t>b'\xd8!\xe7m\xf6\xed\xe8\xf4b\xfa\t&lt;\xf4\xe3Q\xb1\xd0\xc8\xd9*\xc1/\xdd\xe3\xff\xff \x97u\xaf\x96\xdd'</t>
  </si>
  <si>
    <t>b'\x93}\xc7\t9\x7f\xae\xa4]b\x9e\x0c\x88\xb3\x00\xf5P\\\xe1\x95Hv\xe7\xcdEk\x9a&lt;\x9c\x95\x9cR'</t>
  </si>
  <si>
    <t>b'\x133N\xa7g/\x00\x1f\xe733C\xf3\x88\x8d\xf2\x95el~\x82\xc5(5\xa3\x92\x88,\xf5\x14I\x9b'</t>
  </si>
  <si>
    <t>b'\x85@\xa2\xbc\x96\xcf.\xd8\xe5\r\\P\xcbr\x1b\x1b5\xd8k\x13\xac@\n 6\xd4s\x80C\xe8Wj'</t>
  </si>
  <si>
    <t>b'\x95-\x97\x85%F\xd7\x020\x85@\x903\xa5\xb8\xf0\x96\xc2\x9c\x16\x13t\x12#\x8b\x97\x06]%\x97:\x1f'</t>
  </si>
  <si>
    <t>b'\xdcYE\xaf\xa2E\r$\x9b\x00\xe7k\xac93zNG_\xd7\xbb\xd33\x8dk\xb0\x9e\xaa\x8du\xa7\x91'</t>
  </si>
  <si>
    <t>b'\xb6@\xced\xcf\x00b\xcb\xa4\xa1\x9b\xbf\xef\x84Mi:\x9cJ\x90\xe2\x9bl\xc4\xa7e\x14\x99\x03v\xbb*'</t>
  </si>
  <si>
    <t>b"\x0c\xf1\x14\xc5\xcb\x9bo\x97[5\x96~\xe9h\x86\x0ff '\x90\x8c\xf9\x8a\xe2\xc3C\t&amp;\xa5\xd6\xeb\xac"</t>
  </si>
  <si>
    <t>b'30(N\x15\xbb&gt;\x16\xb6\xa0\x93\x07\xaf\x0e\xe3\xe2\xd0Ke\xdd\x9f|\xca-\xee\xad2\xdaV\x025\x8c'</t>
  </si>
  <si>
    <t>b'\xc3J\x8a\xd2~\xab\x84\x86\xe7\xcd\x04\xc6\x8c\x93\x90\xca&gt;\x8a\x11\xae\xe6\xef\xaf\t&amp;^E\xdb\x91 \x02\x99'</t>
  </si>
  <si>
    <t>b"\x98\xd3*\xbf_|\x8b\x01\xf5nd;\xb5'v.e\x02c\x92\xed\x02\xba\xa9@[\\\x88\xe3\xc3\x81\xbf"</t>
  </si>
  <si>
    <t>b'\xe2\x19\xcd\x19}:&amp;}T\xa0\x04#p9\x11X\x02\xa1.p\x00\x85\xfe\xc1\xdd\x14\x9f\xf8^P\xf1['</t>
  </si>
  <si>
    <t>b'\x1d\xd6B\xd3\xa1\xa2\xdf\x08\xb3\x8c~\x00|k\x03p9"\xa1P\xda!\xac\x9c\xc1\xaa\x9e\xbd\x1ds\xac\xf8'</t>
  </si>
  <si>
    <t>b'\xfe\xa4W\x976\x9e\xe7\x16x\x08\xbd\x94\x8cxyr\xff\xa7e!\xac\xff\x01S\xd4\x8e\xa1U\x91\xf6Y+'</t>
  </si>
  <si>
    <t>b'0T\x9f\x08\n\x9db\xfa\x89);\xfb&lt;\xa3\x05\xdc\x9e\x92^;\x0c\xc9\x8eq\xc3\x94\x9f\x82\x06\xfd\xdf\x97'</t>
  </si>
  <si>
    <t>b'\xf4\xa4\x90pBZ%\xa8\xb6\xb4\x98\x9c&gt;:[Q\xffPn6\x9cUu\x90\xde\x8f6\xf5L-\x16@'</t>
  </si>
  <si>
    <t>b'\xd5:\xa8\x03\x88\x810\x91[\xaf\xa1j\xd1\xc3\xdd\xce\xc8\xb8ZVr\x9b\xb5\x10\xbec\x98\x95*F\xeb\xfc'</t>
  </si>
  <si>
    <t>b'\x8c\xb0^\x8a\xab\x02\x12U\xd4E\xb1\xbe\x10\xc3J\x81\x1e\xd6\x0c\xead\x91\xa5xhS\x15h\xbc\xc7\xcb\x9d'</t>
  </si>
  <si>
    <t>b'm\x1c\x84\xbd\xa28\x1e\xdfn\x9aD\xe8\xb8Us\xd9\xb7VO]\xf2Nr\xa0\x9c\x17*\x89sq\x19k'</t>
  </si>
  <si>
    <t>b'\xf2]^\xc5\xa7\xbd\xf4\xeb\x9d\xc7\xf4\xe0M)]\n\x1a9\x97\x18\x97\x13\xa3\xd9\xcd\x8c\xadY\x9c\x04\x95\xbc'</t>
  </si>
  <si>
    <t>b'_\x1b\xec&gt;,\xf3\xe3\x9d\xcb\x0f0Ga)\xb6\xd2&gt;\x92\xaf\xefH\xc9\xb7\x1d\x0f~\xb1l\xc1\xdfh\x11'</t>
  </si>
  <si>
    <t>b'"h\xc3"3\xd4\x15&lt;)\x1dh\xdb\xe9\x006\x16\xe0\t`sO\x05\xbc\xf0c\xb2\x0e&lt;\xb6\xff\xff,'</t>
  </si>
  <si>
    <t>b'n\xf0&gt;\x10\xa5\xe5#\x84\xae\xdf\xc0\xce\x1d\x8b\xd8\xae\xab%\xce\x07\x125\xeb3\xd6\x16\x17\x05\xf4\xaeF\xbc'</t>
  </si>
  <si>
    <t>b'fU\xeb\xd8\x1a\t\xe2\xe5m\xf0\xd9~\x9e\xa4z\xf6\xf8wT7\x14Jk\xcc\xb1\xf3\x08\xee\xaeOb7'</t>
  </si>
  <si>
    <t>b'\xf5u\xe7`\xce:@\xdf\x1dCo&amp;o\xc1;\x91$\xbe!,\xf3R\n\x8c\x14\xde\xa7\xb2Z\xc5\x98\xec'</t>
  </si>
  <si>
    <t>b'\xb2\xea\xe8\xde\xca\xe5\x99%8\x1bV&gt;\xb4\n\xb1\xae#$_(\x87N\xa8\xd9\xdc\xf5\xdb\x98\xc4Q\xaa\xa3'</t>
  </si>
  <si>
    <t>b'f\x1b\x11!v\x86-\x85\xd1\x01\xff\x02\xcc`\x1f\x0f\xa9\xa7\xc9\x939WJ\xdc\xcd\x8a\xda?L\x93\xfbo'</t>
  </si>
  <si>
    <t>b'pog\x84\xca\xc5\xeemn&gt;\xb4\x81\x06\xfd+\xdd\x1e!\x04\\\x87\xc5p\xd3\xb7\xffC$BF\x04\x8e'</t>
  </si>
  <si>
    <t>b'\x05\x07\n\x8c\x0e\x15gc\xa2\r:{%\xd8\x15\x9b\x16I\xe1\xba{W\xb3~\x07\xe6,\x06o\x95\xcd\xa7'</t>
  </si>
  <si>
    <t>b'\x1f\xfa\xbfy&lt;\xa1\xa7\xd2\xc7\x85\xcfK\x9b\xa4g\xcf\xa2\x18B\xb3D\x0f\x8f/\xbb#\xb6K\x9d\xec\x94\x88'</t>
  </si>
  <si>
    <t>b'3\x1d\xf0J\x92\xb4\xffP\xcfG\xc0Q\x93\xcc\xbc\xe8a\xa3\xee\xdcGH\x02\xe0&gt;\x17\xd40\xcel1\xaa'</t>
  </si>
  <si>
    <t>b';,\xc6\xe8g\x84\x0f\x97\xb4D\x93,A\xf7g\xcdH\x1e\xbfT\xa3Z\xe2\xef\xca\xf1z\xccp\xc4\xea2'</t>
  </si>
  <si>
    <t>b'dE\xfbK]\xa0\x042\x8d\x13\x98\xd9[\x80\x9c1k\xcd\xee\xeep\x1c\xe6\t$\xf9.\xc8\xae\x91\x0b\x07'</t>
  </si>
  <si>
    <t>b'\xc2y\x86\x92\x9c\xd7_&amp;\xb2e\xc6K:\xb9\xbaXV}Y\xff\xca\x06\x8b\n\x8a\x1a\x1c\rMa\x87\xbc'</t>
  </si>
  <si>
    <t>b'\x16\x92\xc8\x89Sx0\x88\x9c\xb7\xc3t3Z\x80\x93\x85.\x07\xea\xe1\x8a\x92\xbd\xc6\xf7Z\x99)\xe0\x85\xa4'</t>
  </si>
  <si>
    <t>b'\xed\r\x93\x97;\x84\x8bD\x9e1\x7f\xcdh\xc4Aky\x8f\t:\xee\x92\xc1w\xf2C\xbb\xb7q\xae\x8a*'</t>
  </si>
  <si>
    <t>b'\xf7\x06\xe2\xff\xaeCu\xc2n\xa2m\xc2\xee\xa5\xfc\xe0\xe7\xdb+}\xa1D\xa6E,\x8d\xdaZ\x92\x0cC\x1a'</t>
  </si>
  <si>
    <t>b'\xd3\xb8\xdf\xed\xeb~\xcb\xa8\xa3\xbfdN`\xfd\x94Tw\xc5z\xcd\xf6\xa4\xbc3\xe2\x19\x02\xfc"\x84\x7f\x04'</t>
  </si>
  <si>
    <t>b'\xf6\xcb\xc1\xd8dLu!\t\xed\x14\x7f/ )eP\x9f\xe1\xceXLFD\x81L\xfb*\xe1\xa7\xa5\x8d'</t>
  </si>
  <si>
    <t>b'\xe0;\x17\xd4[\x1f\xf9\x0f\x07\r\x1d\xab\xfd=V\xb4\xb6m\x1a;\xf82\xbff\xfd\xfc\xfc\xbd\xbd=\xd6\xe2'</t>
  </si>
  <si>
    <t>b'\xdc\xb8M\x0c\xfa\x8b.`\x9e&gt;\x86$v\xf7(\x12\xd1\xa9\x00E\x98T\xd1\xa6\x875^\x86\x83-cN'</t>
  </si>
  <si>
    <t>b'\xdb6\x1cL|\xee\x9a\xc9\x1abA?\xfag8n\x8a~\xc1DV\x89\x19\xe6\x1bqR\x90!\x1f\xf5\x90'</t>
  </si>
  <si>
    <t>b'\xeeHc1S\xce\xf1\xc3],]\xcf\xea\xfa=]\xff\xcd\x86\xbb\xd0\x12K\xa8[Q*YD\x98U\xb1'</t>
  </si>
  <si>
    <t>b'YI\x9d+\xfb \xc6`\x01\xb6\xfa\xc0W\xc3W\x99Xj\xd50\xcc\xbaK\x90\x81\xbbM\x86e\xde#\xbe'</t>
  </si>
  <si>
    <t>b'#(I\x91\xa2\xa5*zJ\xdc\x12\x7f \x97\xa3P0\xd7\x88\x8az\x1a^}\xc7ap\xf5\xff\xe5\x93\xce'</t>
  </si>
  <si>
    <t>b'\xfcvB\x01\x89\xb9g\x89\x0c\x06\xee\xce\rA\x9e\xc4\xc4\xa8\x02*\t\xb2_dA\xfa`L!UZ\xd7'</t>
  </si>
  <si>
    <t>b'\xe6\xab\xe0O\xba\xd8;\xa0S\x1a\x1f\x91V\x83`\xfcmEai3\x9d\x97Zz,\xfcR\xb8\xa7]\xbe'</t>
  </si>
  <si>
    <t>b'\xffT.j\x84\x81\xb5RT\xa9\xad!\xfaJw\x0ciJ\xddg\xd4f\x10\xb2Ky\x13|\xab \x9aJ'</t>
  </si>
  <si>
    <t>b'EO`\xe3\x8d\xb6N\xc5\xcc\xca_\xb2;\xd0\xcd@e\x02m\xe185\xf5__\xfd\xaf\xb0\x03\x14\xca\xff'</t>
  </si>
  <si>
    <t>b'#B\xbaxm\x80\xff\xce\xe1\xecW"3\'\xef\x01\xf4\xaf\x127\xccK\xae\x86\xc8O\xdb(`\xe3\x16\x87'</t>
  </si>
  <si>
    <t>b'fyh\x01\x89\x85\x15\x12\xc18\xcbQ~9r\x91#\xc0\xaeV\xbb\x85\x996\xfc\xb5\xad\x93\x9e\x11Us'</t>
  </si>
  <si>
    <t>b'\x19j\t~Q\x0c\xd6\x91\xa6j\xaf\xf0\x95\x9fI\xa9xm\xaf\x12\xf4(gy\xbdl\xda\x9d\xb1\xdf\xc7['</t>
  </si>
  <si>
    <t>b'\xb1\x99\xf4\xd8\x86nf\xcbq\x1c\xfb]|\x8e\x16K~~\r\xad\x1bn\xd4\xde\x92\x12\xac@I\xc8\xb6B'</t>
  </si>
  <si>
    <t>b'\xb6N\xe0+\x9d\xd8\x0e\xae\x16YT\xdb\x03\x1fC\xd8\xfa\xc3a\x08\x1e)\xe4\x18F\xd8\xbf\x06\x8ak\xcdB'</t>
  </si>
  <si>
    <t>b'\xf8\xc1\x06\x0c\xe4D\x9e\x8e!\xe1\x83Z\x8fT\xd1r._\xdb\xd4\xa4\xd5\xad\xcc\x06\x9e-y0\xa0\x00G'</t>
  </si>
  <si>
    <t>b'\xf47t\xd9\x9b_\xc6\xef?\xa9\x9c\xc9\xfe\xe9\xe4\n\xee\x9f\xe2,\xf6\t\x87\xc9\xa39\xe6\xca\xdc\xf5v\x81'</t>
  </si>
  <si>
    <t>b's~\xc6f\x1f|\x05[+\x14k\x0c\xb0\xe9\xef\xc0Z\xf0\xef\x9a\xd9c\xa0\x0c\\\x16O\xec\x07\xa4 \x1e'</t>
  </si>
  <si>
    <t>b'\x9b\xf4\xef1\xccPt\xf7\xa6\xe0."Q7\xe7\x96\'\xd8\x98\xc2\xae\xab\x96\x15d\xcec\x8de\xb9\xdc\xc0'</t>
  </si>
  <si>
    <t>b'\xf6%\xf5\xfcf\x10\x94\xb0\xae\xb9\x93X\x83`\n\xbe&amp;@b]\x0c\xcf\x8d(\xb911\x18\xae_\xc5\xa5'</t>
  </si>
  <si>
    <t>b'\xf1\xfa\xdf\xeb\xf4K\xd4 \\\xd1f\x8e[\xed\x19\x05c\xe4\x13\xca\x87_\x81\x04n\xa8\xed\x87+ID\xc9'</t>
  </si>
  <si>
    <t>b'\xef&amp;\x1b\x11\xeb\x0fo\xf0\xdf\xc6\x9dh}\xa3Z\xc4=[\xdc?+e\x8e\\\r\x9f\xc0J\x0b$\xeb\x8b'</t>
  </si>
  <si>
    <t>b'\nT=2aUb\xdff\xcd\x1c\xfc\x01H\xb1\x86\xa0\x97\xb3\x97&gt;\xe4\x0f\xca\x83\x04\xebl\xf4\x8e\xc5n'</t>
  </si>
  <si>
    <t>b'\xf9\x157yTZS\x9dF\xb7S\xb9\x9a\xd3\xcb\xf2C?\xfa\xf4]\x89\xa3\x00\xc9\xc1[\xaa\x0eY\xf0['</t>
  </si>
  <si>
    <t>b'\xac\xaf\xdc\xd8\xf9\xf7\xfb8\xc8\xdf\x07Dr\x1e\xe9\x19D=Ig\xe93\xab|\xd2\x1cA5\x92\x99O\x8f'</t>
  </si>
  <si>
    <t>b'9l\xb5g}\x15\xe5a\x99\xa5a\x8b\xc9Y9\xd6\nH\x9d\xbc\xa4;e\x08I^\xbc\x8bd\x0c0\x80'</t>
  </si>
  <si>
    <t>b'\xd9\x80&gt;\x9ep\x91\x9a\xf4\xf2\x99\x19\xdd\xd5\xc5\xb7\xa4Y\xb3\x04\xf2\xe7p\r"\xb8\xae\xf0\xbf\xbc\xdb\xae\xb1'</t>
  </si>
  <si>
    <t>b'\xf5\t\x0c\xc9\x07\\\xe9D\xf0Ei\xe2\xcc\x00\xbb4\xc23W\xa9\xb6\xc4n/\xd0\xfe\xcdJ\xc3\x93N\xd0'</t>
  </si>
  <si>
    <t>b'{W:-\xe1\xfc\xc9\x89\x90h\xe7k1\x86\x9fj:\xe5\xbe\x14\x94N\x06AM\x1b\x8b\x7fd\xf1r\x81'</t>
  </si>
  <si>
    <t>b'Y_\xdb\'?\xdffn"9\x13\x05\xf2g%\xbb?\xf3\xab\x9e\xa9\x96\x11\x9e\xeb\x08\xc4\xf7\x01\xf4\xf9r'</t>
  </si>
  <si>
    <t>b'E\x0b\xb5\x85\xef=~,\xbds\xdd\x94\x00\xf8\xc0\xea\xd9\x9c\x10\xd1\xb2\x8a\x1dT\x0c\xb18#a\x9f\x118'</t>
  </si>
  <si>
    <t>b"\xef.KS\x85\xd4\x1e\xef\xda\xc6\xc9\xad'\xcd\x92\x8f\xc7FE\xee\tH\xb1\x07T=\xc7@\x15\xee_\x07"</t>
  </si>
  <si>
    <t>b'\xc2xv\x01\xfc&amp;"+Lyq$C\x8d\xb2\x1d.\xdd\xc7\xea\x7fAy\x9a\xec\x00HQj\xfd\xe8\x91'</t>
  </si>
  <si>
    <t>b'b|w\xedL\x9di\x81\x945\xb0\x08\xd2cN\x8d\xd06M\rHE0\xda\xd5\xeb\x0e\x93\x86\xa9&amp;\xf5'</t>
  </si>
  <si>
    <t>b'\x90\x80\x11\xf5\xe2\x8f&lt;\xe1Qy\xe8\xb8\xd0\x8fw,\x94|\x80\x93\xce\rVP3\x0c\xe9\xe4\x9a_\xa1\x8d'</t>
  </si>
  <si>
    <t>b'\xd5\xde\x1a\xd6\xa5\xe3\xa8\x16\xfd\xa3v\x06nMp\xb7\x1d\x83\x8e\x99N\x02\xfdxa\x06\xe8\xa4\xd3\xe9(L'</t>
  </si>
  <si>
    <t>b'sA\xdc\x88\x99-\xf2p\xa6\xd1\x8b\x10kib\x18\x14pn\x8e\x9fT;\xcf&gt;\xed\xe5b\xb8z9\xfc'</t>
  </si>
  <si>
    <t>b'\xa3\xeeq\xe4\xa0\xcc\xee \xe0\xe7\xba|\xc6\x1c\xc2J}\xb5\x8dJ\ng\x9956\xfdl\xdb\x0b\xef$\x00'</t>
  </si>
  <si>
    <t>b'W]\x86="9\x01\xc1\\\xe4\xf5\xa2\x1f\xa7\xb1\x08}Fh,"nJ\xbe\r\xce#\xf5\xadv&lt;\xea'</t>
  </si>
  <si>
    <t>b'\xe0e\x96\x91\x83{\xd1\xfe\xd8aT\xc9&amp;13\x83\x9d6[O\xfe\xc0\xb925\x9ctQ\xde\x01,\x06'</t>
  </si>
  <si>
    <t>b'\x1eO\xd2\x89e\x01\xa9\xc8\xa06R\xf9t\x96E\x94vK?\xd4pSk\x08y[\xe3\xda\x17\xac\x0c\xcd'</t>
  </si>
  <si>
    <t>b'nnP\xd6\x99C\x13\x82dg\xf0\x9d\xa4\xd6\xaf\x1d=r\x81y%\x80\x13S\xd2\x1a\x9a\x0e\x878\x7f\x07'</t>
  </si>
  <si>
    <t>b'\nY\xf8\x9e\xfe\xacD5,#8}\x95|0\xd8\x81m\xa95\x98\xbd\x10\xac\x91\xbf\r\xd7\xb5p\xa2\x07'</t>
  </si>
  <si>
    <t>b'Z\xeb\xe0\x13\xb9\xd9\x82\xd5\xa7v\xd5\xf6G\xb8\t\x8f\x1a\xf8\xb0vl\x1b\x88\x9a\xa4\x16N\xcc\xb7^D\xf4'</t>
  </si>
  <si>
    <t>b'\xa5\xf3/&lt;\xd7\xc6\xd64\x9a\xec\xeaEXq\x80.\x88\x1b\xb1A\xf9+\xe4,j\x08\x0b\xcay\x95/D'</t>
  </si>
  <si>
    <t>b'_\x1a\xa7%\x97\x18\x84 C\xc4\x8a)\xa31\x87&amp;\xf9K\xe2\xc8\xa5\x80\\\xda\xe1*&gt;\x03\xc6\xdfI\xf6'</t>
  </si>
  <si>
    <t>b'\xdf\x1c\xc8z,\xabfIU\t\xc8\x19\xb4\n\xc3\xee\x90\xb1Z\x02\r\xf9\xcc\xe5\x88\xfe\xc00\x80k\x0b2'</t>
  </si>
  <si>
    <t>b',\xd5\xc4\xb1\xf3S\xff\x0c\xe3\xe6\x9d\xd1%\x94k\xda\x97&lt;\xe00\x9c\x82)x\x893)\xe9B\xc4\xc0\xc0'</t>
  </si>
  <si>
    <t>b'\x1f\xe4\xac\x083!\xe3,&amp;|\x17h\\7\xf5\xb6\x1c\x1b\xc8\x88&lt;5\x10Z(\xfa\xa8T\xadu\x06/'</t>
  </si>
  <si>
    <t>b'Be\xe5\xefLl\xbf\x93*\x99\x05\xa2\x856\x7f\x14\xcd\xfb\xcf\x98t/\x8e\xdar:p\x03\xbd\xb97x'</t>
  </si>
  <si>
    <t>b'S\xa1*\xcem\x91\xa12\xa1mv&gt;s\xf7\xf3\xd1"\x1f\xdc\xb5~\xe6\xf3\xbe\xf3e\x96\x1aU\x8085'</t>
  </si>
  <si>
    <t>b'\x91\xf2\xffn\x0c_\x0eL\xdfev\xd2@\xb1\xc6}}\xedc\xe7="\x08\x8bx\x9a\x1cC;&amp;H\xd1'</t>
  </si>
  <si>
    <t>b'a\xe0\xbeg,\x89\x82\x17\x9e\xee\xf6\x85\x9b\x97\xb4b\xa8n$O\xa08}\xaa53\xa3B\xb7\xe7#\xc2'</t>
  </si>
  <si>
    <t>b'\xeb\x0c\x1eRe\xa4\xe2\x0b\xb4rJ7\x8c\x8b\xcc\x16\x1a\xe5rL\x00\xbc\xd7b\xe3Z\xd9.Z)\xb3O'</t>
  </si>
  <si>
    <t>b'\\\x86\xeb\xee&amp;\xb6\x11v\x1eN\x97\x83\xbe\xf1\x84\x0c\xc7\x8a\x0f\xd8\xc4\xbf\xe8\xe8\x10\xfb\xb3\xf0\x03\xb5\xaf\xb7'</t>
  </si>
  <si>
    <t>b"}\x1e\xf4\x99\xe6\xbf\x1c\xce\x88+\xe3\x9f;\xf8\xfb'1\xb9/l\x079\x90\\\x83]\x8bZ\x01\xd1x\xa0"</t>
  </si>
  <si>
    <t>b'\xbf*\x86\x12T\xde-\x1f#\xac\xb37\x90&lt;\xbaj!\xc7\x91\xd8E\x98[\xef\xf9Y\x0c\xaeh]\x0f\x91'</t>
  </si>
  <si>
    <t>b'\xd5\xb1\n*\xce\x08&lt;w\x10b\xf4\x1cL\x9e8\xa5\xa3\xa5\xa1\xb5^\xa2\xaf\xdb(\x07\xa2)\xd0U5\x1e'</t>
  </si>
  <si>
    <t>b't\xf3\xd7\xc7\x07\xebQ\x7fG7%\x88\xe4T&gt;\x1f\xae\xd3\xa0c\xc4\xcf\x143d\xb1\xe1\xecla\xa9t'</t>
  </si>
  <si>
    <t>b'AR\xe9"REB\xbcZ\x99nK\x9c8m\x8e\xd5\xb8\x92\xca\x98\xc4^7\x9fu\x05\x87p\xb1q\x8b'</t>
  </si>
  <si>
    <t>b"\xd6\x18\xd4\x06'\x9aG}+\x18\xd3\x7f!2{\xd9\n\xda\xa2\x9a\xd1\x8cmLk\xa4\xe4\xf5r\xf9\xec\x03"</t>
  </si>
  <si>
    <t>b'\xf6\xd6"\xb1\x9d\x96P\xb1\xc6o\xb9\x7f\xf9\xdc{\xb3\xfd^\xeb\x86\x0bZ\xf8Rp\xd7(\xa3\xc76\xd2\xd8'</t>
  </si>
  <si>
    <t>b'\x1b&amp;(\x91p\xe2\xca$\x18\xfe\xaf\xb0z\x91:ua\x11B\xd4\xdd\x90&gt;\xc8\xda\x9c\x17\xb5\x8b5)\xd1'</t>
  </si>
  <si>
    <t>b'x g\xfc\x0f\xa4m\xd7\xfe\x8a\xde_"\x17:\xd6\x89uU5D,\x0f\xe5\xb0\x99\x0b\xe8\x85(\xad\x83'</t>
  </si>
  <si>
    <t>b'iU}\xaf\xf6\xa2\xd8\x1d\xd1\t\x10$\xe0\x9b\xaf\xd7\xbe\x0e&amp;\xb2\x0b\xf6\xf9\x91\n\xcf\x04\x0c\x7f\xa7\xb0 '</t>
  </si>
  <si>
    <t>b'\x89\x0e\x18\xc5\r\x03\xe3\xdbd\xd5jX&lt;3\x9e\x8e\xb0\xe3\x00\x1c\x1d=\xd3\x8d\xc9\x86\x03\xe98\x80\x8fQ'</t>
  </si>
  <si>
    <t>b'r\xa3c:\xa5\xc2\xd7\x1a&lt;\xb8V\x02O&lt;\xccC3\xb3&lt;\x8b\xc7J\xb2\xac\x04H\xa6\x81\xbb\x02a\x08'</t>
  </si>
  <si>
    <t>b'\n\xcdKjH\x95\x96\xfe\x958\xe0\x8b\x9b\xd9\xe8w\xa3\x85\x06\xbe\x1f\x9de\x14\xbf\x85J\xb5\xf2Z\x98#'</t>
  </si>
  <si>
    <t>b'\xdf\x82l\xa4f7\xce\x1c\x1fg\xb7,\xf7\x1a\xac :\xe7!8\x0b~y\x11\xb8\xb4\x00j\x01\xdc7\xaa'</t>
  </si>
  <si>
    <t>b'\x95)\x0c@\x98\xa4\x0fH\xa6\xf3s\x0e3\x10\x88\x06]pex\x1aV6}q\xde\xdc,\x0f\x19\xad&lt;'</t>
  </si>
  <si>
    <t>b'\x861\x16\xe8\x9e\x0e\xba\x8a\xa1I+\xeb\xd4\x8b\x17\xaf\x92!\xb9\xc3_\xa1e\x15\xb3]\xbb\xc7\x8d\xc5\xed\xd3'</t>
  </si>
  <si>
    <t>b'E.\xfa\x14\xf6\x11\xdb8\x82\xb9\x82(sb8\x00\xf8\x81~3\xceg&gt;\xf6\x99\xbb\xa5\xaf\xef\x86 U'</t>
  </si>
  <si>
    <t>b'\xb5\xb8z\xc4\x1b\xa3\xd5L\x8eZ\x91z"x\xe0\xa0\xe9v=Y=;\xfc\xc2\xfb\x12\xddV`*!\x83'</t>
  </si>
  <si>
    <t>b"8\xe0\xa2\x96\xf0\x86\xd1`\xa6\xbd.c\xf7\x00o'\xa52\x16b\x9a\xd6mm'V\xd8?)\x9a\xf8\xf4"</t>
  </si>
  <si>
    <t>b'MWl\xbab\x94I\xf7\xb5,+\xc6\xb4w\x1aQ\xaa9\x99\xbf\xba\xe7,wa\x8b\xdd\x896\xb8S\x7f'</t>
  </si>
  <si>
    <t>b'\x17\xf3`x\xe9\xa6T\xab\xceD\x86\xca\x91\x92\xe7\xae!\xccZ\tCq\xf7\xb7\x03\x1a\xb7&amp;\xb1\xdb!\xa8'</t>
  </si>
  <si>
    <t>b'aU\xa1\x95\x04\xdf;b\x188^u\xd8\xa1\x02Y\xbb?M\x93\xc2\xe1\xd4{\x15\rk\xc2de\xa1\xdc'</t>
  </si>
  <si>
    <t>b'\xcd\xc0\x96\xb0\x1a\xf9V[\xc6\x95\xd20\x89\x8co\x02\x93\x12\x02\xde\x0c\xe8\xd0N\xc1G\r`\xad\xa2`\x0b'</t>
  </si>
  <si>
    <t>b';\xe6Z,\xaa\xce\xccv\xd5\xe3\xc3\x8e\xf6e\xf0\xd6\x8f;&gt;\x02\xe2\xa6opyJ+\xb1\x9a\xa3\x02B'</t>
  </si>
  <si>
    <t>b'\x99\x1a\xdb\xcf\xb9\x10\xc4\xfe\x14Y\x0cNw\xb0Z\xdb|\xe5\x86Et\xb6\x06\xb4\x8bN\xd3\xa3\xeb\x8f\x18\x1b'</t>
  </si>
  <si>
    <t>b'3c\x9d\x1dW\xff\xa4P\xa2di\xacO\xc8W\xb1\x926\x86\xce\x13[\x17\xe7\x012\xba#\xdc\xbd%\xc9'</t>
  </si>
  <si>
    <t>b'\x14Ji.\xf7\xa7\x81\xb2\xb6j\x973D\xa3\xe7\xc6\x91\xfe\x94\xa2F_\xb4\xdb`\xc2\x0e;!/\x9d\x1f'</t>
  </si>
  <si>
    <t>b'\x8c7k|\xa4E\x07h\xde\xc7L\\\n\xdc\x7f?\x84y\xf7\xee&amp;1Ra\xf4B*\xa9R\xb3O\xf1'</t>
  </si>
  <si>
    <t>b":\xd9M\x1a\x92#\xb3\xcfh\x19\xe6\xa4b\xd8\xbf\x02'\xf4H7s\xd8\x08\x01R\xa8\xfc:#\xb6\x8c\xba"</t>
  </si>
  <si>
    <t>b"u\x97\xdd='\xe5\xb6 \xdb\xdb\xd6\x13\x82\t]\x9d \x85\xbd\xd0\x07\x10\xd9\xd2Q\xbe\x99=R\xc2r]"</t>
  </si>
  <si>
    <t>b'\xc6Js\xdbvT\xe6\xfd\xd5\xc4t\xb1%x\xab\x895\x18&gt;@\x80Mh\xd6\xabC\x18xt\xdd\xd4B'</t>
  </si>
  <si>
    <t>b'\x99\xf7\x10\x87\xaa\xe51\x0b5X\x8b\xe6\xf0\xffu\xa0\xba\xddJ\xfe#2\xd8D\x1b\x07\xa0\x1a\x85O(x'</t>
  </si>
  <si>
    <t>b'\xcaG\x8c\xac:N\xbc\xea\x8ap\x1b\x1e(d\x0b\x81\xdfW+\x05\xef\x16\x951B\x17\xf0\x11\x9a\xb6C\xe6'</t>
  </si>
  <si>
    <t>b"&gt;\x0f2\xf6{\x17E\r\xf1'\x8e\xca\x8b\xba\x0bJ\x98V\x93\x0c\xf6\xb4\x96\xc2\xe8A\xd9\xf6\xab\xdb\xe0\x90"</t>
  </si>
  <si>
    <t>b'[\xca\xd6\x83=^n\x06h\xfe\xdb\xf2\x195\xeb\x9c\x95\xd9V\xdf6\xe3M\xbc\x93j-QT9\x02\xbe'</t>
  </si>
  <si>
    <t>b'\xf5\x9d#\xd4\x84\xa2\x98\x19$\xbbK\x97ck\x15W(\x90\x91\xefv\xc1\x88_\xe4\x90{A3\xad\xba\xcd'</t>
  </si>
  <si>
    <t>b'Um$T\xdc\'"\x92\xa5\xa5\xbd\r\xb1\xc0\n"Z\xa0\xaav\xa1\x83^\x0b\xade\xe6\xdf\x1a$%\xde'</t>
  </si>
  <si>
    <t>b'=l\x1f\x15\x0e8\xf4\x0c\x94\x9c\\pK\xc6\x02B\xde\x00\\\xd5\x15\x1b_\xa5\xd6.\x99\x87\x89~[\x05'</t>
  </si>
  <si>
    <t>b'\xcf\xa3&gt;F\x08\xdb\xd4\\;j$\x89\x9dn\x16\x16b\xb2\x1a\x8e\xc7\x07\x7fio\xdd\x06mo&lt; \xcf'</t>
  </si>
  <si>
    <t>b"l\xed\xc6\xe6~Z'\xeb\x12\xbc\x82&amp;\x15\xc7\xfd\xe68\xed\xd1\x98\xbdl\xe1v\x86\xc20*\xd9x\xe3\r"</t>
  </si>
  <si>
    <t>b'\xd0\xbf\xd0\xb91\xdf\xaf\xa5\x8f\xb6\xd4[]\xca\xe2\xe9\xbf\xad\xe4\x02\xb6s\xb0h\xa5\xf2\x1a\x95\x1bk\x81\x94'</t>
  </si>
  <si>
    <t>b'\xc7\xea\xf5\xed\xa4\xa9\x9da\x0e\x82TT\xc5\xcc\x87\x86\x9f~\xdd\xf9\x078\xfa\xd3\xd0\xb2\x9b\xb0N^x\xde'</t>
  </si>
  <si>
    <t>b'\x08l\x87\x1d\x0fG\x0f\x90\x88\x1d\x038;w\xdb\x12\x0e\xf1\r\xb1\xdc\x0cU&amp;\x13\xe5\xa2\xfdU\xaa\xc2\x0e'</t>
  </si>
  <si>
    <t>b'x\x10O\xcd\x89\xbfWc\xd4\x06W\xa6uD\x0b.\xb3\xc7\xa4|S\x03\xfe\xf9JU\xaf_\xf0\x9e\x16F'</t>
  </si>
  <si>
    <t>b'Q\xa7\xd5\x06\xfdCt\xa2\x89-5\xc8\xf3`\x9ey/\xb8\xa8\xd0\x9eb_3P\x82s\x9f\xa3\x96Ig'</t>
  </si>
  <si>
    <t>b'T\xeeV/I\x93,LO\x8f:\x895\x86\xe2\xa4\xc7v,\xd1\xeb\xb7?8\xfc\x82\x00\x8e?\x13\\\x84'</t>
  </si>
  <si>
    <t>b"\x8f\xdb')\x9d\xf5\xf2\xc8\x82lL\xa1\xb3\xfdC\xeat\xf4:/Z\x8c\xb2\xfb0A\x16\xe4NQ\x1c\x9b"</t>
  </si>
  <si>
    <t>b'3QD\x03\xbdt\xee\x95\x17\x10N\x1c\xa0\xc0h\xaf\xff\x10\xec\x81\xdf\xc6\x9c4W\xe1:\x88\xf3\xa3\xca\x80'</t>
  </si>
  <si>
    <t>b'\xd4\x9cd\xbf@"\t\xb1\x02&lt;P\xcb\xa8\xbc\x93\xc7\xd0\x05\x07\t\x82\xc2 \xe1h(\xdd\x95\xaf\x02\x8b\xd2'</t>
  </si>
  <si>
    <t>b'\xe2\t\xe4(-2T\x85\x97\xae\xca\x04|S\x93e\x1eF\xf2\xb6S]\xcf\xab\x93\x88h\x8a\xef\x84\xa5\xd1'</t>
  </si>
  <si>
    <t>b'\xb7\xaa\x86\xe9\xc6c\xfeV\xcd\xa5v\x06\xb6RWz \xdfk9\x93\x0b\xa1\x91\xb3\x82^\x18*pi1'</t>
  </si>
  <si>
    <t>b')7\x9e\x8d\x8f\\\xd0J\xc1\x93g\x89c\xe0\xc1\x8b\x17JZ*[[K\xe0\x8e\x14\xbb\xad\xd2\xb0\xb8\xa6'</t>
  </si>
  <si>
    <t>b'p\x1b\xc2\x90\x0f}lt\xe7\xcf\x88\x07\xda0\xdaa\xf3-C5\xe9_\x9a\xb8\x02\xe5M\xc2\x19~a\xae'</t>
  </si>
  <si>
    <t>b'b\xbe!J8\tiZ\x82\xfb@4\x83E\xeaAfm\x14\xd3\xb57\xde\x8b,k\x89s\x175=\x85'</t>
  </si>
  <si>
    <t>b"\xe5\xd9yRN'\x92}\x05\x7f`\xa8\x05\xd0\x17\xb3\xcc\x19\x7f\xe0\xbeH\xad\x99,\xa1\x1cC\xf7\xb3\xb7e"</t>
  </si>
  <si>
    <t>b'p%Q\x7f\xc3\t\x8b\x80\xf5\x1e\xdb$^\xca\xbfxm\xa5\x1e\xe7\xbb\x8eB\x08\x03\xb7\xc7\xc0+Q\xfab'</t>
  </si>
  <si>
    <t>b'\xa0\xae_\xa4\xea\x9cL\xa3\xe3N3k\x983Jj\xadd\xb3\xce\x95bL\x83\t\x95\x93_\xddH\xae\xdc'</t>
  </si>
  <si>
    <t>b'0V\xbf\xdaP\xfe`\xeb\x97\x18\xf1\x9c\xbd\x86v\xea\xa9~v\x1b%\x87\xee\x86\x93\xb2\x999"\xba\xc0\xe7'</t>
  </si>
  <si>
    <t>b'\xa3=\x07\x99\xc3\xc5\x7f\xeaJ\x00\xe8\xea\xcfh\xb0-\r\xe3\xae(\xbfm\xe6\xbe\xd4=\x0e\xb8u\xe9X\xc3'</t>
  </si>
  <si>
    <t>b'R:\xf3.\x99\xa7\x1a\x1e\xb1\xb8\xdb@A\x86\xd0\xbeg\xfbxS\xe2\xab\xed.\x87\xbf\x11\xac\x1e\xd8s\xa3'</t>
  </si>
  <si>
    <t>b"\xf5'k\x01\x19\x1e]`\x15\xbcK\xfd\xcf\xbd\x89\x00\xe9\x98\xc8\n\xeb\n\xc2}\xec\x03\xd7\x8bq\xcb\xe67"</t>
  </si>
  <si>
    <t>b'\xab\xe2a\xd4g\xfe\xaf6\xa6\xbe\x93G[\xcfe\x85\xe5\x16\xc3\x0e\x95\xb1`y\xef\xe1|8\xf5\x01\xaa\x18'</t>
  </si>
  <si>
    <t>b'\x1e\xdcN\xab\x19\x93\xa4\x8f\xb3\x1e\xe2\x15S3\xcd\\*\xf5\x19\xb7\xfeN\x8f\xc7\x9ew\x00\xaa\xad\x10\xfa\x83'</t>
  </si>
  <si>
    <t>b'k\x16T\x1a.\\\x02\xce\x01|\xa0.\xc3\xe5\x8a&gt;\x1c8&gt;\xba\xffb\x1f\x8d\xe2T\xfe!\xe3\x982\x13'</t>
  </si>
  <si>
    <t>b'\xf5\xff3\xdf\x03\x9fIZ\xb9q\xd8\xfa\x9d\xaa\x0b\xfdk\t\xf3\xe2\xf7\xdaJfkug\x8ap\x82,\x8f'</t>
  </si>
  <si>
    <t>b'\x1f\x8b\xf0\xe8\xab\xba\x8a\x15%\xdd\xcd\x97\x0fF\n\xe5M\x00\x9cP\x87\x01A\x99\x03\x03w\xb4\xee)?\xc7'</t>
  </si>
  <si>
    <t>b'Y\xca\xee\xb5\x93ui\xf9\xcdh\xff\xb4k\xbby,\x8a\xcf&lt;\x82u\xb6GV\x0c\xfa\xb7^\x1a\xeb\xec\x1f'</t>
  </si>
  <si>
    <t>b'\xbe\xa1x1&amp;\x9c\x0eB\xc8l\x1b\x10\xa2X\x85Zk\xad\xbb\xf4\x13\xa3/\xf2\xf1\xc9\x99\x98\xd3+tr'</t>
  </si>
  <si>
    <t>b"7\xf5\x04^\xdfR\xf7\x91\xe5;\xa6l{\x8cH\xeaY\x0e\xa1\x01Y\xbfi&gt;\x80\xdb\xef\xa8'/RH"</t>
  </si>
  <si>
    <t>b'\xb3\x9b\xdd\x0f\x17\x8a\x15\xe7\x17eLe\r\xad\xe7\x147\xc4O\xcdt\xb7\xb8\xd8[Kt;\xe27U\x9d'</t>
  </si>
  <si>
    <t>b'\xda\x14s\xd0l\xf8\xea\xf4\x18\x068o\xe8\xd4\xc6\xa7H\xd4\x13\xe5Q\xdf\x80\x96.\x1d\x8d\xaa\xee\xf0\x7f\xde'</t>
  </si>
  <si>
    <t>b'ef\xff5\x0b\xf9\x81G\xea\x05\r\xae\xc3\x91\x03\x11\xc6}B\x07S3\x16{;\x87\xa1%\x85\x1a\x07_'</t>
  </si>
  <si>
    <t>b'J\xa6\x89Cd\xbe\xf3\x08`e\xe5\x10\xef\xc9\x95\xfa\xa3\x83\xf5R_W\xff\xfc\x7fEC\xf2\xec\x86\xa3`'</t>
  </si>
  <si>
    <t>b'^\x06\xeb\xe48\x15\x16\x18\x1b~j\x96f\xcf$\xdd;\xee\x806\x1fk\x90c\xa2\xff\xd4\x1b"\xa4\xe9)'</t>
  </si>
  <si>
    <t>b'\xc5nX\x16\x9d\xac\xe1U{\xeb\x98\x91BF-\xd9\x0c\xc2\x95\x9f\x1b\xc3\xe23,Rb\xbc5}\xdb\x96'</t>
  </si>
  <si>
    <t>b'\x95\x03\x03\xe3Y\x06\x97\xa8\xa5\xc4\x91e\xfa\xf5~\xd3\x94U\x8a\xd6\xf7\xa5\x7fp\x11\xf7\x83*\xc4\xfb\r\xf6'</t>
  </si>
  <si>
    <t>b'b\xe4AP\x0c\xdc\xe8\xf1\xb6\x8a`\x1d\xe3s,)\xa1\xc6\xf0\x90\x88b\xbe6\xc6\xba\xe7a\xc2\x9f\x00k'</t>
  </si>
  <si>
    <t>b'_2\xf7\xcf\x8f\xea\xce\xd1\xae\x90l!I-\xc7\x14\xc4\xcd\xb7\x0b\x1c\xd3\xd3A\xcd\x01\x92\xd7&gt;0\xf5\xed'</t>
  </si>
  <si>
    <t>b'\x16mj{\x8c\xca\xcf\n5\xcbT\x04\x93\xa5R\x08\x19\x94\xac\xf2;\xd6&lt;]z`\xaa\xda\x99\x0b$\x1a'</t>
  </si>
  <si>
    <t>b'\xbc_\x87\x17\xbe\xb0\x1dH\x04=U\x98\xe3\xe1\x05\xd4"?\xe8w\x00\xf8\x12\xe9\xef\xa8\x08Cr\xe2\xfb\xd2'</t>
  </si>
  <si>
    <t>b'\xaf;\xdc\x1dO\xd4X\xb9}\xfb\x1f\xa8)\x9d\xf2"&amp;\xfeo\xed\xb1\xbe\xec.\xda\x96\xde@\xae~\xa5~'</t>
  </si>
  <si>
    <t>b'\xe2\xe4\x8ad\xffV\xcd\x90#\xd1\x8cW\x84F\xfc\xcc\xf8(\x9e\xa1\xdf\xcf\xa2\xd7\x9eh\xdb~\xcb\xe6\xf6\x89'</t>
  </si>
  <si>
    <t>b'\x12\x94\xb9\xe4F(f\xe0-\x88\xday\n\x18wv\xc3\xe6is\x9e\xc3B\xab% \xceJB\x97:p'</t>
  </si>
  <si>
    <t>b'\xfai0\x89[\x870%\xc7\x0b\x12\x06#\xd1\xad\xc5\xfe\x80@\xa2\xaf\xa8\xfc\xa2/q\x8e`\xe8JDb'</t>
  </si>
  <si>
    <t>b'3)\x92\xadh\xc7&lt;4\xc8A\x1a\xb4x.\xbb\xc4\x84N\xaa\xc0N\xa2]]7y\x02\xcd\x1ft\x16\xe8'</t>
  </si>
  <si>
    <t>b'xD\x18\xcf\xab&lt;sS:YQ%8\xec\xcd\x07C\x7f&gt;\x11q\xca\xa4T\x9a\x8e\x86j{\x19-\xb2'</t>
  </si>
  <si>
    <t>b'\xd7\xb3\x9a\xe2\xab\xff\xfbr-\xaf\xbc\xc2:\xa2\xd4Z\x11\x0e5Z\rE\\\xf9\x82\xcc\x1d\xeb\xe9\xdb]q'</t>
  </si>
  <si>
    <t>b"\x86\x16h\xf6h-\x98r6|8\xaey'X\x9e8}z]&lt;t\xb4\x11\x003wK\xf4\xd7\x9b\xfb"</t>
  </si>
  <si>
    <t>b';\x0bcd\xee\xdf\xdc&gt;4n\x99\x8f\x06w\xf9\xc2\x9e[\xf9S*\xc8\xe2o1\x1d\xd0\xbb\\\x9e\xe2\xe3'</t>
  </si>
  <si>
    <t>b'\x897\x1fu\xbd\xa3YC\xfe\x8e\x10\xcd\x9a\xe9\xc5\xec\xf1\xfa\x7f\xee\xf7\x1d\xd4h#h\xdb\xeb\x9ay\xdac'</t>
  </si>
  <si>
    <t>b'\xe0\x03\xe7c&amp;^\x1c&lt;\xbfjC\xd7\xc3\x9fBzAq\xa0\xb0\xae\xdb\xf0\xef\x06\x7f\xc8\xc6\xbb,\xce\x8b'</t>
  </si>
  <si>
    <t>b'$\xce{\xe0.\x8b\x0b\xdd\xe1\x1au\x18T\x92~\xc6\xb9/\xef\x9a\xfc\xcd\xe3#i*\xa8Q&gt;\x0c\xcb\xfd'</t>
  </si>
  <si>
    <t>b' \xd48v_\xed\xa1Ij\x19\x13(\xcf\xa3\xcf\xa8\xcfG\xf7\x90:\xd6\xeb\xf5Z\xf3\x87\x9cFR\xed\xa3'</t>
  </si>
  <si>
    <t>b'd\x04E\x0e\x98\xaa\xe3f\xe1Q-\x16\x04\xd2\xe0\x03\x8d\x84\xa7\xda\xfd\xaf\xca\xf6)z\xe5KJ\xf7\x9d\xef'</t>
  </si>
  <si>
    <t>b'-:,&amp;MR\x031\x1bF\xd7\x1e\x1c:j2J\xb4\x1a\xbf\x0c\xcfL\xaej=a\xc4h\xab\xc4.'</t>
  </si>
  <si>
    <t>b"D)Y\xea\xa1\x85\xeb\x1c\xf5\x1f'T\xa4\xe9$E\xa1\x8e\xe8\xa8\xfb\xe8\xd8\xd6#\xeb\xa6\xf0\ne:\x13"</t>
  </si>
  <si>
    <t>b'\xa7E\x80\x8fb%\xb6\x1f\xdax\xce\x9f\xc3\xccHpw\xab\xb0VA)SVWt\xc9\xb8\x86/\xd6p'</t>
  </si>
  <si>
    <t>b'\xe0\\t\x9b\x0b\x93G\xbfq\xc8u\xabu:\xd8o\x9bS\xe1\xce\xb9\xbe\xa8\xe6\xd3B\xb7\xb2W\x86\x10\xde'</t>
  </si>
  <si>
    <t>b'\xee\xe9\xefUQ\xe2\x0c\x17\x1c\xfd\x0c\xee \x88\xfd6\xbf+\xcc\xdf\x9e\xc9\x8c\xd3\xb1y\x1b\xf0sUN\xd9'</t>
  </si>
  <si>
    <t>b'\xb8M#\x98\x17\x94g\rwP\x05\xfd\xc8\xce$\xcd$\xc4p\x8d^u\xbf\x86\xf5wp\xd9\xe2]\x84\x9d'</t>
  </si>
  <si>
    <t>b'I\xd5EwKz2SL\xe7\xeb#\x9fQ\xf5\x94\x99\xa48\x8c\x04]\xee\x11\x0ep\x0et\x8f\x08\xfba'</t>
  </si>
  <si>
    <t>b"9\x1fH\x11Ovm\xf5YNsx\x0e\xb0\xd6'w\x01\x07\xf5\xf0\xe6\xe2\xc4\x9d\x17\x16\xce\x0e\x1e\x0e\xdc"</t>
  </si>
  <si>
    <t>b'8\xc7\xbe\xd4d\x87\xbc\xbf\xa4\x1d\xb9\x06E\x9b\xd2u\x8e\xc0\xd5\xc6\xbbD\xaaK\x91x\xfa\x05\x9b\x1dH\xcd'</t>
  </si>
  <si>
    <t>b'\xcbH\xa6T\tS\xa6h\xc1\xe3,$\x16\x9d0\xf0U\xed\xe0\x19\x1aBeN\xf9\xd3ED\xf5\xf8\x8e/'</t>
  </si>
  <si>
    <t>b'\x14e\xc8l\xae\xe6\xda_\x99Q\xf1\xb7\xd9\xbf\x7fp&lt;\xc9!\xee%\xd7\x03\x14\xad\xaaxl\x86;_h'</t>
  </si>
  <si>
    <t>b"4\xd5\xad D\x90^S\xf4\x0e\x90\xe2\x11\xdbh\xabuON'\xc4\xaa\t\xe7\xee\xb6\xde\xbd\x98L\x9c&lt;"</t>
  </si>
  <si>
    <t>b'#\x94\x06|3{^\xb9\xb7\xa9\xf5\xe1\xaf\xdbP\xee\x95\x13Q\xdf\xe7\xba\xe2\xf1\xb6\x98\xf9\xfb\x8a\r\xc5\xd2'</t>
  </si>
  <si>
    <t>b'\xf0\x80\xc7\x83\x9ax\x8f\xf9X\xf25\x1f\xb2\xf2\xc3g\xdc\xd1\xcd,VK\x0c\xf2\xe4&gt;\x85\x99\xc5\xe9\xa6:'</t>
  </si>
  <si>
    <t>b'\xaf\xab\xde\xc0\xd0\xe2\xf1\xd5\xcc\x89\x04\x96\xee]\x0c\x94*!A\xa8\x1a\xb6\x9dvaBO\xc8\x06A\xf2\xdd'</t>
  </si>
  <si>
    <t>b'lV\r\x1c\x8f\xfb\x19\xd6\xcd\x8f\xc1\x85\xa7x\x96\xb7&amp;\x89\x192\x833\x01\xc8\xdd\x0c\xf3\xb2\x184\x06\x1e'</t>
  </si>
  <si>
    <t>b'nFp\x95\xfe\x93\x15j/^\xa2\xe0\x03\x11\xea\x10hV\xc2&gt;\xaf\xde\xdcA\x13\xa6\x99\x1a\xe9\xca\\w'</t>
  </si>
  <si>
    <t>b'\xa9\xa7\xc9\x95K\x9f\x0fJ\xcb\xb6\t\x86\xb2\xebi\x18\xd6\x12\x9c\xf7)\xcf\xabB\xc9bo-\x04\xc2i\xb2'</t>
  </si>
  <si>
    <t>b"\x99'\x82q,\x9a\x9e\x8e\x07\xa2\x94$%\xf3\xe3d{{$\xb7\x88 y\x02\xad\xd2\x07\xec&gt;3\x91@"</t>
  </si>
  <si>
    <t>b'1\tU\x96\xb3\xda\xff\x10\xc17f\x84\xc6\xb9\x7f\x8b-Z1]\xa6\x0c+@\x00\xf8\x8f\xd9\xdb\x9eOA'</t>
  </si>
  <si>
    <t>b'\xcc&gt;\x12\xd3SI\x86^2\x1e]\xd1j\xc3G\xec\xe1\xdc\x1a\xa6\x85\x0e\x02j\x17z\x05\x87=3\x13\x94'</t>
  </si>
  <si>
    <t>b'\x02\xdfE\x85\xe4\x01R\xcb\xf52\xd6\x90\xbb\xee&gt;\x81Y\x0b\xe7\x8d\x16\xe6\x07)\x8f/\x10&amp;\xe6y\xeaf'</t>
  </si>
  <si>
    <t>b'\xa2YX\xfdL\xb0H\n\xbf\xaew\x89\xdb\xb3\xcd\xf3e\x93\xb2\xb5&lt;\x7f\xb9z\xd0\xa5`|\x9d\xb6\x0f\x9f'</t>
  </si>
  <si>
    <t>b'U_\x97\x9f\xa3h\xccO\x84L(\xfd\xeeh\x91W\xe3\xcb\x81%\x1f\x8c\x99\x005\xb4\xc4\xe1\xe9E\x96\xe9'</t>
  </si>
  <si>
    <t>b'\xfc\x82\x15\xb9&lt;\xbe\\I\x12\x9d\x18]B\x87\x8a\xfe-\xeb\x0eY*\xb2\xb9\xe5\xabD"A\x91\xb1\xb1\xb1'</t>
  </si>
  <si>
    <t>b"b\\\xbb\xe3g\xc3r\xc3\rx%\x02\xfc\xa0\x8e.\xdeh\xd3\xa1\xdc\xe1\x15\xa7I#\x1f\x07\x84\x13'\xf6"</t>
  </si>
  <si>
    <t>b"\x0c'\xd4Q\xfd!\xbcOE\xc4\xa9\x87z\x0bS\x03\x0f\xc1\x16\x89G\xcf\x9c\xda\xebH\xe8\xe0:\t\x12\x06"</t>
  </si>
  <si>
    <t>b'\x0f\x08\xa9\x1b.\xe3yx\x18\xc9\xe7\x84\x90#\x8f9](\xcd\xad\xa8\xd8\x1d\xdaQ\xb9\xb3E\xca\xa1\xd7\x01'</t>
  </si>
  <si>
    <t>b'w\xab\t\xd6\xc3\xd4\xe4C\xaay\r\xf0\x13X\xee\x88\x12}M\xda\xd2Y\xe2\x80\xb0\xb8\x19\x80\xfbF\xf6\x93'</t>
  </si>
  <si>
    <t>b'oE\xa6\xd5\xdf\x84$]U\x15\xb8\x83\x13\x84j\x15=-\xfb\x19I\xb0Z\x98J\xbf\xa0U\xb9\t\xd8\xee'</t>
  </si>
  <si>
    <t>b'`\xc9\x10\xa5s?E\x17o\xa7\x82;\x01\x07LxK~\x87Z\xd4\x8bF\xd0\x07\x03\x0ep\xcf\x16\xf6J'</t>
  </si>
  <si>
    <t>b'mN\xcd\xd6\x06\x1c7\x04\x9f\x8b\x9e\xbe2B\xab]\xebp\xe3tf\\\x8e\xfa\x0c\xbf\x04\xf1\xa0\xe6t\xb2'</t>
  </si>
  <si>
    <t>b'\xfa\x0e\x04l-\xd5\x1c\x9d\xfa\x96\xb1{\xef\xcf\x14\xecrD\xe2\x87v\x86\x00\xe1f\x8f8\xe9\rS\xd1!'</t>
  </si>
  <si>
    <t>b'$#\x00\xbc+\xe9_\xe6\xa1\xc8\x0e\xf3\xa4F5\x12`\xe0\xfb\xf8\xe3\xef\xdd\x8cG\xcadt\x7f\xc9\xe9\x1f'</t>
  </si>
  <si>
    <t>b'i\xf8L\x8c\xda\x9c\xceL\xb1HS\x9b\xfb\x1c\xf6\xa2#\xd9K\xb2\x8b\x16_,\x85\xc3/\xfc\xa0A\xa5i'</t>
  </si>
  <si>
    <t>b'R\x1d/\xcb\x1a5\x8d\xe1g\xf1y\xc4\x968\xb4\x9c]\x04,H\xfb\x0c\x93\xb9"\xc9\x11\x0659\xe9Q'</t>
  </si>
  <si>
    <t>b'\xfe\xcb:\xe6RR\x07\x9e\xe1\x0e\xc7\x99\xda\x14f\xa8@*\xb0\x18\xe0zs4]?\xe2\xa7\xf8\xba\x91\xfc'</t>
  </si>
  <si>
    <t>b'\x95mp,\x16\x08Z\xe7\xd2\r\x9d\xe2\xba4e\xd4Np=\xefl\x00a\\\xb9\xfez\x81\x85\x0eD='</t>
  </si>
  <si>
    <t>b'\xe4\x08\xfd\xd2uF\xdf{:-\xd9S\xf2\x8a3g\xde\xaf\x0b\xc9:\xb7\xa8\x19\xf3X\xd31\xea-\xbd\x84'</t>
  </si>
  <si>
    <t>b'\xca"]B\nS\xb5\x90D\x95\x9f\xd2\xd6i}^\xe8h\x18\xc5\xd9\xd3[L\xc7\xe2\xaa\x97\x96%\x12J'</t>
  </si>
  <si>
    <t>b'M\x87\x85\xb3\xb0d\x1b&gt;^f\xdf\xcc\xe1&lt;\x0f\xa15\xb6K\xfaC\xb7_^\xa1\xba\xf7\x8e\xd2\xa6\xaf\x87'</t>
  </si>
  <si>
    <t>b'\x8c\xa8\xbd\xcc\x18\xac\xa3\xfb\xdd\xcc\x18tDNp\x83\xfe&amp;\xa6\x12[g\x86\xdd\xd8\x16u\xd9\xe7`\xf3\xf6'</t>
  </si>
  <si>
    <t>b'\x96K\xa0\x85\x12?\x07\x08F*e\xe5\x0bN?\r\x17\n&lt;L\x8b\x840q?\x0e\xad%I\x86\x06\x8f'</t>
  </si>
  <si>
    <t>b'\xcc\xa9]2q\x9a\x9b\x98\xda\xcb\x01A\xb0\xf0\xa9\xe2v\x80\x1d[*\xbf#\x9f"5OL6\xc6J\xd6'</t>
  </si>
  <si>
    <t>b'\xce\xc8%\xd5\xd7\x94\xc2\x01\xabo\xac&gt;Y\xc2\x9f\xbe4f\xad\xba\xc2\xc1\xb4[*?\x01N\xfa\x9eH\x9b'</t>
  </si>
  <si>
    <t>b'\xefl^\xdf\xd8\x1c\xd4\xaa\x9e\x023Q\xcc~\xfc\x86\x98\x8esP\xc0@\xa2\x12H$!\xbd\xf4l\x99\xca'</t>
  </si>
  <si>
    <t>b'\x88\x9eP\xf2ex\xb0}0m\t1,G\x92\x1e\x0c\x19\xfe\x82\x18\x81J/\x14`WVP\xdb\x83\x06'</t>
  </si>
  <si>
    <t>b'\xf3g"F+\x9e;y_%\x1b1\xed\x9e&lt;\xd2\xf9\xd9\xe7\xdc\xa6\x12dn\xb7\x10\x01\xbd\xfcZ\x1fS'</t>
  </si>
  <si>
    <t>b'\x7fP\x1f\x877{j\xfb+\x93\x8ez\x04\xf2;lb\xc7{tH\x1b\xa9\x8e\xdbK\x96X\x01j\xecv'</t>
  </si>
  <si>
    <t>b'\xb6-mB\x85\x1c\xef\xb9WLU\x17\xd49\xdb2\xf5\xd5\xb8\xa3\x01\x8co{\rm0\xd6\xfa9X&lt;'</t>
  </si>
  <si>
    <t>b'\xdb2\x8e\xc1\x8e+\x03\x9cv\\\x87\x1dP\xdd(\xcd\x82\x82\xe3\xfc\xb2\xf5\xac\x88t\x14{w\xc0\x89&gt;\xb4'</t>
  </si>
  <si>
    <t>b'\x9b\xe8*\x8e\xffv\x1f\xf0\x85\x8aw\xeb\xa0\x8bt\x15\xde\x88\xb5\x8fsm\xbdQ&gt;\xd7\xe2?u\xef\x90/'</t>
  </si>
  <si>
    <t>b'\xf6\x04\xa5\x9a\xb5\xf3\xf8\xa2\xae\xad\xe9\xd4\xa3&lt;\xbf\x94t\x11\xa2\x0buy\x84+\xb2\xdfY5\x10&lt;\x8fV'</t>
  </si>
  <si>
    <t>b'\xba&lt;\x85\xac&lt;\xd6\xa8\xd5\x18\\\x8b\xbf\x08L\x1c\xea;\xa5i\xfc\x04y2\xfe\x8b{c1\x1a\xc5&amp;\xc1'</t>
  </si>
  <si>
    <t>b'\xd5\xe1H\xa3\xe5\xe7\x1a\x9b\x91(-\x14\xf4\re\x89r\xee\x114\x08\xefAbq\xb0LLE\x08\xaf\x15'</t>
  </si>
  <si>
    <t>b'\x12&lt;\xe7\xe3\xd9\xc2\x17cu!\x8f\x91\xa41N\x8e=\xa5\x0f\xfekvaV\xa4vQ\xfd5\x9e\x1eq'</t>
  </si>
  <si>
    <t>b'\x0cw\x8d\x12\xa7\xaf#\x9bX\xdc\xa2\xd1\xfbIt\x1e0\xaeU5\xf3n\x9c\x8b[?\xca.\xe7\xd5\xae{'</t>
  </si>
  <si>
    <t>b"-X\x05g\xf1'\xdabxIn\xb8^\x9f\xe8B\x80s\x8a@7?8\x9a\xf1&lt;S\xdb\xc3\xd3\x84\xa0"</t>
  </si>
  <si>
    <t>b'\x8d\xbb\xd1\xff\x99\x1a\xe1m\x1a\x0bv\xf6\xf3-O\x8f4|N\xd7I\xfdp\xa3\x15\xf4\xd4:\x1b#\xcd\x1a'</t>
  </si>
  <si>
    <t>b'\xfa\xb7\xb53\x1f\xa6x\xd0\xb9.I3;\xb8k\xc9\x10N\x01H\x1f\xc0Q\xf852\x01\xf9\xef\rE\x96'</t>
  </si>
  <si>
    <t>b')z\xc5T\xdfb\xf4FV\x82\x03\x0e\xdf4\xfbO\xd7J\xa3\x8b\x87\x84\x82\x86\xd0&lt;\xf2\xb9\x10\xed\xbe\x11'</t>
  </si>
  <si>
    <t>b'TZ\x02\xa7\xef\x91&amp;\xa2F\x01f\xba~$\x8d\x8e4C\x82\x8e\x96S\xfcZ\xc5\xf6\xd3\x1b?)\x1fq'</t>
  </si>
  <si>
    <t>b'\x97\xf1\xaa\xcd\xea\xd5\xa9b\x1a\xd4\xafIB\x08\xd6t\xa0\t~\xed\xdc\x11D\xe9\x15\x8b\x8b\x94*\xa4\n\xb1'</t>
  </si>
  <si>
    <t>b'-fzvGPj\xf2*R[\xc3\x963\xd4\x94J\x15\x93N!*{\xa1\xb7\x8c\x8d\x1d\xa6G\x89\xca'</t>
  </si>
  <si>
    <t>b'\xbc\x8b\x99\xa5 0\xb3i\xb1\x8b\xf1\x8b\xf3\x94\x92\x11\x1d\x0bI\xa9P\xc7W;\xecA\xa2\xffF\x85\xa4\xde'</t>
  </si>
  <si>
    <t>b"\xc2\x1c\xf1\\*\x01\xeah\xa1\xf8\x8aFEn&amp;\xa8\xbf\tI\x10j#\x0c\xe4c\xad'\xc5x\x88\xafs"</t>
  </si>
  <si>
    <t>b'\x18^\xe7\xe3\xdd\xa1\x0e\x90$\xff\xc4\xdbe1\r\xb0\xb4gG\x8e/\x91\xc3\xab\x9f|L?\x03\x18E~'</t>
  </si>
  <si>
    <t>b'z]\x8f\xc75\xd8\xb9\xdf\xdb\xf0\x0f\xcb\xb9\r\x14;%_\x88\xbbgUJ\t\x08i\xd2\x0c\xcdZk\xf6'</t>
  </si>
  <si>
    <t>b'\x13\x15\x13S:\r4\xca\xed\xbd\xef\xcf\x96\x88n;_\xa5\xe0\xc4oAc\xaf\xde\xda\xb6\xd8\xfa@\r\x85'</t>
  </si>
  <si>
    <t>b'\x90\x91\xd1\x888\xbf\xe3cC\xdfq\xe70W\xce\x19\x96.\xa5V\xd7\xbd_s\x8d_\x98\x7f\xa7(\x17\xef'</t>
  </si>
  <si>
    <t>b'\x8b\x95!+\xbf\xf6\xb8\x1c\x00\xd1\x99\x99U\xbc\xdb-2K\xc3\xd4\xd520\xfe\x9c\x0e\xa5\xe0\xa4\xb0\x10\xb1'</t>
  </si>
  <si>
    <t>b'\x017=\x0b4&lt;w&amp;u\x96\xafe.\xdbi\x82-J\xa8\xc19\xd2\x99\x04\x17\xd9B\xcc\x91\xe6\x1c\x90'</t>
  </si>
  <si>
    <t>b'\x10\x06\xc14\xf9\\\xd4&gt;8+\xf6(\\\x92\xc3\xc7^+?kR\xc8\xa1\xca\xa0&gt;\xf1U\xf7L\xa9k'</t>
  </si>
  <si>
    <t>b'\xfc\x99\x18b\xe6!\x0b\xf3\xfd\x91)FNd\x10p\x95\xaa\xe6\x9f\xaf\x04\x85h]\xb3|\x93u\xf1\xc2\xfd'</t>
  </si>
  <si>
    <t>b'\xc4\xebJ\x98\xfaQ{V\xec\xba\x9d\xfc\xff\x9e\xf0\xaf\xd5\x0b\x93A\x864^\x17{\x96\xb0\x95\x95o\xda\n'</t>
  </si>
  <si>
    <t>b'\x92\xfdxV\x97?\x99\xcd\xe7\x1a\xff\xa7\x1b\x1f|G\xf6Z\xd0\xb2Yf\tq\x7f\xabp\xc7\xb8\x9e\x1f\xbb'</t>
  </si>
  <si>
    <t>b"\xc1o\x8eM\xed$D(\xce\x13iy\xca\xcb\xdc\xb4F0\x18\xf4{]\xe6al\xf86'w\x90\x8a\xc7"</t>
  </si>
  <si>
    <t>b'\xab\xcb\xe5JH\xe5\xefK\xaaV:d\xc0A6\xf1Ly\xd3[/\xe7\xd0\xd0EY\xcd\xe0\xc2+/\xe9'</t>
  </si>
  <si>
    <t>b'\xdbi\x95\x16\x91\xe4\xde\x19\xab8\xfe\xa6\x80T\xe1\xe7N\xf3:v\xd3I\x8cbQ\xc7d\xbe\xe5/ER'</t>
  </si>
  <si>
    <t>b"\xcf\xfe'&amp;\x14S\xc3\x1c\xd1\x03\n\xf2\xdc\xccy3\xcf6C\xa8@\x8dY\xd0wX%&amp;\x9e\xca\xd7\x80"</t>
  </si>
  <si>
    <t>b"~I\xef$\xd58\xa4W4\x82\x12\xb8\x17\xbc\xa6o\xf1\xe6\x07\xc8'\xdc\xeaD\x93\x9a\xcbX\x99\x13\x11\xc2"</t>
  </si>
  <si>
    <t>b'O\x80\xfe&gt;\xfd\xc4E\xfa\xe8Q\xa5[\x18\xc0j\x0f\xcd\x13\xf4\x08\x0e\x1fv;\xf3%\xc4.^1\xf9\xd9'</t>
  </si>
  <si>
    <t>b'0T\xe3\x0e\xd8\xabu\xf7\xe2\xb1,\x13\xa0.\tt\x05\xe1(|3mMv\xc8b\xe3p\xf8\xbe\xbe\xad'</t>
  </si>
  <si>
    <t>b'\xc6\xc1?\xdc:9z\x89\xebQ\xf5\x87sS=@ZbfG\xb5m\xb2\xbc\xb9O~\x81\x956\x15L'</t>
  </si>
  <si>
    <t>b'\xbc:\xb4\xb1&gt;V\x7f+\xb3,\xfb\xa2,\xea\x01\xed\xcc:\xa8w\xc0a\xd1\x83\x18e\xa6\xc9aiL\xe4'</t>
  </si>
  <si>
    <t>b'T^\xa4\xb2\x12\x17\xdd\xe8\xf4NamH6\x1cQ\xa1\x12\xf4\xf6"\xfa!\x85[.\xf9HYf\x07#'</t>
  </si>
  <si>
    <t>b'\x01\xd3\xaa\x82M\xa6}\xb2\xb7\x9c#\x17\xd2\xe2\xbcP3\x18\x9c\x08\xc8\x87\x90\x9d\xa1\xe4\x94\t~_\xa9='</t>
  </si>
  <si>
    <t>b'\xff\x8eS\xd3O\x1cm\x10\xe2D\xeeuy\xfc\xaa\xbd\x13\xb9\xf3^z\x16\xe1\xc7\x80&amp;\xaa\xe8\xb6\xa9\x15\xd5'</t>
  </si>
  <si>
    <t>b'\x19\xc0\x19`\xa8\x0b\xbf\x10]wB\x01\xf7LB \xcf\xbb9xoml\nxO\x17\xcd\xd5\xc8gS'</t>
  </si>
  <si>
    <t>b'\x13\xe9\xfc[\tR\xb1\x8e\x06\xda\x0b\xd1Q\x81\x88\xac\x0e\xd1\x1d\x12}\xf6-\xffA^\xff\xd5\x0c\xf8X&lt;'</t>
  </si>
  <si>
    <t>b"\xb3\x82^.\x86\x14\x82\x07\xa9\xf7\x0e\xfdM8\xe9'\x1d\x80H\xc8\xa3u\x03\x13o\xa7\xf0:\x92\xa8\x1e\xe2"</t>
  </si>
  <si>
    <t>b'-\x90T\x9f\x9c\x9c\x12Y\x01\x9a\xc4\xb8}%\x1e\x9c3?\xef2\xa2hJ\x06\xb6\xb3\x93BDc\xc9F'</t>
  </si>
  <si>
    <t>b'\xe7\x15w\xee,\x9ez4\xc1\x0b\x1ci\xd5\xf5\x96u\x9aHvW~\x96.\xb4\x8f\xfd\xb5@E\\\xbaX'</t>
  </si>
  <si>
    <t>b'\xb3C\x9d\xa1F\xf0\xf1/lC\x99{\xe4\xadz\x99 \x1b\xbe%\xf0\xce\x87;\xbf\xe8\xb9!\xac\xb7f\xcb'</t>
  </si>
  <si>
    <t>b'\xca\x1bb \xd9Rg\x81\x168\x9a\x8c\x92\x8d\xcd\x86\x1c&lt;\x9b\x14\x11a}\xdb\xf8\xf8\x05\x02\xd7\x1d\xd1\xf7'</t>
  </si>
  <si>
    <t>b'\xad\x85\xd4\x03\xa1`\x1dh\xeb\xd854_\xff\xbb\x7f~\x83d1u\x05\xf4\xe8Ho4\xfcf7f\xbe'</t>
  </si>
  <si>
    <t>b'R]\xc8\xc8\xb0\xc8\x9e+\xda\xa5\xf2\x81Z\x84v&gt;\x1d\xea5\xb4\x05\x95\x01Wq\xc8\xbb0i\x02\xfa$'</t>
  </si>
  <si>
    <t>b'\xd7[\xb7f\xe8D3\xe8\xae\x14\xaad&lt;\xc4\xb9\x92\xab`K\x8e\xd6`\x9a\xb91\xe9\x8a\xea\xd1\x03\x98Z'</t>
  </si>
  <si>
    <t>b"-\xfc\xfe\xefQ\x983\xf8\x87\xba\xb2\x83\xdf[K\xc8\xcc\x87\nr\xb4X\x87\x03-*\x10}m%\xd8'"</t>
  </si>
  <si>
    <t>b'\xf5\xdf\xf7[\x0b\xc9\x07\x1a\xcc\xbbo.\xe8\xd8\xbbT}dp\x97H-\x1a\x19\xcb\xd5\xc3a\xa6}~\x15'</t>
  </si>
  <si>
    <t>b'\xd9y\xf6Y:\x16\x97\x8d\xf8\xf9q\xbd\x14\xe1\x8a\x9e)\xfe6\xeb\xd1s\x950\xf2\xf0rh\x10@\xc7F'</t>
  </si>
  <si>
    <t>b'\xb8m\x15\xa5d\x13\x95R\xebt\xc9\xf3j\xfc\x04\xc3~\x98\xc7\xf0\x88A\x8a\x8c\xfb\xabd\xb6/\xd3\xc7-'</t>
  </si>
  <si>
    <t>b'b\xd8\x06\x82w\xd5{,)\xd9\x8d\xe0\xb5;\x10*\xed\xcckF\xb4\x18YH\xaf\x94\xb7\xdbH\n\xf3r'</t>
  </si>
  <si>
    <t>b"\xa1i\x0b\x04G8!\xdd\xdf\xeb9'_w\x02\x90\xf8A:k\x00\x06\x16\xa7#\x04\xb7\xc0\rL\xe4["</t>
  </si>
  <si>
    <t>b'\x86$\xa5\xe1\xf3Ow\\^\xa3\xe1I\xc4Hp\xe5\xec\t\xd0t\xdeA\xcdd~rE6DN\x01\x9c'</t>
  </si>
  <si>
    <t>b'S\xb5\xdd[\xd1\x98\xd6\xd0_\xaeC\xf8\xd8\x9c\xdas\x1e9t\x94M\xc3\x85O\xc9n\x1aU\xf5\xb8\x03+'</t>
  </si>
  <si>
    <t>b'\xda\xff\xa7Z\x95\xbc\xb6\x01\x18\x8c\xba:\xfa\xcfQ\x95\x99\xab\x81U\xfd\xd1\xdbP\x86\x91%\xd4\x07\xdcY\xa4'</t>
  </si>
  <si>
    <t>b'!\xf4\xfa\x92Qo\xb9\xa3&gt;\xf0rx\x82\x1c\xce\x08\xb1\xf0^\x8f&gt;\x89\xcd\x81|\xddg_\x0f\xb1O\x1a'</t>
  </si>
  <si>
    <t>b'p\x14\x16[~b\xe5\x1a\x9f\xc95\x19LE\t\xc5\x88\xd7*D\xb3cS\xf2Z\xc8\xd4\n\x15\xcc=\xe0'</t>
  </si>
  <si>
    <t>b'\x04/@\xf7\xd5\\\x92R\xcc\x83\x12#N\xec\xf6\x15\xabv2\xf8\xcf\x08\x14\xe1\x98\x05_\xf1&gt;\x0b\xf2\x85'</t>
  </si>
  <si>
    <t>b'\xb9h\x143\x18\xb5\xed~|6G\x05\t\xa2fXj\x99d\x04\x8c\xac\xa4\x1f\xf6q\xc8!\xb4yR\x90'</t>
  </si>
  <si>
    <t>b'fj\xee\xc9\xb8[\xfa\xe3\xdb\x94|\xe2N\x98\xa3\xd0z\xfb\x8c\x11\xc6\x97\x9at\xff\x89\xc8"\x84\xa0eV'</t>
  </si>
  <si>
    <t>b'\\\xee\xa6c\xad\xc5,(\x8f}\x1bU\x80\xa7K\xe3\xd0aC\x1a\xcf_\xf1\x1f\xd84\xcd\x82\xabA\x9e\xae'</t>
  </si>
  <si>
    <t>b'\xb9\xca\x9e\xe3o\x06\xc8\xd8\x05\xd1\x0e.\x9e\xc6\xaf\xcd\x16\xcb\xc9\xe2\xc6^\x94\x19 X\xc6*6\xeb:\xf9'</t>
  </si>
  <si>
    <t>b'\x86\xc2\xc1\xae\x11V.9\xd2"S\xf3\x8a :\xeb\x19\x8d\x95u\x00\r\xd4\x02\xa5\'\xd8@~=\x7f\xe9'</t>
  </si>
  <si>
    <t>b'\x8bV\x81,\xb6\xf5\xc3\xe3B\xbb\xf7\xa7\xa4\xfd\xcf\x93\x06\x01\r\xde\xca\xa1f\xd8\xc7 \x82qsn\xb0\x9e'</t>
  </si>
  <si>
    <t>b'\x88\x8b\x8d\x86\\\xa0o\x93\xf0\x8e\xb3\xe1\xb31\x07\xc2\xdaEh\xc7\xf1\xb5\x1d&lt;W\xf2\xa9\x99R\xa6\x9fC'</t>
  </si>
  <si>
    <t>b'\xf0e\x81\xc1\x91\xd8\xebj.:!\xcc\xb807\x83\xbd\x82`\xce\xbe\xbd\xad9 \x9d\x85\r\x8e\x16\x828'</t>
  </si>
  <si>
    <t>b'hzP\x14\x1bvh\xe1\xd7\xbcp\xe1t\x8b\xff|\xd5\x87\xe9\xef\x03Ce?C@?\xf6\xe9\xcd\x02L'</t>
  </si>
  <si>
    <t>b'&lt;U\xb7\xdaO^\xe2\xdc&lt;*i\xf4\xe0J\x89\xff\x80\xc8\x8b\xdbutLy\xa7.\x84Iy\x1aF\xe8'</t>
  </si>
  <si>
    <t>b"QR+yzW\xed\xb5\xda\xdc\xccq\xc3N\x109\xa3B6\xde'\xaae\xee\xcf]\\I$\xd6*\x00"</t>
  </si>
  <si>
    <t>b'\x11\xb0\n[\xe3\xd4(\x13\xefs\xf6\x1d\x03;_o&gt;\\\xd2\xee\xb0\x8e\xeb^\xb3\x0b.\t\x06\xc0\x98('</t>
  </si>
  <si>
    <t>b"\xcc\x8a8\xf89\x08\xa7\x8fV\x96b\x9fo\xa1\xf9\x95\x02\x8b^.1\x1eo6\xb7\xf9!\xd6`.-'"</t>
  </si>
  <si>
    <t>b'\xd6\x96\xf6!\x90w\x01M\xe1\xec\x0f\xf8M\x8e\xcc\x15\xbb\x80U\x84\xbf\xdah\xcd\xd2\xb7\x0f\xe8\xdft\xdb\x06'</t>
  </si>
  <si>
    <t>b'$\xd2p\x13\xd6\xc5[J\xe5\xa9\x93\x94\xae2\xeca@a%CK\x18\x9f\xa1ZQ\x90?\x1d\x88o&lt;'</t>
  </si>
  <si>
    <t>b"iz85\x03\xb0s\x97=\x8ab,\xce\x83\xd3+7\xbc@\x92\xcco\xdf\x9e.&amp;'\xec\x1c\xa2\x031"</t>
  </si>
  <si>
    <t>b'\x0f\xd3\x04\xb2u\x8c\x15c\xae\x84\x03\xbaj\x14A\xce\xb5\x91\xba\xc3s/H!\xafW\xbd\xf7\xcd\xf4\xaar'</t>
  </si>
  <si>
    <t>b'\x1bJ\x7f\xcb\x02\xb6\xf8\xe6\x9e\xfa\xfa\xa0P\xe1:\xb9\x86H\xbe\x91D\xac\xf4\xea}\xf0\xc7Y/\xda\xe5\x83'</t>
  </si>
  <si>
    <t>b'\xa9\x8d\xfd \x1f\x9e\xb3[CG\x9d\x93\x13\x02\xc0cX\xdd\xb9\xa1\xf8\xbf\xe0\x15F\xe1\xa78\xb4,\xa7\xbb'</t>
  </si>
  <si>
    <t>b'\x9aX5\xe9Y\x07&gt;\xf1\xf8Z\x9c\xbfU5\xc5\x97M/f\xd2\x03\x16:\xe8\x84e\xffQ\xbc\x0b\xb5\xdd'</t>
  </si>
  <si>
    <t>b'\x82\x9a\xbdT\xbe\xa6\x99{(\xcd\x13\xeaW\x00i\\\xec\xe7=\x8f\x9cC0]]w\xa5\x08\xc2,\xf6\xf8'</t>
  </si>
  <si>
    <t>b'\x9f\xa9e\xe7L\xd6\xf9ia&gt;A\xf2\nW\xf4\xb5\x81\xf9\x8f\x90&lt;\x8b-Gd\x05&gt;\xa7\x87\xa5b\xde'</t>
  </si>
  <si>
    <t>b'\xa9fx\x81\x92f\xb4\xb36\x97\xad\x15\x9e\x01QQc\xdb9,\xe7\xe8\xa5\x830G}\xfe \n\x8dE'</t>
  </si>
  <si>
    <t>b'%t\xc9\xfb\x1dn"\xb8/\xe8\xb1h\x0e\x9em\x7f@k\xfat\xcb\xeagKIX\t`\x18S\xd9\xc7'</t>
  </si>
  <si>
    <t>b"8\xb1\xc3\x81\xcb\xb6-\xd3\xc9\x80Z\xff\xa7\xce\xb4F^\xbf\x02\xf2\xf7\xbf\xda\xf1\xa8\x9f'\x9b\xb1\x93\xc2v"</t>
  </si>
  <si>
    <t>b"\x8c\x0f\xb2V?rt\xff\x8bE\x04'\xc6\xc8\xdd\\\xf98\xdc}kB^\x8f\x1ezs\x05\xb3\xdd\x1a\xfe"</t>
  </si>
  <si>
    <t>b'\xae\x9b\xb9@\xaa\xf0\x02\xe8qYY\xf3\xca\xfe\xee\x02/\xc2\xf4\xbd\x92\xf0`\xf2M\x99;\x02\x82\x8b@f'</t>
  </si>
  <si>
    <t>b'b\xac\x13\xd1\xd1\xf5_\x8fh\xe6\x15=o\xfdgG\x1aM\xd3\xed\xa9\\\xfd\xa1KOE\x06:D\xd2r'</t>
  </si>
  <si>
    <t>b'y\xf7\xa7\xd5\xf0\xfaz[J\x86\x10?_\xc5/M\x10\x9b\x19\xa5\xb5Y\xe1\x1cs\xc8\x88\\\x08\xef.\xca'</t>
  </si>
  <si>
    <t>b'\x96]Y\xe3!\xf4\xaf.2\x00\xc6c-\x8eu\xff\x10\xfc\x07\x1c8\xaf\xe0W#\x1d\x12P\xf9\x18\x9e\x9d'</t>
  </si>
  <si>
    <t>b'\x9b\x8b\x18\xa5\x8aG\xcd\xa6\x17\xa7\xa5\xc8Z\x81IT\xb6\xd0{\x9e|\xa4\x859-\xa1&lt;\xdf\x81\x11\n\xa2'</t>
  </si>
  <si>
    <t>b')\xf5\xc37\x99!)\xc2\xf7\xdbUV\xaf\xc5Q\xbf{\xb8\x9e\xe6\x01L\xdbt\xe9\xb6\xee\xea\xd6L\xb7\xda'</t>
  </si>
  <si>
    <t>b'r\x1b/v\x8d2\x13;\xdc\xcfp\x19C\x066\x157-\x00\x1e\xd4w\x99\x8c\xb7\xa7\xf6Z\x02\x0f\x16\xb3'</t>
  </si>
  <si>
    <t>b'\x1c\x9bvpV"\xee\xf0u\xcb\xf1\x8c\xf9\x96\xb5\xb0\xe0n\x83MI\xcb)\x04\xf8\x80\x01\x07\x98\xf5\x1e"'</t>
  </si>
  <si>
    <t>b'\xa25\xea4;\xdf\xaaa\xfd\n\xe8\xe9\xb32\xa1\xd1\xf3:\xdb\x8d\x84\xad\\Q\x81\xc6:N\xf9\xb6\x19\xf9'</t>
  </si>
  <si>
    <t>b'\xb6\x98\xbf7x\xcc\xa6Q\xacjN_\x01dy="\xa4\x99\xc2\xa8\x1d\xd5\x9c\xad\xb8=\xd7\xbe&gt;(V'</t>
  </si>
  <si>
    <t>b'\x85\x9c\xebGRk*v\x07\x02PQM\xb2\xbc\xfc\xe0_o/\x8e\x05\xa1\xf4\x07\xf4eZ:\n=\x8b'</t>
  </si>
  <si>
    <t>b';\x80\x8f%\x18u\xf2W\x0bu}\x01\xcc9\xe2\xb3\x0eH\xee\xf0\xc8\x85U\xbd&amp;\xac S\xa2&lt;\xa5\x11'</t>
  </si>
  <si>
    <t>b'\xb0M\x1c\xe2l\rn\x9c\xb9\x04\x8c\xedq\xf5\xcc\x1eZ\x03\x04_\xa6\x94\xe5\x1f)\x8c\xaa=S\xd0\x1a\xcb'</t>
  </si>
  <si>
    <t>b'\xf3Pt\x00\\\xee==\xd5^\x926u\x9cQ\xd0\x13\xd0Z^\x95\xb054\x1d\xd7Z\x97\xd5\xcb\x90\xe2'</t>
  </si>
  <si>
    <t>b'\xc2\xa2\xd6\x8eb\xd3\xeaH\x99\x06q\xf9\x83O_q&gt;\xfb\x9d3\xad\xaf\xe5\x1c\x01\xa7~\xc2Lmh\xcf'</t>
  </si>
  <si>
    <t>b"3\xbf\xe6}\xbe.xs/2\xd6eT\x9a\xa8\xf2zZ\x14\x9a#\xc7\xc7\xe4\xbd\r\x94\x91\xdd\x85'\xd7"</t>
  </si>
  <si>
    <t>b'\xb9%\x01\xd0\xae\xff\x93\xa7|\x95\x8f\x8b\xb1\xec\x86\x8a\xfaf\xdc\x07;8e&gt;\xe6\xaa\x9e\xef.\x99U-'</t>
  </si>
  <si>
    <t>b'\xeb\xf8u"\x0bt\xfcZW\x93\xd3\xc7\xd9w\xd6\x14\xfe\xc2\x91\x85`\xf2h\xe7^A@\xe7\x07\x99G\x06'</t>
  </si>
  <si>
    <t>b'K@\x9f@\xe2kA\xae\xd2i\xa8\xc0L\xa2\xdam\x85\xa9\x99\xb8\x05\x943\xfaM\xbc\x0c\x16\xf2NvA'</t>
  </si>
  <si>
    <t>b'\x87\xfd\xaa\x86\x03\xc0\\A\xeb4\xb9\xeej\xaa\xa5\xb5\xb4\x9aQvfH\x88W\x8c%\xd9\xc54J\xaeC'</t>
  </si>
  <si>
    <t>b'\xf9\xa0\xee\xe4z\xac\xe1$uJi\x1a\xac\xb7\x1e\xd5\xa6\n\x84\xd9\x16\x99\xfd\x87\xd2\\8\xfa\x0c\xc4\x19R'</t>
  </si>
  <si>
    <t>b'\xf8\n_j\xc6&amp;\xc8A\xf8\x88\x03\x8c\x18c\xe4\xa8\xd7O\x1c^\xf6\xcfN=\xa2\x1eA\x15\x1b\xc5\xfe\x82'</t>
  </si>
  <si>
    <t>b'x2=\xbdv&gt;\x08\xcb/\x05\x95\xf6\xe9\x08\xf7\xc0sr\xe4\x05* "=\x82\x99X\x19c\x9f\xed\xbe'</t>
  </si>
  <si>
    <t>b"\xb0\xa14C\xe1\xe2\xfd\xc7\xba\x16\x94\x1aTk\x06\x92\xa3b\xf4\xbe 'Z\xd9\xf6S\xf4\xfc\x9f\xdb\xf64"</t>
  </si>
  <si>
    <t>b'\x07\xd7\xcc=\x88r\xa0Ze\x88\xf9\xe2\x0b3\xef\xe84Su\n\x02Q\x1bS\x03\xff\xa6\xca\x92G\xc1\xac'</t>
  </si>
  <si>
    <t>b'\xf7\x9f\xc8\xbb\xab\xb8 w\x0e\xc9o\xd56$\x94i:\xc0n\xe9\x19=\xa9\xed\xaf\xdcd\xf53NT\xe8'</t>
  </si>
  <si>
    <t>b'@\x1c\x94\xe6\xa0g\xce}\xe8\xf4\x9c{\xc94\xcd\xa8!\x1f\xb6\x85\xd4\xd5\x11R\xa8Q3N\xbe\\o_'</t>
  </si>
  <si>
    <t>b'\xd9\x0f_\x9c\x95\x14\x07u\x1d\x06\x03\x04\xae\xd0\xb7\xcd\x1a\x90\xb4j\xb8s\x80\xf0\xe9\xbc\xb3hF\x89j\x8a'</t>
  </si>
  <si>
    <t>b'.,\xf3Z\x85\xeb\xf4\xa8t&lt;\x0e\x01\xe9u\xd9V\xc8\\!\x8c\xffsV8\xe8y\x95\xa8\xc59$\x8e'</t>
  </si>
  <si>
    <t>b'\xe49"n\x95\x1a\xf0W\x15\x0c\xca\xf4i\xfc\xd3\xc2\x04#\x94\xa1\xbadY\xaab\xd1Z\x1cw\xe3\xa5;'</t>
  </si>
  <si>
    <t>b"5A\xad\x84\xe6\xf1'\x1d\xe2K\xff\x1d\x80|\x02\x12\x86\xcfM\x92\xf5!\xf8\xe7\xfbC\xb7\xae\\\xe4\xe7\x05"</t>
  </si>
  <si>
    <t>b'\xc0"\xbf0]v\xc4\xea\xfd\xbdF\xb0\xac"\xea\xb9\xdfAU\xb9\xd1\x9e?\x14f\xfa\xb2d\x80\xa8\xfea'</t>
  </si>
  <si>
    <t>b'p\xf0\xc4\xa81,\xc2_\xda\xb6I\xebN\xe5/\xe4\xa4\x0f\xec`\xbe\xac\xd4%\xfc,\\\xfb_\xe8#*'</t>
  </si>
  <si>
    <t>b'C8\xa3\xb3\xdd_\x07\xe0\xe7s\xd8l\xc4K \x19e+\x14\xb2&amp;\xbb0\xcd\r\xf5\x13p\\\xd2\x99 '</t>
  </si>
  <si>
    <t>b'c\xbe\xf2FI\x05\x8f-\x9aL\xe9\x0eiI\x1a\xbaq\xac(\xef\xcdY\xe1\xc1\x84\xec\x1f\xcc=9[r'</t>
  </si>
  <si>
    <t>b'\xacuP\x91\x856@\xf3\t?\xc9m\xd0\x8b\x93*=&lt;T\xc1\xb2?S\xcb\xc7c\x91J\xd1\xcf;\xd2'</t>
  </si>
  <si>
    <t>b']d\x18\xc5;\xac\x0c\xe2q\xcc\xb5\xad\xe3\xc0y"i\xa3!\xad0n\x03\xcaVv51\xa5%\x02\xc8'</t>
  </si>
  <si>
    <t>b')\xcb\xcd#h\x1f\xa6\x02\x05\xb29\x009+\xbe\x86\xe7\xf97\x0e\xe8\xd1\x92&amp;\x12\xef$q\x17\xdc\x08\x8d'</t>
  </si>
  <si>
    <t>b'\xca\x86\xb5p\xc5\xe4\\\x93\x17\xc1\xa1\x88\xfe\x01\xdb\xe5\x10\xf1"\x8ei\x02\xdf\xbc\xb4\x8d\xe44\xcdl\xb6\x8f'</t>
  </si>
  <si>
    <t>b'\xcea\x80\x94j\xea\x04\x8b\xc6U\x9a\xdb\xb0V\x14\r=\xce\xf7\xbc+\xee\x8c#SR}\x00\x8ek.\xea'</t>
  </si>
  <si>
    <t>b'\xf2\xa7\x9e\xd4\xa3l\x89\xb9\x06L\xd0\x1d,f\x87x}q\xb8&gt;\xf3\x97\xcd_\xca#-\x84\xf915\xab'</t>
  </si>
  <si>
    <t>b'2\xe3\xa6\x91\x80\xb7\xd3n\x9b\xb1@\xe6\xa1\x01M\ni\x06\xc7\xc2\x9ajr\xeb\xa9\xc5\x08_\xbf\xf1Py'</t>
  </si>
  <si>
    <t>b'\x9a\xe2\x94\x9d\x9f\xc6^\x999o\xa1-\xceE\x98K\xcbi\xdd\x9c\x14!\xd8\xee\xcd\xeb&amp;\xff\xaa\xb7Z\xcc'</t>
  </si>
  <si>
    <t>b'\xbc\xcf\xe3JP1\x8a\x0cre\xd5d\xcc\xa2\x9fL\xb1\xee`\x03\xb6R\x17|\xdb5/\x1ep\nn\xd4'</t>
  </si>
  <si>
    <t>b'\x9b\xc0\x05\x1dQ\x88\xdb\xa9\x0e\xd8\x07\xe20\xd5EQ8.PN\xc4\xba\xdaM\x99\x9c\x85\xf4\x10\x80$\x82'</t>
  </si>
  <si>
    <t>b'\xde\x7f&lt;\x19\xac\t\xb57\x97\xbcy\xc6\x83\x80x\x8b\x877\x9d\xb8\x1d\x1b\x1f\xa9\x00T\xb5\x8a\xfe\x0e_\x98'</t>
  </si>
  <si>
    <t>b"'\x96\x0e\xdbVjn,\xcc,K\xbf\x94\xe8\xca\x89\x94\x8dU\x8b\xa8\xf3\xee\x14\x00W\x1a\xd3\x05\x8d\xea\n"</t>
  </si>
  <si>
    <t>b'\xbb\xf0y5\nZ\xa9\xffa\x9bz\xab\x85\\\xb83\xa8;aJU\xf4\xd6\xf1 \x81P\xd0\xa8f\x87\xd9'</t>
  </si>
  <si>
    <t>b'\xac!.v\xaa\xb2\xeb\xf2\xfa\xdeB\xb9\xe3\xd4\xac\x11\x17\x963\xeaDy\x02W\x97l\xacm\x19\x85\x03P'</t>
  </si>
  <si>
    <t>b'\xc8\x12\x07b\rP\xcbd\xc5\xb05~Ie\x85\xb4\xfb6Ge\xd1\xcf\xcb J\xc4\x94q\xfdV)^'</t>
  </si>
  <si>
    <t>b'R\xddS\xa6\x97\xf4s\x9b\x97\xd0\xe90\x96\xce\xbf\xde\x1ad\x8d\xd9\xe5A7\xe9;\x84IR\x0c\n2\xbe'</t>
  </si>
  <si>
    <t>b'\x9f\xe4Q\x1fV\xb5,\x7f\xcdM\xca\x15{w\t\x8a\xc9\xe6`K\xc4w\xa1\xb7k\xfe\xde\xd2\\\x11W\xda'</t>
  </si>
  <si>
    <t>b'\xd5\xe7\xdf\x87&lt;\x14\xfb\xca\x97\xc1\x90\xf1\x9d0\x08\xbe#\xdd\xdf\xfe\x038\xf5K^\x1f\xbbLI"\xaf\xed'</t>
  </si>
  <si>
    <t>b'w\xa1\xb3\xb6\xddG\xa8\x08\xd4\xc6\xf2_\x11\x16\xf0;h\x0c\x00C}\xb5\x9f\x88*\xd1\x0cq\x9e\x8dM\x05'</t>
  </si>
  <si>
    <t>b'\x8a\xfa\xed\xe3\x92\xc1p\x9aq2\xba\xb9\x07\x07\\\x9b\x95\x1c\t\xa8l|j\xfd\xd9\x8f\xb1rq\xceGG'</t>
  </si>
  <si>
    <t>b'F\r\xdc\x87\x95\x12\xd1\xdct\xfb\xd3&gt;`\xb5C{+\xb6\xf9\xf4\x80\xad\xc3\xe3\xf2\x87D\xfd\xa6\x07\x81\xfe'</t>
  </si>
  <si>
    <t>b'\x91P\x0f\xc5\\\xc4\xe5y\xd1M})K)\x96\xf1.\xd4\t\x87\x95 -\xbe\x05\xc8\xbexq\xe6\xdf\xc5'</t>
  </si>
  <si>
    <t>b'\xe9\xf911\xabE\x87\xde\x19\x06U\x1aHw\xc4|\x04\xbehP\xfe\x063\x04\x1c"\xd6\xd1\xbe\xda\xf2 '</t>
  </si>
  <si>
    <t>b')9\xc7n\xab\n\xd0-\x86\x84N\xd0\xe3\xbf\xb8\x00Q\x1e\xaax\xe4+\xc9\x96Q\xb6\xda!\xc5x]/'</t>
  </si>
  <si>
    <t>b"\x88'$[\xe32\xbf\x06&gt;gz,S(\x98\t\x12\xc4\xb3\xb4\xb9\xbb\xd9\x19z\x98\x92t\xfa3\xdb\xb2"</t>
  </si>
  <si>
    <t>b"\x89\xc8\xe1\xc9\x94\x83\x8f\xcf\xbb\xdb\xdf1\xc0zA\x92\xc5\x99\xa6\x04x^'\x06e\xc9\xe3\x81\x03\xc0\x1a~"</t>
  </si>
  <si>
    <t>b'\xdf\xb7\x1d\xc8Y:\n\xde`\xc9\x98\x86\xbb\x9e\xb0\x03\x1c\xca\x88\x89\xe9\x01\x9f(\xf0\xe6\xb3\xf3oB\xaad'</t>
  </si>
  <si>
    <t>b'\xd5\xe7\xcb\x1cYEY\xa5\xf4lF\xd6\xbc\xfa\x88\xc6;\xc7\x0e\x92@Lk\xfc\xe5F\x91\x08\x8e\x9a\x92\x16'</t>
  </si>
  <si>
    <t>b' \x1c\x05\xf0\x9e\x05\x1c\x96\xc8RXf\x94\xc5\x1f\xbf\xdb\x01\x87M\x9dr\xe3pej\x83&amp;\xc5F\xa5*'</t>
  </si>
  <si>
    <t>b'\x91\xba\xd3\x12A;j\xa6\x96Qn:\x8a\x86\xac\x85\xe0}"Vk*I\xe9\nP\xb8VG:\xf5\xf1'</t>
  </si>
  <si>
    <t>b'\x1e\x88\xe2"NWyd\xdd\xbc\xd28\xb2\x03\xce\n\xf6\xd5\x17\t\t\x0e\x84\xb8\x8e\x89^\xc5\xdb\xd2O\xd5'</t>
  </si>
  <si>
    <t>b'\x01?\xad\xf7IAh\xe9\xf10\x92m\t\xaf\xefq\xce\x08\xeerY62%\xeeX\xd1\x1cL\xab\xb1\xef'</t>
  </si>
  <si>
    <t>b'\x1d\'\xa7:\xf1\xc9\x85C\xfa\n\xab\xfd\xf7V\x92\xefl\xa2 \x90=0\xf7\x19"\xfa`a\x81\xf8y\x83'</t>
  </si>
  <si>
    <t>b'v$hL\xb47\xe4\xb5\xa3]hb\x93\xe6\xc7A\xaa^m\x16\x9c\xf6\xea\xba?\x8c\xc9\x83\x9f\xed\x997'</t>
  </si>
  <si>
    <t>b'kF\xa0 \xe6\x02J0cY\x87\xab@n\x7f\xc8\xff\x8c\x0f\xe8$%*f\xce\x03f\xa3\x1a?NU'</t>
  </si>
  <si>
    <t>b'2\xf5R\x85FB\xbd3\xed\x0b\xc7\x05\x03\xa8z\xe4\xb33\x05\x85u\xb6dh\xc9\x87\x81h\xa5c\x1b\x9f'</t>
  </si>
  <si>
    <t>b"\xd0mY+\x9eV\x7fFO\x9aRt\xa8\xa4\x02'\xd2#\xbb\xef\xcd\x12\xcbU\x7f4\x8b\x07\x05\xbb\x16."</t>
  </si>
  <si>
    <t>b'\x9f\xbd\x8fs0:\x8d\x8f\xc9S\x11V&gt;l8\xedp4\xe0\xa2\x15v\x95\x9a\xd0\xd5\x8b\xf0\x1f\xe9\x882'</t>
  </si>
  <si>
    <t>b'j\x96\xb6\x8c\x8283\xfc\x80\xbf=D\x13\x91\xff[e1\x1c\xf9\x0b\x9a\xb07\x9fJ \xb9\xb2\x13\x16\xb0'</t>
  </si>
  <si>
    <t>b'\xbb7\xebhH\xcb\x80\x116\xeara\xf6\xb4B\x94\x14\x1e\xb5\x02\x07\xaa\xf1\x85\xe9u\xda\x05h\xd6\xc19'</t>
  </si>
  <si>
    <t>b'\xb4j&gt;\x99?\x17\xe6\x8bB;\tI\xe8\xd4d{\x9e\x86&amp;\xe5\r\x93\x9b\x14\x0f9\x07\xef#\xe5\x06\x9b'</t>
  </si>
  <si>
    <t>b'\x98s\xe0s\xa8\x80\x10\x81\x13\xbc\x0eSu^\xd0\x17F)\xde\xc7\xb1\x1f\x8c\xfe^\xbbi\xba\xa9\xcf\xcf\x9d'</t>
  </si>
  <si>
    <t>b'B\xad\xadi/\x17T\xe6\xe6\x11y]\x18L\xb9\x17\xef\x91\xb3\xf2\xef\xcd\xd35\x93\'D#X\x0e\xa5"'</t>
  </si>
  <si>
    <t>b'\xb5\x8b\x14q\xe8\xbeQ\x83&gt;F{\x8a\x0b\x99.\xdb\xb3\xfbsP\xff\xe0\xc5\x1a\xea\x1d\xae\xcb\xda[\xc2\xc2'</t>
  </si>
  <si>
    <t>b"\xbb=\xbeA\xbc\x17\xed\xa1x\x83\xab\x1f\x98\x80\xaf\xcfJC\xf8\x9f\x87\xd3\xbd\xc9\xbaM'\x0b^\xe1#I"</t>
  </si>
  <si>
    <t>b'-\xe2]\xb4\x060\x87\x02&lt;P\xd5\xb9\xfc;\xfe\xae\r\xeeP\xda]\x80\xb6A\x0b\xb4\xbfO\x8b\xdd\x05\xdd'</t>
  </si>
  <si>
    <t>b'#\xd3\x85f\xf4\xff=\xad/w\x8c\xcb:]kz\xe4\xc9K\xb3~\xd5\x13\xfd\xb3\xa2Bx\xc8\xd3\x7f\xa3'</t>
  </si>
  <si>
    <t>b'\xc33H\xe7\xd9\xde\xd1A\xa1\xad\xfb@@F#9HA\xf4\xe3\x9b@~\xb3vu4HWEu\xf7'</t>
  </si>
  <si>
    <t>b'\xbd\x9a\xbcU\x88*\x84\xd3L\x0f\xf9\x11\xe1\xd21*A\\\xa4\x91\xb0\xa6\x03\x12\x9e\x1c\x1a{\x03\x037\x03'</t>
  </si>
  <si>
    <t>b"@ub\xd1Q\xecG)\xe4\x1b\xa2\x7f\x05\x9a\x84\x013\x8e\x1d\xef\xfbMS6!\xa3\xd7\xc9:'\xfb\x9c"</t>
  </si>
  <si>
    <t>b"\xdb\xe2\x0f\xaf\xfd\xbfo ~\xb3\x01\xa5\x9a\x84{\x10+'\x9d\x0eM\x95\xd9\xec$y9eQ`\r!"</t>
  </si>
  <si>
    <t>b'm}\xb7\x94kl\xe4P\xfc\xc1\x01\xdb^A\xf9\x1dp\xd6}N\xcc\xe4\x0c\x8d\x123\xba=\x996\xb3P'</t>
  </si>
  <si>
    <t>b'9gC\x14\x11/\r\x88qPN\xb8q\x91}F\x13\r\xbc\x18\x0cI\x8d\x08c\xac\x85\x17\x08*\xf4\xdf'</t>
  </si>
  <si>
    <t>b'\x8c\x1f\x1b\xdf\xd0ZXB\x8c3-/m\xa1B\xbb\xa1\xea\xd9\xf6\x88\x912z\xe4\xaf\xf4\xfb(!\x91\xf6'</t>
  </si>
  <si>
    <t>b'\xcd\xf7\xc2\xaf\xf5B\x9d&amp;&lt;LSk\x19\xc1;R\x07\x8b&amp;\x84Gc\xc3\xd6\x8dh\xad\x8dp\xb7^\\'</t>
  </si>
  <si>
    <t>b'`1\x17nY\x1frz\xdbp]~\xeb\xd6\xc1NE=\xee\xc7\xf9~\x8c\x0c1\xd45\x15&amp;\xbd\x93\xae'</t>
  </si>
  <si>
    <t>b']\x1e\xa0\x0e\xcb\xdd\x06}/\xfa\xeb\x02\x97\xf5\x1cY:\xfc\x84\x91u\x89\x15\xea\x8f(\x1bO4\xe5^\xcc'</t>
  </si>
  <si>
    <t>b'\x9d\xb4\xf0a\x0eL\x91\x86\x8d\x85F\x99\xaf\xa5S\xfd7\x9d n\xea\x9e\x0c@\x90\x1f\xf9x\x1c\xb1YM'</t>
  </si>
  <si>
    <t>b'\xf8\xddza}~2l8\xbc!\xb2-~\x97\x18\xae&lt;\x92d\xb6&amp;\x9c\xb3O\xa4\xdf\xee\xc6?\xa6\xc2'</t>
  </si>
  <si>
    <t>b'\x80\xa2\x1c\xac\xafr\xe0z\x03r(@\x8a\xd2\x0by^\x8b4\xe0Zx\x1f\xaa\xf1\xef\x91;\xd9\xeb\xaa\t'</t>
  </si>
  <si>
    <t>b'\xeb\x07\n\x13\x9a\xa0\xc0\x8c\x8f!DR\xaa\xbe\x19E\x8f\x1b\x087\xf4\x8e\xb2\xf7/j\xe7\xcc?\x17\xd0Y'</t>
  </si>
  <si>
    <t>b'\xef\xf8n\x08^\x13\xaeK\x0c\xfd| \xbd\x04\n\xfd(\xdd\xb2\x945\xecp\xdcq31\xd1D\x08\xfd\x0e'</t>
  </si>
  <si>
    <t>b"\xe8\xd7MQO\xbe]4\xbc\xd8/\xe5\x14\xb0\xa0\xce\xd0\xdcq\x9f\xad'G\xff\xc0\x90\xb7{S\xd0\x16 "</t>
  </si>
  <si>
    <t>b',\x17\n\xfd\xee.\xaf\x96_\x92\x8c\x95m\x13\x00\x9f\xf1E\x8a/I\xa0\x89K\x00\xb2)\xdd \x86E}'</t>
  </si>
  <si>
    <t>b'\xb0\xb2;\xefK\xc6\x1d\x88\xb7(\xe6\xa3+\xc8\xda4\x8c\xff\xa6\x86\n:\xf5\x19\xdd\x92\xe7\xf0}D\xf6\xbf'</t>
  </si>
  <si>
    <t>b"5C\x0c'^\xaa\xc1\xa4\xfa\xd7\x12\x9eW\x90\x04\x86z\xd1\xe2\xf3\x10I\xdb\xd3g]\xdb\xe4\x82,\xb2M"</t>
  </si>
  <si>
    <t>b'\xa1U\x16\xb3\xc1\x0cK&amp;\xe1\xabg7\x9d\x12\x8fq\xd1J{\x1dAQ\xb2\x9f\x86]C\x92\x1f \x9c\x7f'</t>
  </si>
  <si>
    <t>b'\xd1\x07&lt;X&amp;$\x1b\xf2|{\xa5\x8d\xd0\xec{\x7fs\x93E\x92\xbd8r.\t\xae\xc4y\x87\xae4\xed'</t>
  </si>
  <si>
    <t>b'\xdc\x05\xfa5;\x9e$X*3\xc7G \x80\xcbC\x11\xb5R\x83a9\x15\xed\x96K6\xff\xd1\xf3T"'</t>
  </si>
  <si>
    <t>b'\xf4r\xa9\xe4\xf4\xa8\xd9\x93\xbd\x84I\xb6\xc62F\xf5rS\xb2\xd8(?\xc3\x90\xd0*\xbfXpEe\xc1'</t>
  </si>
  <si>
    <t>b')[1\xd9\xb5p\x84\x85\xfdv\x10N\x02\xd2\xa9\x9b\xe5\x19\xb6\x03-\xbd\xdd\x1b\x84\xe2{=\x84\xa1\x86\x8c'</t>
  </si>
  <si>
    <t>b'\xe1u\xa4\x9d\xdc\x02\xc7A\xe7\xeeC1/L\x90\xa4y\x9aR7\x00.\x91\r\xdf8\x9dz\x15\xca\xc64'</t>
  </si>
  <si>
    <t>b'\x02\xcdS~\x91p\x1aAm\x00/Yf\xd1\x8b\x82Z\x1db\x97\x0c\xe5s\xa7E\xbc\x9b\xf8~eY\x9c'</t>
  </si>
  <si>
    <t>b'\xdb\xd9J%\xbb!M\x06\x80\x9f3\xa6G\xa9\xba=gAa\xe7@\x9eA:\xadQ\xbe"\'U\xa8\xe6'</t>
  </si>
  <si>
    <t>b':\xd7\xf3\xe9v\x82s\xd7Z\x14\x9f}\x1f\xd5z\xa3\xff\xab\x87\x16\x8c\xa7\x962\xd8\xb5Y]c\xafY$'</t>
  </si>
  <si>
    <t>b'\xcf)\xe5\xe1\t$D\x0b|\xd0*\xd9\xe9\x12\x9cW\xef\xc7\xcd!\x9f\xb9u\x98M\x0b\xc7\x03\xde\x88\x99\xe4'</t>
  </si>
  <si>
    <t>b'\x8fP\t\x9c\x0e\x93\xb5Q\xf4\xb3\xe6\x1e-\xeb\x80\x1a\xb0\x85\x9e\xfa\xd8\xda\x8f!\x0b\x97\x142\x84&lt;k,'</t>
  </si>
  <si>
    <t>b'\x01\xc0\x88\xd5\xf1e\x17\xd3u\x0b\xb7y:\xd9%\x15\xb1\xddE\xfb\x88\x9cO\x95oj}\xc5\x84L\x00s'</t>
  </si>
  <si>
    <t>b'\x05\x18u%T\xc9\xa1\x02\xa2\xb02bk\xb0\xb6\x8c\xc9&amp;L\x93Y\xf4B\x82\xa1\xf1dl\x01=\x03\n'</t>
  </si>
  <si>
    <t>b'\xf9G7\xa4\x13\x92\x86\x85\xfdC\x9a\xe0\x95\xfa\x9d\xd5RLo\x99\xb9B\xc8\x90\xebv_Nd\x8d\x13\x87'</t>
  </si>
  <si>
    <t>b'\x87=\x1f~{7M\x888\xa5{l\x02L\xcah\x8a"\x96\xa0\xbb5\x1fF\x91_\xfc/(,\xc1('</t>
  </si>
  <si>
    <t>b'\xb7\xeef\xcc\x01J\x9a\xf9m/\xc8\xfa\x91F6\xbaRG\x0eI\xab&lt;IP\xc3O\x9aeP\xa6\xa0\xe3'</t>
  </si>
  <si>
    <t>b'\xef\x969\x12\x04?\x10\x15\x019&gt;c\xf3\x95\xec\x9b_2\xfb\r+\xcb\xa3\xe9\xf4\xb9\x9a\xe10S\xee\xd4'</t>
  </si>
  <si>
    <t>b'\x92\xcf|\xed\xe4&amp;\x1f\xcf\x991-\x82Ku\tw\xfd\xde\xe6\x8cv\xaf\xdc\xb3\xf4]\xdf\x1fM\xdc\x94\x93'</t>
  </si>
  <si>
    <t>b'&amp;\xde\x1f\xca&amp;\nR1\x1bP\x92r\xb6n\x7f$\x8ab\xb2M\xd0J\xe8~R\xec;\xed\xa9\x97M\xc4'</t>
  </si>
  <si>
    <t>b'\xaa\xc7\xf4\xd4\xd66+z(\x87\xe5F!\xffox4~\xa1q)\x03?\x12U\x14\xb9\x9bY\x90\xdeF'</t>
  </si>
  <si>
    <t>b'\x9c\xd7\xc2\xcf\xb9GS\xa5\x8c\t\xf6\xea\xe5\xc5\xc9\x9d5\x8d\xa9=T\x032\x13\xb6\xe4\\\xe2Mj\xdds'</t>
  </si>
  <si>
    <t>b'\xf5\x9a\x9cP\xfc\x177\xa9n\x7f\xf7\xd4\x87\xca\x12^&amp;\xfb\xeeo\xf2N\xc1xn\x98;HP\x89\x98\xb8'</t>
  </si>
  <si>
    <t>b'/\xf0\x08g\xf7\x9f?,uYD\xbeB\xb28)\xdf\xdb\x12\x8f1gb\n1\x8f\xbf\x0b\x1a\xb7k\x03'</t>
  </si>
  <si>
    <t>b'q\xe9.\xb8\x88g\xee\x8b\xb2\xd52ofM\xa5\x19\x9b-=\x03PQ[\xd9\xa5\xf96\x99C\xed]\x94'</t>
  </si>
  <si>
    <t>b'9E\xe8\xb3\xc5}\xa8\xaai\xed@\xcf:\xae\x00\xcdsC\xecY\xc5\x9b\xf0\xef\x9d\xe7\xb3\xb91\xb7z\xbf'</t>
  </si>
  <si>
    <t>b'\x13\x96\xeeia\xd0asd\xfe\xd9\x90ek\xa8Ssz\xfd\xb1\xdc\x00M\x87Q.\x82\x94\xcf\x83\xe8d'</t>
  </si>
  <si>
    <t>b'D\xc1\xbd\xc9\xb6\x9c~C}P\x13\xa1\xf9R\xdc\x17\x96x\x9aJ\xc8e\x9b\xdc\xcc{\xb7\x1d?\xf8\xec\n'</t>
  </si>
  <si>
    <t>b'\x14\xad\x04\x10\xdbe\xf5A\xaca]gF!\x0cE\xc35\xad\xb6+$\xf3;\xc4!TX\xc6G\xc7\xdd'</t>
  </si>
  <si>
    <t>b'\x08x\x0e\xfd\x07c\xb3}\x08\xddd\r\xe8\x81\x94ge\t\xee\x89\xb1\xc9J\xa1.\xa5\xd4\xf63p\xa4x'</t>
  </si>
  <si>
    <t>b'\xf3\xee\x8d\xe9~8b\xf6x\xf4\xb5\xa38|A{^\xd3Q\xd5\xe7\x7fp@F?\x93\xc6D\xa8\xe5\x98'</t>
  </si>
  <si>
    <t>b'\x03S\xc2\xbb\x11\x80\xaf\xec\xf2\xe6\x87\x88u\xbcI4\xd5!\xb2P\xb4\xd7\xb9\x86\xff\xae\x94\x0b\x83\xa4\r\xe2'</t>
  </si>
  <si>
    <t>b"l\x05[D9*\xf1Y\xf19\x83\xb7\xb7'\xb64\xdb\xda\xc3\xe7\x87Q\xde\x02\x06\xc5i\xc5\xb9\xadz\xea"</t>
  </si>
  <si>
    <t>b'\xc6&gt;\x9a\xdb&amp;\xf8\x11\xb0\x9d\x00\xbc\x9a1p\xac\x7f\xb0\x84\\En%M\xfbAX\xdfyK\xee\xf9('</t>
  </si>
  <si>
    <t>b'\x02=\xda\x93\xd6p\xaaR\x87\xc5\x15\xab\xff\x9f3\x08\xa8\xea\t-D\xc8U\xbd\xc2\xa8\xf9\x92\x88(\x15R'</t>
  </si>
  <si>
    <t>b'Bm3\x91\x01\xc0kF4(\xaa}\x9a.\xbc\xffo2\xc8\xc7\\\x1c\x86\x80\xd46\xf4\x8bu\xb3\xc0I'</t>
  </si>
  <si>
    <t>b"\xc5\x19T\xa1V\x17\xe3C\xd1B\x9e\xf9k%^\x83)\x9e\xca'\xdeK\xae\x17\x8cn\xc9\xae\x89\xce=/"</t>
  </si>
  <si>
    <t>b'\xebF\xe3&gt;\x08\x11\xbe\xbf&gt;\x95\xbb\x0b\x95d\xd1\\vq\xb3J\xe6\xb6\xf1\x8f\xb9\xb3\xde[q\xa7\xd7g'</t>
  </si>
  <si>
    <t>b'\x0e\x0b\x00\x1aqE6\xd8\xeb\x88\x97\x85=R\xca\xc1\x81|5~F\xe7OhO\xcc\xa3\xae\x1dFF\x96'</t>
  </si>
  <si>
    <t>b'\xf0\xd7~\xad\x048\xf6\xe0\x1e\xf7^c\x16\xc3\x8c\xd4\x02\xba\xde;JA\x19\xa8\xda\xf9\xa5&lt;\xf8V\xf9\n'</t>
  </si>
  <si>
    <t>b"\xf4\x173'\x98\xf6\x9fT_\xe5\x14?\xeb\xf7Rn\n\x91\xacuu\xc2\x0f#+;\xf2K\x93I\xa3\xfd"</t>
  </si>
  <si>
    <t>b'"\x91\xfd\xbe\x17\x9c\x9b&amp;r\xfc\xb9\xe9|\xaa\xc2\x81|\x0e5\xc5n\x82N\xe7\x92\x84\xf6\xda\xdakf\x8a'</t>
  </si>
  <si>
    <t>b'\xe6/3\xb1\xf3^\x8d{X0C\x9b\xc2\xa8:\x86\x17;\xcc\xaa\xda\xc5\xddQ\xea\xbfh\x9a\x1d\xca\xa4z'</t>
  </si>
  <si>
    <t>b'+\x07T\xfdk.\xcf\x90\xea\xf0\x18\x0fM\xc21\x90\x84\x90\xbcM\xdd\x13\xcbP\x05\xc5\xdb\xac\xfaj\xa9&lt;'</t>
  </si>
  <si>
    <t>b'\x8f"y\xef\xdf\xb6\xc8^\xc8\xf2\x0bZpMW\x07*\x9ar\xde#\xe5\xd4\xf7\x85\x8e5\x0bo\xe8MH'</t>
  </si>
  <si>
    <t>b'/\xa8\xdci\xec\xba\xd9\xe5\xed\x88\xa2\x9aF\xef\xe8\xeb&lt;\xd2fG\x89\xd3\xe8\x18i]\xb1\x0e:\x9f\x8f\xd1'</t>
  </si>
  <si>
    <t>b':Q\xa6\x04I\xab\xc6U\xc1\xed\xf3l\x81\xd3\xf7\xfe\xa7\x9d\xd8\x8c\xae\xf7PG\x84\x9bC$v\xc0a\xb8'</t>
  </si>
  <si>
    <t>b']\x07\x9e[^\xb0\xb2\x90\x8d\x15x\xe5\x87\x1e\xbeu\x05k\xdb\x06\xbb\xba.\xd5~h\x89\xf0D\xe0\x0e\x99'</t>
  </si>
  <si>
    <t>b'\xa1\xf2\xf2\xac\xa2\x85f\x1e\xca\xdf\xb7}#\xc1\xc7M\xe7\x93\xfe0\xa7\xfcd\x1b\xac=?{\x15\xe2G\xa6'</t>
  </si>
  <si>
    <t>b'\xdbF\xafT\x8eH\xc6\xb4\xbc\xf2zD%1\xabi"\xdf\xc5\xc6\xbb?t\x95\xa6X\xfesC\xd6K\x9c'</t>
  </si>
  <si>
    <t>b'\x98\xedQr\xb0\x08\xf0fI2;\xf3\x1a=\xe0\xc3&lt;\x85\x83Jp1l)V.\xcc\x0c`\x99YB'</t>
  </si>
  <si>
    <t>b'\xff\xdb?\x8d\x8e\xd0\x13\xf2)u\x8f=\xfa*\x19\xe6\xc1\xefI\xffp\x14\xb2\x92L\xddj\xd1c\xe8\x89\xc6'</t>
  </si>
  <si>
    <t>b'\x16\xdc"\x85l\xff\xd0!\n\x95\x14\x04\x91\x08y\xc0\xca\xa0!Y\x1f)\xb8\x16\xe7\xb6\x9a\xaeT\xde\x1aP'</t>
  </si>
  <si>
    <t>b'\xeb)b\xd6ll\xe9\x17\x13\xe4\xc3\xc8\x1di\xcc\xd8\xe4L\x0b\xe6\xe0\x10\xe8\x9f\xeb\xa7\xc7D5\x92k\x8e'</t>
  </si>
  <si>
    <t>b';\xceSA\xabw@7\xf2\x96\xbf\xfa\x94/\x90\x08rn\x9b\xc9\xa9\xab\x06\x03\x19n\xc4\xc1c\xefI\x1d'</t>
  </si>
  <si>
    <t>b's9?\x02&gt;\xce2S\x82\x1f]3\x1dbZ\xea\xafft\x94E\xc9V\xd6\xd0}a\xcc\xa2\x90X('</t>
  </si>
  <si>
    <t>b'\xcd\xa9jDS\t$\x1c\x0b\xc1\x8d\x86.\xc6\xe5\xaa\xe2\xf9\x8cj\xef\x13\xe7a\x8d\x97\r6\xbe\x18.\xa4'</t>
  </si>
  <si>
    <t>b'\xc4O/\x0c\x07\x94\xf2\x84=\x82RU\xfe\x8b\xc5\xb3)!\xe0\x0f\xed\x9ck=ZiRq{\x90\xa4h'</t>
  </si>
  <si>
    <t>b"\x0c\x9d'{]g\xdb\r\xb6:\xf6\xcf\xa5Y\xd5\xcf\x0e\xa9\x00P\x8f2F\xd1\x04\r\x12\n\x8e\xbc\xc5\x92"</t>
  </si>
  <si>
    <t>b'^\x1e\x1c^@\xa2\xeb\x1b\x83h\xdd\x94i\x02\x8aq#\xe4\x89k\xfb\nLY1@\xeb\xb7\x1d\x03\xdb\xd6'</t>
  </si>
  <si>
    <t>b'\xed\x87&gt;\xd0\x9d\xb9[n\xd4\x16\xb1Wf\x8f\xfa\xd6@,\x84\xe6M\xc03\xbb\xef\x8d;%d_[\xba'</t>
  </si>
  <si>
    <t>b"\xda\xb12\xcd&amp;\x01\xd8\x82\xf9\xd5c\xb7\xd5!&gt;\x16#\xda\x87'\xe7zj#`@\xf0:So\x1a\r"</t>
  </si>
  <si>
    <t>b'E\xea.\xcf#\xb0\xe72\x91\xd8\x1b2\x87Y\xd7\x9e=\xd4\xc1\r_Fj\x8f\x8f\xce\xf0\x9bYU\r('</t>
  </si>
  <si>
    <t>b'+\x18\xcc\x13\xd8S\xd0\x99nE\x08w\xa5\xec\xe7\xe1u\xfc\xc7d\xf5\xe6\xa6\xedZY\xe4\xf8\x9d\x04\xd3n'</t>
  </si>
  <si>
    <t>b'\xc6\xa0%\xb6g\xde\x10^\x91\x9f\x9bzV)\xd5\xc5\t\xe0O\n\x13@\x87\x8dT\r\x08_\xe0"\x87\x1d'</t>
  </si>
  <si>
    <t>b'c\xb3p.\xc3?\xe4S\xfd\x16\xdd]\x8d\xc0G\x1f\xd6\xa4\x9d\x89O\xf1\xf3q6DPp\x1b\x12\x0c\xf7'</t>
  </si>
  <si>
    <t>b"\xd84%+\xe4\x18\x00+\x85\xb9\xcc\xeb\x8f\xa7E\x87\xc6I'U\x1eg\xd6\xbc\xee\x80\x97\xab\x98\x8c\x99\x91"</t>
  </si>
  <si>
    <t>b'Dm\x89a\xf39%L\xf3;_\x93\x0ehz@3\x07\xd6\x9c\xff\r9\xd2\xd4lQ\x81\x94t\xef\xab'</t>
  </si>
  <si>
    <t>b"\xef\xd4\xc9\x18\xe4\xfd\xccm\xcc\x9a'[s-\xa7\x92\xa2^\\yv]\x98\x91NJ~\xf8\x101\x05\xc0"</t>
  </si>
  <si>
    <t>b'X\x90\x17\xde\xd5G\xdc\xe6\x19_\x1d]T\xa1&gt;\xcf\xe2}\xf1\x0b\xd8\t\xa2\xf41dc(\x0f\xd2\x17\x90'</t>
  </si>
  <si>
    <t>b'\xc7\x96\x8c\x9e\xaaA \xd0\x86!\xd9\xc1\xa4(r\xe6\x08O.\xf9\x03\x97\xa8\x05\xf74\xc2\xcf\xce\xe5Z\xc5'</t>
  </si>
  <si>
    <t>b'2\xf7\x9f%\x03\xb4\xed\x8d\xe9\xa0\x10\xb6\x95\xda\xf2\xda\x99\xfc\xf7&gt;7g\xc8Z2=\x11\xaa\xcd\xff7o'</t>
  </si>
  <si>
    <t>b'\xb0\xfc\xf3\x94\xe5\x86Y5\x91\xe0\x99\x89\xef\xd3\xb2t\xdd\x8e\xef\t\xc5\x8ag\x82\xd2\x87\xfap\xaf\x08FJ'</t>
  </si>
  <si>
    <t>b"\xd3\xff]\x84\x89?c\x1fN\xec\x87]#\xeb\x04lo\xb3\x8e\xae\xbe~\xd3\xd5\x82'\xc6&gt;m\x1f&gt;2"</t>
  </si>
  <si>
    <t>b'\xe2Mq\xf0\x0c/\xee\xd7\x0fP\xf0\xaay5a8\xb2o\xd2gQ\xa8\x06\x1b)\xc8\x89\x08\xd4O\xf8\xbd'</t>
  </si>
  <si>
    <t>b"\xf4i\xda!;\xe6 HnQ\tb:\x07\x0c\xc6O}\xbd\x02\x96\x86\xc2m:\x86O\xcd2I'm"</t>
  </si>
  <si>
    <t>b"$\x1c\\a\x0c_&gt;\xf6\xd0\xb7\xffHG\xcd\n8s7%3\xa7d\xf5x\xf6%\xc7b\x060\x05'"</t>
  </si>
  <si>
    <t>b']#@YJt\xc5k\x85\xdc\xf1\xd2wj\x18\xfc9\xe6\x12\xe0\x05\x84\x02\x82\xac{\x8eVz\x83\\\xe9'</t>
  </si>
  <si>
    <t>b'C\xd3Xe\xee\x05\xf7W\xa5L\xd5\x92\x15\x91i\xbaO\xb6\xb2\xc1S\xf3)\xdd\xfa4\x88@La\xac\xf4'</t>
  </si>
  <si>
    <t>b'\x18\xaa\x8e\xcf\x14\xd5L4\\\xe4\xcd)\xf2ir\xe5\xc4\xc1\xb9\xec]\x86r\nv\x81\xc4\xde\xe7\xdf\x83\xac'</t>
  </si>
  <si>
    <t>b'U1T\x86+\xc3Bp\xfc\xaf\xa9v\xab\xe9\xab\x84\xb3[\xf6\xe9\xca\xe8\x17\x9a\x8b\xc4\x1f\xb8fD\x98\xd8'</t>
  </si>
  <si>
    <t>b'\x06\x84\x1d\xac\xe8\x11:z\xfc\xb6"\xfd\xefN\x81\xbdK4&amp;\xc9G]\xf6\x9ej\xe89\xac\xd9\x9f\'\xea'</t>
  </si>
  <si>
    <t>b'\t\xb3\x17\xc0\xcb\x9a\xe07\x19\xeb[\xd0\xe7\xb1\x88\xfe\xf3q\x99\xb4\x9ex\x03\x92\x9b\xcf~\xe5*\xf2\xff\xe7'</t>
  </si>
  <si>
    <t>b'\x13\x96f\x00\x94\xb2\x18\xea\xce\x9c\xa9O\xc9s\x9e0w\xf8b\xb9\x9a\xae;&amp;\xca\xcbaET\xa4&gt;\xdd'</t>
  </si>
  <si>
    <t>b']\xd7\xfcr\xcc\n\x93\x99C\x9fj\x92K\xff\xe5\x97\xedO\xa6H\x9e\xda;T\xa7B%\xda`\x89f\x17'</t>
  </si>
  <si>
    <t>b"\xb0\xbat\x08\xdb\xfb\xddU \x98\xb5\x11'd+\xd7\xe3\xd1\x1fae\x97e9\x00}~)\xa9\x1f\x07\xd3"</t>
  </si>
  <si>
    <t>b"\xd3:\x91\xf5$\r\xe4\x8cd\xe3\x1e3\xc7\xb1;\xe7\xe2\x05Q\xfar\x01\xcam\xa9wG\xbe:\x06'v"</t>
  </si>
  <si>
    <t>b'\x03\x95E\xe9TGX\x95\xe4\x92\xcc\xde!\xe7Kz\xf8\xc5\x19\xa8\xf3R8\xf9\xe6\x9e\xd4F[@\x94\xdb'</t>
  </si>
  <si>
    <t>b'P\x83\x82Q\xa4\xc9\xb4Q\x8aEO\x9f\xe7\x1c\xc3*\xad\x95_\xc2\x00\xbf\xf1\xcb\xabk\xa4\xf0\xb2\x12\xba\xf4'</t>
  </si>
  <si>
    <t>b'\x14\xe7W\xa6\xbaW\x95\x81\xa6\r\xd7\xad\xedU\x1e\xadh\x15\x18\xbc\x1d\x9e\xcc\xa9Z\x06\xcb\xb9\x97Z\xdac'</t>
  </si>
  <si>
    <t>b'\x15\xc6g\xc4ts\xe6\xb6\xaa}\x81\xf4\x96\xe6`\x1dk\xd7=Jz\x9a\xb6\xefK\xa8\t\xd4L\xe8\xcda'</t>
  </si>
  <si>
    <t>b"_\x98\xc2s\xdd\x13\x13\xca\xa4O`\xf2\xe5U&amp;\x1b\xfar\xa1p2\xe5\x13X\x9c_Q\x9a\xd9k\xbd'"</t>
  </si>
  <si>
    <t>b'z\xd3\xf8.U\xf7\x95\xa2\xbe\xc2#\x9d\x83\xa0\x13\x0b\x9c\xb4\xcb\xb1\xd5\x9c\x82\xdc\xe1Y`\n\x07\x8e\x91\x06'</t>
  </si>
  <si>
    <t>b'\xdb\x8ac\xc1W\xc2W\xa15\xa7}2\t\x04^Y\xe7\x1b\x07\x12]\x1f\xcb\xbc!\xa1\xc8\xe2\xa7\xcc\x968'</t>
  </si>
  <si>
    <t>b"_\xc4d\xe4\xd2\xd87\\l\xe5\xf2#N\xbc\x13\xf4G \xc9\\\xc2\xa2'\xd9\xdfR\xd7,\xbbJ\xae\xed"</t>
  </si>
  <si>
    <t>b'\x07\xd2\xfa&gt;\x88\xc8V|\x19o\x17\x1d\x1d\x90\xe9E\xde\x92\x9a\xe6\xd7i\xa0\xcd\x1a\x06A\xfa\xcds\xd3\xf4'</t>
  </si>
  <si>
    <t>b'\x8b\xb5l\xbb\xc6\xaa~\xddt\x95\xa4~\xd1\xd1\xb3/\x18\x85\x94|\x1e[\xa8\x95\x04g_\xb7\xccb\xbd\xcf'</t>
  </si>
  <si>
    <t>b'\xe4\xf8F\x0e3\xff{z\x1e\xee\xc0\x14\xb4\xa3\x98\x8fYZ\xe8\xaf)\x0fa\xff\x95+\xb6?\xbf\x83z\xc2'</t>
  </si>
  <si>
    <t>b'\xb0]\xf1\xd3\xc5\x80}-\x03\x95\xd2\xe0a\x94\x03D\x03\x17\\\xa2\x00\xe4\xabP\x8f\xe2\x1dJ.Va}'</t>
  </si>
  <si>
    <t>b'"\xf1S\x9fV]W/\xd5\xff\x7f\xd8)&amp;\xea\x1c\\\x16U\x96B\x82\xd0\xfb\x9f\xac\x1bL.\xed2\xa0'</t>
  </si>
  <si>
    <t>b'sW\x89:\x96\xb9\x89\xfd\xb4SN\x0f\x0b\x1c\x0c\xd4\xe3%\xfe\nzXq\xf1\x7f\xb77\xbcy!\xcc\x91'</t>
  </si>
  <si>
    <t>b'\x95\xc1DYv^vv\xe3\x88\xe7\xf3\xd9f\xceQ\x98\x0eb\xff\xf6\xe2\xc0u\xb59\xa8\x8d4\x0e\x86='</t>
  </si>
  <si>
    <t>b'\x1d\xa2\xb0&gt;l\xf3\xa3^H\xb9\x01\xef~_u\xf1\xca\x04\x7f\x93\xe1W4\xef\x8d\x0e6O\\\x8d\x84\xce'</t>
  </si>
  <si>
    <t>b'\xa6\xf9\xbc\x06\x1c\x8a\xe0\xc9;\xe4\xb5\x92b\xf7\xacF\xf7\xaa\x1c\x03\xb5\x16F\x8eQu\x93?\xc4gD\xe5'</t>
  </si>
  <si>
    <t>b'\xa0\x9cf\xc3\xeeIm\x9b\xdb:wn=\xbb\tuZ\xf4wM\x9bC82\xb02\xb1\xcb\x9e\xf1\x1e\xcb'</t>
  </si>
  <si>
    <t>b'\xcfY7g\xa95\xf9\xc4l2\xe9\xbd\xc4\xa9T\x15=\x92on\xea\xa8\xcd\xb5\xb4\xd3\x14-\x0f\xa2tk'</t>
  </si>
  <si>
    <t>b'\xde\xa4r\xd2\xd7\xd5\x7f\xfe\xa9\xde"\xf9\xb5H\xc1\x8b\xebT\xc3(\x1a\xef\x7f(\x9c\xf6Z3\xe5\x9c@\x16'</t>
  </si>
  <si>
    <t>b'\xe0\xff3\xeb\x7f\xd7J\x11\xc9\xbcL\x1dM\xc8\xa0k1N\x10\xe4f\x16a9z\xed1g\x10\xbcf@'</t>
  </si>
  <si>
    <t>b'\x0c\xe5\x1a\xf5{\xca\xeb0\xadA\x0b_6\xcc\n2S[\x11\x9d6\xd4\xa9\xb6\x08\xd3$\xee+\xda\xfev'</t>
  </si>
  <si>
    <t>b'\x89Da\x84\x9a\xc07\xcb\xe5\xd3\xa6&gt;=\xed\x00\xf7\xa9\xe3\xb5\xda\xe8\x11\xf1\x16\xdb\x8a\xa5\x87\x10\xcf\x11\xdd'</t>
  </si>
  <si>
    <t>b'z\x00\x1e\xe5 \xdbL\x1f\x97\x08\x94\x07\xb7\x871\xf0\x8a\x02\x87_\xd7p9\x17\x1e\x97\x10T\xe9\xbb\x88G'</t>
  </si>
  <si>
    <t>b'V\xfe*\xdf\xd4\x1aWv\xb5\x8a\xd09P\x8762\x14\x0e\xd6\x98\x1d2z\x9a\x0f\xac\xd9\xb0 ^\xb5\xc0'</t>
  </si>
  <si>
    <t>b"\xe2+\x0c\x98\xd3]\xf7\x85\xc8Zb\x8c'm\x8cY\x87\xc9\x19\n\\\x98\xb6&lt;%\x12Zp\x19\x18a\r"</t>
  </si>
  <si>
    <t>b'\x15\xe7+b\x1a\xaa\xb3C\xeb\xfc\xd3\xa3\xda\x1aR\x93hLa\xa0\xf6\xb1Y\xfb[\xcbzZ\x1e\x11\xfd\xbe'</t>
  </si>
  <si>
    <t>b'}{L\xc2\xe0w\x16\xacw\xae\xd3:\xe2\x18\xbb_\xf9\xfd\x99?\xfcN\x17\x8e\xa0\xd6\x08\xe1&amp;0\x91\x08'</t>
  </si>
  <si>
    <t>b'\x03\x95o\x035a3\x16\x1c\xcb\xd8\x88m\x18\x05\xf0\n\xd7\x02a\x87\x10\xa0i\x84R\xf3&amp;V\xd7\x83 '</t>
  </si>
  <si>
    <t>b"\xc8~y'\xaf\x17G\x03/\xc9vC\xcc\xf4pA\xe3\xd2\xf5\xf1&amp;\xc4ZB\xdcq\x7f\xf1y\xe6|G"</t>
  </si>
  <si>
    <t>b'HJ$\xb30t\xa8\xc2q\x14\x18\xe5\x8e\xeb\xeb\xc8\x96h@\xfe\x81\xe1/sg\xad\xc0\x1e\xd47\xac\x8f'</t>
  </si>
  <si>
    <t>b'#;\xe3\xbb\xbe\n\x01\x99\x96?\x8f\x1c\xe8 \xf2\xe2\x8d\xd7\xf7\x853\xfb*5H!\xdb\x18C\x0ep\xeb'</t>
  </si>
  <si>
    <t>b'\xa6\xc3\x08\x04BD\x9ch=\xfb(0\xf0\x08\xf1\x15b\xff\xf0l#\x89\x11$\xc1C\r\x05\xd4\xc8\xdc\xc2'</t>
  </si>
  <si>
    <t>b'\xb4\xe8i\xd3\xe6lK\x9a\xc3\xc8\xb4\x81\xf8\x01J\\\x1bZ\xdc]\xf3f\xf6F\xc5o~\xbfq\xf3:\xdd'</t>
  </si>
  <si>
    <t>b'n\xf7\x18\xfe\xd8\x0e\xb60\x0e\xea\xef\x14z6\xa6\xcfE=w\xd1\xcf\xa7\xc9\xa5\xfa\x8b[\xd0\xbav\xc2\x7f'</t>
  </si>
  <si>
    <t>b'\x94\xa9\xdf\xe5G\xe3\x860\xae\xc4H\xe7\x9b\xdb\xef\x98\x19\xd3\xd5\xf5\xde\xb9\x1c\xa0F\xb2$&lt;l\xe5v/'</t>
  </si>
  <si>
    <t>b'\xf2\xeb\x16M\xd1\xbc\x1a\xee\xaao\\\x0e\xde_\xfc\x7f\x0c&gt;\x81\x1d\x15\xab\x9d\xaa\xc1\x969f\x15: \x8f'</t>
  </si>
  <si>
    <t>b'\xe8\x1a\xea\xa2\x99\xe1\xcd|\xbd\xaey\xf6\xb5c\x1a]3\xa2$\xce\xd3\xef\xe5P\x08M\xa3\xff\xbb|\x1b\r'</t>
  </si>
  <si>
    <t>b'\x1f\x81b^{\xd8\xd4\n\xe9D\x89\xc3\xb6\x03\xa5\xebY\x07\xcd\x8c\n\xd1\x84\xc5\xb6\x9c\xefl\xdf\xf3\xd9J'</t>
  </si>
  <si>
    <t>b"!-\x85ta\x01\x7f\xf7\x10n\xaa\x1eH\xf0'\x8a`\xd0\x89\x04\xcb(\xb8T57\xc5\xd6&amp;\xbbD%"</t>
  </si>
  <si>
    <t>b'\xd7\xae(\x05\xbdB/0\x8c\x82\xee\xe9\x84\x17[\x9aY\xd6\xcb\xac0Pwz\xaa\xfd2\x00\xa5\xdc\x12\xcf'</t>
  </si>
  <si>
    <t>b'b\x05VB\xb5\xa0y\xfd?\x00&gt;z\xe9\xc4\xa5\xcd\xaf\x89oV]1\xad9\xc8\xfd^\x84\xc1\x80H\xdd'</t>
  </si>
  <si>
    <t>b'\xa6\x7fB\xf9\x04\xab&amp;\x9d\xdc\xe1\x969\xd5)\x14\x0c\xe1\xbc\x8e\x96\xf2\xd3Bm\x12\x8a\xf6\xf0\x0f\xf0\x1dp'</t>
  </si>
  <si>
    <t>b'\xb5\x1f\xa814\xc5&gt;\xdc\xef\xa8\xe1\x18\xa5z9;.\xb7\x97\x98\xf3\x1d:X\xfe\xa6\x87C\xdb\x11\xab)'</t>
  </si>
  <si>
    <t>b'\x01\x81\xa2F\xf4zeR\x15\xab\xb3\xc5\x05\x80\xe2\xaa\x00A\xdbN\xbc\xfb5\x18\x10E\x81\xb5\xe8B\xc2@'</t>
  </si>
  <si>
    <t>b'q]\x86\xbat\xc8`\xdb\xd9n\x94\xd3f\xae\xdakD4r\xf2\x88\xb2[\xd1\xa1F\xab\xbdX\x94\xc9s'</t>
  </si>
  <si>
    <t>b'\xae\xaf\xe1\xa8\xa6;Ww\x0e+\xf9\xd5\xc3t\xabWB\xdd)\x12\xd8%=}\xb9;7\xf3Wl3L'</t>
  </si>
  <si>
    <t>b'\xe2\xab\xfb\xb4\xfd\xf1\x04\xc9\x1bj\xeb\xfb\x9a\xfd\xfe\xf8\x0c^\x1b\xb1#\xf7\xabQH\xe0\xf7@D\xeb\xc4;'</t>
  </si>
  <si>
    <t>b')\x92U\xaa\xb1Z\xabJ\x15\xd2\n7\xf0\xae\xca@\xd3\xcf\xeab\x13E\xa3@\xe8&gt;\x9b\xc5\x8aAN\xae'</t>
  </si>
  <si>
    <t>b'\x8e+\xc2\xb7v`c\x10\xd2\x8c\x93\xdc.\x1c\xa7Cb\nnf3I,\xe0oN\xd0`s9t\xe9'</t>
  </si>
  <si>
    <t>b'\t\xc0h\x04_\x81!\xb5\xd4\xa6\x1b{\x0c2x\x15a\xac\xdc"\x15\xee\xb8\xd0\xf8\xf1\xb4*yx\x88.'</t>
  </si>
  <si>
    <t>b'\x00\xa3w+\xe6D\xaa\xe4\x9e\xab&amp;rm\x18}w\x0e7\xcf\xc6+#,\xdd\xcd\xb4&gt;4\xce\xb3\xc5\x06'</t>
  </si>
  <si>
    <t>b'\xfc\xd7\x823v\x8e\xa9v\xc1e\xee\x86\x07\x0f\xf9\x91\r\x8b\xd9\xf5d\xbf\xef|\xe5=f\xa8rm*5'</t>
  </si>
  <si>
    <t>b'\xf3?\xdfc\xb1\xc1\x9e\xcd\xee\xa6V\xf6\x16\xab\x80\xdb\xbd\xcb\x98\xb2\xd5\xe0&amp;\xac\x11\x99\xfa\x8en\xfbOv'</t>
  </si>
  <si>
    <t>b'p\xc3~\xe7Q\xde\x87\xc0\xcc\xfe|\x15\x84\xc3\xb3\x02\x8e\x16\x84\x82?\x98\xff\x02i\x9c7\xa4\x96\x00\x97\xae'</t>
  </si>
  <si>
    <t>b'\xb8\x93\x80\xa6\xda\x87\x8b&lt;]\xd33\x91\xf0\x85\xbcs\xba|\xb9\xcc\x91K\x804e\x97#\xddypXm'</t>
  </si>
  <si>
    <t>b'\xb9h&gt;\xf2\xbej\xea\x02\x91\x0c\x95\x0eA\x13\x10\x974\xc8\x0e\x8e\x18\\\xe1\xf1\x96]_\xa1\xf6\xe8\xb6\xe9'</t>
  </si>
  <si>
    <t>b'\xb86K\x9a\x05\xc8?\xadb\xb7#\xce\x97w\xcb\xaf\xfb\xf4\xf3\xac\xe3D\x9bY(\xc5O\x95\x89\x00\x85\x16'</t>
  </si>
  <si>
    <t>b'\xbc\xf5\xc8S\x96\xcf\x10\x98\xae\xc1\xe9\x9cBf\xbd\x93\xbd\xaai\xbb\xf7\xdfl\xec\r6a\xae\x02&lt;\x15N'</t>
  </si>
  <si>
    <t>b'm+\x02\x14f\x93O\xcd\xf9D&gt;\x023\x80$\x93\xeav\x006F\xefJ\x80\t\xedI\xaf\x11\x169\xbc'</t>
  </si>
  <si>
    <t>b'5\xf9V\x9f_\x98s\xfb\xd0YU\xb9\xabd\xb5mvU\x99\x89\xbe{\xdf\xab\xb4W.\xb9}\xe7f\x8d'</t>
  </si>
  <si>
    <t>b"YQmv\xf8\xc5'\x80*\x87\xec\x89\x03\xa6\x90\xec\x9a(SX\xb1J\x05\xa0\x1c\xf5\x8d=\xff\xfb\x99\x94"</t>
  </si>
  <si>
    <t>b'\xa6\xa3tc\xcdK\xd9\x9b\xf2\xd0P\x1f\x12\x7f\xdd\x872\xacb-\x8d\x0e\x08A\x00\xfc\xceVg\xeb\xf9\xf9'</t>
  </si>
  <si>
    <t>b'\x87\xf5\x91\xb0C\xaa\xcd\xa1\xb6\xdb\x1aNm\xb1\x15\x07\xe4\xdb\xe1\\\xdbZ\x14z\xfc\x01$\xd5\x93\xab\xaf\xcb'</t>
  </si>
  <si>
    <t>b'\xf9\x8e\xc4p\x0e5R\xf9\\\xe0\xea,\xb1o\xbb\x89\xeaK\xa1\xa72\xfe"\xc4\xfa\xec\x8a\xef0\xbcDC'</t>
  </si>
  <si>
    <t>b'\x1c\xed8\xb62\x00\xfc\x04\x9b\xc3?9\xf9H\x8d\xa9\xcdq3V\xae^.\xa9\x7f\xf0\x819\xfb\xe3\xd9\xd0'</t>
  </si>
  <si>
    <t>b'Pr\xd3\x17x\x8c\x10\x1c_K\xde\xe9;\xd3\xaaM\x15\xc9\xc3\x9d(q\xf8XT\x06\x84\n\xe2(\x94M'</t>
  </si>
  <si>
    <t>b'R\n\xb1\xe2\xdehx\xee\xe7\x8b\x9a\x16\xba\x7f\x9c\xed\x8b\xc9\xf6"\xc5\xd5\xc8Z\xb3\xfep\xe9\xa4\xb8\xeb"'</t>
  </si>
  <si>
    <t>b'\x10wN\xd8m\x0b\x90z\xaa\xddRM\x8f\xeb\xbb\xe8\x95`\x0c\x0fye\xdaF_\xd0g\xe8T\x07\xcc\xff'</t>
  </si>
  <si>
    <t>b'G0\xaeH\xf4\xd7\x13r:\x1b\xf6\xe3\xd87\xaf\xd9\xb0\xab\x156\x89r\xe9\xce\xa7A\x9f\xcb\r7x\x9a'</t>
  </si>
  <si>
    <t>b'\x91\r\xe1\t\xc2Ua\xe0\x0b\xe3\xcf\xbc\xa3\x9bQ\xc5\x91\xdd7\x8du\xc8t\xf7\xc3&gt;&gt;\xd0l?\x96\x9e'</t>
  </si>
  <si>
    <t>b'\xde\x04\xe2\xd2\xb0\xdb\xfb\x86\xd4]\xe8\xcd\xba\xe9\x90\xf2\xa5g\x0e\x03:\xaf\x93\xcf@%\r\x8b\x8a\xcfJa'</t>
  </si>
  <si>
    <t>b'\x1e}\x7f\xfchD\x9b\x17\x7f\xa9\x9c\x84\x0e\xa4\xee=\xffL\xe36\xc3[T\x16*\x8d\x1d\xa8\xefyJ\xbc'</t>
  </si>
  <si>
    <t>b'\x03\xcc\x8f.\x81Y\x8f\xbc\\\xb7\xc1Z\xab\xb1=bhe\x1fX\xca\x1f\xb3xL\xcb%r\xf1\xd1\x87z'</t>
  </si>
  <si>
    <t>b'\xa0\xae\xef\xb9R\x9a\x05\xc0&amp;e\xd6\xac\xcd\xbdn\xf1h\x01^\x8ch$\x17\x03v\x1c\xbf\xba)\xe7O\xe8'</t>
  </si>
  <si>
    <t>b'\x9b\x9b\xd0@g\x10\xf8\x9e\xb2\x9c\xf86\xc4\x9cf\x16\xf00\xd3\xd8\x95\xea$\xb8\x9e\xdc\xc5\xd7\xa7\xa7\xe9\x1b'</t>
  </si>
  <si>
    <t>b"M\xb7\xa2H\xf3r\x05\xfd'\xbaf0&amp;\x8bek\x92\x99\xafG\xdf\xb4\xa1\xcb VN\xb4k\xec\xcd["</t>
  </si>
  <si>
    <t>b'\r\x1ej,\xc6\x7f=\x91\xcf\xc6\xfa\x0ex\x95\xe2\x93&amp;\x1b3\xe8\xacJde\xd5\x8d\xad\xf8\xc8Q\x00L'</t>
  </si>
  <si>
    <t>b'q\x91i\xd9\x0eh#\xb3o\xd8\xef\x8e\xe9*8n\xcdO\xa5g\xdeq\x8d\xa9\x95\x0b\x10\x00\x1a\xbc\xa5\xec'</t>
  </si>
  <si>
    <t>b'\xe1;\xf5\x0c\x8ax\xcb\xaf\x82p0*\x98}\x9f\x93\xe6Hg\xa4\xb6\xe4\x815J\xd3\n|\xde\xb3\xb1\x9a'</t>
  </si>
  <si>
    <t>b'\x1d\xbe\x84\xbe\xd6\xd6\xe7\xee9^\x9fBm\xa5e\xdb\xe3\xc0\xad$1+\x8c\xf0\x12\xe9\x04\xfb=\xd2\xab\xe7'</t>
  </si>
  <si>
    <t>b'\xa3\xd1\x13X\x1d\x96\x94\xd9\xac\x7f\xf9\xeb\x07\x00x\x16\xc7\xd6bG\xf9\t~\x1b\xdb\xf0\x8aA\x941RT'</t>
  </si>
  <si>
    <t>b'\xe0\x84(p\xa3\xa1\xf5\xd2S\t\x96&gt;\xf1\xcc r\xc8]=+\x9c\xef\xa90\xe6\xaa\n\xdf0\xdba\xa6'</t>
  </si>
  <si>
    <t>b'\x97\x07[\x0b&amp;\xb6P9\x18p\x89\xf3\x05qAX\x1b\xe4\x83\xa899f\xc7\xfdi\xb8/z\x03N\xe9'</t>
  </si>
  <si>
    <t>b'!\xa5I9D\x18\x92\x99K\xbd\xf6\x04~\xf0\xea\x85%\t\xebV\x98\xcb^\xee\x0fO`\x08\x8a&gt;}\xf5'</t>
  </si>
  <si>
    <t>b'\xfdrK"\xc5\xf9=\xc7v\x94"\x04q\xb5\xe0\xac\x8c\x15\xc2\xb0\xb6\xddg4\xc6h\x04\xdd\xbc\xead\xa4'</t>
  </si>
  <si>
    <t>b'\xa3"-\xb0\x17;\x95\x9d{u\x89\x1b\xc1\x8a\xc3=\x078\xed(\xab\xee\x0b\xf7ux\xf2\xf1j\x07\xa3\x87'</t>
  </si>
  <si>
    <t>b'\xbd\xdb`\xfa\x9e\x90\x999\x1a\x1f7\xdb\xa9\x9dt\xe6\x8bE\xb2`\x01\xc2\xc4\xdb\xab\x1d\x85f\xd1\xdb7\xe9'</t>
  </si>
  <si>
    <t>b'\xbf\x8dK\x13\x19\xe06F\x86\x1ez\x1b9M\xe4\x9d\xf1\x16[\x99\xf7\xe2\xcc\xc7.\xb3p\xa1\xda`9\xb8'</t>
  </si>
  <si>
    <t>b'\xc7\xd5\xd8\xd3B\x81\xe6\x10|\x85,\x81S\xd2\xb2\xb7\x93\xd3D\xd2\x9e\x96\x11\x02{\x81\x07\x94\xd0v\x03/'</t>
  </si>
  <si>
    <t>b'\xd5\xea\xba\xe2\xc3u\xb1Rg\x0b\r\xe0\xcd\xe36\xcb\x90N\x99\xee.2e\xb7:B\xc8\x9c\x88\xef\x02\xe5'</t>
  </si>
  <si>
    <t>b"\xc4k?\x03\xc5\xb8\xe3\x00\xe6SK\x8e9R\xa0q'\xd9\xf9\xdfN\xbf\x05$\xfa\xc5\xe1\xa5\xf1\xd4\xdb\xa6"</t>
  </si>
  <si>
    <t>b'\x04\x16\xad\xfeWog\xfaX\xfd\xfc\x0f\xc1\xb6\xcf\xb9^\x99hh\xda\xc5\xf3\xb3\x15\x8b\x07\x03\tw\xe0#'</t>
  </si>
  <si>
    <t>b'\xef\xc1\xa0w \x154V\xce4\xbf\x01\xc2#\x16\xc3\xd9\xee\x18Y\x8d\xca\x90\x95\x1e\xdar\x84\x94\xeeY\xf4'</t>
  </si>
  <si>
    <t>b'\xcb\x84\x12\x9f\xc5F\xf1\xea\x1e\xd58\xb6&lt;\n\xff6\x0ek&lt;]\xa3w6G\x1a \x19~\xbf\xb7\xf0\xa6'</t>
  </si>
  <si>
    <t>b'\xd1\xa44\xe1i\xa0\xe9\x13~\xcd\xa5\xa8U&gt;q\x84O\xcbk\x1bq\x88L\r\xb5\xef\xf9L\xf1$@\x0b'</t>
  </si>
  <si>
    <t>b'\xddhI\xf3\x95s\x15*\x00/_ \x8a*\x81\xae\x82\xf6W\xfe\xcd\x8eV\x08\x80\xde\x90\x8b\xee\x081V'</t>
  </si>
  <si>
    <t>b"R'Q}.\xf9\xeb\xbf\xf3\xf9L\xde_\xd4\xc7\x86Q:\xbb\xf32I!\xd4\xf4\x80\xee\xea\xed\xc6\xce\xb8"</t>
  </si>
  <si>
    <t>b'\xa3/\x10\x97\xc8\x17LtyT\xd6\\\x0b_\xd0\xd2T\x84\xc4t\x160\xb7\x1cN\xd7\x88E\xb5r\xa7\t'</t>
  </si>
  <si>
    <t>b'#w\x85u\x07\x02 1\xea\x97Sk[\xdd\xe8\x05\xb8\xd7\xc9\x1e\x1b\x05)V\x97\x1e\xe1\t%\xe7\xa0\xc4'</t>
  </si>
  <si>
    <t>b'3\xbb\xa1\xdcuy9\xb0\xdd\x9e\xbbEc\xd9\xb4\xa8\x9c3\x7f\xe4\xf5\xd3\x07\xea\x99\xcb?e\x8f\xa4\xb8\x9b'</t>
  </si>
  <si>
    <t>b'\x8fB\xb1\\I9S-\x05\xcc\x8e\xb3\xce\x12\xe5\xf8\x0e\x03\xb5\x0cU\xd9\x7f\xa5\x91OU\x82\xf9\x86\xf6\x1b'</t>
  </si>
  <si>
    <t>b'\xeb\x900,o\xa7\xcch\x19&gt;\x0c\xe3p\x0eYe\x8b\xa4\xd9K\xc8\xf6;7\xcd\xb5\x0e\xbb\r\xac\xf6\xe5'</t>
  </si>
  <si>
    <t>b"6\xc2\xeegg\xd12\xd3\xf5\xe0\x03\xfcnK\n&gt;\xf87\xd16Y\xe8\xc1\x1e\xfe\x80\x070N'\x11t"</t>
  </si>
  <si>
    <t>b'\xf1I9\x8f-\xc0zr\xf6\xa9d\xc0\xdc4\xe1\x1b)\xd1=f~+%\x04 7!;a\x06\xd4\xea'</t>
  </si>
  <si>
    <t>b'\xde \xb2&lt;{4\xcf\xc6\xb0p\x1d\xb1\xdd\x90_\xd2\x9b\xa5\xc2\xe5\xff\xa3\n\xe9\x02\xe3\xf0&lt;P\xe6R\x9b'</t>
  </si>
  <si>
    <t>b"dJ\x88\xbf\x99\x93\x03\xf8\xa0fe\x17\xfb\x8f\xef\xa1\xc4'\x05\xbf\xf3!\xfc \xb6~o\xb9\xca\xab\x1bc"</t>
  </si>
  <si>
    <t>b'\x19"K)\xdb\xed\xd9s\x94\xeb\x1dC\xbdI\xd7\x15\xb5v\xdd\x9cs\xc3&lt;\xf4a\xd8\xfd\x8b\x0c \x8d['</t>
  </si>
  <si>
    <t>b'\x1az\x85\xee\xef\xc4\xc8;\xcbj%\xe4\xfd\xcf}\xbe\xfd;3a\r\x1c\xc3\xbf\xc5\xf9]\xf0\x01&amp;\xdf\xdb'</t>
  </si>
  <si>
    <t>b'\x92\x06,\x07\x1c\r#\xcc\xb6\x12b\xda\xbc7\xc7\xae\x8e\xfd\xab\x83\xd3\xa1QU0\x93&gt;\xc0S:\xb4\x1c'</t>
  </si>
  <si>
    <t>b'\x1f\x13\xb0N\x9aEu\x03\xff\xd5\xa2\x88\xb5\xda\xde\x03\xd5\x9cE\x91a\xe7\xab\x8b\xea\xd5\xfb\xafDM\xa2\x1f'</t>
  </si>
  <si>
    <t>b'M\xaa\x1f\xbb\xcaW"\x9f\x1aM]\xfe\x1c\x91d\x94\xf5s\x11\xbf\x93\x05\xfc\xd1\xc5\xd0D\x92\xe4\xf1f\x99'</t>
  </si>
  <si>
    <t>b'\xab\xb7\xc1N8\xf2Mkj)\xbfm\xcd&amp;/\xe6\x9e%\xfd\x89\xa5\x8c=\xb4*u\xc50\x13\xceq,'</t>
  </si>
  <si>
    <t>b'\xcd$4fD\xa8#\xa7\x84\t\xae\xca\xad\x9a1\xdd\x97\x0b\xba\x89fJ3\x18\x0e\x188\xbc}X!l'</t>
  </si>
  <si>
    <t>b'\xf3B\xf4]\xa6\xd8\xcf(\xcb\xc5=\xf0\x1f\x99\x91\xa6\xc7\xe1.\x0e\xd3\xf8\xb9\x18\xb3\xe1\xc0\xe1n\x0b\xa6\n'</t>
  </si>
  <si>
    <t>b'"\x0b#7(\xdf\xb6\xd7F\x8c$\xfbE\xea\xc6\xae4\xad \x94\xa2\xfc\x1c\xdf\x958\n\xc2\x03PF\xc1'</t>
  </si>
  <si>
    <t>b'\xb2\xef\xb3\x03T\xe4m\xec\x8b\xc6\x8c\xfb\xfe\x9f\xd8g\x93\xae*\x95v+s]\xd4\xdd\x9f\x80,\xa4\xeb\xa9'</t>
  </si>
  <si>
    <t>b"\xb0;\x13\xf8\x7fZ}\x9b\xeai\xa1k\xa0\xbe-\x87\x08,\x7f2\x8e\xae\xec\xfa\x8f\x8b+'\x82\xe5\x14k"</t>
  </si>
  <si>
    <t>b'Hvjy\xe2\x0f\xbe\xb2\xe3L\x02CP\xec\x8c\xa4\x89\x82\xea\xbbH\\qi\xe4x\xef\xda\xc4\\\xbcr'</t>
  </si>
  <si>
    <t>b'b\xb9)\x1b\xa7\xb2\xb4\xea\x1b\x06\xcf\x0b\x86\xf1\xc2\x81\x0c&gt;[?z\xda\xb0hJ\xc45d\xc3Oe*'</t>
  </si>
  <si>
    <t>b'0\xec\xca\xfcV\xbb \xd8\x08\x9f\xefgA\xc3\x89\x02a\x01\x1b\xc3\xafnTi\x90r\xab.\xa5\t\xbao'</t>
  </si>
  <si>
    <t>b'8\xf4L\x82W\x86h\xb7\xffI^\x12\xb9\xbe\\\x9csP\xa5\x93C\xe4\xf9\xb2*V\xe9\xe6\xfc\xe33)'</t>
  </si>
  <si>
    <t>b'\xf1\xf80\xea`\xbe\xdeW|\x90\x121\x0f\xa9);\xce\x16jd\x86\xa9u\x1a\xf1g\xc2\xf3\xb9\x84\xda\xcf'</t>
  </si>
  <si>
    <t>b'\xc9\xbe\n\xb2!^\xda&gt;M|X\x16TTBr\xaf\x1bo\xa1\xfb\xb2\xd3\x95bW\xfb\xfeA@\xf7\xb1'</t>
  </si>
  <si>
    <t>b' \xd5\'\xaf\xf9\x00"\xbe\xfa\nR\x08 \n}B\x03\xd4\xef\xf3\x08\x02\xbb\xc9-\xa3\xad\x02o\xb8\x10\x17'</t>
  </si>
  <si>
    <t>b'@\x90\x7f\xc6Y\x7f\x11*\xd4\xca\xbe\xee,\x85\x99e\xf6\xa3C\x1b5\x19\x9bPX\x8dV8\x0fF\xcc\xb0'</t>
  </si>
  <si>
    <t>b'\x0f\x96\x99$$g\x96\xb7\x84\xebV\x19\x9f_4o\xa4\xb7&gt;\xe0\xd4\xfb\x9by\x1d\xf1\xb2\xbe\xa2V\x87\x1f'</t>
  </si>
  <si>
    <t>b'\xde\xdas\xd4\xaa\xd5\x99`\xec\x0f&amp;\xdf\x9f\xc8\xfc.\xc8WT\x9a\xc5\x80\xa7v/7\x0b\xee\x90E\xe2,'</t>
  </si>
  <si>
    <t>b'eB\xa6\x169\xa1w\xf5\xe30\xc9\xa5\\\xe8\xa4\xd7\xb8\x8d\x8a\xdf\xa9LE\xaa+\xde;\x02\xc23L\x10'</t>
  </si>
  <si>
    <t>b'W=\x9a\xccDppkX\xdc\x07\x16\x97!ge\xf0\x13N\xfb0\x84P\x91N&lt;\x95k\xf3\xf8\xb4\x87'</t>
  </si>
  <si>
    <t>b'O$\xa8\x1c\x19\xe4\x15L\xb8\xbcX7\x04H\xfb\xba\x1c\x8a\xb6\t\x00\xbaq\x11\xf6\xf9\x156\x1b\xcb\x06N'</t>
  </si>
  <si>
    <t>b'V\xd9\x9e2\xcf\xc9\xd3\x1f\xb9\xd2b\x12F\xc1\xdd\x00ID\x9f?\x0e\x1e\xa1\x9e\xdc\x8e\xc8\xad\xed_\xde^'</t>
  </si>
  <si>
    <t>b'xV\x89\xdb\xc26\x0e\xf6s,\x02\xe14\xbc\xb1\xb7$\x9d\x87\xbc@*j7\x97\xf6\x14\xc8\xc7\x16\x96u'</t>
  </si>
  <si>
    <t>b'3\xf02?\xa4&gt;\xed\xfa\xe45\x8er\xdaM\xf7\x90T:\xa4!\xa3\x8d\xc9bQ\xebW\xbck\xbej\xc2'</t>
  </si>
  <si>
    <t>b'C:\x88\xf2\tu\xe73\xd5W\x9a~\x7f=\xbb\x9a&lt;\x18J0\xb5|d`d\x81P\x15\x13%e\x06'</t>
  </si>
  <si>
    <t>b'\x02\x9dr\x99\xe6y\xae`\\.\x8a\x05\xefuz]\xb0\xce\x02\xa1\xca\xd2\xe4;\xfd\xa8\xd1\xf7\xc3\xce7p'</t>
  </si>
  <si>
    <t>b'J\x1b\xbf\x04\xcc\xd0\xb8\xc9\x9b2b\xde\xa3\xc1\x813\xae\x87\xc3\xf4\xdfv\x02Ws\x0e\xb96\xeb\xe0\x11\x0f'</t>
  </si>
  <si>
    <t>b'\x9esw\x07\xa4\x15\x97c\xc1\xce{\x84H\xa0\x97u5K\xb1]]\xc3i\xa6\xdaO\xde\x0c\x0eev='</t>
  </si>
  <si>
    <t>b'\xc2[\xb1\xfa\xf19\xd6|\xbb8\xaa\xe7\xeb\x90Q\x01\xb2\x0b\xdfb\xce8&amp;\xeb\xf5\xc1;\x15]\x00\x9a:'</t>
  </si>
  <si>
    <t>b'\x18\x18t\xab\n\xf0f\xb5-\xcd\x96{73o\x10\x1e\x00\x95\xbd\x91\x84jG}\x9d\xa4\n\xc0\xf78B'</t>
  </si>
  <si>
    <t>b',\x88\x8e\xb5\x99\xc0\x12\xb4\x98\x95\x86Qf)\nF\xbd\x1ak\xcf[\xfee&amp;\x01\x18[\x9dZ.\xfc\xea'</t>
  </si>
  <si>
    <t>b"\xb9\xe4\x87\x03'\x0c\xa2HN(\xfc\xb7B\x01\x1d\xee\xfa\x1d\x16\x82r\xd7h\x8cVl}p\xe4\x0b\x9c\xea"</t>
  </si>
  <si>
    <t>b'&lt;\xff\xca\x12AC\x0b]\x83\x80G\xfb6\xc94\x01\xa5"\x06PiOW\x07\xc6\x13\x1cU\xcc\xc0B\xa1'</t>
  </si>
  <si>
    <t>b'\xac\xdc\x1e\x85(6TJ\xc5r\x86\x04\xcb\xeb\x0b\x92\n\xd8\xe6\xd8\x04\xb8\xe32\x7fD/O\x8e_\xdaZ'</t>
  </si>
  <si>
    <t>b'9\x81\xd8\xbd\xe7\x16\x93\x7f!5\x94\xd3D\x87Tdv\xb7)2*\xee\x119X\x8f\xdb\x07`9[\xcb'</t>
  </si>
  <si>
    <t>b'\xa89\xf2\xb5.\x11\x8f\x8c\xa9\xd2\xad[\x16!\xe2\xdc"\x16-\xe9oY.M\x96\x8f\xf2\xb2\xac\xb4\xbaQ'</t>
  </si>
  <si>
    <t>b'\xffcBT\xb4\xc4\xabz\xfa\xee4\xc7\xb5\x1aq\x86\x87yU[\x9f\xe1g\x1cO#\x190\xdb7\x88\xd6'</t>
  </si>
  <si>
    <t>b']\x16\xe1\xaa\xf1\xa9fZ\n\xd49\xa3\x05\x15"\xda^j\x8a\xc8W\x9a\x85\x0e\xa4\x1an\xbb\x84\xe8m\xaa'</t>
  </si>
  <si>
    <t>b'\x9a}M\x881\xe9J\xbb\x8d\x1aq\x16\xa1\x85\x8c\xd7\xe7\x99S\xf0\xb0\x1fl\x87\xc4\xf7\xcap\xc8#\xd7c'</t>
  </si>
  <si>
    <t>b'\xe4D\xc6\xe7\x1e\xf5"\x1b-\x8f\xaf\xfa\xf8\x8e\x83\xb3\xf7g\xafk\xe6\xd4\x9e\xa0\x0c\x8a\x0f\xedd\xac\\w'</t>
  </si>
  <si>
    <t>b'\xa9\xc7C\xf82i\x86x\xee-9\xafE\xe5lm\xa3\xfck\xdb\x9a\xc6c\xb2\x9a\x8cT\xc9\x9f\xeaq\xa7'</t>
  </si>
  <si>
    <t>b"\xc3mI\xd6b\x80x\x85\x00\x85\xd8\xc2\x8fRk\xa4\x9e\xee\x07\x89\xdc?\n'\x8b\x17vKl\xa0\xa3k"</t>
  </si>
  <si>
    <t>b'\x11\xac\xbe\xfd\xda\x08L\x8e\x86\xae&gt;\x0b\x95\xa6\x90\x01\x05\xbfh*\xfc\xee \xf4dDXu&amp;vG\x9d'</t>
  </si>
  <si>
    <t>b'&amp;.\xefs\xfd\x01\x9a4\x96\xfc\x8bGG\xe2\xa9}v6C\xcc\x86\xe6\x84JV\x19\xd2\x00\x1dm8W'</t>
  </si>
  <si>
    <t>b',\xb5\xe4a8\x8d\xfb\x96\xdb\xd7m\xf9\x86N\xae2\x17"S\x0eI\xbb\xbaaU\xdf3"c\xf1\x0b$'</t>
  </si>
  <si>
    <t>b'ZV\x01\xd07\xfa\x131\x08\x9e\x05\x91P\x91\x8b\xb6\xdc(\xe7\x04\x8d?\xe6\xe4\xf6\xd3\x00\x8f\x9e\xf5\xca\x04'</t>
  </si>
  <si>
    <t>b'\xf9\x14`\xff\xb4-y\x18\x7fTz\x03ehp\x89a_p\xd1\x80\x93\x04\xfb.:#\x13%]$\xa7'</t>
  </si>
  <si>
    <t>b'\x97\x8f\xae\xc6\x14\xe5\xf6\xdancS\xdb\x0c\x16\xb7"\xfa\xaan\x0c\xb0DE\xc91\xc3\xab\x91pP\xc3I'</t>
  </si>
  <si>
    <t>b"\x10-\\\xedW'[\xd0\x0b\xef`\xac\x93`.\xdc\x1e\xce\n\x92F\x1e\x01ZN\x80\x82h4\xfd!8"</t>
  </si>
  <si>
    <t>b'\xfc\xcfSQ\x0c\xaa\xccC\x03\t\xa4/7\xde\x1fJ|=\xa26N\xbe\xd6p/WA\x9b\x17\xa7N\x11'</t>
  </si>
  <si>
    <t>b'\xc8\xb9e\xd2\x82pi\x10+\xd0\xf0lf\xbf\xfa\xb8%\x85\xbdF\x06\x8a \x035\xbdo\x86\x01\x12\xcd\x1c'</t>
  </si>
  <si>
    <t>b'\x93w\xfe]\x0e\x8c+}b\t\x1f\x82*\x8e\x7f\xbb\x01\xbc\x97\x9f\xe5\xb7\x15\x84{\xff\x07fx\x99\xba\x0c'</t>
  </si>
  <si>
    <t>b'\xdd,\xf4\xc66\x94\x04\x02\x1a\xde\xa3\xe8\xa65\xa1\xcb\xb0\xf7\x91\x11\xd8\x93\xe5\x974v2&lt;\x1b\xb9\x80&lt;'</t>
  </si>
  <si>
    <t>b'\x91M\xa1\x1e\x1c\xe2\xf7z\xad\xb3\x1a\x17\xf2\xf9\x8f\xae$\x96\\%7b\x97\xab)\x1e\xbe\nA\x92\xbc\xd5'</t>
  </si>
  <si>
    <t>b'\x1durO\xf2$\xc3bC\x9d\xe5\xce\x16\xb3\x96\x1aW\xcb\xd7\xed\t\x83\xa2{\xbc\xc6T\xaaj#q\xdf'</t>
  </si>
  <si>
    <t>b'\x08\x19\xb71,?\xeeO\xbc08-\xb3\xcaq\xa9.\x8a\x8f\x1d\xb3\xddd\xd9U\xcb\x0c*r\xfb\x03\xec'</t>
  </si>
  <si>
    <t>b')\xa8\x87~zA*\xa1\xfcb.\x0e3\x0c\x80Pp)\x7f\xd4\xf9b,\xc3&amp;\xc5\xdc\x06g19%'</t>
  </si>
  <si>
    <t>b'\xa1\x84\x0f\xdb\xce\xb6\x1cL\xfa \xd8\xa9M\x91\xa2E\x0f\xb2\xe2/\n\xce\t\xc2\xb8\x9c\xad\xd5\x1e\xa4L\x1a'</t>
  </si>
  <si>
    <t>b'N\xe9u\x85\xe6{\xfa\xff\xa7\x17[s\xc8\x94\x99\xf4\xde^8\xba+\x8b"\xc1\xf1ui\xd7c\xe8\xc5 '</t>
  </si>
  <si>
    <t>b")&amp;\x9a=&lt;\x05\xfc\x08\xcd\x01(d\xdd\xdc\\\xd5%\xe7\x8f\x16\xeb\xdf\xf2\x1ex\xc6\xb0i 'A\xf1"</t>
  </si>
  <si>
    <t>b'&lt;\xa3\x17&amp;\xf6\xf2\xc7\xb3\x7fV\xd7\x97\x96\xdb\xd5\xebtA\xebX@H\xa21\xe0I\x03\x19\x0bd\xf3G'</t>
  </si>
  <si>
    <t>b"\xba'\xd0\xc4gTJ\xad\xfe\x17\x885\xe5\xeb\n\x9e\xf1\xad\xe9\x1d\x02\xcf\xe6\x1d\xfd\x9b5\xacQY\x88&lt;"</t>
  </si>
  <si>
    <t>b'\x1f\xc5\r&amp;\xcf\xd1\x1a#\x9cHI\xa1~+O\xdf\xb2Z\xc3\xfe\x87c\xf4\xc2\x98\xf3\xb5\x15\x01\x93\x0cw'</t>
  </si>
  <si>
    <t>b'O5b\xba\x0e\x92\xa6~\x85\xc5&amp;rI.\xb2(\x87\xb0\xa9k\x01\xd67F\xad_$lxe.s'</t>
  </si>
  <si>
    <t>b'Y\xfe\x9a\x94\r\xb3\xa3\x8e\x9a\xa6\xdb)\x18\xf0\x1e\x89\x10 K6\x02\xf3\xb0{!\xfc(u)3\xd6W'</t>
  </si>
  <si>
    <t>b'8\xb5\x8ap\x1d\xcc(\xb6\xd5\x16W\xb6\xbd\xc6F\xe5\xe7G\x1d\t?\xb9=\xf1\x93|\xf1F\xdb\xd6\xbe\xd2'</t>
  </si>
  <si>
    <t>b'/\x81\xb2=\xc3hR\x94D\x1b[N^n\xed\xcc)\x16W\x02\xb7\x8b\xf5\xf9\x8b\x15\xa35b\t\xf5+'</t>
  </si>
  <si>
    <t>b'7n\x0f\x03$i*\r\xda\x9a\x9dj4\xa6\xd4\r\xab\xffO\x92F,[\xcd.\xa9\xb2\xc8\x9e_\x06\xbf'</t>
  </si>
  <si>
    <t>b'Lb\x17\xde9\xb6\xffkF\\\x16\xddk\x92\xaf&amp;-\xab\xac1\xe9\xe6\xc9\xea\xb7\x90&gt;\xdc\x7f\xcfy/'</t>
  </si>
  <si>
    <t>b'z\x18|\xd8\xccX_\x01\x85@B\x9cH&gt;\xd7\x96#ZLQ\x80\xffc\xcb,U\xa5\xf7\x11\xecJI'</t>
  </si>
  <si>
    <t>b'\x9e\xba\xa8\xc5\xf9s\x88\x1d\x0c3\xb2\xc1`\x1e3\x1d\xa1\x8c~\xac\x12\x10\x84\xd3\xa6\x95\x0cJ?\xba\xceb'</t>
  </si>
  <si>
    <t>b'&lt;\xd0\xad9@\x98^*\xc9\xfei:T\xe83\x18;\x16#uQ\x89&amp;\xbc\x8a@\x15\x12\xf4\x9c\xaf\x9b'</t>
  </si>
  <si>
    <t>b'\xe8\xd6\x93I$\xb9G\xa1\x1b\xbd^\xbd\xb1\xd8U%\xc0\xbe\xe1]\xc2\x16\x03\xbf\xf5eP\x7fOBF\xdb'</t>
  </si>
  <si>
    <t>b'|\x1b\xcd\xaa\xcc\xbbC\x17\xf4\xd9(=\x05v\xba\x05\xa5L!\xfd\x1c\xb8j\x1b\x1bd\xf9\xe3\xbc_K&gt;'</t>
  </si>
  <si>
    <t>b'+*\xe5b\xe7&lt;\xba\xdf\xc5$a\x97\xbdkVD\xb4\xdf\xa6`z \xeb\x1e\xa2@IfA\xa2s\xdf'</t>
  </si>
  <si>
    <t>b'Z\xdb=\xbe\x1a\xfc\x86\x92aT\xdf\x10\n\x98\x8aN\xafm{a\x13\xf2R\xf9\xe6.\xb8G+p\xf1\t'</t>
  </si>
  <si>
    <t>b'2D\xf59\x08p\xb8\xc4\xab\xef\xbb~C\x87\x0cQb`\x07o\x9d\xd9W1\xbe7\x14\x10\xf5\n\x80='</t>
  </si>
  <si>
    <t>b"Fv\xb2O\xc1O\xc9'\x14\x02\xdb5\xa7k\x95\xf75\xed\x10o\x15\x99*~7\x0e6c\xcf\xac^\x13"</t>
  </si>
  <si>
    <t>b'\xf1|\xb4\x9b\xd6n\x9a?-\xa2\xf3\xbbM\x92\x1b\xc8"`q\xe6_]\xeaj\xa1\xcc\x8c9m\xd5\x8d\xbb'</t>
  </si>
  <si>
    <t>b'\xc0\x03\xaa\xbcU\x01B\xfcc\x8d\xf9|%\x99Ow\xfe$\xb1Q\xff?Gy2\xbf\x18\xa8\xf7\xce@\xc8'</t>
  </si>
  <si>
    <t>b'H\xb3\xd9\xb2b\xa6\xea\x1d\x7fH\xfb\xb1\x97\xbex\x1c\xe51\xbfN*Z\xbd\xe4\xe5\xf9\x82\xaao\x9aW.'</t>
  </si>
  <si>
    <t>b'\x00\xfd\t\x1fx\xa5\x89\xa1ZR\x958\xce \xb7x\x9c\xea\t\xd1KFu5\xb2;\x08\xb4\xb8\xbfr\xa9'</t>
  </si>
  <si>
    <t>b'Sx\x14i\xd5\xe5\x8fL\xcb\xbd\xb5t\xc1\xd5(\xc26\xaa!\xb8R \xdf\x99\x81\x14\x7f\xdbG?*\xf4'</t>
  </si>
  <si>
    <t>b'\xd7\xe0^\\\xb9\xf0\xd9\x12 H4~3\x90t+\xc4?\x9c\x05f\xa0\x86\x08N\xa5\x9e\x1b\xc2\xa2\x01D'</t>
  </si>
  <si>
    <t>b'\x8bo\xa3\xc4R\xec\xbe\xeb\xb3A\x8fu\x08.\xf2\xeb[i\xcb/@x\x8f\\\xd2\xe9@\x9c\x056\x7f`'</t>
  </si>
  <si>
    <t>b'\x9d\xc5\x80\xe8\x1e\x01i\xda\t\xad\xda\xcf\xb6\xc4\xc0F\xc9\xb2\xd6\xb2\xde\xae?\xeewvka#\x94\xf9\xa8'</t>
  </si>
  <si>
    <t>b'\xe5Px\xb9O]\x9f\x08uP\x98\x91\xf1\xb7\xe2m\x7f\x1f{\xef6\xcbk\x82\xca\xe7\x13*\xc9mb\x9b'</t>
  </si>
  <si>
    <t>b'&lt;\xd5\xf7\xef\xbd\xec\x13t\xda\x88"\xdbG\x9a\xb9\xc1d\xdd\x9a\x85\x9fK?\xda\xfe\xbc\xc4B\xcc\xd3\xc6 '</t>
  </si>
  <si>
    <t>b'\x8c\xb8wU\x85h\x13\xfc\xc9\xfe\xccxu\x1a\x15\xa3\x9dU\xcc\x86\xfd9z\xd7c\x1eIc\xb9\xfc(\xc1'</t>
  </si>
  <si>
    <t>b'\x8a\xe4\xd4\x1a\x14\x10\xd8AS\x8b\x9b\xed7\x19\xefN{%k(ui\xa7K\xfbv\xe5\x12\xdae#|'</t>
  </si>
  <si>
    <t>b'\n\x98\xa68\x88\xbe\xfbf\xcb\n\x8b\\1\x19\\\x83P\xddl]\xa8\xec?\xc2\xb0\x00\xa9\xab\xc7\x1a\xf7\xeb'</t>
  </si>
  <si>
    <t>b'~)J^\x04\x9a\x0c\xc1b\xf0\xba#_\xc6\r\x15\xd9G\x87\x8a\xee\xc5\x10}\x0cX\xfb\x04\xb7d\xa7b'</t>
  </si>
  <si>
    <t>b'\x11!HQX.bF\xb2_\x0fTm(\x8a\xcd\x9e\x1c\xce\xfc\xad\xf2\xc7N\xd2\xae&lt;\xb1\x9ewv&gt;'</t>
  </si>
  <si>
    <t>b'\xd2\xf9&lt;\x9b\xbb\x8c&amp;y\t_\x16\xc0|\x98\x07\x029\xf7\x99\x87`\x11\xd8\xa4\xfe\xac\x9f\x8e\\\xcc\nj'</t>
  </si>
  <si>
    <t>b'\xc0\xce\x97\x8d\xe6o-e\xd2q\xfa{\xe5\xd5\xe6H]\xd8\xeex\xf1\x04\xdaiu\x13\xa6\xb2tg\x1c\x8c'</t>
  </si>
  <si>
    <t>b'-D\xdc\xb2H]:\xa5ANF\xb8\xc8\xde6ug\xd4$\xf9\xc7\xc0M%\xe1\x15\xb2\x97\xe6c\x1e\x19'</t>
  </si>
  <si>
    <t>b'a6i\xc60;\x1e\x93\x11\x8cO\xbd\x06\x0bo\x99\xb7(`v\x8b-\x13\xac\xe6\x83*\xac\xf5+O\xe6'</t>
  </si>
  <si>
    <t>b'_\x0b\xcb\xaa\xf7"\x19\xb3\xef\xc5\xd1\xd2LcA_#V\x11&amp;i\xcd\xd1\x9et4\xa2\xe1s\x98W\x17'</t>
  </si>
  <si>
    <t>b'C"\xdc\xf4\xf2\xabq\xbd\xef{,P\xcct\x8f\x12\xf4\x0f\xb5\x141\xaf&gt;"}\xe3\xaa^v\x1a\xed\x0b'</t>
  </si>
  <si>
    <t>b'\xde$\xc4\x1c^3!-B&gt;\x1f\xb6O\x0e8\xc7\xbe\xd2\xcf\xee0\xddk\x92\xe6\xd1\xe0\xd7&amp;f\x9b7'</t>
  </si>
  <si>
    <t>b'\xc5V\x00*\x1a\x0c#\xd8Z)V\xa5z({\xc9\xa8I1"[b\x10k\xcfz&amp;&lt;\xb1o\xb1\xa7'</t>
  </si>
  <si>
    <t>b'\x91\x18\n\xef\xbb\x9e\xbf\x8c_B\xae\x08\xc2\xe4a3&lt;\x1em\x9ei\xfdx\xe9\x84=\xa0mX&gt;m\xff'</t>
  </si>
  <si>
    <t>b'\xc3\x98\xe5\x1e7v*\xc9\x17\xb2\x00\x81\x8b\x1f\xacY\xdc\xd8\x07\xd2\x00\x88_\xb4&gt;\x8c r\xe6?\x91\xa2'</t>
  </si>
  <si>
    <t>b'[\xba\xf1\xf4\x80w"M\xed\x83\xad\x12\xc9\xeb\x85\x14\xa1\xb9\xf9\x97\xb8\xd8\x81\x01\xa3\x16\xe8_\x1c\xf0\x93\xa8'</t>
  </si>
  <si>
    <t>b'\xc0,\xe5l\xbf\xcd\xb5\x1e8\xa4\x95\xaf\xcf\x99,xU\r\x8a\xde\xcf\x06\r\xbfy\x84q\xb9\x82j7\xe2'</t>
  </si>
  <si>
    <t>b"\x0e\x16\xdd\x03\xbc+\xbd\xc4\x17\xc8|'L\xac\xad\xbc?\xd8\xe4J/\xd2\x91\xb7\xef\x98=\xc8\xc4\xc0\x8c&lt;"</t>
  </si>
  <si>
    <t>b'\xe9|\xe3d\xdd\x18\xdb\xd2T\x93\xb0\xe0\xd1\xcf\xcd)\xe2*\x0f\xc5\xab\x99\xff\x92l\x8f\xfdS\xaf\xd5Cy'</t>
  </si>
  <si>
    <t>b'\x9c:\x81\xb0$\xb8\xc9\xce_h\x8a\x02\xa6\xc0\xd0\x1as\x0b\xbeW\x87\xe4r\xd2a5\x8c\xafH\xa9\xe6\xa8'</t>
  </si>
  <si>
    <t>b'd\x9c\xb7\xacS\xa0\xe8\xb4\xcb`x\xecV&gt;\x18\xa2q\xf5P\x0e3\x11\x05\x1e\x1f\xacW\n&amp;\xa4+\xff'</t>
  </si>
  <si>
    <t>b'\x9c\xf7l\\PB\x90~=\xd8\xf7\xa6\xc0\xd8\xd7\xf2f\x12\xd0\xaa\xaa-^\x9b\xf8EioJ\x95\xba?'</t>
  </si>
  <si>
    <t>b'\n\x1f1%*{R\xff\x11+\xae\x90\xef\xb0\xe5@P\x81 \x04\xd1c\x98\xb8Nf\x8f\x98\x85\xf5\xa8\xcd'</t>
  </si>
  <si>
    <t>b'aj\xb1\x15\x15\xc2\xd6\xf9o\xe6\xcev\x80\xe3\xba\xea2\x12I\x92\x10c\x01\xbd\x83\xcc\xd8\x8a\x17\xc3\xf9\xbb'</t>
  </si>
  <si>
    <t>b'Z\x90\x00\xa1\xceSd\xb4\xf5\xa0\xf2\x97\xe8\xca$\xe0\x8e\xa8\x11J\xbc\xa1\x7f\xa5B\xb1\x92\x8e\xe7E$\xf6'</t>
  </si>
  <si>
    <t>b'MY\xef\x86\xf6{\x05\x10\xde\x12\xbc\x19\x18sV\x1d\xd7\xbe^\xb9K$t\xd8\xefY\xb09\xe7\xd35\r'</t>
  </si>
  <si>
    <t>b'\x04\xfb\xa9y\xe6l\x95\xbf@\xb3\xab;i\x80\xc5\x03\x86s\xe8Z\xb2z\xb7\x0f\xcc\xf6\x05\x8f\x7fx\xf8\x06'</t>
  </si>
  <si>
    <t>b's:]\x9c\x10\x11\x8a\x15\xfd\xbc\xc5\x15O3\xcf\xf1\xae\xd4\x8d\xd1\xe5\xdf\x0c\xa2F=k\xbb\x9fY\xbb\x92'</t>
  </si>
  <si>
    <t>b'\x82\x1fyU\xe6B\xd6&gt;o}\\\xa8\x87\xa2\x1a\x8f\xe4\x9cQ-,\xef+\x9e\x92y\xbd\xbcm5\x9cf'</t>
  </si>
  <si>
    <t>b'\r\x1d\xee\xdf\xa3&gt;\x9f\x15\xc6Z\x9b\xb9\x08G\x8d\x82\xed.\xaa\xa6\xe1\x8bv\xbf\x96\x8c\xe96\xc5\x7f\xaf\\'</t>
  </si>
  <si>
    <t>b'\xd2\xc4\xd7\x1fB\xa1\x92\xa7Sk\x8f\xbc\xcd\xdc\xc5\xdf?\xe6%4\x0e?\xab\x97p_{\xd7Z\xc5\x9ep'</t>
  </si>
  <si>
    <t>b'\xb7\x019\x88\x02\xb0\xe9f\x93a\xd5\\\x8e\xe8l\x05\x88\x07\xb3\xd9\x94\xccN\xedO*J\xe0\xe1\xdc"6'</t>
  </si>
  <si>
    <t>b'\xec\x19\xe6\xfc\xdd\x9d\xdc^+\x80\xacl\xc3.\xe8\xeb\xc7\x9a\xc6(\xec\x89\\\xf1)\xbeO\xd0\x17\x94\xab\xad'</t>
  </si>
  <si>
    <t>b'\xea:UU\xebj\xa4IY\xad\xc0\xbf\x91\xec\xa2&amp;\x99^\xb4\xcc\x13\xadh\xcfa\xb7S\x0fI=\xd8\xa0'</t>
  </si>
  <si>
    <t>b'^;m\x86\xcd\xf1\x89\xcc\x89\xe8q\x8c\t\xde\xe1\xc9\xe0|;x0\x06C\x87\x8b\xd2\x0b\xe7\xac\x98\xc1&gt;'</t>
  </si>
  <si>
    <t>b'\xe8f(g\xf3&gt;\x7f\x9b\x81)\x15\x104%\xc5\xa7\xb2_\x1a\x03\xb4\xd9\x03(\x04\xf1v\xe3$\x08.\xf2'</t>
  </si>
  <si>
    <t>b'D\xff\xd2\xb6k\xff\xd3\xd6\xe8\xd08"b#R\x05\xdf\x98\xc4\xd7\xf3E\xa6\xd8\xac\x9c\xe9_Un:!'</t>
  </si>
  <si>
    <t>b'c*\x96M\xb3_\xd29!\xd8`\xef`:v\xc8-\xb2\x914rY\n\x1d\xf5\xd2\x1er\x7f`\x08:'</t>
  </si>
  <si>
    <t>b'\x10|\x89Hn"\xa6\xf0:\x97\x93\x90$p\x9aN\x19\x8b\xc0g\xf9\xe046\xf0/0\x81\xf1\t=\xbb'</t>
  </si>
  <si>
    <t>b'\x96z\xfc\x9e\xe5\xf2y\xee\xb5\xe9f\xc6\x14\xd8\xf5\x10L\xee \x8e\xb9\xfe\xceK\xb6-\xde\xd6\xca\x8c\x06H'</t>
  </si>
  <si>
    <t>b'\x04\xd8\xce\t\xce\xe5\xac\xe5\x01\xc4\xd9PA\xff\xc5U\xc2\x08\x0f&gt;\xe3\x84*\xf0\xd2o\xb4\x0b\xceM\x8b0'</t>
  </si>
  <si>
    <t>b'\xe7k\xcc\xe1-\xc3\x00\xc3\xb7[\xdf\x0f\tl2U\xb9\xa5f\x96\xdb\xcbT\xcd\xb2.\x9d\xe1lI]\xf4'</t>
  </si>
  <si>
    <t>b'\x19H\x9bF\xc2kN\xc2\xa7/\xf6\xa7E\x1e-\x8b\xf8\xf5\x88\xd8+\x80\xbemFZ4\xd0\xd7\xbe~\x9d'</t>
  </si>
  <si>
    <t>b'\x93[{\xab\xdb\x8c\xebr\x8d\x00\xa5\xcdU\x0c5|\xac\xf4\xb6\xc9\xa2\x03\xca\x81[\x7f\xee\xd2\x83=\xf4\xae'</t>
  </si>
  <si>
    <t>b'\xbc\xcfKz\x8c1)\x16z\x93\xa2a\xf4s.\xe88\xd5\x13\x9e\xed\x1a\xbcX\xea\x8c\x08LU)S\xea'</t>
  </si>
  <si>
    <t>b'\x9f\x8e\x95\x8a8\x13\xf5F4\xd7\xcdL\xac\xca\tvh\xeb\x03\xa9\xe9\xea\xbf\x02Ya\x9c)\xb1\xae\xb3\xc5'</t>
  </si>
  <si>
    <t>b'\x1e=;\x9c,\n:U\xe8\xb2\xb2\x02\xa6\x012\xf60h!u\x83\x11\xfejH/\x81\xae\xea&gt;\xf4*'</t>
  </si>
  <si>
    <t>b'\xbe`C\xb2t\x04\x1d\xecGV:-\x1bW\xda3j\xc3\xfb\xfcD\xeebB\xc7\x14Oo\xc4\xd1\xb8\x96'</t>
  </si>
  <si>
    <t>b'pK\x97\xa7\xcb\xd7\xe0\xee/\xd3\nS\x12\xce\xb6\x89u\x1e\xe2\xdc\x90\xc8)?\xa4\xda\xc7\xca27tr'</t>
  </si>
  <si>
    <t>b'Z\xdfuO+l*\xc0\x94+\xd5\x03\xd0\x96\xc5\xc4\xcfdj\xcbh\x02"?\xd9\xb5\x98\xbe\x85:%\xd4'</t>
  </si>
  <si>
    <t>b'\x19X\x98 58T9\xa4Z\xdf\xfdO\x1a\xad]\x8eTp\x86\xd3{\xdc&amp;Q+~F\xf9\rU\xc6'</t>
  </si>
  <si>
    <t>b'M6m\x08P\xd8\x93\xcb\xcc\x91\xcf\x84`m\xa90\xce\xdc+y\xee\xf21\xd2\xa3\xd9\x8a\xd3nQ\xbbo'</t>
  </si>
  <si>
    <t>b'*\x18\x0c\x0e\x13\x18\xb7\xb3Iu&amp;Q\xb8bm\xcb\xb7\x12\xc3h\x16\xf63\xeeq\x0b\x10\xc2)K\x14\xc4'</t>
  </si>
  <si>
    <t>b'\xf7e\xfb\xa8\xc5]\xdf\xeb\x03R\xca\x90\xeb\x9c/n\x94\xc7E\x1e\x0b\xd9KX\x11\xfa\xab\x8e\x93\x01\x82\xc9'</t>
  </si>
  <si>
    <t>b'\x98\xc1\x02M\xfb\xb3$[1?\xe5[\xa9jz\x90\x183Y\xe6\x80\x12#Y\xe9\xc6\xcd.\xfei\xf9\x11'</t>
  </si>
  <si>
    <t>b'\x9d\xe5\x10\xb8\xc08\x0c\x95\x8b8\x8aBP\xd6\xd4\xa98\x99n\xdd\xe2\xdb\xfb&lt;\xeew\xc8)\x14\x9d\xa2\x89'</t>
  </si>
  <si>
    <t>b"\xe7\xb8\xad\xa5]s\x03\x91\x16[\x917i\x82m\xa9H\xa0\xd7\xf0\xdf\xa3r\xe9\x1d\xd0\xa0\x1e\x00'\xf4\x1d"</t>
  </si>
  <si>
    <t>b'\xf4e\x18v\xcb\xffY\xbf\xe7/\xa5`7\x83*q"\xa2\xaa\n=2g\xbb\x90\xde\x07\r-\xec^0'</t>
  </si>
  <si>
    <t>b'\xeb\xfb\xc6\xdc\xb6\xc4\xfdzb\xcc\xec\x96\xbeh&gt;\x03\x0c=E\x87\t2z&lt;\xe4\x9f\xe8E\xae\x03\x06\xf9'</t>
  </si>
  <si>
    <t>b'n\xc1\xdd\xc6\xa82\xe2\xcd\xccc\xf8\x1d\x80b\x0cIr\xd2\xbb\x023\xb7\xe3\xb0\x8a2\xf2\x96m\x0c\xdd\xd9'</t>
  </si>
  <si>
    <t>b'\x11\xff\x13\xd5\x94\xa4p\xb1\xe1\xa9\xa7\x91\xba\xd3G!\xe1\xcdv\xe6\x14\x9d\xd2\x03{\x95\xe4\xd7,\xc6\x90#'</t>
  </si>
  <si>
    <t>b'`\xf6\xd6\x1cRj2vbJV=1\x86\xe8(\t\xdb\x9a\x0c\xb2\xfd\xca8\xfb&lt;8M]\xe2B/'</t>
  </si>
  <si>
    <t>b'\xc9t\x8bJ\xe5\x08\x15q\x1f\xaeR;"\x17?\xbf\x85\xfaWL3NWP\xd5\x93\xef\xf8.\xd3\x1e\x7f'</t>
  </si>
  <si>
    <t>b'\x7fF\xc1\x9a\x1c\x19\xa23\x05c\xd12e\x8b\xf7(I\xf8\xe3r\xea\x87\xe9\xbc\x1aP\xc2\x08\x97\x10\x9d\xdb'</t>
  </si>
  <si>
    <t>b'\xd2\x82\xaf\xc64##c\x0c\xa6dA\x7f\x13\xed\x1d\xb7u\x97t\xf7\xfaq\xfd\xca\x83\x91\xc5\xc2f\r\xee'</t>
  </si>
  <si>
    <t>b'B^\xc3_\x14\xa7L%\x10\xd5\x13+f\x9d\xc5\x8eN5doB\x15z&amp;\xb3\xac=\x08\x11\xb1\xd5\x85'</t>
  </si>
  <si>
    <t>b'\xac;PB\t\xefcL\xbb\xdcA\xc1\xec\x924\x9b\x97\xa2\xb6\xab\x0b\x8b\xf5\xbe/r\x18\xe2)\x006\x91'</t>
  </si>
  <si>
    <t>b'\x9b\x8c0\xda\xc3\xd4f4y\x06J&amp;\xa1\xeb:\x82\xd2\x11\xeey\xba\x13\xb8\x154\x97e5\xef\xc6\xebg'</t>
  </si>
  <si>
    <t>b'*=\xd8\x84\x01\xb7\xa2D]kL\xbenhh\x05W\xdaz\xf4\xb7\x9c\x1d \xb2\x9e\x1b\xb3\x7f@\x01\xd8'</t>
  </si>
  <si>
    <t>b'\x9e\xff\x16_\xbb?H\x05Nfo\x9f\xe86\xf4\x18\xa8\xf3\x85\x95J\xc0\xa2\xb6\xebN\x08\xc0\xa9\xac\x80\xdd'</t>
  </si>
  <si>
    <t>b'&amp;\n\xd0\xfda\x1e\x16\x83o\xa0f\x91|x\xcb\x80[\xa5(\x07\xf8\x04\xbcm\xc8Z\xbf\x11\rCmu'</t>
  </si>
  <si>
    <t>b'\xe6d\xe9j\xe7|\x8d\x8f\xa5.\xd9\xbc\xa3(1Fq\x0b\x86\x0bu\x12)A3\xb75\x19\xceZZ6'</t>
  </si>
  <si>
    <t>b'\xe9\x1d\x0cY2O\xc8#\xaa2\x9f\x06\x84oH@UX\xa7\x00\x90\xdc@\x97Z"F\xfe\xa1\xb0\xb4\x0f'</t>
  </si>
  <si>
    <t>b',\xc0\x9a\xdfXk\xf5&amp;\xb9\x90~\x0f5\xb6I\xd44G\xb1\xaa\x9b\x881R\xde\xd9&lt;\x82}\xf9\x9e\xc8'</t>
  </si>
  <si>
    <t>b'\xcf\xcd\xa2\xd1T\xba\xac !\xa2\x1cF\x9f\xc4(H\xcd\x0f\xa7#\x082\xd6\xdc3Kxk\x0e\x0c#g'</t>
  </si>
  <si>
    <t>b"\x18\x9b\x8aQ\x7f]-T\x80\x8fY\xf3\xed\xb4\xa3\xf3\xca~\x00\xff\xbd'\x83\x9d?\x9d\xd4\xf7\n\x93\xba-"</t>
  </si>
  <si>
    <t>b'83V\xc9=s\x99\x17\x0c\x83\xb7\x85\x93q\xee\xfe\xbc&lt;:`\x95\x9e\xf2GZ\x8c\x982\x0cN\x99K'</t>
  </si>
  <si>
    <t>b'1\xee\xdd\x03\x18\x050\xc6T;\x1a\x80&lt;\xb7\xd020S\xfd\xd5\xc9\xe9\xbd\xfb.\x8f\xef\x05\xbb\x1bG\xac'</t>
  </si>
  <si>
    <t>b'\x08\x04\x8b\xa8`\xd9\xdb\xbd\x9e\x96\x1eh!\t\xdd\x94M\xcf\xa0\xfcS\xc3z\xc9\xdb3\xf5\xc0\xf2\xa0\xd4b'</t>
  </si>
  <si>
    <t>b'A\x8b\xf4\x8d\xe1/\xbc\x1e\x14\xf0\xf8\x94\x8c{\xc9{\x17\x7f\x1ahY\x08}\xd9\x92\xbc*.\xa0\x17s\xa7'</t>
  </si>
  <si>
    <t>b'X\x02S\xda#j*\xcf\xca\x7fi\xc8$\x15k\x9caF2\xf1Y\x89!\x88\x16j(B\xd3\xe7\x1aK'</t>
  </si>
  <si>
    <t>b'Sr`\xf4C\x92\x9a\x96;\xe6\xd8\x1b\xd87\xc3\x8b)Rx\xa4\x0c\x15\xd5\xfb\x83\xec\xc2\x93\x1d\xa3\x16u'</t>
  </si>
  <si>
    <t>b'\x0e&gt;\xd1\xbf\x11\xfcfL\xa5\xd3\xc6\xaa k\xf2\x9d\xeb8W*[\xbf\xa2*\x7f\xe3\xe1\x1c\x13\x11r@'</t>
  </si>
  <si>
    <t>b'\xc6{\x0b\xe1\xa6\xc7\xbfbk\xbaQ\xcf\xf4a\x14\xc0\x06\xe2\x16\xa0\x81\x83f\xf5c\xa4\x07\x90\xaaS\xf8\x91'</t>
  </si>
  <si>
    <t>b'J\x8d\x91\xb8\xb3\x12\xdb-T\xa8\xc4\xaa\xd1;\x95y \x89\xcb\xd5\xf9\x18,\x00%\xa5\xe7+\xce7\xb9\x1a'</t>
  </si>
  <si>
    <t>b'\xeeU\xe7\xa0\xee\xc6\x1e\xf2\xb7$IN\x7f\x05\xe2\x15\x18\xc4\xd8\xcawY\xff\xcc\xfd\x10\x03O|\xaa\xa6G'</t>
  </si>
  <si>
    <t>b'\x82\xa2\xa1\xf5\xf8`\xe8R\xea\xab\x0f\xbd\nz2\xde{a\x1b2\xa2\x05\xf7\xcf\n\xd19\x8c\xbd\xfco\xb4'</t>
  </si>
  <si>
    <t>b'\xfbM\xe7\xb8s\x8d\x8e(H\xcb\x1ev\x84\xe0/\x1f\xf5H&amp;X\xe3\x98\xf3\xfa\xf3\x11!M\xbbV9|'</t>
  </si>
  <si>
    <t>b'w"\x8e\x11R&lt;!\xc1v\x17q\xbb\xf9\x84\x92v\xaf\x93eD\xf6\xb6 \x88\x98\xe2\xcfw\xc3K&amp;\x1f'</t>
  </si>
  <si>
    <t>b'\xa8\xaa\xe2\x8a\x8b\xaaSM\x12\x9b\xbfD\xe5\x03Z\x0e\xaf\x9eP\xdfo!.v\xa9js\x91\x98\xc0\x04*'</t>
  </si>
  <si>
    <t>b'\xaf\\\xf2\xbew\xb6\xfdt\x86,\xe2\xdcX+\x95\x13\x1bg3\xb6D\x94\x01c\x8e`At\xd8\x1a\x9bx'</t>
  </si>
  <si>
    <t>b'\x88o\xfb\xb6mu\x91&gt;{\xb0\xcf\x86\x98L\xd7T_S\xf7\xbcg\x1b(g\xbeE\xc1\xfb)q\x02\x9c'</t>
  </si>
  <si>
    <t>b'\xeaN\x85e.i8\xb1\x1c\x94\x19\x12\x18k\xd2\x05\xdc=\t\x97\x91 \x01a\x833\xf2}\xf5?\x1d0'</t>
  </si>
  <si>
    <t>b'[\x8a%\xf2$\x87-&gt;tS\xf6D\xf0\x1e\x95&gt;\xd7\xc4\x90\x80U\x17\xe7L\xdd\xa3\x11\xe7\xa70\xc5\xa5'</t>
  </si>
  <si>
    <t>b'\xfb\xd0v\xb1\xa2\x05\r\n4\xfd)\xbf&gt;\xa8\x1f\xc6\x15\x88a\xfai\xd5\xbd\xe0O\xf2\x86K\xf7\\ZO'</t>
  </si>
  <si>
    <t>b'\x01\xc7\xdfUg8\xdd1\x0e\xd6\x04\xfb\x03\x8cC\xd0\x94\x98\x1fP\x92\xac\x0c\x0b\xb1,\xa8\x0ekL\x19\x8f'</t>
  </si>
  <si>
    <t>b'f)6\xa5\xcc\xffpGD\x87%\xe1h\xe5\xdc\x99\xfc\x90V%\xe3\xb9[\xecl\\\x01!E=_\xae'</t>
  </si>
  <si>
    <t>b"\x17Z\xab\x7f\xec\\\xcd\xaa\x95\xfc\xa4\xbd'l\xd3U\xe5\xf6Y\x0e\xc5$\x14\xe1\x05DOhB-\xad\x8d"</t>
  </si>
  <si>
    <t>b'\xd4\xad\xa4\tT\xf0\xb2q\xfc\x8c\xb9b&amp;(\xb9\xf0\xe7\xbd\xd3\xe9v\xff3\x13\x10\xcf\x8e\xa2T\xf2\xc4s'</t>
  </si>
  <si>
    <t>b'\x01\xe2\xa0D\xf9\xd4\x1e8\xf0\xd0\xe0b\xb8[D1\x0e\xd1\xce)\xfaex\xbb\xe7\xf2&amp;\x13\x93\xd8%\x9e'</t>
  </si>
  <si>
    <t>b'\xb2c\xe2\xb1\xf0\xb2\xf1\x1e\xab\x1e\xee\x9a\x02\xfb\x8c\xaa\xe4s\x02\xc0R\x1e\xc7\x136M\xd2U\x7fw\x1c\xc2'</t>
  </si>
  <si>
    <t>b'\xeep\xf6N\xae\xe0\xc3\x106\xe0=W\x12M?\xdb\x8b\xaae\xd4\x90\x01\x87^\xf8\xba8\x9dY:H\xc6'</t>
  </si>
  <si>
    <t>b"J\x84\x05$S\x14\x9ajA\x07\x8cen\x14\x17CBC\xe3\x84\x8e\xb2\xd4U?\x12'\xb4P/\x04\xb3"</t>
  </si>
  <si>
    <t>b'\x83S\t\x8f\xef\xcc\xff#j\x10\xc8\x0f5\xb7\xee,%pm d\xea\x93\xce\xff\xda(\xb0\xf6\xb8D\x80'</t>
  </si>
  <si>
    <t>b'\xfel\xf7\x97}F\xfa\x89R\x14\x80N\x1b"\x01e$\x08\x00\xcbcL"\xbcN\xad\x8d\xae\xda\x141f'</t>
  </si>
  <si>
    <t>b'\x03\xb6v\xa5\xa0\x1a\x87P\xe1\x19\x08\x10\xd2\xb7\xa2\xc8i[\x03\x11\xd9\x80T\xf9\x90\x8e\x85\x99\xe7\xfa\xa5\xd0'</t>
  </si>
  <si>
    <t>b'w\x93g\x14\xc0\xcc\xc9\xb6\x87\xc1G\x1d^\x1b\xf2\x1b\x9da\x17\xc1O\x86@\xbe\x80\r\x19\xfd\xfe\xacPm'</t>
  </si>
  <si>
    <t>b'.\xb0e\x04&gt;\xd0\x1az\xf0n5M\x0c\xde\x0b\xeeV\xd5!?"\xb57W\x9c\xe89x\xa2\xc8Z\xd3'</t>
  </si>
  <si>
    <t>b'Q\xaf\x9e;\x8e\xed \x18\x7f\x80\xd0\x85\xc6\x94\xeb|T@c\x8f\xedJ\xfb\xfb\xf8\xb5]\xd5\xc4fdv'</t>
  </si>
  <si>
    <t>b'&lt;&amp;\xce\xf8\xf7\xe0^\x0fK\xc9\xb01Ai\x16\t\x90fi\x86.)H7AsL\x19D\xb0\xe5\xaa'</t>
  </si>
  <si>
    <t>b"\x03\xb92'\x99\xa1*\x03\x81\x80\xe3\xfdOo\xbe\x95\x95\xcb\x1f+\xed\xf5\x9e\xf2!\x07\xbbQ\x8e\xbd\xd4\x95"</t>
  </si>
  <si>
    <t>b'\xd8s\xa6.\xbf7\x82\x81,\x8b\xb2\xfd\xc3\x0fs\xac\xe5TT]a\\\xd4\xd0dX\n\x8d7\xbc\x95\xd2'</t>
  </si>
  <si>
    <t>b'\xa8\xa0\xcb\x04\x1a\x8b\xf7"\x8d\xdb{\xaa\x86\xcc8s\xd8\xc0\xf1\x83\x98\xdd\x87\xae\xaee\xf6\xba\xf4 |e'</t>
  </si>
  <si>
    <t>b'b\x82\x80\x8c\xeb\xa2\xb2]\xd0"\x9d)\xffy4\xa4\xd9\x93I\x8b/]\x8a\xbf\x94\xaf\x94^\x03\xbf\x975'</t>
  </si>
  <si>
    <t>b'\x0e/b:U\x16\xed\xa1B\xe2\xd5\xdb\x0f\xf78\x94\xfe\nA\xd2\x0b\x17\x19\x93\x9e\x15VK\x9d\x0c\xdf\xd7'</t>
  </si>
  <si>
    <t>b'\x97\xaa\xb0?N\xa0\xb7\x0f\x01\x84\xa3\xday\xe4W\n(\xa1\x1a\xf4\xf66:\xa8\xd0\xec\xc3v!x\x05\xf7'</t>
  </si>
  <si>
    <t>b'.Cw\xd3\x1c\xb1\x8b|\xc4\xb3=\x96\xb0/\xe2\x87d\xdf\xef_\xbd\xc0;\x03q\x9c\x9a\x1c\xd0B\x1f\x7f'</t>
  </si>
  <si>
    <t>b'+\x85\x95\x1dD\xe1W\t\x1a\xe9\xaa\xd5/\xb6-\xe1=f\xd2h;\xa5\x96Q\xb3\xee\xf8+\xa3\xb1\xda\x91'</t>
  </si>
  <si>
    <t>b'\xe4\x15]\xc9\xb2jA\xf8\x93\x01\xde\x1ca*P\xeb{W\x02\x85\xb5\xf2Y|\x1c\xf9\xdc\x17d\x82\xf5\xf2'</t>
  </si>
  <si>
    <t>b'S\xb4|\xd7\xb3%\xd6\xb9\xec\xc4\xef%E\x82(j\xfa\x86\xcf\x0bz5$\xb3\xa0&lt;\x92*\x18p\xd4\xb4'</t>
  </si>
  <si>
    <t>b"\xd8\x86\x1a\xc4\xedC\xaa\xc4x\x15\xb0\xb4\x93\xcc^\xac\x80\xf4Apy=vf9\xe4IOUK'B"</t>
  </si>
  <si>
    <t>b'\xe8\xd1o\xae\x88\x97EK\xd7`M\xe6\xc9]\xc31\x01}e\x87k1O\x8e=\x08~y8\x06y\xd3'</t>
  </si>
  <si>
    <t>b'\x95@\x0f\xc5\xe6*XJ\x0e\xaf=Q&lt;\xad3\xca\x9e\xa1\xf2A\x8e&lt;\xb8"\x10\x85\xd0\xe66\x8e\xd3x'</t>
  </si>
  <si>
    <t>b'\xf1\xafq\xfe\x93\xfd9\x83\xb4_\xbf1m$L\xd1\x1f&amp;C\xe2\xb7\xc3E#\xfb\xdbW1\xd54\xefL'</t>
  </si>
  <si>
    <t>b'Uw\xbb\xbfx\xa3H\xe6\xc1\x12f{\x8d\x05\x90\xcc\xfd\x1c\xb7#@}V\xc4P\xc5\x05RP5\xa5\x94'</t>
  </si>
  <si>
    <t>b'|\xf5IJ\x19\xe9v\xf3\xf4r\x12,\x1d \xb9\xf2e\xe3\x19\xe8\xdd\x1f\xe7\x8d8\xf4\x8aJ\x91\xf8\rk'</t>
  </si>
  <si>
    <t>b'\xd5\xe3E\x1d\x19W\x9d\x14\xfd\x14G\xd0\xc1\x10\xed\x048\rD&lt;\xbd\xb3\xa1\x16\xda\x83;`p\x06?\xb9'</t>
  </si>
  <si>
    <t>b'\x08\xf7\xd3\x00\xdd\xdeA\x95\xdb!n\xdb\xb50\xe6\x1e\xd8\x88\xe2\r\x97\xfa#B\xbd\x10\xce\x96U\x92\x9aL'</t>
  </si>
  <si>
    <t>b'\xb2\x86&amp;4C\xa9Rj~\xf4\x98\x0c\xba\xeb\x16+\xdb\x05F\xc4\x85\xad"\xddv\xa2\xe9\x1b\x87\x85\xab\x9a'</t>
  </si>
  <si>
    <t>b'K\xef\xa2\xd2\x13;\xcb\xdc"\xd9\xfd]\xc0\x83\xe3\xb5\xd7\xc3\x03\xd9\xe0\x92\xf4\xac\x97\xef\xad\xbb\xe2\xfa\xa0\xba'</t>
  </si>
  <si>
    <t>b'\x95\x8d|*\xc7gFL\xbc\xa8"}|\xd1\xfe\xf0\x00]L\xf4l\xc6\x9d\x9b\x05G\xc4m,\xe1k@'</t>
  </si>
  <si>
    <t>b'`\xbf\xe7;\x7fL\x02y}\x15\xc7_\x83|&amp;\xaf\xb5rVcm)o!] \x91\xbd\x95JLX'</t>
  </si>
  <si>
    <t>b'\x07\xa9\xef\xbb\xbe\x11\xc6\x15%\xe0\x9f\xa3\x94@\x1aX\xccya\x1e_N\xa1\xc6mG+\xc4\xf9\xda\xfc\xc0'</t>
  </si>
  <si>
    <t>b'\xc7*\x91\x8e\xd2BhP\x86\xc7TT8\xdd/\xf25\x13\x93\xf8\x0e\xc2/\x82?Q\x11\x98\x08z\x1f\xbe'</t>
  </si>
  <si>
    <t>b'\x96O\xf5\x14iCT\xa8t\xecQ\x196Q2\x19\x96_\x17\xfc\x91\x17\xfb\xdd\x89\xe4\xaf\x9c\xbd\x88ul'</t>
  </si>
  <si>
    <t>b'R\xc9\xa8\xc0K\xe4\x05\xb9\xffq\n\x7fjd$#\xdf+\x83+\xc5\x04\x10V\x17\xafh\xb4\xdb\xe3\x11\xf5'</t>
  </si>
  <si>
    <t>b'\x00\xbd(~\xdd[\xff&lt;C*JV\xfd\x07"\x11{\x1dS0M,\x81\x99\x88|\xf3?\xa5A\xbd\x85'</t>
  </si>
  <si>
    <t>b'\xfbk\r\x12\xce\x88&lt;\x1f\xf4"\x8b0\xe9\xcd\xcc\xbf\xfc\x05\x88\xdez+\xbf@&gt;+\x11\x8e\x88\xf7\x7f\xe1'</t>
  </si>
  <si>
    <t>b"\xac{M!\xa1\x94d\xdb\x9f&amp;\xdc\xad\x1b\x8a\xd8\xeb\xa1\xb7\xd4\x10\xcd\xb9\xdc$\xde1\xb8'\xa6\xc8\xc5s"</t>
  </si>
  <si>
    <t>b'W\x97aV\xb2D\xa3X\xa0\xf1\xafW]\xd2\xdd\x0f\x00\xec\x00\x83\x02\xd03\x86\xd6\xa7j\xba\xe1,I\x95'</t>
  </si>
  <si>
    <t>b'B\xdb\x90g\xeb\xd840\xed\xd6\x18\x02u\xf8\xa1\xdd\x06\xa4?\x06Af@(&amp;\x88\xdd/q\x99\xd2\x06'</t>
  </si>
  <si>
    <t>b"\xb4WXO\x82\xbcuO\x8b;pX\xdd&lt;\xd8\xd3%\xec\x16\x1e&amp;U\xce&gt;\x7f-j'\xa7\x82\xfd\x95"</t>
  </si>
  <si>
    <t>b'p\xefGw\xbb\xe4\xfd\xfb\xd4(\x1e\xe5\xf2\xe4l\x87\xda4\xf7N\x1b\x93\xc1\x9b0P\xf3\xa9\xef\xc9\xa0\xb9'</t>
  </si>
  <si>
    <t>b'\xc5:\x9b\xd4\xd4\xa6D =\xcf\xd4\xf0\x9e\xff,\xd4\xca^\x15\x1eT\x8b\xaa\xd1_\x084\xa9\x96\x9c?\xc8'</t>
  </si>
  <si>
    <t>b'.vr\x8a\xa3\xe5\xa5\\\xbd\xad\x8d\x85\xab\x8c\x8f9\xd2mLmCx\xd3&amp;\x01\xf3\x88F\x93\x1c\x1f\xf5'</t>
  </si>
  <si>
    <t>b'\xe8c.\xac\xcb\\h\x1b\xd8\xebk\xe1\xfd\xbf\x92\x02\xf48z\xd7\xf6\xda\xef\xc2\xa1\xb7\x80\xb1\xd9m&amp;\xfb'</t>
  </si>
  <si>
    <t>b'p\\\xa3\xf3\xf2\xae\xa1NI\x9e\xbe\xf4{\x83\xbe\xc0\x05r\x105\x9597(\x98\xab\x13\xf9\xb6\x14\x01\xda'</t>
  </si>
  <si>
    <t>b'\xc0BF\xe6\x99\xf1[\x7f#|W\xa46\x9b\xddb\xa1p\x05\xaa\x9e\x90\xd1\x83W\xecX\xc8\x8fo\x85\t'</t>
  </si>
  <si>
    <t>b'\xf1\x97\x8a6\xb19X\xfd6\xed\x1e\x0c.\xd6Cb\x84\xbbQ\x96?\xd2t\x9e\xab\x94\xf0Lq/\xd4\x14'</t>
  </si>
  <si>
    <t>b'\x80E\xb3?\x16\x11\x1e\x04\xd0o}\xacs\xfc4L\xb4c\xfa$\x17h\x7f\x02L\x81\xf3\x8d/x\xa5g'</t>
  </si>
  <si>
    <t>b'\xd93\xb68\xd3\xbc\xc7\x89\x06\x02;\x95\x17]xY\xa4\x1a\x86{\x87+[U\xf6E\xc3\xc3\x8a~\x115'</t>
  </si>
  <si>
    <t>b'w);\xe8\xb5`?r\xd6\xfcW%9h\xbc\xe0\x84\x03\x98\xb7(\xdc\xb9\xa8\xfa\xdf\x9f\x19\xbb\xf7\x98*'</t>
  </si>
  <si>
    <t>b'O`\xb6\xd8\x9bZ\xd7\x8ai\xc3\x9e\xbb\xb4K\xb9?0\xdb\x15\xff\xa2\xde\xe3\x95o\xb6%F~Ct\xca'</t>
  </si>
  <si>
    <t>b'Uz\'\x9c\r/\xcf\xdeE\x04\xc0#\xaf\xd6\xb9\xf6\xfd\x0c\xa5\x855\xb2P\xfe\x97\xe2\xb7"\xd1&lt;\x1f='</t>
  </si>
  <si>
    <t>b'a\x8b?\xe4\x9d\xbbl\xfbk#\xea\xef\xe1\xb7\x07\xc2\x15y\x8b\xb0\xbb\xfa\xfc\x99qy\xc9\x1b\x05t\x99\xf3'</t>
  </si>
  <si>
    <t>b'\x82\x13\xf9\xcb\xabK\x1c@\x06\xe1/I\x07\x9c\xfd&lt;\xa0Q_;\xfc\xa8\xbeM\x0b\xbcW\x1a\xc6nE\xcf'</t>
  </si>
  <si>
    <t>b'\x8e\xda\x8b\xa1\x0ce\xd8\xbb\x02\xa2\xfc\xe8\xbd,]\x85\x7f\xf8\x08\xb8\np\xdb\x01q\xa03A\xc5\x94\x13\xf4'</t>
  </si>
  <si>
    <t>b'\xa1\xac\xfda\x92\xad\xc0\x94%\xc0\xd9\xd1\xc7\xc3@\x17\x00B\x9b\x9ci+\xb8Hxj\x8f\x8dWV\xa9M'</t>
  </si>
  <si>
    <t>b'\xedC\\i\xcb\xc6\xd0a!\x8b\x02\x91\x86\xdbi-2\xe8\xf0\xb3]\xe1\xee\x8f\xf2\x10;l\xd68\xc9\x97'</t>
  </si>
  <si>
    <t>b"\x97!Z\xf2\xfcjl\xbd\xd7\xcd\xcb+u\x03\x05\xf8\xbc/$\x186M\x03\xa2-\xbc\xf1i\\'\xdd\x8b"</t>
  </si>
  <si>
    <t>b"DDz\x14\xa6t\xea\xe9@_\xa1$\x13\x10\x10\xac\x95\xdfX\xdf\xe4L\xd0\xd3\x80I,\x0f\x9d\xd2'\xd9"</t>
  </si>
  <si>
    <t>b'\xb8+Y\xfe\x11\xef\xa3\x82f\xc0.\xe0\xd9\xf1\xae1kF8H\x9a=Ab\xe2b7j-\xc5\x01\x89'</t>
  </si>
  <si>
    <t>b'?\x87 \xbe\xccrh\x10%b\x81\x1f\xa7[\xd6\xb2\x9fo^y\x02\xa3I\x1eCnV_+~\x9b"'</t>
  </si>
  <si>
    <t>b'\xfdS\x19\x94\xfb&lt;\xe1\xd6\xe5(\x153j\xac\xb3x\t"\xcb6\xc8s:\x9aB\xf8\xdd\xc5\x10-\x82\xc4'</t>
  </si>
  <si>
    <t>b'\xc1\xa0E\xb3\x1epx$BW\x06D\x13f\xcb\xfdjy\xd0\xada\x9e0\x9e\xaa\xe4$\xbc\xe9\x98r\x9b'</t>
  </si>
  <si>
    <t>b'\xaa(\xb8]\xb3f\x9bz\xd6\xbe\xc6_\xd7+\xbb\x9a\x80\x8c\xbdP\x1e}u\xe1\xec\xfa\x80\xa4&amp;\xdc]\x19'</t>
  </si>
  <si>
    <t>b"n\x90u\xdf\xb5\xd2\xb7\xcei?\x9f\x90\x14\xa7\x7f\xb20A\x94\xe8\xd5'\xfdrb\x1e5\xc5\xe1\xdb\xe1\x1a"</t>
  </si>
  <si>
    <t>b'\x9e\xd5k\xd0\xf2\xcb\xcdu\xf2}\x9c\x9b\x99\xa5\xf4\xda}\xd8\xc1a\x90A\x16\xa0\xd8PO2k \x1ax'</t>
  </si>
  <si>
    <t>b'\x81lrire\xcc\xa92&gt;\x88\xec;\x0c\x81hg\x99r/+w\xee\xb27\xc8E"\x0e\x9eyx'</t>
  </si>
  <si>
    <t>b'\xf8\x87\xa9\xcf\x9c"\x96D\x8fv*\x96%\xd6aT2\xc2\xa5\xe5\x8fd\'\xcc\x83\\5\x99\xc8?\xf2k'</t>
  </si>
  <si>
    <t>b"r/\xb3 \x84aZ\xf2\xbb\xd0\xed\x8f\xc4\xbd\x18\xebn'\xb1\x98\x1b&gt;O'&lt;\x9e&amp;\xee\x1e=\xe9J"</t>
  </si>
  <si>
    <t>b'\xfe\x92\xe9~\xc8\xd6\xb6\x08\x89h\xf3Pz\xa9X1\xe7H\xdam\xbb\xdb\xd4\x82\x98\x05!\xbd\x9c\x0b\xfe\x8c'</t>
  </si>
  <si>
    <t>b'-e.\xb7\xa4\xff\x18\xbb\xf7\xf2\x8d&amp;\x05~I\xcd\xad\xb8\x96o1\xe0\xa2\xd0\xb7\xa6\x05\x9c\x07\xf0\xcc\t'</t>
  </si>
  <si>
    <t>b'\'\xeeDT Y\xaf\xd6@F\xc8\xf4\x9c\xed9A\xd8\x04\x1c(\x0cH="^-\x98\x7fN[\xe4:'</t>
  </si>
  <si>
    <t>b"({\xe1\xca\xc5\x16\n\x9aB\x13\r\x16b\x04)@\x05X\xff\xedk{\xdf\x01\xc8\xdc\xac\x06r'gG"</t>
  </si>
  <si>
    <t>b'\xfb"A-1eW_\xa8\xbb\xba\t\x960wK0\x90\x0c\xca\x0f-@XsR\x83y:\x85\x8e\xe8'</t>
  </si>
  <si>
    <t>b'+_\x88X\xdf\xab\xa8}\xc1\xa8\x985|\xa2:\xfbw\tS\xfc\xe3\xea?Q\x84\xd3h\x10\x9aEd\x9d'</t>
  </si>
  <si>
    <t>b'M\xb0\xf7\xa1\xc4\xeb^\x8f\xa4\xb5\x05#C&gt;-\xf3\n\x83\x9b\xed\xc8\xc9.F\xdeN\x13\xcb\x8b\xc67\t'</t>
  </si>
  <si>
    <t>b'\x1c\xcd\x87WRO\xdc\x9dE4\xb1\x875\x07\xae\x9f\x88\xdf\xaa\xf9\x17\xa0a\x01bA\xd0\xa5\xbbijn'</t>
  </si>
  <si>
    <t>b'd\xd2\x84\x93\x9b\x8d\xf5?K\x83\xbb|W\xdd\xaa\xe4r\x80\xfcy\x7f8p\t|\xd7\xce\x88s\xaa/E'</t>
  </si>
  <si>
    <t>b'\x10\xe1\x810\xd5n\xe2\xfe \x9b:\x12o\x83\x93;bb\xabf\xb0\xb2/cs;\x9e\xa6\xeb+\xf9@'</t>
  </si>
  <si>
    <t>b'Ue\x99\xf4\x90\xa9$\xc4\xbbcO\xbc\xd2\x1f\x89\x0b\xf1A:\x82\xfb4\x9b\xacIGR*Z\xb7\xe1\xdb'</t>
  </si>
  <si>
    <t>b'h\xf7\xe05=\xcc\xfc\xbf-\x01\xbaF\xb8\xfd\x02\xea[X\x1f\x80\xa9E\x15\xff\x9c!\xe0pE\xbf\xdc#'</t>
  </si>
  <si>
    <t>b'\xebw:\xff\xd3RW\x017((L\x18\xd9d\n3\xd7\x0b:\x86\x8b\xb3_\x9a&lt;\x9d\x1a\xbf\xb2\xfe\xd8'</t>
  </si>
  <si>
    <t>b';t\xc8\xf5\xe6\xbaW@P\x838\x86\xdd\xfb\xd2\xcb7\xa4g8:\xdf\x8e\x9cG\xcf\xce\x0b\xcd1=_'</t>
  </si>
  <si>
    <t>b'\xc1\xd9P%\xf8#\x16\x7f\x8a\xbf\xbf\xc32kM\x11zCC.!\xeb\xcdW\xe1\xd9\xca\xf1h\t\xd8&gt;'</t>
  </si>
  <si>
    <t>b'\xbc0\xd7\xecQ\x00O\xea-\xf6\xf77d\xde\x16,\xe9\x92g\x8cJ\x19\xa2\x18\x1a\xd0^\x08S\xda\xee\xfd'</t>
  </si>
  <si>
    <t>b"\xaf\xa3\xda'{\x04:\xd0\x04x\x994\xb4\xc8a\xb9\x81\x94\x1a\x9d\xa12\x02?=\x17*\x8d\xfa5f."</t>
  </si>
  <si>
    <t>b"\x0f;t\x9dL\xdc\x7f\xf0'\xd3\xe4\x8b b\xd1b\x8d\x11k\x1f\xf72s\\^}\xd8\xb5\x8e\xa8\x06v"</t>
  </si>
  <si>
    <t>b'e\xb58\xf5\x16\xdbcL\xd04\xf8\xbb\x8a\xaa\xd4M:]\xa6`\xb3\xbd\xd8\xcb\xf9 \xadm\xb1\x18E\xb3'</t>
  </si>
  <si>
    <t>b'\xd9\x85\xc8\xa5-JQ^8\x9aM\x19\xad|\xb1\x04\xb5\x9eSB\x8c\x9e?\xa0\x11\x8c\xdd\xa4\x83Y\xff\xe3'</t>
  </si>
  <si>
    <t>b'\xee!\x93U\xad\xe5R\x90\xa92\x1a&gt;qk\xc5!\xa4\xb5Gl\xb1\xd3\x16\xff\xdd\xd5\x99\xc9\xc6\xdf\xac+'</t>
  </si>
  <si>
    <t>b"%zb\xa2-8bFk&lt;\x8f\t\xa8(p\x94\x8e\x95'\xafEL\xdc\x80mw|\x124\xb48\xc2"</t>
  </si>
  <si>
    <t>b"f\xda\xa7]\x8d\x813\x18\xb3$\x86z \x84\x03\xdc\x0e[\xa4\x05'Cp&lt;Y\x8d\xfdZ\x08\xe47\x00"</t>
  </si>
  <si>
    <t>b'&gt;\xbc|O\x93\x80\xa0\xe7\x17\xbdd\x00\xd3\xa8\x16\x92\x16\xc5\xf1\x88D m\x0eF\xe8\xaf\x15l\x04\x9d_'</t>
  </si>
  <si>
    <t>b'\x06\x8b\xf1\x82N\xa0\x99\xc0\xee\x8f\x94-\xe3\x94\xd8\x0e+Q\x02\xbb\x8e\x1eq\x96@\x1c\xb67\x88\x8c\x16\xd8'</t>
  </si>
  <si>
    <t>b'\xba.\xbbT\xd0{Q\x97q\x96\xbf;\x8e5\x93\xce\x0b\xe4\x93d\x0f1Q&gt;\x886p\x0c\xf6ux\x0c'</t>
  </si>
  <si>
    <t>b"\xd7\xf7\x16go\xf6\xaf\xe76\x02'\xfcc\xae\xdb^FD\x16\xfcI\xc6\xfc\xfb\x02:#\x07Q\t\x13\xbd"</t>
  </si>
  <si>
    <t>b'l\xf2\x85\x97\xad\x84\x11\xef\xcd\xf8\x15Q\x00\x95\\`Yv\x14\xba{\r}\xeb\x94Z\xf3\xd4\xf4\xfd\x9c|'</t>
  </si>
  <si>
    <t>b's\xe1V11\x14\x87\xb2\x8c\xe3Y=\xed\t"\r\xd9\x96\x0e\x85\xcd\xa0\x8d|)\xdd\x1f\x95#\x17\xb2\xa4'</t>
  </si>
  <si>
    <t>b'\xc4\x00AF\x85%)\xce\x89\xf5\x7fo4\xd4,WP\x02xl@\xcb\xbe!!&gt;A\x17\xdb\xc1\xc5D'</t>
  </si>
  <si>
    <t>b"\x92It\x96\xc0\xbc\xdc^\xbb\xde\xccp\xb1\x8c\xc7_\xc3\x1e\xf9\xd9\xaa'\x00\xfc\x0c\xa0\xc4\xa2\xce\x8a\xb3\xba"</t>
  </si>
  <si>
    <t>b'\xb9\x1bFB|\x85\xb5\xcf\xb7\x08m\xa5~\xf7r\xbf\xe1\xd3\x03\x10\xcbB\xce\x98r@EbL\xafT\x04'</t>
  </si>
  <si>
    <t>b'\xf3&lt;\xbd2\xad\xd4\xa4\xd9\x9a;X\xcf\xa6\xd4a\xb1m\xa3d\x10_U0\xaa\x8f\xadH\r%\xc4\x99\xfa'</t>
  </si>
  <si>
    <t>b"\xb9\n\xe3\x91b&lt;\xe9\xa0/\xc5$?\xe4'm(\xb3X\xcf\xbfb\xf1\x1d\x01\xd1\xff\x0b\xda~\x9c\x0cA"</t>
  </si>
  <si>
    <t>b"\xe8Ur\x10M\x0c\x0e\xf8\x07'\x88:+u\x88\xfe\xbb}T\xb8\xbeW5\xe1%P\x0bE\x1f\x91LO"</t>
  </si>
  <si>
    <t>b'\x92\xa4L\xde\xab\xe2w\xd4\xca\x11\\"\x94\xf2\x05\xdb\x93\x83T\xdd\xfc:\xf4u\x1d\xa4\x96\xd4\xf5\xf8&lt;\xc9'</t>
  </si>
  <si>
    <t>b'r\x95\xeb\x05\xb1P\xb3\xee\n^p\x03\xbe&lt;\xc4\xdc\xf0BS\xbdZ\xa7\x1cL\x9b\xf1p\x15:A\xca\\'</t>
  </si>
  <si>
    <t>b'\xc03\xd5\xb5\xea\x8b"sl\x97\xdf\xf6%\x1cI*-\x01\x93\xb0\xee\x0f\xf6}\x1a|\xac_L\xe2\x8fG'</t>
  </si>
  <si>
    <t>b'\xb0\x99\xa7\xff\xf0`\x92\xb1\xd4\x15\xe6\xa9^nn\xd5\xc6\x1b+\xa0\x9f\x1e\xdf\x8d/A\xac\x1d+_\x9e\x80'</t>
  </si>
  <si>
    <t>b"8\xc1VN' \xbfM~_Y\xe0\x0b\x86\x13\xdf\x9f\xea@\x1a\xb0hV\x85\x94&lt;G\xed-\x82\xed\x0f"</t>
  </si>
  <si>
    <t>b'f\xe5\x07\xc5!\x9b\xe9\xb1\x9a\x8cqq\x97\xa7A\xae\x86\xff\xeb\xeax\xc9\x12\xe4\xc8 \x8c\x08\xd5\t\xafv'</t>
  </si>
  <si>
    <t>b'\xa5\xb4\x9a2\x1d\x93{\xd4\xaf\x91\xd1z\x9b\xf6B\xa2\xf3\xde"\r\x1b\xa5j\xaa\xf5IS\x0eV\x85t\x12'</t>
  </si>
  <si>
    <t>b'N\x86N\xabW\x93\xa7s\\\xa6\x0c\xf5\n\x92U\xfd\x8b?\xf2\t\x97M\xfc\x1a\n\xcbSK\x82em\x08'</t>
  </si>
  <si>
    <t>b'\x91\xacu{P"\xa0\xf9\xc3v-Bq\x00\xa0\xabn\x7fJy\x1c\xfe\x08\xae\x11\xf4\xa0D\x17\xe7-\xdd'</t>
  </si>
  <si>
    <t>b"\xc8\x07a\xb39\xfe\x8e\xe5\x9e+\xe6hAfbkJ'#\x01\xa2\x9e%\xdaFo|gA\xb0\x8aI"</t>
  </si>
  <si>
    <t>b'\xe9%\xeb\xeb`\xaeU~\x85?\x9bR\x01\xe2\xd8\x87\xf3\xd8\xf7\xf2\xd1y\xfd\x89\x84i\x0e\x9fP\x0b\xc7\xae'</t>
  </si>
  <si>
    <t>b"\x8a\xe7\xb9\xa8x*\xd0\x19\xada\x08\xa2|\xdc\x9f3\xe1\xf6\x14\x18\xe2\xcd\xc8\xa9\xe3'\x9eX\xe0\x06\xf0\xfd"</t>
  </si>
  <si>
    <t>b'\xe6EJ\xa03"\xbf\xef[\xf4\xe8j}\x08\xe7h\x9cx\xbc\xd0\xe7QX6U\xe7\r\xd8\xd4\xca\x97\xcb'</t>
  </si>
  <si>
    <t>b' \xa4\xc0\xff\xf8\x18\xae\xf2\x1f\xea\x02\x12&gt;\xf7\x806\x07\xc3}\xcf\xb4x\xd7c\xa9\xb2q\xa3X\xc5\x7f\xb6'</t>
  </si>
  <si>
    <t>b'_\xa6\xbev\x9dz\xf0JI\xc4\xe5\xc0\x94Qm\xb1F2\x93\xd8\x1c\xcfj\xc80\x88i\x99&amp;\xde\xfd\xc1'</t>
  </si>
  <si>
    <t>b'9\x8c\x97\xc0\x06\x02\xe7Q)\x95\x07\x97`\xf1*\xa2\xc1\x05\xda\x14\x18\x93\xf8\xf5\xde\xee\xe51\x99\x8e\xab-'</t>
  </si>
  <si>
    <t>b'\x9f\xb1\x850\x06TM\xe5\xcb\x06\xdd\xb8\xe7\xd9\xe4&lt;\xc9\x00\x01\x19\xe8fkyy\xfa\xe1\xc2@x\xb0\xf3'</t>
  </si>
  <si>
    <t>b'\xdf\xb6\xc2\xef\xb5\x80\x06\xddE@\xa7\x99\xcc3qRf`\x04\xf4\xd0\xb9\xa5\x10\xfb\xd2c\xd7 \xfa}\xd5'</t>
  </si>
  <si>
    <t>b'\xb8\xdc\xf2vA\x9dMG[\xef\xc9\x91\n\xe5\xcf5\x1aq\xc9A\\Xo\xa9TO\xe1\x1cH\xdd\xde\x11'</t>
  </si>
  <si>
    <t>b'\x15\xd4\xf3\xc4\xa5`;,\xe5{\x8b\x90\xad8\xe7\xf8\xbe\xe57\xcf\x07\xcb\xd9\x80\x0c\xd8&amp;\x99\x9d-G\xb4'</t>
  </si>
  <si>
    <t>b'\xa6(%?z\xda9\x85\xad\x18\x9b\xb56T[\xfd\xe0\x88\x1e\x8c\xa9\xfb\xd1b\xfc1}/\xcb\xc2\xfe{'</t>
  </si>
  <si>
    <t>b'\x80L\xe0B\xca\xef\x85\xb7\xe2\xc8\x02\xa9L\xda2\xadnOZ\x15\xf0d/?#,\x8c\xc8A\x12\xb6o'</t>
  </si>
  <si>
    <t>b'/\xa5\xe7\xdf.@\xb6=\x8aNa\xe6\xc0\xfe\xc2\x91\xd9_b\x9a\xb4u \xfcg\x7f\xa3d!@\x90/'</t>
  </si>
  <si>
    <t>b'MR\xe70\x94i\xa2$\x15\x08\r\xe6jJ&lt;w\xaeU\xd2\xcec\xe5\xa8m\x97Y\xc0\x00C\t\xc6\xa6'</t>
  </si>
  <si>
    <t>b'\x0f\xa5\x99^r\x0f\x9c\xad=\x03\xd7\x97z\x82s\xafd)2\xd7\xb5P\x1bh\x10\xf2\xe0\x9e\x98iP\xef'</t>
  </si>
  <si>
    <t>b'\x8b \xcc\x04\xa3U\xb3\x19\x1b\xea:@\\\x1f5\xdee\xd8;E\xee\x0f\x0e{\n\xd1\x9eu&amp;\xcc\xbb\xf4'</t>
  </si>
  <si>
    <t>b'\xb9q;\xef\xd7\xa5w\xcb\x162\x8c\r\xd4 \xfao\xc2\x11\xec\x10\x14\xba\xc3\xbfkH\x04\x06e!\xe9\xea'</t>
  </si>
  <si>
    <t>b'd\x87\x87\x1c\x86\xa1Z\x8di2\x03\xcf\xef\xf8$\x8cN!\x91I\xaacj!\x9f\xe5o \xb0\xf0\x06\xc7'</t>
  </si>
  <si>
    <t>b'R\x8dyW\xe5\\\xa3\x82\x9a\x95\x7f\xc5\x11\\\xce\x86\x9e\x13\xfet#\x85 \xb0\x04.\x94\xe7m4W\xd7'</t>
  </si>
  <si>
    <t>b"K.\xaa\x9a\xc9O\x8b'\x00\xbaB\x9d2\x11Yq{\x99\xee%\x04\xf4{\xd9x\x87J`I\xe5K\x1a"</t>
  </si>
  <si>
    <t>b'i\x1fR\xe8E\x1c\x0b#\xaf\xa9\x84l=\xfd\xbbZ\xf0\xc0\x8f\xe1$\x02\x19~\xc33\xd7\xf2\x82\xce\x1b@'</t>
  </si>
  <si>
    <t>b"\x052\xec]\x8c`\xd5\xca'\xc2_\xeeL\x83T\xf5\xec\xban\xfe\xe0\xd0\x04\xfb\x19R\xc6\x9d\xe0\x80\x1d\xa8"</t>
  </si>
  <si>
    <t>b'\xe1d\x17\xd1\x12S\xaf\x18\r\x93\x1e\xfaEHn/\xb5\xd4\xc7c\x97F8\\e\xcf^\xf9\xc9\xca\xa5\xaf'</t>
  </si>
  <si>
    <t>b'\x12\x84Y\x81\xb3m\xbc\x1a\x1a\x08\x9f\xdb\xb0\x10\xcf/\xa2\xa0\x0e\xb6\x13\xc50\xb5\x1a(\x1e\x00(w\x07\x12'</t>
  </si>
  <si>
    <t>b'\x15\xb5\x98\x17\xd2MP\xbf\x81\xd2\rws)\x84\xc9P\xddL{\xf3\xee9+\x96\x8e\x06&amp;+T\xca\xcb'</t>
  </si>
  <si>
    <t>b"\xb8\xf2-'H\xf6\x02\xd4{\x10\x1c+\x01\xa5n\xf4\xbc\x12i[\xcb\xfe\xe7\x7f\x8d\xc6_D\xe6v&lt;\x95"</t>
  </si>
  <si>
    <t>b'\xe1\xfc\x02\xc2\xb4\xd0\xfc\xf1\xed\xe3\xdc\xefE\x99\x84\xb9\xa3\x14\xf8\xee\x91)\xe0\x08\xa8\x1d[\xbc,j\tL'</t>
  </si>
  <si>
    <t>b'\x16\x8a\xbeH\x9e\xa6@\xc5\x12\xb7\xe8\xf4\x8f~\xe5\xe9\xfe\xedI\xfej\xcf\x9bQ\xa7j\x84\x81\xf6\xed5\xfa'</t>
  </si>
  <si>
    <t>b"\x87'HIm[\xa5\x02\xa7\xcd\xb8\xc7\\\xf9acD\x9d[\xcc|j\xc0\xbc\xcb;\x16\xb7\xbaK\x93\x8e"</t>
  </si>
  <si>
    <t>b'\xa3*\xabUf\xf0q\x198\xec\xde\x99+p\xa9\xeea\xed&gt;i\xa2\x85;fvA\xb2\xdaYA\xc1\xef'</t>
  </si>
  <si>
    <t>b'\xf2\x90\xa1\x93]\x83V\xbfR\xb9F`\x85#\x03\xd4.\x1f\x7fEG\xa1f\x13\xa71\x8fB\xb2\xaf\\\xe2'</t>
  </si>
  <si>
    <t>b'G\x06\x82\x01#\xb1\xe7h|\x19\tl\x92oc\xcbTCyz\xcdSj\x86\xc5\x9f6\x83\xb6\xc7I\xdd'</t>
  </si>
  <si>
    <t>b'\xb8M\xe4\x07!B7z\x1f\x00Kf;r!UV\xf3;\xd5\xc6\xa4\xde\x0b\xa8x\x8c\x9d\xfdN2\xbd'</t>
  </si>
  <si>
    <t>b'9^\xfbx\xceU\xb6\x0e\x12w\x13&amp;\xd6\xb8\x13C\xc2\x03\xd5\xe5\xd7H\x11\x06\xa8Q\xe1\x91x\xa3U\x05'</t>
  </si>
  <si>
    <t>b'\xeb\xb8~\xe5R\xeb\\l\x11*\xdd\x98ju\xee&amp;\xf2\xa5v \x14K\xc7Vs\x92\x7f\xca\xc1\x04\n\x84'</t>
  </si>
  <si>
    <t>b'A\xb71R\xa6\x9cUy\xa0\xf1q\x0e]\xe83o\\\xb9V\x07\xcb\xe9\xa0\x9crp\x1a\x88\xe6c\nn'</t>
  </si>
  <si>
    <t>b':\xa4"P\x1e\x16\xe7\xd0\xc9c\x902{~7\xe6\xc6\x08*onH\x8a\xbf\x93z\xf4\x02\xc0\xa7\xbd\x0b'</t>
  </si>
  <si>
    <t>b'h\xe2\x91\x0ePXH\xe3\xc7\xa7&amp;\x80\xb1O\xf9mbn&lt;#&amp;\xf8\xea&amp;ra\xba{\xdd\xb6\xef\xc5'</t>
  </si>
  <si>
    <t>b'CC\xeb\xfb\x8eB\x98\x03\xb9\xe99\x8a\x8dR\xbb\xfd\x9a\xb5T\xcd\x06;+l\x0b%\x9e\xf3\x07\x996W'</t>
  </si>
  <si>
    <t>b'\xb2l\x97\xa9\xf71\xba\xd7\xec\x1107\xf6\xa5\xc1\xfd#\xa5\xcdB\xc2\x00\x14\xfb\x18\x1d\xa3\x9f0\x1d_&gt;'</t>
  </si>
  <si>
    <t>b'4+\xf35\xe0\xaf\xf2\xa4\xbc\xd8\xf0\x8do\xde\xf5\xd8j$\xb0\x85\xa8?U\xd1{ \xc8,\x00\x8e\x96d'</t>
  </si>
  <si>
    <t>b'\xccT\x9b\x7f\x00\xb8BY\x8c\x9c\xcfVo\x18\xd3NM\x8d\x80\xfe&gt;\xdf\xf1c`\x8c\x0f\xc7\xde\x10&lt;\xdc'</t>
  </si>
  <si>
    <t>b'\xd9\xd6\xdaQ\xf4)f\x15\xbc^iy\xe7b\xb9b\x18\xd4\x9am\xdc\x0b\xb0;\xb4\xe1\x19+=\xd5Bq'</t>
  </si>
  <si>
    <t>b'\x91PA\xe1\xf1j;D\x80A\x1b%C\xae\xcf\x9a\x01\xbe\x93)\xc7\x03\x9d\xf6\x12\xfc\x9b\xd2\xdeS\x1eL'</t>
  </si>
  <si>
    <t>b'\x9e\xf6\xa4\xbe\xbf\xa4[\xc9#\xe5B\xc1L\rw^^-)|^3o\xd1\xb1\x8bE\xf3\xd2\xdd\xf8\x80'</t>
  </si>
  <si>
    <t>b'j\x0egN\x90\xe3\xf5\x0e\x86\xbe*\x19\x91\x0f\xc0cs#]\xd6\x0f\xcf\xebxEas\x189\xec+V'</t>
  </si>
  <si>
    <t>b'\xab\x01\xaa\xd6}\x1d\xf8T\xaebe\x94\xa1\x93\xaf\xbe&gt;R\xa5\x80]\n\xc4\xc5\x8eiTR\x18\x16\xdc\xde'</t>
  </si>
  <si>
    <t>b'\x15\x98\xa3l\x19bt#V\xe6\xb5\t\x14\x95U\x00\xe1\xd4\xb6\x18\xc7}7\xdd\xd5\xb0\xfa\xa4\x07d=k'</t>
  </si>
  <si>
    <t>b'\xf6\xdf|\x8c\xb5E\x15!\xc2\xa7?\x91\xe3^\x92+]\xe2\xbe\xc0\xdc\xdc#i\xb8\xf0\x98Q\xb1\xc5)\xd5'</t>
  </si>
  <si>
    <t>b'\xf0\x9f\x88\x88\xe0e\xa3\xda\xc4}\xf6\xdb\x01Z\x83\x81$\\\x8c3l\xed\xd1\xf1)u"\xe5\xde&amp;d\xf9'</t>
  </si>
  <si>
    <t>b'\x15;y5X2fW\xbd\x8al\xbe)\xdb\x83yU\x0f\x94\xa1\x19\xc4\x95\xf7\x1e\x9a\x13&amp;\xb4\x88;\xc2'</t>
  </si>
  <si>
    <t>b'\\=D\x15o\x8b\x1co\xc1\xb5\x89\xf5~z\xb4\xb3*\x0ck\xecQ\x06\x14@},L\x10\xb2\xa8\x91O'</t>
  </si>
  <si>
    <t>b'&gt;\xec\xdc\x95\xce\x173\x82\xd2\x8bo\x13\xe3U\xb0\xc3F\xbb\xd30v\xc9\x90\xdf6\xce\xcfVGJ\x9fZ'</t>
  </si>
  <si>
    <t>b'\xc9\xed\xab\x85\x16&gt;\xdbR$\x91N\xc9\xe3\x9e&gt;U\xfc\xc0\xd3\xaejD\xd9\x1fH\xc6\x8e\xbeE\x9f1\xe6'</t>
  </si>
  <si>
    <t>b'\x9dY@\xbd\xe7Xp\xd9\xcf\xd7\x16=\xf4k\x86e#\xc8\x82\xc8\x0e\x8a\\W\x05\xef\xd2\xd2\xee\xc4=S'</t>
  </si>
  <si>
    <t>b"\xd6\x93-K\xd1\xc2U\x9cfp\xd1\xa5\xb6\xbe\xf6\xae\x93\xf2=\xe5L\x0f\xcdL\x0b7\x147\xf5'\xf1\xc1"</t>
  </si>
  <si>
    <t>b'T\x0c~\x11Z\xad/\x10\x1c\xa8\xdc~\xc0H\x88\xa9^\x9e\x08\xac3&gt;Z\x16\x01P&gt;\x9d#=j\xc1'</t>
  </si>
  <si>
    <t>b'\xaf\xf6:D\xad\t{\xe9\x05\x9c\xdb\xf1\xa5\xd6\x87\x82\x05\xd4\xb3Of\xb81\xfaUn\r\xd5\xba\x96.s'</t>
  </si>
  <si>
    <t>b'\xdf\xa9\xc9\x8f\x81w\xc1\x05\x04\x1d\x1d\xf7\xe7\x92Y\xb4\x18\xb2\xd7w\x88R\x8f\xcdq\xcc\xc9N\x99\x8b\x10u'</t>
  </si>
  <si>
    <t>b'\xeb-JPU\xec\xee\xe0?\xae5\x00\x853&amp;k\x94\xae.\x87\xdf=!M\xe3_\x98\xed\n\n\xb0\x9c'</t>
  </si>
  <si>
    <t>b'U\x1c\x15\xd6\xd2\x0b_VM\xca\xdb\x89\xbc\x8d{\x10\x08\t\x1e\x02F\x1d,k\x04\x13\xcb\xb3V5\xb1\x16'</t>
  </si>
  <si>
    <t>b'x\xa9U\xc8\xc1!\xa5\xaen\x19P\x96\xe3\x18k\xd5w$\x8f#\x88\x92y\xfda\xa4\x1b\x88oq\x9f\xad'</t>
  </si>
  <si>
    <t>b'\x81\xfe\x94\x10\xd0\xdbkc\xac\t\xa0\x9c\xef1\xcbk\x96\xabh\xd1\x9dA\xc1\x98\x1e\x8fK5\x06\x91\x00E'</t>
  </si>
  <si>
    <t>b'\\\x05\x1a\xf1\x83\x19k\xec"\xf3fX:\xb8\x13  e\xc0\x1e\xcf\xd5\x18O\x90\x1c\xea{\xa9\x02\x06\xd7'</t>
  </si>
  <si>
    <t>b'\xbc\xd8\xaa\x92\x14U\xa2\xf6\xa0I\x0ec\x9d:\x89\xad\x06\xb3~\xbc\xa9\xdf\xbd6\x86\x9c\x8d@4\xc9c\xb4'</t>
  </si>
  <si>
    <t>b'\xc0;x\xb3\x99\xa3\x02\t8\xf4x5\x8b\xea\x00\x8f\xa0/m\xa2z\x8d\xd4\xb9\xf5\xdc~w#\x13\xd2l'</t>
  </si>
  <si>
    <t>b'#\xe1S\xb0\xa6b%\xfb\xa5\x08\xf1U\x1c\xbf\xe4\x1b\xf4\xf9\x89\xaf\x88\xa0\x03k\xb4\xf9)\x1b*\xe4\x9f\xcb'</t>
  </si>
  <si>
    <t>b'\xb3\xc5\xb3\xd5R\x9eV\xbeh{\xfe\xc2\x84\xe9Cj\x80\xe7z\xa7s\x90,\xe0\xbe3\xa3^+3(b'</t>
  </si>
  <si>
    <t>b'\xde\xb9\xfd\x9c\x0fH\xbc\xc8\xf0kT1\r)!ykR\x17.Y\x9cv\xca\x84#\x1e\xcb1\x9d\xe3R'</t>
  </si>
  <si>
    <t>b'\xe8NTCY\xb1.\x0cO\t_\xb8 \x9eL\xba\x9e\x16\xbc\xda\x8dF\xef\xa9\xfa/\x13\xae&amp;|\xf9F'</t>
  </si>
  <si>
    <t>b';?\t\xe7\x9e-\xbd33\x1b\x08\xcc^1\xac\xe9\x1f\xfe\x8en]=\xe3\x88#G\xa0/W\xd6Y\xcc'</t>
  </si>
  <si>
    <t>b'j*\x1a\x18\x8ao\xdc\xd8o\xd4u\x0f\xd6|\xe8\x888\xcf\xcf\xb3\xa7\xfb1&lt;\xb9[\xa3^\xe1gVA'</t>
  </si>
  <si>
    <t>b'\x10\xc8\x9c\xee\xd1\xa9\xfd\xa9\xf8\x97\xe6\xf6\x0ev\x1f\xa2\r\x19)\xa3\xc2\x0b\xf40\x8c\xdc\x14\xc5\xe7\x0e\x80c'</t>
  </si>
  <si>
    <t>b'\xf2\xd1\xe6\xad\xec\xf1\x9fl\xd2\xe6\xec\x97\xe0`\xeeg\tsz\xe6\x1f&gt;\xa3\xb8e\x8epp\x87\x8bO\xcb'</t>
  </si>
  <si>
    <t>b'\xe8\xc0%\x96\xee\xbc\x92\xc7b\x02\x91\x85N\x11\xee\xb6\xde\x83\x06\x00\xd4\x0c\xc1\x0b\x08e\xc6\xcd\xfdw\xa6\xd0'</t>
  </si>
  <si>
    <t>b'\x97{\xe6\xd5Y\xae\x81\x0f\x85\xf9\x9e~\xed0\x0fi\x9e\x1f\x02%\x8f?\x9f\xe6\x85\x11\xb0\x15\xec\xb5JP'</t>
  </si>
  <si>
    <t>b'\xd1\x99\xd1\x8cR[\r\x81=7\x83\xbe3\xa4\xc3\xba\xc7~\ro\xef,\xbb4\xc0\x94\xd0\x7f\x91\x9ap\xd2'</t>
  </si>
  <si>
    <t>b'\x91\x8c%\xd8\xf0\xc1\n\xc4\xbc\xc2q\xae\xf3\x86\x07\xb4\xa4\xec\xbbRgpY\xe1\x15\xc4\xc9\x9e\xa9\xd3\x00\x8e'</t>
  </si>
  <si>
    <t>b'\x7f\xd0\xa9\xef\xf5\x9a\xc4\xd4*u\xd6R\xdb\xc6\x8b\xdf\x8ew\x18wo\xc4e\x0c\xb4\x15,\xb7M\x90\x1c\xe5'</t>
  </si>
  <si>
    <t>b'\xac{\xe9\xdbR\xa1\xb5\xd9K\xf2\xaco\x1f\r\xfd\x13l\xd6\xd2s\x1d~\xab\xfa/\xf4\xe7C"\x1c\x99&lt;'</t>
  </si>
  <si>
    <t>b"|,\xb6\xefw\xc8'l\x8c\xe9.34\xd5\x8e\x17\x0fl\xbf\xc0b\xd2a1\x044x6W\x12\x1c\xff"</t>
  </si>
  <si>
    <t>b'\x83\xa7\x90\x81\nZ\xd7\x13nCH\xf1\xfb\xe5\x10\x82;\xed}Q\xb0\xa7\xb8oq\x96\xf5\xbb7\x02I\xc5'</t>
  </si>
  <si>
    <t>b'\xf9\xc9\x9d\xc4\xbbb\x84wb\x1b\x08\x0fnvZ7\xd7+\\\x1bT\x92K\xb5\x80#\xef\xf5\xc6\x0b\xb6\x98'</t>
  </si>
  <si>
    <t>b'\xf6\n\xe3\xca\x1c\x7fy\xdd\xc2\xe0\xe0\xca\x05{\xa7\x8d7\x96\xafr\xc8\xb8\xe6G\x0b\x93\xab\xd3g/p\xf8'</t>
  </si>
  <si>
    <t>b'\x1e\x1a\xa8F\xd8\n\xcc\xeaZ\xb7P4P\xba\x08z\x94\x00\xb40\xa2q\xf30\xfa\x08\xa6\xf1\xc8\xfa&lt;\xf5'</t>
  </si>
  <si>
    <t>b'21\xcd\x1f\xf8\xae,,\xc5DVRj)f\x9f\xaem\xdd\x12Q\x16\x07Z\xe0\xb0\xedJ\x8fx\x9c\xdf'</t>
  </si>
  <si>
    <t>b's\x81U@\xcc\x89\xe7b\x8b\x01\xf1$V}*\xa2DLS\xee\xc3\xfcg\x1c\xc3\x0e\x9e\x02\xbcli\xb5'</t>
  </si>
  <si>
    <t>b'\xf99\xb3\xe3\xcf\xd7t\x0f\xa8\x84\xe6\xe2\xba:\x13\xcb\x80\xab\x9f\xa8\xadM]\xd4\xe9\x0c\xb7\x14S\x9e?\x1e'</t>
  </si>
  <si>
    <t>b'"\x9cX\xa1\xdbz\xb2\xc3\xe0k\xa0/\x93\xc0R0\x18u\xaeIdY\xfb\xaf\x18\xde\xb6\x05TD\xef\x93'</t>
  </si>
  <si>
    <t>b'\x0b\x91\x9c\x0c\xd1\x0c\x03\xa35\xb1\xa5g\xd1\xd3\xbc\xba\xc1LE?\xd0@&gt;)\xe5\x08\xa6\xc3\x8b\xd5;\x9f'</t>
  </si>
  <si>
    <t>b'\xfe\x9b\xc6P\xa2\xafM\xf5\xb2\xb2\x0e\xc0\x88\xaf\x08b\xabu\xe8\x14\r\xdcZ\xfed\xe99\x86\xd21\x8c\xc7'</t>
  </si>
  <si>
    <t>b'&lt;\x1b\x06^G~\xf2p\r&gt;\xd3v\xd0&lt;J\x91\xdb\x85\xdcP\x14)\xde|e\x88\xb1\xd7\xff\x00w\xe2'</t>
  </si>
  <si>
    <t>b'\x19\xe2z`@7\xf1\xc6\xc7\x95\xd9\xe4\xa5\xcc/\x12\x95M\\\x83\xa4j\xbe\x11\xe2\xb0=\x9c\xb4\x16\xf4\xc7'</t>
  </si>
  <si>
    <t>b'\x9e\x04`\xea\x07&gt;LW\x11\xf8\xf2\xf6_\x16\x19\xdb\xe9\x055i\xdd{\\\xf8\r)pvu\xd2\xfb\x7f'</t>
  </si>
  <si>
    <t>b'\x12 DR(\xabv|\x95\x08#\x1eXV\xd2Q)\xa4\xf3\xf1B\x82\xf4\xd1\xbd\xc8\xe7\xa3\x931[J'</t>
  </si>
  <si>
    <t>b'\xf9\xab\x1a\x8b\xcf\xbd\x8d\xd3]\x19\x15*\x17fp\xd9\xb2D\xb4_\xc1.\x93euU\xd4\xe66\xa2\x18*'</t>
  </si>
  <si>
    <t>b'\xa1B\xc5@d\x84\x16\xff\x99\x9a&amp;a\xfa\xe7L\xa8\xbc)\x8b\x93\xbe\xda\x19\\e\x9dRm\x02\xfe\x9d\xa1'</t>
  </si>
  <si>
    <t>b'\x0b\xcf\x991\xa4\x8cf\xc8\xbd\xac\xa1)\x12!\x98\xed\xc8(\xb3\x0e\xf8\xf4\xd0\xed\xd8\xbc\xb3\xdf=\x95\x0c\xdc'</t>
  </si>
  <si>
    <t>b'\xa1\x12\xd1`\x16\xebf\xa5\x022\x83\xd0-\xf4\xd7UJ\x1b\xba\xa6MLKn\x03\xd6*\xa5\x90f\xad7'</t>
  </si>
  <si>
    <t>b'\xdf\x85\xf0\xbd\xa8\x9e\x14\x94\ni\x9e\xce\x9a\xb2\x0e\xea\xe1\xcfV\xe1\xb4\xe3\x82\x0b&amp;\xbc\xb8\x83EYj\x98'</t>
  </si>
  <si>
    <t>b'\xd0\x97\xd2#\xca\tI\x14\xba\x88\xd7r\xfa\x11\xf8\x89\x978\xdab\x8a\xc6\xc3{5\xab\x87\xf0D6*\xe2'</t>
  </si>
  <si>
    <t>b'CQ\xcd\x08-\x06\xe8N\xd7g\x93\x8d:\xd6\xe0s\xc1\x8f\xaa\xc4\xd7\xfc+f\xd6t\xb9\x1c\xcd\x80\xd3\xd6'</t>
  </si>
  <si>
    <t>b'7\xa0q-\xea\xf8\xc0k\xf3U\xa6\x83\x92\xca\x8f\x98\x83\xf6\x85i\xb9D\xdeh\x84\x10*\xe59\xd2\xe3\xdf'</t>
  </si>
  <si>
    <t>b'\xcb\xdf|\xa6\xcc6q4\x80T\xbac\x8a\xda\x12\x85\xc9\x9a\x031H\xd9e\xe5\x84\x9c\xba\xbd\xd2&amp;\xc7|'</t>
  </si>
  <si>
    <t>b'/\xd9K\xfe\xc4\xbcw^}\x7f$t!4&lt;\ne\x18"\x08\xb6\xaa\xc3\xf4\xd04\x9f\xda\x1eK\x84\x1d'</t>
  </si>
  <si>
    <t>b'&gt;\x19\xdb\xbe\x86\x8a\xaf\x93\x83\x12\xc8&amp;\t\x05\xdc)H\x93\xff&amp;\x83\x9a\xf5\x9cS\x82X\x8ex\xeb\xec{'</t>
  </si>
  <si>
    <t>b'6\x8b\xae\xb3\xe3\xe5\xdcdUm\x04\x10\xd63D\n\x0f_\xea\xa6l\x85.m\xd1\xd6\xff4\x9b\xaa\x0eZ'</t>
  </si>
  <si>
    <t>b'\x84\xb0\xd4\x84\x94J"\n\x8f(\x9a\x99\xb7\x8b\x99\xc6\xec\x07\x16\xca\x86i\xd4-\xcb\xc9V)\xe3\xef\xc9\xc6'</t>
  </si>
  <si>
    <t>b'7\x012e\x01\xd2\xe3;d\xa7\x05~\x0f\xcdE\xc6z\x93\xcbvD\\\xeb\\S\x12q\xfd\x82x\xa3)'</t>
  </si>
  <si>
    <t>b'\xdc\xeb\xef.\x84\xf8F\xd3\xb1o\x8a\xb8\xdf\xceM\x82\xf6\xf4\xdd\x1e\xab\xe9\x87\xd3\x04\xc4\x02&gt;\xb0Z\xe2,'</t>
  </si>
  <si>
    <t>b'\x8d)H\xdcp\x00b\xd6\x92\x92\xdf\x0f)\x8d\xf4\xb6\xb5\xd4L$\xc5\xbf2#\x06\xfcC\x1dXf\x8dt'</t>
  </si>
  <si>
    <t>b'\xc1\xa9D\xe4th\xc3Y,\xa2\x0c\xb5p\x8f\xb2\x078\xf0\xb7\xc1\xef\x85\xda\xe8%Q\xbeb\xc5\xee\x1f('</t>
  </si>
  <si>
    <t>b'7m\xdb\xf1I\x80\xc0]\xda\x8enM\x8d\x15=)i\xfe\xd1\xf7\xa4_\xa5\x14S\x9ca\xd69\x98\xc8C'</t>
  </si>
  <si>
    <t>b'4|3\x1d*IX^\xacP\xe6\x10\x1c\xd74;\xd6\x1d\x90\x96T\xda\x05]\x16\x00R\x95\xd5\xa3W\xc1'</t>
  </si>
  <si>
    <t>b'\xb9\x13\xd5\x14\xc7KJq\x83i\xa1\x031\x9e\xcdKr\x08\xea\xe2&gt;\x13\x1d\xc7;\x99k\xb7\x7f\xbf~\x02'</t>
  </si>
  <si>
    <t>b"R\xa2\n\x008e\xff-\x1b&amp;'\x1e9\x1e$P\tg\x18\xd7\xd4\xacS\xb8xg\x90d_\x92\xfc\x98"</t>
  </si>
  <si>
    <t>b'NmH\x86\xa5\xc7\x91)\x99O\xd0\xc5\x14\x1dY\xf8\x9d&lt;\xff\x7fv\xb0\xedQv\n\xd0\x84v"B '</t>
  </si>
  <si>
    <t>b'\xb86\xde\xfbk\xfb7\xee\xd9\x9dx\xd4\x94O\xc2\xd2\xec\xb2\xcb\xae\x94\x82\xc8}D\xfbT\xc2\xb4\xd1,\x82'</t>
  </si>
  <si>
    <t>b'\xd0c\r\x80\xc1\xed&amp;\xcfb\x93\x9a\xed\xe3jnt\x80z\xd7De\xdb\x10,f\x7f\x87\xba|Au\x8f'</t>
  </si>
  <si>
    <t>b'\xb1\xa77\x0f\x88\x9c\x0cbTm\xb9:"\x83\x883\x10;\xb9T\xea7\x91\x0c\xee\xc2\xcd\xb7\x88\xa0=\xf0'</t>
  </si>
  <si>
    <t>b'f^\x97\x13\x15\x8d\xe7\xe3J\xb3\xa3\x15\xb5\x1f\x08\xbb\x7f\xb9\x1f=\xf9%\xaf\x1f\xd2\xa6m\xfe\x02\xfa&lt;\x0b'</t>
  </si>
  <si>
    <t>b'j\xec\xf1TM\x1b\xd6\x96p\xcdp\xbd\xfd\xa6\xb0\xacE\x12\xa4.q\xa1P\x1b\x16\xd6G\xb7-\xbb\x1eb'</t>
  </si>
  <si>
    <t>b'\xd0.5iP\x0b\xd8K\xac\xca\xb5\xff\xf6\xea\xc1~Jk\x8e\xa5\xd9e\xa0uc4\x02\xad\x7f\\P\x90'</t>
  </si>
  <si>
    <t>b"\xdc\x06\xbc\x8c\x95S\xed\xec\x1a'+\xff\xecP7\xa0\xd0&amp;\x82\x0f5\xe9\xdc\xce\xecN\xcb\x8e\xd7[@\xdf"</t>
  </si>
  <si>
    <t>b'\xaab\x83\xd8Kr;o\x7f\xf9\xff6\x89\x18\x18L\xa03\x00si\xf22\x17\xb48\xa3\x82\xab4\xc2\xe9'</t>
  </si>
  <si>
    <t>b'~\x80n\xe3\x98\x81\xf4\x82\x95\\n\x91\xb9-\xde\x86\xbb\xfdA\x0b\x19\xfb\t\xfb\xb7\xc1g\xb1\xf1\xbe\xa3\x03'</t>
  </si>
  <si>
    <t>b'\xa5\x14A\xaa#A2s\x9b=\xa9\x0c\xed\x8d@f\t\xca\xca(\xbd\xf6\xba\xc2\xa7\x18\x8d\xcc\x11\x13\x0c\xf1'</t>
  </si>
  <si>
    <t>b'\x16\xb9\x83?\x02\x00O\xef\x9d\x0b|\x8ek\xb5\xce=5\x1f\xf1\xa4\\8\x10\xce\xe0\x9d]\xcf\x99u^\x90'</t>
  </si>
  <si>
    <t>b'\x1bYG6u\xc6\x93\xed\xe6U\x95\xda\xbc\xd4p\xe1\x89\xf1rG\x9e\xe3W\xc3;A\x97e\xd2\xe8\xe9\xc0'</t>
  </si>
  <si>
    <t>b"\x14\x93\x98p\x05)'WK\xc9\xafZ\xae{\xed\x8a`\x87\x06C#\x15\xc3\x88\xfc\xb6\x12!X\x91.Q"</t>
  </si>
  <si>
    <t>b'\x96nM\x10wP\x89\x1f8\x99\xaby\x00C\x04,\x8f\xceN\x0em\x89\x1f9\x13\x0c\xf5\xf1\x06\\\xf0\x92'</t>
  </si>
  <si>
    <t>b'#7\x10\xdb\xe9wQal\x13\xeeJ\xfb\x982Z\x85_O\x88\x96\xb8\xb2\xc0J\x93\x86\x14 \xf0\x87u'</t>
  </si>
  <si>
    <t>b'5V\x9b\xa7\xdb\xb2\xde7!\xd6K\xcf5\x89\x164\xd3q\x17\xcc\xf1\xdd\x89\x8d\x8d\xb7u\xcd\x1a\xd6Q\x98'</t>
  </si>
  <si>
    <t>b'\xea\xf9K\x8b\xac\x87Z\x032\xe9\xc3\xee\x8f\xbaH\x08\xf1\xa6\xab\x92\xb0sCe\xb2\x9f\x16\xe8\x14,T\xca'</t>
  </si>
  <si>
    <t>b'u\x9b\xd3d\xf0w\xd1k\xdf6\xe7\x14\x17:Q\x01\x18\x82c,\t!\xa7}\x88\xbas\xb8\xe7\x9c\xd0\xea'</t>
  </si>
  <si>
    <t>b'\xfb\xbe\xed\x94\xdb2\xed(\xb5\x88gp8hF.Xq\xf3_\xdd\xef1_\x8c\xe1W\xf2\xaeY\xb6\x8d'</t>
  </si>
  <si>
    <t>b'\xb4\x16M\xa9\xae\x17~x\r%\xec\x12\xf1D\x8d\xda\xa3\xfd\xc1&gt;\xca\x87 &lt;N*\xf7\x07\xcb\x04\x11*'</t>
  </si>
  <si>
    <t>b'/\xa0d1=\x9b\xdd\xc5\xfd\n\xac\xf9\xc8\x04\xd6\x08ivZ\xbc\xf9\xfbU\xeeGyPan@\xc7\xaf'</t>
  </si>
  <si>
    <t>b'R\xf0\xb6\xa1\x13$t\xbf\xd2&lt;S\x87\x88V7\xaa}_\xf5#:\xa7\xcf\x1cM\xd7\x0e\x8a\xdeS\x80\xcd'</t>
  </si>
  <si>
    <t>b'Q/\xd4\x83\x8b\x7f\x1b"\xb2DJ\xcbg.j|\x12`\x0eH\x9d(\x0b]\xc2m\x904I\xadfS'</t>
  </si>
  <si>
    <t>b'h\xb4.\x82W\x9fu\x8a)\xe0v\xe5Y\x7f\xcf\x84\xf5\xa6W\xa1\x91\x94\xcf\xb3\xbc\xbfQC\xd1\x9cpZ'</t>
  </si>
  <si>
    <t>b"\x06\xca\x95\xc3&lt;\x0e\x00D56\n\xb9XD\xbc\x08\x05\xbcl\xe9\xa5~:\xc2&lt;\xa8}\xb61\x99'Q"</t>
  </si>
  <si>
    <t>b'@\x83$\x90\x00\x80\x19\xab\xa1\xca#C\xdf,\xfe\xdb\x98\x1aTO\x1f\xe8\x9e\x94&gt;~BA\xcaj\xa5e'</t>
  </si>
  <si>
    <t>b'\x00)B\xfbo;\xb1\xc1\x87\xa4m\xc0\x9d!\x026%PZ\xfd\xd6\xf2\xb0\xc2\xe2\xfb\xb1\xd7\x1b\xbc\xcf~'</t>
  </si>
  <si>
    <t>b"\x87\xef\xc3C\xe3KX\x1f{\x15\x8d\x11\xfd%Rp\x97k\xb4\xc0@\xbd=\xd8R\x15\xbf\xdd'\xaa\xaf\x87"</t>
  </si>
  <si>
    <t>b"t\x00\xcf\x8a\rA\xf2\x18\x96\xe7\xf4\xbe'\x0f\xf7\x03\x8bX1\x05~l\xdd\x16\xf1P\x88\xd7\x8aS\n\xc5"</t>
  </si>
  <si>
    <t>b"\xf5YA\x8a\xb1{.P\xfd\xe6\xf6o\xa0\xbdK\xf6~\xd4U'h\x82\xa8\xae\x8a\xc8\xa6l\xf6\x03\xd8f"</t>
  </si>
  <si>
    <t>b'^J\x14\x94\xc6\xa0\xb0\xa7F\x16G\x0e\xdf\x0c\xd3\xb2R\xb0\x10&amp;/\xaa\xcf\xc7\xb9\x86b$\x0c\tK\xa4'</t>
  </si>
  <si>
    <t>b'\xfc\xb2\xe4\x9f\xc1Y&lt;Z\xd7\x0f\x17s\xce\xech\x16-\x03\xe5+\x8c\xd5\xcd\x9f&gt;q\xde\x80\x92\xe6\xb3\x1e'</t>
  </si>
  <si>
    <t>b"\xceIQ\xb1\xff\xdc\xf1\xe3\x99dgMx\x00M'\xe9\xf3\xa8\xea\xa9\xdd7\xb0\x07e\xffO\xec\x9dL\xa0"</t>
  </si>
  <si>
    <t>b'\xcf\xbf\xfd2\x1b\xdc\xfd\xd8\xb6\xb1\x8c\x10\xfd\x0b\x01\xf5\xa9\xa8\x0c\xe3\xb1l\xbe\xbeXi\xd1b]\xa3\xa1+'</t>
  </si>
  <si>
    <t>b'&amp;\xd9B\x9f{r"F\xcc\xccN\xb8;\xa7\xe9\xeaR%\x13 \x91R\xd9;\xc3\xb1&gt;\xe8-\xdbz\xab'</t>
  </si>
  <si>
    <t>b'K\x1c\xb5\x85\x0e\x05\x8aYyc\xd4\x9a\x91\x08\x853\xec\xf9\xf2\xbc\x9b\xc4\x81\xd2\xcdu\xd1\x84n\x01\xc2\x04'</t>
  </si>
  <si>
    <t>b'q\xcc\xa04\xacHX\x18\x08z]\x19\xc4\xf1\xad\x17\xf4\x8c\xf5c\xe0[b\xa6\xa0\x10&lt;V\x15\x84\x8e\xb4'</t>
  </si>
  <si>
    <t>b'\xf1[]\x87\xb9\x87{\xdd\x0b\xb0_\xe8y\x9bM\xc6\x83\xbb\xdb\x1e\xe4S\xc1\x8e\xafv\xbcaDn\x86\x0c'</t>
  </si>
  <si>
    <t>b'SHW4\xfb\xa3\x171\xe2B\xfc\x0cTQe\xd0\xbbK\xac\xb6_\xd7F\xdc\xfb\x17R\xe5\x90\xb0\xce\xa4'</t>
  </si>
  <si>
    <t>b"\xdez\xbb\xc2\x9co3ea'\xe3\t6t\xa0\x89\x00\xb3\x95^\x9d\xf8}\x85\xe9\xf8\xa0\xc10\xd1\x17\x0c"</t>
  </si>
  <si>
    <t>b'\xc8\xd0xwu1!\xd9\xd5\x0f\xaa\xdcHW/(\xdc\xb3\xb3xj\xe2\x08/\x1dB\x07\x85\x13Q\x18\x96'</t>
  </si>
  <si>
    <t>b'\xaf\xba\x1f\x84Z\xa9\xec\xd2\xb3\x0bgL-nRS\xb3\x08\xbd5\xe1\xc7\x1c\xc5\x0et\xde)\x94\xcc@`'</t>
  </si>
  <si>
    <t>b';\x0c\xb1\x01\xc7\'=m\xac+G\x17\xbc"\xe6\xf5pk\xce\x12\x18s\x06\xe7\x1e+}\x10\xec)Y2'</t>
  </si>
  <si>
    <t>b'w\xe1,\xdca\xc5#\xa0+?y\x9a\xa6kRJ,\xda*Y\xea`\xa2\xcc\xa1\xa3o\xdbVHk\xd0'</t>
  </si>
  <si>
    <t>b'\xecB\xcd[\x05\xe1\xf7DO\x15\x05\xd8k7!\xba\xb6\x87S\x87\xaeL\xb8\x0e\xb5D\xfd*|\xe5\xe7\xe6'</t>
  </si>
  <si>
    <t>b'\xa6\x9b\xf4\xe9B\x8a_\x96\xe0\x97\x01~\xc8\xc5\x1e\xe5\xb1\xe1\xfe\x90\xf1;\xe8\xf4@\x06\xc5\n\x7f\xc37\xfe'</t>
  </si>
  <si>
    <t>b'H\xfbl\xdftMl\xbe3\xa7\x99|\x14\x14q\xb3S/F,\xc2\xe3\xa7\xe9\xa7\x16\xba\xed\r=0q'</t>
  </si>
  <si>
    <t>b'e}1\x11\x8a\xb8j\xb5\xf7]&gt;\xfc\xfc\x8c#\xe9:\xf7\xc1\xa7\x05l_\xc5t/\x9fp\xb1\xbe-\xad'</t>
  </si>
  <si>
    <t>b'\xad\x98\xbb\x8e\xe5[\xde\xdd\xf9p\xd6Z\x8a\x9b\xc6;\x869\xa4U\xe5\x9f\xb8\x9b\xe5\x19_\xcfM\xa7l\x00'</t>
  </si>
  <si>
    <t>b'\xd4\xbc-\x80V[H\x85q\xc2\x14\xbcO\xff~\x13\xeb\x92\x04\xc4V\xbe\xc1|\x86\xfbx\xc6\x98?-\x1f'</t>
  </si>
  <si>
    <t>b"\xa9(Y\xee\xe2K\x06ZP'%\xb1]}\x08\xbc(\x05/\xdfa\x8e0|T\xce(\xcf\xf6 \xa4\x1a"</t>
  </si>
  <si>
    <t>b'w\xa5\x7ff\x0c\xb5\x0f\x8f&lt;\xc9\xdf\xe0)\xdf2#L\xa6\xbdT]\x19\xcf\xa4%s\xe9\x10\x04(\xca\xc7'</t>
  </si>
  <si>
    <t>b'\xc5&gt;d-\x9c;\xc2\xb5]\xaa\x1e}\xc4\xc5\xe3\xf3\xc0\\\xd4\xeb\xd7E\x03\xb0Ub\xfe\x1ay\xeb\xe8\xf5'</t>
  </si>
  <si>
    <t>b"\xb8J\x1d\x9cN$V\xf0\xab[\x14T\xd6|u\xccL'\x162\xd7\x8aR\x1eg\x00|\xe6\x8f\xf0\xf3\xb3"</t>
  </si>
  <si>
    <t>b'\xa1\x98\xf10#\x0f\x94\xa4\x15\xfd\x9f\xd5\xb0/\x14\xcb\xc4\x8f6\xcd|^\xdfKY\xeeh\x06\xc252\xf1'</t>
  </si>
  <si>
    <t>b'\xf9Uo\xc3\xf0\x9c&amp;\xda!viX\xb5\xe1gvo\x81Q1\xfdOl\xc6\x9c\x9e\xc8}#\xc1,&gt;'</t>
  </si>
  <si>
    <t>b'4M\xc6\x81\xfd\xcb\x87 ow\n\xd5\x85m\x89)K\xdf\xac[&lt;k\xed\xfa\xe2!\xf1\xa8V\x0f\x8b\xf2'</t>
  </si>
  <si>
    <t>b'\xd8\xdb\xfb!z+4\xf0&lt;\xd7 c*\xc9\xd6\xcd\xa7\xe2\x07Z\xd4`\xa8\x0cP\x0b\x06&lt;\xcaa\xda\xd4'</t>
  </si>
  <si>
    <t>b"\xc5\x8a\xf5\xa3\x92'\x05\x91v@\xce\xee\x80\xf0y\xc0{^f\x92\x0fl\x1bs\xa1d\xa9\xea\xc8c\xf1\xb4"</t>
  </si>
  <si>
    <t>b'*\x0f\x0f\x89\x81\xa7\x8c_\xa3\xa8\xcbLP\xc1\xb1?\xda"1 \xe5\xfc\x8eWd\x00}\x7f\x90\xec\x94\x98'</t>
  </si>
  <si>
    <t>b' !]\xeb\xbe81x&gt;B\x80\xd2)"\xe49\r \xc9W@\xac\x06\xa6\xc5f\xb2~\xc2nh\x1d'</t>
  </si>
  <si>
    <t>b'\x92\xa7\x8e\x08\xebk\xa9\x14Pb\x1b\xdd\x00\xbc\xbc\xfa\xe4\xdaK\x1f\x8c\x85\xb6\xd1\x82\x0fD=\x05`\x14\x89'</t>
  </si>
  <si>
    <t>b'\x93\xc9^-\xbc+\xf9\x9b;\xe2\x95@\x0f\xc5\x98u\x1ejo\xae\x91\xb9n)-\xdb\x80\x034\xc6d1'</t>
  </si>
  <si>
    <t>b'\xad\xb2\x8f\xdd\x81y\t\xfft\xd102\xcd\x00\xd0\xe7O\xfdL~_\xf1\xd5\xef\xc8"\xd3\xa8_\xbd\xa7\x85'</t>
  </si>
  <si>
    <t>b'}\xa5\x1aj{\xde5\x05m\x10\xcf\x9d\x83\xbbzo\x1d\x1d\xc0\xdb\x1c{\xa8\xe4\x1e\xb7=-\x90\xc2\xb1('</t>
  </si>
  <si>
    <t>b"\\\xc5'\x8c\x92\xc7nf\xe5\x8d`\xfc\xe67\xe5\xf6KJ\xf1\xfar\xbd&gt;\xe1\xe7\x96\xf1\xcfQ,\xf1y"</t>
  </si>
  <si>
    <t>b'\x9a\x8d\x8bt\xb9\x1a\xdb\xd6\xe5\x9a\xb7\xd5\xd0zIb\xafl\x1ey\xcaPJ\xcb\x1d\x9e\xaa~(}4t'</t>
  </si>
  <si>
    <t>b'\xdb\\Y\x86\x1b~`\xe0\xa7!c\xe4u\xf9\xa1\x137\x15\xab\xe3\x95oI\x82\x9fZMh\xa5\x8fNn'</t>
  </si>
  <si>
    <t>b'\xbd\xab\xc7\x83\r5\xc8\xdf\xe8\xees}\xc2n\xeb;A@\xc0\x9c20\xfe\xae\xb5\x8f\\\xc4T\xe9\xf9b'</t>
  </si>
  <si>
    <t>b'\x07\xf7\xe8\xaf\xcf,\xd3\x14\x85\xd8(yV\xa1A\xa75\xd4\xeb\xab\xf4"\x0c/q;\xccx\x03NN\xe2'</t>
  </si>
  <si>
    <t>b'\xff\x809\x10\xf78d\x0c\xd6y\xbf\xf9\xe6\xb6=t|\xa2e\xaf\x1ch\xd6\xaa\x96\xd3\x8e3\x18)\xc6\x02'</t>
  </si>
  <si>
    <t>b'\xb1-\xc8\x1f\x81\xf0\xcft\xca\xeaW0\xdc\xa4L\xaf\r8\xb3\xfaU\xc9\x0f\xce\xcc\xe2\xae\xaf\xb0BU"'</t>
  </si>
  <si>
    <t>b'gVY\x05\xce\xb3\x8d\xd5\xc7\xd5&amp;\x85\xda\x9de\xe9\xec\x86aB\xd3\x8fY^6@\xfdw\x1e\x82\x95\xff'</t>
  </si>
  <si>
    <t>b'~P\x9c\xcb\x12h!\x90\x13\xb5\xdce\x8a\x1f\x06\x86\xf0\xb4\xe4w\xd3&gt;\xe8\xdcK\xe5F{F\x13 l'</t>
  </si>
  <si>
    <t>b'rOH\xd1[\xb4\xb2\xee\x802\xa3f\x12\xbc\x163\xe3\xe8l\xe6\xe4\xc2\x97e\xffZ\x15\xc9N7v\x12'</t>
  </si>
  <si>
    <t>b'\x8e\xb6\xa1\xe7\x9alZ\xf9Y@\n\x81\x91\xde\xf9\x15%=8\xc4\x04(\x10\xe3(\x7f|\xb3\xbe#\xaa\xdc'</t>
  </si>
  <si>
    <t>b'\xde\t\xf2rp\x13\x11\x8eQ\xc2\xd1(v\xf0\x84,\xf3q]\x18\x86\x8f\xf0Z\x04\x99\xc8\xb9s\x87F%'</t>
  </si>
  <si>
    <t>b'\x1d-\x9bx~\x8e\xdd\x9e\x9c\xcf\xa9\xf6\xa98Ky\xc8\x0f+\xf5N\xef\xad&gt;(\x19\x1a%\x82zN\xa2'</t>
  </si>
  <si>
    <t>b'\x84j\xe9\x07\x8ej\xea$\x92\xb2\xba\xe7h\x06\xa8\x06\xb3\xdda\xe3%GB\x80\xd8\xff\xcb\x17\xb8\x83\xe0\xf0'</t>
  </si>
  <si>
    <t>b'g\x96U\x9e\xe3a\x95\x0c\x9a\x89x^E\x90\xdb\xb6\xda@\x84\xec@\x8a\xee\xce\x7f\xae\x19\xaa\xf7_\x14\xa9'</t>
  </si>
  <si>
    <t>b'\xa1L\xc8\x7f\xd4\xd6\xe9^Qnob*\x18\x0cc\xa4/\x85&gt;_\\U\xaf&lt;C\xfa\xa7\x07j\x06\xef'</t>
  </si>
  <si>
    <t>b'rD6r\x90\x02\x04\xde^\xb2*\xde\xccJ\rM\xc0\x8d\xbe\x081\xaa,\x19\xc9\x9b\xf5\xaf\x84\xb4A\xac'</t>
  </si>
  <si>
    <t>b'#\x83\xc9\x911q\xc8l\xc3\xe5\x1a\x98\xa7\x89L\x01m\xfd\xe6\xe0.\x1c\xc5\xe5\x165\xa2L\xe4\xd7\xcb\xed'</t>
  </si>
  <si>
    <t>b'\xb5\x8d\x9e_b\xf7\xa3\xe5:@{k\x88g\xddj\x7f*\x03s\x931g\x18\xa84\xb80\xa3\x08\x12:'</t>
  </si>
  <si>
    <t>b'_f\xf4d\x89\x1a\xa8;\x82\xfd\x07^\xff\x85\x02]2:\x06\xdf$=.\xdd\x8f\xb0\xc0\xea~;\xb4\x14'</t>
  </si>
  <si>
    <t>b'\x17\x84\xdb\xf2\xac\xf0\xf2\xb8\x17\xb6\xb7R&amp;\xf2\xaf\x90\x0b#\xb1=\xd5\xc3\x1a7\x8e&amp;\xe6\xa7\ne2\xc6'</t>
  </si>
  <si>
    <t>b'J]B\xa9\xa4\xde\xf0O\x8f\xc3\xed\xb1\x82@\xc1.\xa9\xeb2~\xb5\x80A\xfbB\x8f\xcb\xbf\x7f!\x0c\xbd'</t>
  </si>
  <si>
    <t>b'\xcbJ\xfbT&lt;\t\x0f3\xff\xc0\xd0\n\x1b\x91\x83A\xb8\xa8\x02\xc7\xcf&lt;\xfb\xa8\xe7QS\xd3\xb6\xde\xf9\xfc'</t>
  </si>
  <si>
    <t>b"\x0fxD,\xff\xb1]_\x1a\x03}\xb3\xc2\x8e\t\xf1\x04\x90\xa3iX\x81\xa7\x89\xfd`&gt;\xd6Q'\xcb?"</t>
  </si>
  <si>
    <t>b'\x03]\xf1\xfb\x17\x0bg{\xbf\x027%]8\xfa\x89|\xd3\xc3\xd4\xef\x99\xc9\xe8\xadI\x9fY\x84z\xc2U'</t>
  </si>
  <si>
    <t>b'\x97&amp;e\x8a\x1c\x16\x05G\xaa\xa5\xe92\x81]\x8a\xfc-i\xa2G\x16\x8e\xbc\xa2\x87\xa0\xe56\xea;\x90\xc3'</t>
  </si>
  <si>
    <t>b"\xe3s\xd8o&lt;r\xf8^\xf5\x88B9\xf3\xbc\xbdI\xaa\xc2\x82'\xa9\x15\xd9\x94YaV'\xe0\x12u\xe9"</t>
  </si>
  <si>
    <t>b"'`\xcd\x8e\xee\xef\xe4\xc6\xbf{\xd3\xca \xac\xad`\xd1\xd5 \x06\xdc\x8e\xb0\xa8{\xef\xbf\xd2\xd5\xf5\xa3("</t>
  </si>
  <si>
    <t>b"=\x88\xa1\x01\xca\x15\x9b\xceY:\\\x04He/\x9e&gt;^\x0e&lt;\x9c\xf8V\\\xce\x88O\xcb'%\xa3\n"</t>
  </si>
  <si>
    <t>b'p&gt;2\x1cg\xc1;\x1d\xbd[\x0fm\x0e^\xdc\xf5P\x1c\xecw\xaarD,&gt;\xe9\xc5I\x97?\t\xcd'</t>
  </si>
  <si>
    <t>b'D\xe3\xf5,\xf2-\xbb\x81\xc0\xbb\x08\xde\x11F\xc3\xceB\xa1\xefx\x978\xbf5\x02\x1b\xda\x90n.\xa2i'</t>
  </si>
  <si>
    <t>b'U\xb2\x80\x82\x16\xce\x05,\x0e\x04\x03\n\xddf\xb6R\xb8l4\xc7i~&lt;m\x9b\xadx\xe4\xc0\\\xe4\x1d'</t>
  </si>
  <si>
    <t>b"\x14\x05\r\xd3\x0f:'\xaf\x0es\x89\xb0\xe0c2\x81\xef\xb5\x8e\xf4\xcf\xec\x94\x80\xf3d\x81\xc2\xda\x08\xb1\x0c"</t>
  </si>
  <si>
    <t>b"M\\\xfb\x14C\xf2k\x95&gt;\x80\x19\n|\x19\xb4\xa5;&amp;Z`~\xc6'a\xf6\xfd3\xd3\xd8XL\x1c"</t>
  </si>
  <si>
    <t>b'\xf2S0\xb2\r\xc5\x17s\xda\xe8\x98\x00\x0c.\xac\x84t\xd7\xe2\xc2\x86\xe1\xad\xbf\xdf\x083\xddLf\xd2\xa4'</t>
  </si>
  <si>
    <t>b"\x85\x82O\x1f\xafA\xb79\x93\xdc\xd9\xa3\xb7,-\xb9l'\xa6\xe75\xed\x0fJ\xc5&gt;\xdefi\xbb\x89\x15"</t>
  </si>
  <si>
    <t>b'_k"\x1e\xc8\xdfp+h\n\xabKB\x9f\xd2E\xee\xda\xcc!\xdf\xfc\\y\xaf\xca\xf4"\x107V\xe8'</t>
  </si>
  <si>
    <t>b'\x06fu;*\x13D_\x86y\x19\x005\xbek\xf6\x9b\xc9xb\xdfI\xce\xc5\xc1&lt;\xf1\xfd\xf8MLL'</t>
  </si>
  <si>
    <t>b'\xf1\xfc\x86\xe2T\xfbCzi/k\xd2m\x1be\x9bnV\x0e7\x1a\xa3o \xee\xe6P\x9f+B\xb0q'</t>
  </si>
  <si>
    <t>b'\r\x89\xfc1h\x9f)\xba\xad\x89\xdco\x0cE\x05y\xced\xfds\xafdRmIDb9\xe0RK\x15'</t>
  </si>
  <si>
    <t>b'@d\xc7W\xaf\xe1\x9b\xfe\xec\xfd\x90\x16\x9b\xfa\xb7\xd9\xf0\x99\x99\xe0\xc5\x19\xf6\x01Q\x8ap{b\x92X\xaf'</t>
  </si>
  <si>
    <t>b'a\x9e\x89\x15n\xb1Z\x01R@\x06*\x1c\x90B\xe6\xb0jf!!\xe7\x81b\x8d\xa0\x97[l)\xe3\xb7'</t>
  </si>
  <si>
    <t>b'!:\xb0e\x84.\x81\xda,\xb8O\x14xY\xba\x84S\xa9\xe2\xb0\t\x05W\r{\x8f\xa2\x16\x8c9\xb6\xc2'</t>
  </si>
  <si>
    <t>b'\xa9\xf7\xb8\xf8\xdb\x8f\xc7.cW\x9a8\x93\x0eKz\x92#G{r\x925\x0fD\xd8m\x197\xca\xb0\xe5'</t>
  </si>
  <si>
    <t>b'9\'F\xf8&gt;\x0f\x81"\xba\x1f\x8c\xd2\xa8\xe8\xa3\xdaa\xad\x92\xea\xd9\xcf1\xd9\xd3\twC\xe5\x03L\x12'</t>
  </si>
  <si>
    <t>b'\x81\xcd\x98\xd5\xbf\xe9^\xcd\\q$\x8c\xa2+\x85\xe6\xd3dJ\xc6\xf8\xaf\xdaI\xff\xd1(\xca\x88\x11\xd2S'</t>
  </si>
  <si>
    <t>b'\x10\r\xeb\x9ft\x17\xfa\xd2\xce[\xa4@\x95lg\xe3@\x10l\xd9\x83;R{&lt;S\x10\xda\xcd\xc3\xcc;'</t>
  </si>
  <si>
    <t>b'\x02\xa3qd|*\xea\x13\xd9]\x07C\x03\xf5|F\xde\xf5\xd7\xd7\xa5x\x86\xc2\x01\xe1\x03\xa2X\x0b\xf0l'</t>
  </si>
  <si>
    <t>b"R\xcbPy\xea\xe6\x98T\x9a&lt;3t7\xde'y\xf5\xc8\x99\xb7\x1a\xccD\xd4/1\xe0\xc1`\xc2\xf3\x83"</t>
  </si>
  <si>
    <t>b'\x0c5\xcf\xdcF\x9b\x81\x05\xb6\xf4\xec\xd4_1\xf6\xe2\x82\x82\xcbO\xb9\xa8&gt;\x99#@\xf3\xecdcMN'</t>
  </si>
  <si>
    <t>b'\xc6`r\xa5}#\x88p\x19[\t-\xc2\x8fe8\xf586lnFsw-O\x18\x0f2\x84qk'</t>
  </si>
  <si>
    <t>b'C\x82\xf5\x12e\xb6\xa2\tsjJ\xa0DI\x0e\x0ey\xb1\xfb\xf76\x7f(\xa3\xdf=\xefCc\x88\xf4\x8a'</t>
  </si>
  <si>
    <t>b'_K\xc5\x94_\xb3\xca+:A&gt;\xfa\xbcZ8\xac\x04\xd4\x13cd^{\xd8J}dp,_\xb4\x0c'</t>
  </si>
  <si>
    <t>b'\xde\x97 \t2)\x84\xd3po\xd5\xed\xc3m\xb5\xd1VE@\xe8\xfe\x986\xa4\xa1?\\M\xe82[\x97'</t>
  </si>
  <si>
    <t>b'\xdd\x17\x9d\xef\xdc\xd8\xdc\xa9\xee\x14F+\x18\xb0\xaf\xe4~\x82\x10zn\x9c\x90\x15\xcf\x9f\xaca\xceb\x91i'</t>
  </si>
  <si>
    <t>b'\x01\xda\xbdi\xa9Q\xc6\xf3&amp;\xf1$P\x0b7I\\&amp;+\x1a\x80Os\x0c\xf6BU-\xa8\x0f\xe2\x01y'</t>
  </si>
  <si>
    <t>b'\xe6\xcac8\x0f\xfd\x19U~\x94\x84\xd8up\xacy\xe4\x85E\x13\x85y\xceW\x81\xb5\x10\xcc\xe4\x9c\xa6S'</t>
  </si>
  <si>
    <t>b')\xcd\xd0&amp;\x0c\x08I\xcd\x04\xcf\xcb.\xe3y\xb9\x92\xd2\xd6\x04\xc3\x1dM\x96\x14g\xaf\x9f\xf5\x9a\xac\x9c\xd3'</t>
  </si>
  <si>
    <t>b"[\x91Z\xa5t'\xc6\xcb~\xd5\x8f~\x9b\xb3U\xfeK\x0c\x8c\xc3\xab;\t_\n_F\xcc&lt;k\xfd\x13"</t>
  </si>
  <si>
    <t>b'\xb1=C\xd4;\xb6i\xba&lt;{\xa0\xab\xa8\x9fS\xf8/\x0e\xe1\x115x\xa69[\xd5\x81\x05"^[9'</t>
  </si>
  <si>
    <t>b' \t\x0b\xbc\xb57n\xac8\xecl\nR|D\x8d\xf6\xa4\x17\xb9\xbbkf\xcca\xf5\x84}X\xaf\x8az'</t>
  </si>
  <si>
    <t>b'3e\xec\xe5\xe5\x02[{\x08\xb9\x85I\r\xdfI\xeek\xc7&lt;\xfa\xb7\x8c9\x1d\xb8\xf1He=D.R'</t>
  </si>
  <si>
    <t>b'UY\xb8=\xa1\x96\x9f\x93De\xf7J\xa4S\t\x90\x8f\xfc^\x0fV\xd1&amp;T\x030\x1a\xc1l\xe4\x94&gt;'</t>
  </si>
  <si>
    <t>b'\xc2B\r8\x0e6\xa7\xa2T0\xa1BC\xee9\xda\x99\x08n\x80\xc5\x0c\x8c%Y\x98\xfc\x13\x16\x81\xbd\xc4'</t>
  </si>
  <si>
    <t>b'P9F\x83n\x96E&lt;i\x9b\xe4\xed\x1b{T\x00\xd5\x070\x8d\xbb\xba\xcb\\pu\xe4nK\xd7\n^'</t>
  </si>
  <si>
    <t>b'\xe2lT\xe4Z4\x0e\xee\xac\x83v\xee\xac\xe0\xd4GM}\x94!\xfc\xa8\x18$\x8c8\xc1\n\x85\xdc\xfd\x18'</t>
  </si>
  <si>
    <t>b'15\xed5~9P\xd2\xd3\xcbw\x8c\x81DF\x94{z\xdcI_&gt;\xc0H\x17\x12\xf3\xb2\xb3 \xff\xb7'</t>
  </si>
  <si>
    <t>b'\xb8\xd5^gD\x104Z\n\xa5\xd3|\xc6\xb4\xc3\xac\xbeW\xf4\xbcF\xcb#\xc1\xe4\xe4\xef\x10\xe8\xd4\xabZ'</t>
  </si>
  <si>
    <t>b'\xcf@\xb6\x8e\x8dEP(\xce\x8f\x9c\x92m\xd6q4w&amp;\xf6\x12\x84bf\xd1S\xf2\x84\x05A\xa4y\x07'</t>
  </si>
  <si>
    <t>b'X\x1e\xb8\x95\x87\x90o\xc4\x84\xa0\x0f\xf4\xe5&gt;\x9a\xc4\x97\x04ZP&gt;4\r\x1b?\xe8\x98\x02\x15\x14\xa4\x80'</t>
  </si>
  <si>
    <t>b'\xa9o\xcf\xbf\xb4\xaa\x91\xb5\x89\t5\x86[\x9dJ\xdc|\x90\xef\xe6[\xfc\xa0\xd4\xfa\x1e{q\n\x96\xff\xa3'</t>
  </si>
  <si>
    <t>b'\xaeJc\xf4\xe8\xd3\x80#VH\xdf\xcd\x8a\xa9\xca\tm\x1a\xc8\xc4fO\xdf\xea!J\xda\x86\xa3b\xf9\x14'</t>
  </si>
  <si>
    <t>b'BJ}\xe4%L?\x8dJ\xd0\xf2\xb4\xa6U\xfc/K\x17\x99\xf6\xce!9\xdd\xff\xda*\x1e\xb4\xbar\xd2'</t>
  </si>
  <si>
    <t>b'\xcd\xafA\xf8\x16\x96CD\xe0{\xa8\x88\xd3:\x85Kx\xc2\x12i\xcd-\x84\x15\x9c\xcf\xa7\xb7\xd3\x03t*'</t>
  </si>
  <si>
    <t>b'\x13Z\xb9@1\ng\xbb\x90\x8a\x07D\xc8g)\xd83\xffJU55\xe5\xb3\xae\x00\x826\x01\x1by\x82'</t>
  </si>
  <si>
    <t>b'/\xc5\x91\xdf&gt;\x8e\xf7\x06\xb1\x18\x15\x98\x83\xd09t\x88\xebxK\x99\x85c]\x84J\xd2\xb1\xa4\n\xf1\x9e'</t>
  </si>
  <si>
    <t>b'P\x8c\xb8z|\xeb\x97\xe1\x02Z\xaa\xb1\x83\x9e\xc3}\xed\\\x0b\xf2\xc4\xbd\x93\xa4\x0ebv\x9b`m[s'</t>
  </si>
  <si>
    <t>b'Y|\xcd\xc6\xe5\xd4\x86\xe2\xe4f.4&lt;\x07\x93\t\x8d3\xbbY\x932t\x13"\xa2J\xb52\x04\xd1Z'</t>
  </si>
  <si>
    <t>b'\x85S\xd3\x92I8\nk\xac\x9bD\xe5\x9e+\xb9\xbfC\x87\x05\x85\x94\x11\xb0\x84\x1a\xf6\xd5l\xb8\xd2\xb4\xb1'</t>
  </si>
  <si>
    <t>b'^\xe5\x8b\xb1\x84u]7\xb4\x07S\xf5\xc4-\x81Z\x07\xa9\x17\xd7\x8919\xe1h\xfc\x1c\xdf:\xcbn\xbe'</t>
  </si>
  <si>
    <t>b'l\xc3!\xa0\xa5\xed\x0fm\x8b-\x0bw/\xc7\xfaL\x04^\x0c\xdb\xb2\x14\xd1\xcfy\x9a\xc06\x84\xe7\x9bD'</t>
  </si>
  <si>
    <t>b'\xc0\xf3\x00\xfa\x98\xf0\xc2\xfa$n\xe5e\xac}\xb3\xe6\x1a\xdd5mc1\x83q\x8a\xc5_\x96\x7f\xbe5q'</t>
  </si>
  <si>
    <t>b'\x9f\x1b\x19\xaa\xbc\xee\xc3\x9b\xb7c2\xb7)^\x87{fo\xee\x0f!\xb1\xfc\xba\x9eE\xe3\xa6JQ\xfb\x7f'</t>
  </si>
  <si>
    <t>b'\x02\xfc1\xcc\xf5\xc8\x98\x81\xf5\t\xaa\x8f,\r\x0f\x03\x16\xc7\xf5\xe0.\x05\x13h\xbe\xe20\xb0\xef\x9c\xa3T'</t>
  </si>
  <si>
    <t>b"\x87*\xf4\xd4\x90\xb1\x87\xa5\xc2\xc3v&gt;\x97D\x05D\xbb\x1c\x8dJ\x9d\xc3h\xdd&amp;\xbd\x98\xa2'a\xc4\xd5"</t>
  </si>
  <si>
    <t>b'r\xdf\xcaX\x88&lt;\x84Ad,3\xe4\xb7o)E\x10!\rE\xdbN\xa4H!\xf4$\xbb\xd8\xc5\xf8\xab'</t>
  </si>
  <si>
    <t>b'A\xa8\xf6&amp;\x8d\xba\x83\xc1E\x10tf\xbaM\xfc8\xa6,j\xfd_\xcb\x1bS\x98\xd9f&gt;o\xf1\x15\x0c'</t>
  </si>
  <si>
    <t>b'\xeb^\x13\x19\xe7\x91j\xb5\xa7\x18%c\xf0\x8a\xbd\x98(\x8eI\xbcK\xde\xd6\x1c~2\x0f/\xd1\xfd\xb7Z'</t>
  </si>
  <si>
    <t>b'\x0fQ\x00\x9f\x9b\xe3c\xee\xc7\x9d\xbe\x1am\x0b\x15w1&gt;\xaf\x16\x93\xd8\xa1\xf3\x8dC\xce8\x96|\xb5\x89'</t>
  </si>
  <si>
    <t>b'WG\x14\xf2W\xd4\x12\xfeTF\xbc\x1drQ(\xa3\x15Fq\x01ol\xd0\x06\x80R\xb4;\x9f\x01\xe7\xa8'</t>
  </si>
  <si>
    <t>b"&amp;\x9d\xc9\x14]E{tr:S\x8d\xd3\xea\x00%\xaa\xa5\xaa\x04P}\xb3\xeb'U\xa6\xd8\xca\x99\xa56"</t>
  </si>
  <si>
    <t>b'|\xa77\xa28U\x11\xbeqM\x8b\xd4,~\x1f\x1f0E\xe5\x06\x8c\xcf\x1b\xb0~\x0b\x0c\xcfH\xfce\x87'</t>
  </si>
  <si>
    <t>b'\xc9}\xf4CTGr\xb9\xc7\n+\x94\x1b\x8b\x19\x8bjg\x84\xe4[uk,?\xd2N\x89\x11\xb9\x80\\'</t>
  </si>
  <si>
    <t>b'$\xb3\xa2\xcb\xac\x9d\xd3\xff\xd9\xd3\xb1\xf9\xe1\x16\xb0\xadL7\x8e\xc4\xc4\x10i\xcc\x1c\xcc\xb0\x8c\xdd\x82\xda\xed'</t>
  </si>
  <si>
    <t>b'B\x17\xbc\x85T}\x08\x90\xd31\x17-C\xd4H\xff\xa4\t\xfb\x0c\xb6\xfe!`(\xbb\xdb8\x06\xdeL\x9a'</t>
  </si>
  <si>
    <t>b'\x9bv\x98\x00J5s\x8ck\x8a&gt;\xbb\xf7j\xac\xa5^&gt;z\x154t\xdcJ\xf7N\xda\x00\x15NqH'</t>
  </si>
  <si>
    <t>b'\xd8\xbbn\x90\xe6q\xfc0G\x98\x7f\x94E[\xbc\xda\xbbF&lt;)\xf7\x94\xa8\x0em\x1d\x9a\xa6\x9b)\x99l'</t>
  </si>
  <si>
    <t>b'\xe9\xdb\xfd\xc4N\\v%\xea\x8c\xe9\xda\xaf\xfe\xd1\xac\x14Lt\x066i\xfa&gt;\x89\xa2;Y\xa8\x9e\xdf\xbf'</t>
  </si>
  <si>
    <t>b'\x81\x1a\xe6$\xeb\xa2TG \x1f\xa9`\xd4\x8d\xed\xbb\xf9\x1an\xa8[\xda1&gt;\x9fNo(\xe5\x04\\"'</t>
  </si>
  <si>
    <t>b'\xe1\xc8\x92\x02\x0f\xfdW\xb9\xfaJB1\x85\xfc\xbf\xa0Jy\xb0\xc4\x1f\xec\x8c\xd5A_\xdfX\x01\xef\x86-'</t>
  </si>
  <si>
    <t>b"\xd8\xeaRA\xf9\xd0\xeb\xbe\x1b\x80\xcd$#^1\xa2\x89/'\x9b3\xc0o\xf0\x81/\tl\xa5\x90\x177"</t>
  </si>
  <si>
    <t>b'\x13\xb2N\xb2%\xa2\x1d6\x93\x06\xa6\x12\x91\x13\x7f\xba\xc8&amp;*\xdb\xc9\x17,\x9f\xa2\xbc"h\x94\xc4\x1d\xec'</t>
  </si>
  <si>
    <t>b'\xc8\xd3&gt;4:\x95\xa69n\x18v\xe2sC\xd7\x03T\xfes\xe113\x8d\x14\xe3\xc3\xab\xd8\xef\x91y3'</t>
  </si>
  <si>
    <t>b'4\x0e\x80w\xc9\xe1\x94\xe0L\xb31\x9e\x83\xa5Id\x11\x82\x0fG\xbe\x99\x0cm\x93\xd6[\x95\x96m{\x86'</t>
  </si>
  <si>
    <t>b'\x94\xb0\x85C*\x0f\xab\xbb\x19\x97\xac\x8d:~?-\x93\xfc\x08\x1e\x99\xad/\xea\xff\x9flP\x8e\xb7\xdc\n'</t>
  </si>
  <si>
    <t>b'\xe7~L\xac~-t\xad\xd24\x114\xf9 \xf5$\xfd\x13\x94\x17\xfe\r\xe6\x0cg\xe6+Pi\xbf\x87\xc8'</t>
  </si>
  <si>
    <t>b'\xbe\xd1\xe0&amp;\x99dw\xbc\x9d\xb6\xf8B\x18N\xc1I\tSy7z\n6\x99\xb46\x8d\xc9PADo'</t>
  </si>
  <si>
    <t>b'\x12\xff\xd0\xa4h\xafK\xdcI\x96\x9c\x0b)\x81fmh\x08\n\xeb\x1fJ$\xf5\xd4H\xd3\x02u,\xb3\xe4'</t>
  </si>
  <si>
    <t>b"\x16o\x98\xd7\x1b\xe3SO\x9dpQ\xd3\x18\xa0]\x9d(\xdcC\xf8\xfb\x92\x8ai\t\xd5\x7f\xb9\xe93\x83'"</t>
  </si>
  <si>
    <t>b'j\xbbZ\xbc{3PU\x84\xef\xc1\xc6\xbb\xb19\xbf\xfb\x94\x04E\x03\xfeO\xec\x0c\xffI\xf6|~\x8b\xfc'</t>
  </si>
  <si>
    <t>b'\x06\x19J\x8f\x98\x8bP\xb1\xc5\xd7D\x019\xd1`\x02k\xe0\xea\x11R^\x97\x89T\xc9;\xb32\xe5\xa3\xd0'</t>
  </si>
  <si>
    <t>b"\xab'?m\xa3a\x14\xb8\xce\xa6\xb8\xd4\xe2%;h\xba\xf066Xfv\xc2\xd1\xb2~\xd8\x01\xb7+{"</t>
  </si>
  <si>
    <t>b'\x1b\x84\x98Ga*\xa5\xae\xa5\x12\xe2\xd8S\xb3X\x0c@\x19|x\xcf\xbf\xdc\x16\xb0g(Z\xbf\xd3\xb0^'</t>
  </si>
  <si>
    <t>b'\x08B\xa5\xa3mv\x001\x01\x06CZ\x9bZF\xf3\xd5\x0b\xd8\x01|8\xbc\x0bU[\xa4\xd6\xc1\xc47z'</t>
  </si>
  <si>
    <t>b'k\xe6\xa2c@\x03&amp;\x1d\xa3~\x96\xa2\xe6!\xb1\x8d\xd0\x99\x88\xe1y\x18[\xe3\xdc\x95\x06\xa2dS&amp;\x17'</t>
  </si>
  <si>
    <t>b"&gt;\xde3\xfb\xc6y.\xc5\xf7\x06\xd6'\xb3\t\xb6\xc2\xf5\x9c\x11\x19\x08LE\xee\xaf4\x8cS\xc8L!@"</t>
  </si>
  <si>
    <t>b'\xbd\xfbq\xb3*5\r\x10\xb6\rY\xd6\x011,\xc2\x04\x8d\xe6L\xfb\x1a\x84F\xa0\xb0B\xe7c\xbc0\xd1'</t>
  </si>
  <si>
    <t>b'79&amp;\xf1\x12\xa9\x14\xe9\xac\x8d\x9a\xd9\x04)\xa4\xeb\xeb\xec\x19\xc8y\x07[\xa51:\x13X\xf3\x04\xf7C'</t>
  </si>
  <si>
    <t>b'8\xd2K\x7f\xe46y\x05\xd2\xbex\x84\xb8i\xd0\xce\x15\xac\xd3\xab\x06)\xde\xe3\x82\x8f%\xa4Y\nY\x97'</t>
  </si>
  <si>
    <t>b'1\x05\xe5\x16;*l\x86\xb0\xeb\xe7i\xd2\x99\xedv)\n\xbc\xe8\xba\xd3\x00\xe8`\xc3\xd8\x0b\x19C\r\x82'</t>
  </si>
  <si>
    <t>b'l\xf5H\xc3w\x97\xb2\x1c\xc1agEm\xae]\xb7W\x98,\x94\x1d_\xe3\xe5\x92\xf2#\xa5\xfb\xcc\xfe&amp;'</t>
  </si>
  <si>
    <t>b'\x8fj\xa9\xf1-\xb1D`\xe5\xd4\xd4\xa2\xd2\x93\xfe6l\x12\xe3b\x8a\xe7kr\xbc\xf3\xb5l\xa7k\xa9\xab'</t>
  </si>
  <si>
    <t>b'\xab;\x03F\xba\xce\xfb*P\xdd\x15N&amp;c\xc4\\\xe5*~+d*P\xdf\x1c]1\xa7\x08MHq'</t>
  </si>
  <si>
    <t>b'\x9d\x90\xcf\xe9\xe2oY$IKn\xe6\xb3P\x90\xf22\xa1~\xf2\xc2\xc4\x8d;E Ej\x80\x83P&gt;'</t>
  </si>
  <si>
    <t>b'[\xde\x8e\t\x10\x03\xb4$=o\xb2\xfcZ\xa3\xa7\x84h\xd1w\xe2\x85\xfez\xa2~\x93*Z\x81\xe0uP'</t>
  </si>
  <si>
    <t>b'\x9et\x8e\x0b\x88\x1e)%\xf1\xd2\xcb.\xaa\x16\xdb\xa2\x92i\xb2\xd8\xf6\xc8b\xcd@}Gk\xb7\x81\x81\xfe'</t>
  </si>
  <si>
    <t>b'\xd60\xe4\x02\xc82\x01?\x0f\x13(L\x14\xab\xde\xe6\xd4\x8c/;3\x81g\xcc\t\x91,V-\xdb\t\x1e'</t>
  </si>
  <si>
    <t>b'\xcdO"6wP=J \x15~\x13\xd2\x00\xcb\xd1\x98/Trp;"%\t\x97\xb1\xa1\x07W\x9b%'</t>
  </si>
  <si>
    <t>b'\xc5\x83\xd5\x0bJ\x97\xfb\x80\xb6\xef\xce\xdb\x95\x13E\x83\xadS.v\xabo\xe5\xce\xb8\x04\x92\xb9\x90\x85-c'</t>
  </si>
  <si>
    <t>b'\xf9%\xf70\x889\xcdh\x17ZE\xdb\xf3=\xd6\xac\x9e\x07&lt;\x14\xa1vqBNFl^\xdd\xd9\x946'</t>
  </si>
  <si>
    <t>b'\xfd\xa2]\xde\xf3\xec\x94\xfc\xb2\xdb\xc8y\x8eG\xd2~\x8b\xd1\xce$p\x96\xdar\xdf\x14\x15\x91N\x9e\x85N'</t>
  </si>
  <si>
    <t>b'6\xe3\xe5\xbfSj\x80\x0c\x1b\xf4\xbc{\x15\xefx\xe4)\xfb_6|\x9e\xf0\x90\xf7\xfa{\xf3+\x83cm'</t>
  </si>
  <si>
    <t>b'+k\xd0\x10\xfc\xf6\x12\xe9\xe5\x03\xa5\x0f\xef\x10\x92\xae\xf9l\xa2\xfau\xec\xb4\x13G\xb8B\xda~\xaaO\xb8'</t>
  </si>
  <si>
    <t>b'\xecS\xac\x924\x82\xd2H17\x10\x084\xb5\x151\xe3m\xac\n\x9c\x94\x8b\xc0&lt;\x13\x14ND\xdcU\x0b'</t>
  </si>
  <si>
    <t>b'\x90\x86\xa6\xb6z\xfe\xba\x9d=l\xae\x14\xe0e\xf9an\x15\xdb\x01\xb8\x12\xbex\xbd\\}\x9b\xf6\xa1\x0bo'</t>
  </si>
  <si>
    <t>b'\\O\xdeO\x06\x17\xc7T&amp;f\x99"\xad\x8f?5\x95\xc3\xa5\x81\xdekU\xc4\x86O\x8eK\x11\x18{W'</t>
  </si>
  <si>
    <t>b'\xa7\xf2mI\xbbpI\xc7VD\xe7S\x03\x17\x946\xffH\x1e\xaf\xc8\xf0P\xa8\xe0_j\x1a\xcc\x86z\xde'</t>
  </si>
  <si>
    <t>b"\xb6`'a)\x80UW\xbe\\L\xa5\x95CF~m\x0eT\x0bs\xfb\xd9\x1f\x87\xb5\xc5\x93\xa9\xe8S\x93"</t>
  </si>
  <si>
    <t>b'\xb6\x03\xc1\x8f5\x82r\xff\xe7\xa5\x96\xa4\xc6\t\x92\x8fp\x99@hT.w7\xa8nq2u\x0b\xaf\x18'</t>
  </si>
  <si>
    <t>b'\xbd\xfc\xc4M\x879AN\xd3\xef\x97\xd7\xdb\xa4\x0e\xcd\x8f\x94\xdf=;\xaa\xec\xfe\x0c\x18[\xfb\xe5\xb4\xfd#'</t>
  </si>
  <si>
    <t>b'\x8f\x1eC\xf5l\xfa\x18\x00{\x07;.\x1d\x04\x00\x15\xace\x9f\xf0\x98\xce\xe7\x97{\n)\xcdZ\xe4\xa3\x89'</t>
  </si>
  <si>
    <t>b'\xdd\xe9\xe1\x87|)\x91\xbe\xca\x00\xd1o1|\xd5\x10q\x9a&gt;\xdf\x8d\x18h\xc1\xc8\xe8\xfc\x10=\x96\x08\x17'</t>
  </si>
  <si>
    <t>b'ZP\x94\xd2\x1d\xf1\xbf\xb3\xf0\xc6f \xa7%5\x84C\x01\x9b\xa5\xfa_\xb8\xe2\xf1M\x88\xcd-u!\xa6'</t>
  </si>
  <si>
    <t>b'\xda\xa1\xae\xbdmW\xc3\x12\xf8%a"\x86\x0eQ\x9dc\xbd\xa7Kl\xff\x00\xa1\x19\x10\xec%\xb9\xdd\xb5\xb9'</t>
  </si>
  <si>
    <t>b'\xdc\x9c\xea\xc1\x93k\x97\xa0\x0bnW!\xcdw8\xad\xdb@\x06L\x94\xf7K\xf0\xa8\xcda\x17}Xd\x04'</t>
  </si>
  <si>
    <t>b'!\x88\x1a\x90\t\xfd:eOwI\x0c=\xd4\x81*\x1a\x03,\xb8\xe5rT\xcb\xb6\x8aS\xce\xc48@i'</t>
  </si>
  <si>
    <t>b'\'T\x0ew\xeb\xbf\xee\xab,\xe0\x83\xc6 "H\xa6\xc8;g\xc4\x12F\xebu\xeeq\xe5\x9b\xa4\x17\xe5\xc9'</t>
  </si>
  <si>
    <t>b'\xf0L\xd9v)e\xc5\xd3\x16\xe0!\xd0\xedM\x92\xac\xc7\xda\xb4\xd9JgM\xf3M\xc7\x19-Mm\xd7\x1f'</t>
  </si>
  <si>
    <t>b'\xa9\xf7kj\xec\xa7\xbb\xe18\x98t\xd4#\xb7\x8a\xe7E\x1a\xab\x10\xaa\xeb\xd1^\xae\xd6\xce\xf1\x89\x14\xd3\xd6'</t>
  </si>
  <si>
    <t>b'\xa9X\xa2\x89Vn-4I\xf4\xfc6\xe2\x84Xb\xfe@\xfd\x00\x8e\x1fW\xa7\xf28\x83[\x1a\xfd[\xc5'</t>
  </si>
  <si>
    <t>b'\xbf\x16zA\xeb\x96\xcf\x86\x8bd\x10 1\xfb\x00\x0c0\xda\xd7Xm\xdd\xdan(\x16\xd0\xce:\x07\xd5B'</t>
  </si>
  <si>
    <t>b'+\x19\xdd\x1f\xc1\xb0G\xf6\xd5\x1bGS\x9c\xb9j\xe5[\x90\x8b\xe7\x17\xd8X\xc0h\xf5K\x8b#\xf9\x11\xf1'</t>
  </si>
  <si>
    <t>b'\x86\xecvX9\xe3\xaaKt\x14\xf20\x88\xc0\xd7\x94\xa2\xf0uH\xec\xbf%a\xab\xb0\x15j7\x8bq\x8d'</t>
  </si>
  <si>
    <t>b'\xcft\x80$\xdb\xfc)\xbf\x87\xfa)\xe0s\xea.\xfe\xa9@\xe1e\x9fQ\xa9\x8b8\x97\x9fp\th&lt;\x19'</t>
  </si>
  <si>
    <t>b'\xb3C\xa6\xc6\x00$\xfb\xbf!\xf7\x8a\x8f\x150jN_\xd5D\xa0\xcfO\xe9&lt;\xf5\xd2|\xeb\n\xcd\xe6/'</t>
  </si>
  <si>
    <t>b'grV\xd2\x8a\xb7!\xa3\xd9\xbf\r\xf0\xc4\xe0&gt;Yt\xae\xa59\xa2\x07\xb7[\x1b\xbb\xe7\xdb\x85\x94\xd9]'</t>
  </si>
  <si>
    <t>b'\xb6\x89\xce\xc4X}\xe5(G\xc2\x84\x86\xb3\\\x89J\xd64\x8aQ\x0cg\xf3\x03q\x0f\xc4cu\xe7s%'</t>
  </si>
  <si>
    <t>b'1\x0e\n\x92\xc0\x8be\x11N\x9b\x06k\xa9\xe6\x08\xdbj\x13\xdd\xa0\x05\x1emF\xcaS\x0b4"\xdb\xfb\x02'</t>
  </si>
  <si>
    <t>b'\xce\xfcs\x92\x8e\x10\x84\xa0J\xe3\xb2\xa2\x04\xd9ZJ\xcb\xaa\x04{\xc67$\x13\x99\xd6\xcb\x82}\x86n\xf0'</t>
  </si>
  <si>
    <t>b'1\x18\xf5\xed\xbb=@\x80\x0e\xb5_\xe1\x06\xb0\xb7\xfc\x1c?\x11\x05\xb4{\x9f\x1c\x1c\x14\tV\xedc\xa0\t'</t>
  </si>
  <si>
    <t>b't\xd8\x04\xecY\x06\xf5u\xb0\x00\xef\x1d\x9f|1b"\xa0f&amp;\x1d#\xcf#\xaa\xd1C\x8dA\x08X\xb6'</t>
  </si>
  <si>
    <t>b'\xafc\xc3\xeabh\xa68j9#\xb8\r\xe4f\xae\x04\xb7\x1f\xef]\xbb\xf0\x19\xbf\xc2/\x80\xa1\x115\xa7'</t>
  </si>
  <si>
    <t>b'ILH\x0b\xe9\xf4\x8bA\xfd\xe6\xec\xa1\xc4\x0e\x8f\xe6\xf8Xi\x03e\x98\xe3X\xcd\xb0\xf6)\xa3\xe5\xbf\x9d'</t>
  </si>
  <si>
    <t>b'\xdd\xa1\x8e@N\xf9\x8f)e;0\xd1O\x93\xc5N\x14\\\x8a\xfcj\xf9dJ\xc9\xbd&lt;r\xb84\xb6\xc9'</t>
  </si>
  <si>
    <t>b'o\xb9\x96\xfa\xf6H=/Y\xc1\x13\xdfi\x0fY*W\xeb65y\xfe\x04n&amp;\xdb\xeb\x17\x1a\xf0\xc9\xf9'</t>
  </si>
  <si>
    <t>b',\xbb\xf4J\xff\xc4\xc8\xf5Y\xde]QoS&lt;wG\xc1pM\xea\xf6e"\xc1\x7f\xdf\\\xdf\x1d\xee\xe8'</t>
  </si>
  <si>
    <t>b"\xc7\xb9}7~\xf84\xa0\xf9'\xb8\x7f\x8c\xa9\x93\x93\x82]\xcaA\xae\n4@)\x05\xf4#\xe0jd\xb6"</t>
  </si>
  <si>
    <t>b'V2N\xa7\xb3d\xc0\xbcdm\xef\xc0\n\xb8]\xa6\xdeg\xdf\x89\x9c\x1e\x93\xc0S\xeb\xfeiL\xe7\xe2&lt;'</t>
  </si>
  <si>
    <t>b'B\x05\x11\xde\xed?\xdc\x06u\x1cJC\nW"\x13:\x15\'\xdc\x00\x86\\\xd3q,t)r=\xf6\xf2'</t>
  </si>
  <si>
    <t>b'\x9a\x88\x91d\xd6Q\xd1\x98\xd3B\xab5W\xa1\xb2\xdc\xe1\xfb\x89\x10\xec\x04 \x03?\xeaA\x86\xf0\xa4\xaa\xb9'</t>
  </si>
  <si>
    <t>b'r\x9b[\xa4k\x14\xb0\xec(\x1a\x9a:\xd5\x06L\x14M\xd6u\x8b&gt;\x05h&lt;\xb6\xb2\x92\xa9\xc0[L\xd8'</t>
  </si>
  <si>
    <t>b"\x8b\xf3\xa0\x06\x1b\x156\xc5\x18\x17\x1d\xc2@\xc1t\xb2kVZW'g\x99\xdf\xc9\xa7I\x9a\xa5i\xb5\xfb"</t>
  </si>
  <si>
    <t>b'F\x87\xa5\x0eV_y\x92\x8d\x98\xb3\xac\x04&gt;^\x01\xc1ly\x0f\x1f\rh\x8c\xff\xb9&amp;\xb4\x81\x83ZL'</t>
  </si>
  <si>
    <t>b'\xb4GZ\xe8\x14b\xd2\xe6\x04n\x99\xe8\x9dw\x19]5\xef\xe0\xe0\x85\xfd\x1e\x1c5\xb5\xdf\xfe\xd0\n{\x19'</t>
  </si>
  <si>
    <t>b'\xa4m\x04\x80C\x15\xfe\x89Z\xe4M7A\xa9\x84\xb6\xf1|pWS\x8b\xb1k5\xa8\x1e\r\x8b\xe9\x1c\xe7'</t>
  </si>
  <si>
    <t>b'\xf4\xbf\xc8S\xb0+\xf6\x14\xe6\xe3&amp;\xd5\t\xc5;W\xf5\r\xef\x91\xf4\xd9\xb1\x84;\x1cc\x95\xeb!Cs'</t>
  </si>
  <si>
    <t>b'\xd0\xc6\xd3\x95\x07\xb3K\x95b\xf1\xc3\x9e\xe7\x00\xcd\xe8\xdf\x9d\xa7\xa1h\xa4\xe4V\xa1i\xff\xd8\x89\xc5N\x0e'</t>
  </si>
  <si>
    <t>b'\x1a\xfd[E\x8bn6\xacRF\r\x84ZL\x10l\xe5\xf8h\xfbc\x06:\x0e##(\\ \xcd\xbc\x17'</t>
  </si>
  <si>
    <t>b'\xd4\xd1\x80\x03r"\x03\xc2\x0f\x8c\xc4\xc90l\xc6QS\x90Tc\xbf\x0e\xca\x06\xb7\x87\x0f\xb9\xa1\\\xc5\xda'</t>
  </si>
  <si>
    <t>b'\xe9-\x86/E\x19\x83\xf3\xcd+\xa1\x07_\xc8\x19\xb5\xed\xf6\xf8\xcb\x9b8\x12\x8a\xc1\x1a\xaba\x07?~\xb7'</t>
  </si>
  <si>
    <t>b'2\x8dr\xe6+Ya\xca\x8ec{\xeeDMH\xfc\xd7\x88\x83{Tc\r\x1d5\x95-\x990\xa1\xe2I'</t>
  </si>
  <si>
    <t>b'\xd7\xbe\x07~0\x92\xfc\x98\xe47\x88D\xdd\xf0\xbb8\xc6\xadb\xf3\xdcF\xc8\x19\xae*\xa3\t\x12\xc7Z\xe9'</t>
  </si>
  <si>
    <t>b'ol\xc2\x84E\xea\xf3;Q\x07N\xbd\xbe\xeb\xefAI\xef\xedS\x861(\xaf\x16\x11Y\x0c1\x99\x1a\xec'</t>
  </si>
  <si>
    <t>b'\xbd\xfa\xba\x1b\x87S0\xbb\xa5\xee7!J.w\xfc\xc8\xe0\xc4e[R\xb8\x91\xf6\xac\xac\x03\xbc\x8eo5'</t>
  </si>
  <si>
    <t>b'z\x8bf\xd9\xe8\x0er\x87\x89\xb9\xefz\xb9XX\x88\x17l@^\x16\x8fbf\xd4dkn@&amp;t\x88'</t>
  </si>
  <si>
    <t>b'\xbde{F\x1c\xcf\xdf\x0cwT}\x1dnJ\x18]\xb2\xe5\x84\xdaj\x04W\xcb\xb2\xe8\xce\xf8\xbeB^&lt;'</t>
  </si>
  <si>
    <t>b"K\r\xa4\xbb\xe1bO\xa5U\xf3\xcd\x95\x88}\x7f\x93\x87QH\xdb\x8c\xfb8\xa9d\xc9'U\x08\xaf'\x06"</t>
  </si>
  <si>
    <t>b"\xa53\xb3+;N\xe0\x80'dgD\xff\xcf\x03\xc5V\xf0\x16\x93\xf3(\xb7\xe5\xab\x08;Qa\xcb\x19\x95"</t>
  </si>
  <si>
    <t>b"\xad'\xf3F\xe4\x8ch\xc7\x80@}S\x15[Q|J\x81p\xc5i\x96\x05*R\x82A\xf5]\xe0cf"</t>
  </si>
  <si>
    <t>b'\xe4\x11\xa0\x90!\xc3w\xc1\xdc\x15\xa6\x83\xda\xe2o\x9d7\xe0\xeb&amp;\n"}\xcd\x0e\xa0l\x01\xae\xd3\x94\x11'</t>
  </si>
  <si>
    <t>b'\xdd\xed_\x9e\n\xed\xce\x80\xcb$\xe7\x8a\xa6\xeb\xd5t);\xcf\\\x8d`\xb8\xcby\x88\xf0]k\xa4(\x03'</t>
  </si>
  <si>
    <t>b'\xa7\xea\xaa\xb9\x18sx\xbc0#0\x9b\xe3\xd3\x93\xa5\xe4\xc3r\xb6\x92U\xd7/\xde\x96&amp;\xa5\x93\xae\\E'</t>
  </si>
  <si>
    <t>b"\xca|\xb1\xea\xafi\x13Z\x13\xb3.\x03\xd4\x87bI\xc3\xdc9\xe44\x84'\x02\x87\xed\x95GO\xde_*"</t>
  </si>
  <si>
    <t>b'\xef\xec\xca\xc7C/\xbf\xae\x9e\xd4o\x18\xdb\r\xaa\x86&amp;\x7f\\2bN\xc6\x19\x07\xfe\xacN\x18m0I'</t>
  </si>
  <si>
    <t>b'\xfawa%\xfa|\xc9\xb0cS\x96\x0b\xa1\xe6\xf2O\x02t&lt;\xa8w\x95\x7f\x94\xe7\xbf\xb0\x08h\xaf\xe9\xe5'</t>
  </si>
  <si>
    <t>b'o\xd3\xb4\xc9=@\x10\xd5\xc8\xe1c\xb8\xce(U\xfeK&gt;\x85\x82\xa1}\x86\x15\x9b\xe4\xf6\x1efo6\x9f'</t>
  </si>
  <si>
    <t>b'\xa8`\x0637i7\xb98\xc8D:\xd4\x86y\x1amQ\xc9\xf4\xf3|\x9fz\xe4r\x1e\xed\x9b\x1b\x1d\x99'</t>
  </si>
  <si>
    <t>b'\x11\xa7\xe5\xa6\x102N(\xf52\xb2\xbf\x8a""\x18\xd2\x13k\xb5\x92\xab\x84{\x0e\xd7*\rX\x08\xd6I'</t>
  </si>
  <si>
    <t>b'K \x7f\xe5\xee\xc0\xa6oaF\xdd\xd7\xa5!\xa0\x91&gt;\x17[\x921I\xd2-)Z\xe2\x03\x0f\xa8\x1e9'</t>
  </si>
  <si>
    <t>b'\xc2\x9a\xf6\x04\xab\xcfi+\xe7\x9ew`\x84\xa6\x9a#\x123H\x94\xa9\xe5\xe7\xd2\xf8\x9fx\xe1t\x12fY'</t>
  </si>
  <si>
    <t>b'U\x8ajU\x8d\xdc\xa9\xcap\x14\x983\xba\xfb5\xf0\xe4\xe0\x8a}1\x9b;\xb7\xb6m\x8fx@\rS\xfc'</t>
  </si>
  <si>
    <t>b'\xde7\xf00\x9e\x0b\xd3S3\x90\xea\x9c\xa6M\xa3\x8b\x02\xa0h%\x1eC\t\xb9\x07\xea5\x0b\xfa\x11\x9f\xb0'</t>
  </si>
  <si>
    <t>b'Q\x19l\xf3L3q\x98\xcd\xb7\xf6\xcd\xad\xdb\x84\xd4yG\xf8w\xd5\x8d\xeaxKf\x1eCU\xcdBj'</t>
  </si>
  <si>
    <t>b'Y"\xf0\xa2&lt;\x82\x9b\x7fT\xdb`\xaf\x86\xd7\xf02M\xedV\xf6\x7fG\xf1}\x9f\xc6B\xc9\x8c\x95&lt;\xc7'</t>
  </si>
  <si>
    <t>b"\xa0\x01\xc6\x16\x94\x19\xfcr\xb3#\x80\xb5\x83\xbd\xc6o\xd0\xa3\xb6N\xa2`|\x99\xc6h\xe5:\xb0'\xd2\x08"</t>
  </si>
  <si>
    <t>b'\xf25\xa7Af+\x1bK\x05e\x89f\x91\xa6\x02ho\xac\x96\xe9&lt;\x9e\xd1S|\xb6\x96\xe0\xb6M\x8e\xc1'</t>
  </si>
  <si>
    <t>b'&lt;\xac\xbc\x0f\x8bU\x8d\x83\xeb\x88,\x8ecl|q\xde\xedUz\xe0\x12\xc7\x94j\xf2\x86x\xa7\x94\xf1\xe5'</t>
  </si>
  <si>
    <t>b'|\xbb\x9c;\xa2\xa72\x10|zW\xa9\xa4&lt;\xc2\xbe\xaeH\xbb\xc6K\xae\xb9\x94\x8f\xcdsT\xfeo.i'</t>
  </si>
  <si>
    <t>b'\xd2\xb6\xa4\x92}\xe8.\xfb\xa8\x7fy\xdd\xa3E\xc2\xee\xee\x1cg@\xf5l\x9f\xd8\xd5r\xca\x18\x8e,\x1bE'</t>
  </si>
  <si>
    <t>b'\x08\x01\x06Md\x13\xa4\xe5,\xb7[;?\xcb\xa8`\x87f&gt;\xdf\xe6\xed\x03\x92P\xff\x1ai\x10[\x8d\x9f'</t>
  </si>
  <si>
    <t>b'\x82\xd3\xe4_zK\x8d\xcd7L\xab\xe7\x08\xaa\x14c\n%\xf29\xf2XF\xf5(\xa2:?[\x0e\xdf\x80'</t>
  </si>
  <si>
    <t>b"`\x910.\xe2_e\xa2/wh\xbe\x10\n\xf3f\x85\x83'4\xf4\x7f\xed\x82\x1e\xbfK\x04\x17\xbb6\n"</t>
  </si>
  <si>
    <t>b'\x9f\xdaX\x18\xa9&amp;Q\x99"\x1e\xe8U\x1e\xa2\x13%#`|}\x15JR\xbd*\xfdl\x13\xd4C\x02\x85'</t>
  </si>
  <si>
    <t>b"r\xb4\x9b\x05\xbf\xe8\x8cH\x9f\x0e1\xc5\xd9w'\x18\x07\xd4m\x857\x94Tm\xe0\xfe\x99DL\x9f\x9f\x1a"</t>
  </si>
  <si>
    <t>b'\x80\xd0\x94\x8ck\xeem=k\\\xe0^\x9dmK\x1d\x03\xe3h&amp;a\x14c\xd2\xf8\x80\xe95\x02\x9e\x00h'</t>
  </si>
  <si>
    <t>b'\x1fZ\xe5S\xaa\xfe\xa9HV\xb6Zu]5\t\x02Y"\t^\xc5\xc3/\xb2\x88\xba\xbb\xa1X])S'</t>
  </si>
  <si>
    <t>b'yZC\x95\xe4x\x95\xdd\n"\xacRp\x9d\xfe\xab\xbf\x9e4\xfa_!$w\x14\xbbC\xc7\xd2L\x1by'</t>
  </si>
  <si>
    <t>b'lu\xce"w\xa4 \xbb\xf8E\x1c\x92`n\x04[\xd4\x92\x05&lt;2)\x17\xf4i\xb6\xbc\xa3Q\x1eMs'</t>
  </si>
  <si>
    <t>b'a\x83\xcf;\xd3\xd5\x9bQ\x19\xc1_\x1dx\x9c\x9a\xe6\xcc\x1cZ\xf3\xdb\xd0\xae\xc9bl$K 7H\x18'</t>
  </si>
  <si>
    <t>b'4:\x83-O\xa5\xd8U:\x8fP\x17\xbd\n\x10`w\xb2\t\xbeW\xa1\x9fC\xe2Ck{\x9ei\x03X'</t>
  </si>
  <si>
    <t>b'\xbbB6\xd8\xc2\xc3\xae4\x1b\x8c\xa4\xe0\r\xf7\x85\xac\xfcM\\m$\xe8\xbc(\xbe4"\x92\xfd\xacx\xca'</t>
  </si>
  <si>
    <t>b'Q\xf4X5\x8d\xa3\x83\xd3x\xdc3\x06\x1bd\xc4F?N\xca\x18\x07\x97\xee\x9c\xc0t+\xba\x1e\x9a\xdd\xc6'</t>
  </si>
  <si>
    <t>b"7\x1d\xfb\x92\xafW\xfa\xfb;\x83'\x82\xc3\x0f\x10\xaa}\x1f\xee=\x9a\xed\x993\x9a\xc9A'\x05\xfc\x13\xa7"</t>
  </si>
  <si>
    <t>b'\x1f\xcd\xbbU\xc1\xa6\xac\xb5\xc2T\xb4\x1a\xf9Z\tg\x82\xd7Z"\xfc\xf9\xd2:\xd1!\x90&lt;\xa9\xcf\x94\xf3'</t>
  </si>
  <si>
    <t>b"\xe9\x19\xbb\x91\xeb\x16\x19\x19$\x93\xb8\xe8\xab\xab\\\xa8\xcb\xbe\x19$\x8c`l\xf7'}\xf3\xd4\xb8\x8b\x82\x91"</t>
  </si>
  <si>
    <t>b'\xbe\xcfK\xb3P\x94X\x90\x10\xd6I\x89\xce\x9d7R;K\xf0\x17\x84t\x9b\xe7\xf1\x18\xcb\xc9\xf4\x86\xc09'</t>
  </si>
  <si>
    <t>b'\x9e\xe5\x926g\\\xc9\xd4#wX\xeb\x1a\r\xcc\xb3\xb0\x8a\x9fCP\x9c\xcew\x07[\xdd\xc8\x08J\x1d}'</t>
  </si>
  <si>
    <t>b'\x1d=[\xa9&gt;[\xf2\xd49t\xba\xbc\xd3\xa0\x8c\xe8K\xef\xb5P\x8f\xd5\xf5l\xdc:\x86&gt;\xcf\xb3\xd1m'</t>
  </si>
  <si>
    <t>b'n\xe8\xc8+XD\xea\xfa\xbb\x0b3\xec?\x13\x15\xc9\x05n\x05\xf1m\xb1\x95\xfd\rJ\xd3\x93\xe6]W\x98'</t>
  </si>
  <si>
    <t>b'&amp;\x12\x04\x18\x90\t\xbbt^\x10\x91\x84lc,\xd5\xd6\xdf\xf5\x17y\xc7\xed\xafU\xef\x95}p\xd8\xbf&amp;'</t>
  </si>
  <si>
    <t>b'i\x83\xb6\xc7\xcc\xbf\xad\x1b{Y)m\x84]\x98\xc1\x0f\xb1bV\xa0~\xb5RD\x02\x07\xed\x92jl.'</t>
  </si>
  <si>
    <t>b"\xa4\x9a\x98-\xf0v\x07\xef\xcb\xb1\xca\xbf'.Ui6)\xc6y\x148$ \xfa\xdcA\xf3\xf8vX{"</t>
  </si>
  <si>
    <t>b'(\xf7\xcfD\xa2\x1ez\x9c\xf5\xe4\xdf\xb6\xa5\x8e^\x8d\xda\xab\x9bb\xe6\xe0\xc4\xd8_\x85\xaa]L\xd7\x99\xe9'</t>
  </si>
  <si>
    <t>b'\xdb\x05o\xc0K\x9b\x98(+\xd7\xa2x\xfa\x94k\x08\xa9l8\xe4\x94\xda\xd7\xdd\x8aGR\xb6\x91\xa3D\xcf'</t>
  </si>
  <si>
    <t>b'\x9bJ\xe4\xab\xcc\xefU\xf1\xcfXM.f\x03\x82u\xc4i\xd0\x9aF5\xfe\x17\xb3\x85\x83"o\x16\xcb*'</t>
  </si>
  <si>
    <t>b'c\r\xc3\x0b\xc4\x90=b|z\xe3,o\xd3\x89=\x1c\x9f\xa2q\xc6?\x11b\x03\xee\xcf\x0e\xb7\xb9F\xf1'</t>
  </si>
  <si>
    <t>b'j\x00\\\xe7\xdcI/\xb76\xa0\x9f\x87\xd1\x96\x1b\x0bY\x13\x027\xcc\xf46\x81,\x1c\xba\xe2\x85\xc5y '</t>
  </si>
  <si>
    <t>b"\xf8\xea\xd1\x146Tzk \xc0;F^Q2\xad\xb3X'|IsN\x1aM[\x18\x9b\xf4\xc4\xdem"</t>
  </si>
  <si>
    <t>b'\xab\x10b\x86K+\x89\xbah\x14\x91g\xa0\xef\x06g\xc3\x9dznf\xe1\x04\xf4T\x9f\x8d-w\x841\xd8'</t>
  </si>
  <si>
    <t>b'\xd1\xb0\x02\xdf}\xff\xef\xe9r\r\xd5\x11^\x05\x9eQ\x81\x89\x812\xbb\x9a\x1c\x02\x12\x0e|@\xc6o\xc5\xe6'</t>
  </si>
  <si>
    <t>b'\r\x89`\xeb\xc8\xd6K_\x08\x00f\xd6_\x8a\xe5\xfd\xc4L\x00\x9c\xe7\x16%X\x98\x98N\xa79\nR\xb0'</t>
  </si>
  <si>
    <t>b'\xa6y\x84\xe2\xfcs\rv\xd5+Y"\xde\x00\xe0\xf3\xefp;\x8c5#\xd1v\xfezR\x9aEC\xebE'</t>
  </si>
  <si>
    <t>b'\x92\x04\x98\xb9+uN\xb2\x0c\xd5u+G\x91\xc9\xf6Nst\xf3\xaa\x8d\xa8\xa1\x0bd\xcazq\x1eqU'</t>
  </si>
  <si>
    <t>b'\x87\xeeC\xdd&lt;\x13\xaac\x1f\xe6\xa2m\xe2\xdd\xc2\xab\xbd\xad\xd4\x7f\x87\xf7\x08\xfa\xd4\x95s\xb6\xba\xded\x85'</t>
  </si>
  <si>
    <t>b'I\xfb~\xd44\xba\x03\xeb\xf1\x88\x02Q\x0fT\x91(j}p~\xb7\x80^\xc63L\x11\xfe\x02\xa8\xa0\x14'</t>
  </si>
  <si>
    <t>b'\xbf\x87!\x96&lt;\xa1@\x7f\xfa\xcf\xf4\xa7\xbd\xb1%\x0f\xc7\xfb\xb8\xab{3T\xfcl\xf6\xcd\x07\xe0/\x96\xdf'</t>
  </si>
  <si>
    <t>b'\xd9\x05\xd4\xfff\xab\xbb\xc8\x0bszbYA^\x81\xcc\x0f8\xd4g\xe3\x10\xfc\xa8\x96P\xcb\n\xf0&amp;/'</t>
  </si>
  <si>
    <t>b'k\xf29\xb98\xb99\x83\xca\xb3\xba\xc3s\xb0Q\x12\x9d\xc4\x83\xc2=Ls&lt;\x94\xedk~\x7f{\x90\xe7'</t>
  </si>
  <si>
    <t>b'X\x01\xf3V\n\x99\x04\xc4{iV\xd27\x12\x045\x1cKNA\xd9\x8b\x83\x87\xef\x05\x9f:\x8b\xb1\r\xf9'</t>
  </si>
  <si>
    <t>b'}A\xd0Q\x18K\xa8\xaeGx}\x8a\xf5\xee\x87\x90\x13]\x89e\xac-\x92ZB\xed\x8e\x9f\xfb\xc5\x04 '</t>
  </si>
  <si>
    <t>b'j\xf4!\xcc\x07\x96\x89\xcc\x90\x14s%\xc2r\x155\x08=1!(\xc5\x9b\x86ai\xb7r\xc8\x96n\r'</t>
  </si>
  <si>
    <t>b'\xe8\xf0U\x13N\x00\x03`\xa9\xe2\xa3\xbb\xacl\xcf\x8e\x9epE\xae\x14;\xad\xa6\xcew\xb3\x9a\xe6\xc2\x1a\xdb'</t>
  </si>
  <si>
    <t>b'\xea8\xb64\x1c\x10\xd4\x1f\x16\xd9=N\x06X\xe1\xea\x05=\xf6\x8b\x14\xbe\xca\x03\x95Pg\xf4&lt;(b\xe0'</t>
  </si>
  <si>
    <t>b'\x85\xa0\xc0\xfcB\xbag`fI\x81)8\x05\xb8\xa9\xe6p\r\xc0HiO\xf3Rg\xdb\xe5\xa5lqr'</t>
  </si>
  <si>
    <t>b'\x8b=\x1d\xdd/\xd0&amp;\xd5\xa7\x06\xbf\xb0\xd2\x88w\xfa\xf3\xe3\xae\x95\xe6\xb9\x93c\x98\xebP\x99ka\x17\xb8'</t>
  </si>
  <si>
    <t>b'\xdf\x9b\x8aM\xad\xfc\xeay\x83R+9bS\xd6\xa8\x88\x112|?\x03\x8b/t?\x0f^\xaeZ\xff\xbe'</t>
  </si>
  <si>
    <t>b'\xdc\xb4\x8f\xcf\xc1\xef\xd5\x1a\x8d\xe5\x15\xa7\xed\xfc\xbe\xd6\xa8\x8d\x17\x17aN\x15\xaa\xdb\x94_\xf5N%\x87A'</t>
  </si>
  <si>
    <t>b'\x8c\x92P\xc3\x97\x00Gm\xc1X\xb5\xbb\xb9\xd0\xa7%\x8b"\xc1\xf5\xb8\xe6a\xfc&lt;\xea\xd0\x88\n:qY'</t>
  </si>
  <si>
    <t>b'\xc2\xcb*\xe4e\x07\xedb\xa4%&amp;J- j\xd7\x17\x01\xc5I\xc2\x0fx\xf3\x001"\x9br(\x82\x13'</t>
  </si>
  <si>
    <t>b'\x87\x1d\x10\x18\x0f\xb4=\x8f~\xfdf\x9a}\xda\x0b&gt;C\x05\x99\xedMe\xf5%\xca\xc7\xfa\xbb\x07?\xb3_'</t>
  </si>
  <si>
    <t>b'\x04Z\x8b f#\x10\xed\xe7\xe5\xd5U\x9c+\xa2\xf2\x98\xfbaIS\xbb[\x15I\xa0Yj\x91\x8e\xc9\xa5'</t>
  </si>
  <si>
    <t>b'\xb1$}\xe1\xe2R\xbc\xe1\x90U;\xbc\x06O(\xa9\xac\x1e\xf2\x8f\xd0V\xd3cQ\xff\xc3\xe9\xc9\x8a\xf3M'</t>
  </si>
  <si>
    <t>b'.5\x1a&gt;kD-\x8b_\x9e]\xeb6\xc1=\x1a\xda\x82\xd8]\xaad\x80\xd0\xddK\xebV-7\xb1\xce'</t>
  </si>
  <si>
    <t>b'\x14\x88\xb2\x0f\xc2G0\x87\xbb\x99\xcdKx\x87;b\xf3\x87\x8c\xbaRC\x94l2\xb6V\rE\x96\xa81'</t>
  </si>
  <si>
    <t>b"\x93-E\x08'\x83\xe0)\xba\x17\xce\x17\x80\xca\xd4\x9d?\xe3P0\x04Q\x99\xef\xe7\xbcO\x9d\x04\xe4Z\xd8"</t>
  </si>
  <si>
    <t>b'&amp;x{v\x13\x8b\xec\x99\xd1\xd6\xdfh\xc2\x01\xdcrC\x13L\xae/Ft\xad\xdfS\x06\xa1\x7f\xd2\xc6\x95'</t>
  </si>
  <si>
    <t>b'\xd0\xeaW%;\xcb\xe6\xf3\xbbB-\xf7\xc3\x87\x10\xa6aYsb\x06\xbd8R\xac\xe3\x97\xd4\xbc\x9a\xb0\xcc'</t>
  </si>
  <si>
    <t>b'[\x04\xd5\xa0\xb4.)\xbe;W\xfb\xc5\xb7"T\x05p\xce\xa3\x8d\xaf\x81$\xfdA\xc4\xa2\xb8\xb0\x97 \xf8'</t>
  </si>
  <si>
    <t>b"@\xe4\x9c\xda\xa81-'\xfa\xefW\xba\x1cC\xc5\xf4\x8d+\xf9\xcd\x9c.\x929\x0f\x16\x1ae\x96 \x96\xd0"</t>
  </si>
  <si>
    <t>b'I\xebz7\x17K\xe9j\x04a\x172\xdd6\x82n,\x18OT\xde\x0cz\x08\x7f\\\x1eLY}&gt;\xbc'</t>
  </si>
  <si>
    <t>b'm-7{\xdf\x1e\xe5\xad\x14\x0f&lt;\x96\xd1\xf1\xb2\xb1\x9a\xcd\x97U\xd9\xa8\xaf\xde\xce#+2\x0c\t\x98\xe3'</t>
  </si>
  <si>
    <t>b'\xf5\xa2+\xd3\xf4\xe2U\x87\x07\xc4\xcf\x8f:w\xdc\xbc:\xc1n\x9f\xe3- "\xb91\xcc\xee`\xca\x8b\xaf'</t>
  </si>
  <si>
    <t>b'\x1a&amp;\xba\xc3p\x16N\xa2o\xdc\xb4K\xfe\x9ah\x99E\x19=\xe5]\x16\xcf*\x11\x06\x86o\xff\x17\xb1\xc5'</t>
  </si>
  <si>
    <t>b'X\xed\xba\x82\x8e$\x97_\x03\xee\xf4f\xeaU\xbdP-\x9cT,\x1f\x88\x90\xeeB\xc0__*\x0e\r\x1d'</t>
  </si>
  <si>
    <t>b'k\x00L\xd2(\xcb\xf6\x15\x15\xac!\x96\x1c\x99I"\xa9^\x0f7\x85\x84\xd5\xb1@J\x8ajk\xdf\xbc\xd4'</t>
  </si>
  <si>
    <t>b'\xe98\xfb\x93\xc8!(T\x01\x0c\xa9\\*\xe5\xe1\xdf\xdc#W\xdbdG\x87`*\xe8\xcf\n\xc8|&amp;\xc0'</t>
  </si>
  <si>
    <t>b'v\x14N\xbc\xac:&lt;2\xe1\xdd\xa2\xec.\xb6\x8e\xac\xc4#\xf4\xee\xa6\xc0\x0e\x9ej\xcf&gt;\x92Mf\xf6\xef'</t>
  </si>
  <si>
    <t>b'\xec4a\xc7\x8e+W\xf9\x10\xeah\xb8\xe0\xfe\x8a4\xee\xffEf\xa3\xa3\xc9\xca\xd3\x8d\x8d6\x16\xce\xf1\xba'</t>
  </si>
  <si>
    <t>b'\xf2\xd5\x03@s\xc1S*n\xebl[\xe7\xb12\x85\xaek\x8f\x97&lt;o\x02\xc4\x9a:M\x90\xb4j/5'</t>
  </si>
  <si>
    <t>b's\xef\xa1\xe9 \x16\x94\x00\x94\xa1\x9dB\xfaAT\xa0_\x92a\xeejl\x0fBT\xe9k\xf9\x88\xff*3'</t>
  </si>
  <si>
    <t>b"+A\x017\xc1\x88\xbe\x12\xb6\xc0'\xa2\x7f\xa9\xab\x07i\xf7*5\xc9](l\x18\xf6w\x1a\x07\xb81\x1a"</t>
  </si>
  <si>
    <t>b'(L\xb1\xe1\x08\xc0\xc7\xf0\x9frz\x15\xb0xUT\xe5r=\xf3z\xc1\xd0(J\xb9F\xc7\xa6PXE'</t>
  </si>
  <si>
    <t>b'\xa5\x04\x94m~P\x00V\xd6\x8b\x87N\x91&gt;\xdd\x9c\xa0k\xd69P\\H\x85\xd2\xa0j\xe7{v\xa5c'</t>
  </si>
  <si>
    <t>b'3\xd4\x19\xb9\xee\xf1!\xba\xa4\xed\x0f\xd2\xc1W\x92\x9d\x913f_\x1b\x06D\xd3\xa9%Z\xde\x81d\x07e'</t>
  </si>
  <si>
    <t>b'\x92\x84uYl\xa3\xba\x8f\xcf9\xd4\xce(\x14\xd4\xb6\xe0\xc3\xe7\x93\x0b\xae\xec*\xd3\xf81\xf5D\r\xc5\xd7'</t>
  </si>
  <si>
    <t>b'U\xf1|/B$\x96\xc1 |\xf8\x7f4&lt;\xe4\xe4`\x9a^\xad\xcc\x11\x87S[\xa2\x9b\x04\x87\x94\xa1\xa9'</t>
  </si>
  <si>
    <t>b'\\T\x9a&gt;\x95\xb6\xb6Q\xb8\x94\x19\x1e\x17%\x04\xc7g\xcd5a\xd2/Y\xcf\x0e\x97\x11\t\xf4\x1b\xafv'</t>
  </si>
  <si>
    <t>b'd\xf0\xa1o\x18\xd6i \\^\xfd\xf0\xa2\x8f\xfa\x7f]\xb8\xc9T\x19&lt;\x12\x9d7\xc7\xd7\x8f\t\xb4\xfc\x96'</t>
  </si>
  <si>
    <t>b'L\x17\xdc\xa7\x1e\xe5p\xa4\x10\xfb^\x81\x01\x0b]\xb4\xad\x7f\xa0,\xeb\x9a\x83k\t0&gt;\x0c\x84\xde^I'</t>
  </si>
  <si>
    <t>b'\xdd\x0b\x01\xa8.Nw\xca\xbeSX\xfd}\xb5\xab\x13\x99`l\xa7v@\xab;\xb7\x92\xec\xd6\x93\xd6g\x83'</t>
  </si>
  <si>
    <t>b"\xa1\x85\x04\xd5\x17\x9c,X\x8d'\x92\x02\xa5\x19\xa2I\xb74\x91\xfb\x8c\x8a\xee\xe9\xed\xf9\x8ei\xec\xe1\xa5\xee"</t>
  </si>
  <si>
    <t>b'pg\x17)=G\xf6\xfc\xe3N}\x02BXY\xe4T#:\xdd\x08\xcbg\x93\x91\xf7*\x9a?\xdc\xda4'</t>
  </si>
  <si>
    <t>b'\x9b\xe5\xafX\x83&gt;%\xa8\xb6\xa5\x1c7\x08=\xe7\xa8\x08\xa0c3\xe1\xf1\xd4\x8f\x84\x11\x018\x0b\x03\xfc,'</t>
  </si>
  <si>
    <t>b'\x1b\x90\xd5\xa9\xeb\xab\x1bS\xd9\x19^\xa7\xe0\xb1$0\xcd\xda\xd4!\xdb\x8dx\xab\x8d|\x14\x9c\x93\xc5K\xea'</t>
  </si>
  <si>
    <t>b':\xf2\xc4\x9b\xd8\xa2D\xb2S$\x00/\x14\xfd-w\xe7\x90\x8b\xf8\x88\xa0\x19\xe4\x8bM\n\xc6\xfc\x05\xd6\x91'</t>
  </si>
  <si>
    <t>b"\xab3\xbe\xfa\xae\x96b\x05n\x98\xb8\x00\xfc\xcd\x16\x94\x03\x82\xc0\x1a\xfe~\x99|\x8c\x04'\x8eV\xc4xu"</t>
  </si>
  <si>
    <t>b'\x06\x81\xfb\x81\xf2\xdc\r\xb1\xd2\\DU\x01\x17\xf3U\xd3&amp;\xf0\x1cE\xeb\x1d\xff\xd0\xa0\x04\xe7\xcah|\x89'</t>
  </si>
  <si>
    <t>b'o`\xd1\tI\xa2\xa8\x020vg\r\xb6\xee\x89\xf9\xc7\xb7\xc7\xd7\xec\xc1\xcdND+M\xc2\x8b\xbe\xa2\xb9'</t>
  </si>
  <si>
    <t>b'\xd8\x91\xd94f\x87\xe9\xc1V\xd7\xd9\xdf\xda\\\xb1\xbc(\x02\x1eg\x94\xbc\xd0\xedW\x81\x98\x9c\xca\x89CP'</t>
  </si>
  <si>
    <t>b';\xb6\xce;\xef{o]\xb7\r.\x88?.*U^x\xb5\x99SG\xa4\x8ab\xcf\x9cD\xbd\xc9\x88\x80'</t>
  </si>
  <si>
    <t>b'\xd1\xaf*\x10\xb9\xc5\xde\xa87q\x0f\xe7S\x16\xb3\xc0\xd0\xa1\xfc\x13p\x190HE\xacAaH\xca\xd7\xbc'</t>
  </si>
  <si>
    <t>b'\xf1\xf1\x94\x07eKF\xa07\x0by&gt;/\x84\xeb\xe2u/B\x7f\x12\x00/\xa3\xcd-\x81\xa4\xf8\xf9\r.'</t>
  </si>
  <si>
    <t>b'oo\xeb\xce\xcd\x15\xb4\x88\xf4@\xd9\x11\xd6\x1d,\xdd\x12\x81s\xf8\xe0*\x14\x16)\xc3\xa3\x1f#\xb1@\xac'</t>
  </si>
  <si>
    <t>b'\xa91*w\x95\x93d\xec\xc4\xe8,\x9c\xc3\xa0\xb8\xacJZ\x8b\x12{\x8d\xa4N\xca\xa8T\xdc9\x97~\xd7'</t>
  </si>
  <si>
    <t>b'\xc9\xa0\xc0\x1f\x13\x8bbE+}g\xa9|7\xe2\x95\xf2\xcb\xf66\xc9m\xeb\xaf\x17I\xce{\x02B\xd0\xa2'</t>
  </si>
  <si>
    <t>b'V\x96\x8d\xe2\xeb~&gt;v\x99\xac\x8a\xa6a\x81j\x90\x13\x17]\x87\xd3\x15\x1d\xe7\xc4Q$\xf2T\x08\xf5z'</t>
  </si>
  <si>
    <t>b'\xf3\xa6\x03\xfd43\x0c\xfb\x7f\xdc\x89`\x12\xdc\xc6\xf4;\xda\xf1%\x05\xfb\xea\xe5\x04$~\xd9P4l?'</t>
  </si>
  <si>
    <t>b'Ux6\xea?\xb3Gx\x81\xe0\xdb\xf4tw\x1c\xfa9\xc3\xb1\xa1F1\xe2RL\xa5\n\x16\x12Ey\x04'</t>
  </si>
  <si>
    <t>b'S\x8cE\xbb.\xff\xf66\xc3\xa6\x07"\x80\\\xc9\xb6\xd0\x06\xabC\x9b\x14\xf6\x07\xeb\x17n\x83QWe-'</t>
  </si>
  <si>
    <t>b"\xa6\xab\x99;\x01~\xed\xcc\xc2\t\xbf\x91\x95\x07IN7\xc06\x934b\xc5'\xe2\xd2\xbe\x9dE\x06\xf3O"</t>
  </si>
  <si>
    <t>b'u\x8e\xa1\xc7\xd7\xec&amp;@J@D\xebC\x8f\x13J\xdb\x8ejB8\xc2\x18\xb2\xf6\xc1\x05\xed!\\\x9a\xa1'</t>
  </si>
  <si>
    <t>b'M\xd2\x9d}\x97-y\xeeB\xc2r\xb8x-w\x9a\xf8\t(\xa7h\x14x\xa8^\xf7wz\xf9\x14ld'</t>
  </si>
  <si>
    <t>b'?\x13\x80\x13\xb1\x1e\xd7U0\x0fv\xb1\xd3|NY:\xb5I\xeb8U\xf3\xbd\xe8kV&amp;&amp;\xd8tM'</t>
  </si>
  <si>
    <t>b'\xd9\xae\x02\x87;\xddmi2}\x03\xfb\x01\x18\xcdF\xa6L\xa3\xf4\xac\xe9\xdb\x97P\xc6i\xd2/\xe0\x9fT'</t>
  </si>
  <si>
    <t>b'\xd0d\x91\x12"#\xfe\xeb\x18\x7fFZ&lt;\xce3gA\x99s\xb9^H\x1a\x86\x82\xf9\xa9\x84\xf0{\xdd\x87'</t>
  </si>
  <si>
    <t>b'Hv\xa6e\xa6i2\xafS\x1d\xd3\xe7\x01\x92\xb4.b\xa3\xde\x98\x9av\xe5\x8bX\xa7\x8f\xf0\xf2fdK'</t>
  </si>
  <si>
    <t>b'k\xf0\x9eK\xc4#\xb3/\x07\x07dQ\xe1\x01"4\xcb\x0c\xc9\x7f\x83\xf0\xf1\xf8i\xa1\x8d\x11\x08r\xca\xe2'</t>
  </si>
  <si>
    <t>b'\x88\xfc\xa0\x1c\xf0\xe6\xe3\xd09\x0c\x98\x95\x85l\xeb*Mshn0V\x86\xd5\x9f8Ha:\xb0\xaf\xfc'</t>
  </si>
  <si>
    <t>b'\x89\x13\xd8\xdcvK\xf7-i\x90\xc1\x04\xb9\xec\xf3\xa5dQ\xd5p\xdb\x95\xbb-\xd6h\x86\xe1;\x97\x82\x1d'</t>
  </si>
  <si>
    <t>b'\x00L\x9c \xce\x8a\xaa\x8b\xdfc\x14\xc4\xfatK\xe8\x1c-j\xf7jP\x17G^\xd7\x11\xddTl\xafi'</t>
  </si>
  <si>
    <t>b'\x1d\xd3\xe2\x98\xeaA\xb2`\x17\xe7?\x10\x18\x8eZ\xe0\xc7\xd1\x9f\x15\x8c\x0bQ\x80\xea*k\xeb\xfde-A'</t>
  </si>
  <si>
    <t>b'\x0bB\x8c\x9d\xdf\xee\x14}2e\xb0\xb50w&amp;\x01r\xeb\xf2\xf1\xd2\xa3\xe8&gt;Z\xfb&amp;\xbf7K\x8d\xac'</t>
  </si>
  <si>
    <t>b'\xc4s\xb0_\xf9\x80M\xd3\xc5\xdd\x16\xdf8?\xfc\xc1\x95f\x8bEr\x9a\xfaa^d\x9e\xc0\xa5\x9d\xf4\x1f'</t>
  </si>
  <si>
    <t>b'\xe2Txg\x1c\x016\x06\x83\xa0p\xb1q4\xfb\xe2l\xa1N\xcf\xee\x8cN|\xdb,\xae\xb7\xfe\x03\t?'</t>
  </si>
  <si>
    <t>b"\x8f\x7f\x98\xf0X\x01T\xb9s\xfc\xea\xcc^\xbag8\x17\x80\nw\x84\x03\x8f\x80`\x08S\xf86\x0e'\xb7"</t>
  </si>
  <si>
    <t>b'\x1d\x9b\xf21\xf9\x14\n4\x97;7\xfb\xb0!r\xc0\xfaz\xf1\x03\xddk*\xa4\xb2\x97\xde\xc6\xd6,e\xb4'</t>
  </si>
  <si>
    <t>b'\x8e[\xaa\xba\xe2B)\xd38\xf7,\x00\x8b*!*\x1e\x03*\x9a\xe23\xcbg\xb7\xad\x8f\xc4\xf8LuY'</t>
  </si>
  <si>
    <t>b'\xb6\xdc\xc8g8-\x94\x9d\xcb.\x02?fqF\xdd_\x19\xfas\xe8*\x14\x01\xd9\xb5\xab\xde l_\x87'</t>
  </si>
  <si>
    <t>b'\x8eY1\xb4:XC\xa4\x96[\xee\xeb\xa1\x1b,\x9bHkz\xdaa6W\x8e\xc1\x947\x06\x84\xf8\xd3\x95'</t>
  </si>
  <si>
    <t>b'\x90\xe4\x137\xf2\xcaN\x1c\xe0\xf5L\x81\x8dlS?\n\x16\x19\xab\x85\xbf;\x02)/\xcdU\xc9\x1f\xbbl'</t>
  </si>
  <si>
    <t>b'\xd9\xf7\x1b\xa8\xac\xd8A%o\xc9\xffT1\rY\xf5\xed\x97\x0e\xd3v\x9c\xfd\xd7x:\x07\xf2\x93\x0b\xbea'</t>
  </si>
  <si>
    <t>b'r\x10\xe6\xde\x98\x0f\xd2(\xca\x80\xe4\xa2\xe1\xa6Z\xc9y\x81\\\x9b\x999\x93\x92\x9c`%\\\xd1\t\xee\xd0'</t>
  </si>
  <si>
    <t>b'\x99\x99\xba\xe2\xec\xcc$(T\x86\xa0U\xacw}\xc667\xdf\\\xef\x8f0K\x0f"\x00\x84\xf1\x00K\x0b'</t>
  </si>
  <si>
    <t>b'\xdc\x98\x0f7(\xa4Z\xe6\xba\xcc\xcb\xe8~\xed\x1e\xed\x89\xe5\x7f7D\xc3?\xc3\xa6\x98\xb9\xaf\xa5G\x8b\xe3'</t>
  </si>
  <si>
    <t>b'\xaa\x14\x17\xf0\xe0f\x1c\xf8\xe2\xee5\x00\x8b\xf1\xc2)\x8a\xed1\xa6\xbffU\xcb#\xf6P\x05\xb1\xb4\xe7\x9f'</t>
  </si>
  <si>
    <t>b'\xb8OA&gt;\x88\xe3\x8e`\xd0\x8d\xefZ\x9fQ\xe8\xc3\xb9"M\xec\x03v\x9dZ\xaa\x00G\xe5!\xdc\x18\x10'</t>
  </si>
  <si>
    <t>b'q\xf3e\x85\xf26w\x06\xe7\x90\xe0\x05\x8d:\xca\x88\x00\x87A\x92 \xc6K\xf2\xf5!P2\x1fp,\x8e'</t>
  </si>
  <si>
    <t>b'6Y?N\x11\xd0\x99\xb7\xf1\xc6\xbe\xc2\xe3\xe2\x13\x1d\x817\xd4z{I\xbe\xcb\xe9qOD\xc5\xfdub'</t>
  </si>
  <si>
    <t>b"&lt;\x80\x98J\xdbV\xb47%\xb6\x07~\x85'#\x19=Q\xa4|&amp;\x93\xd0\xcb\xb3\xbdmEb\x18\xb7\x89"</t>
  </si>
  <si>
    <t>b'\t\x1c6vgZ?G\xf1\x0e\xe9\x8c\xe6e\xa5\xe8\xf0\xf7\x17\\\x96G\xa2N\x8c-g\xfb;=\xd4\xf8'</t>
  </si>
  <si>
    <t>b',\xb4\xb2\xb4h\xc3x\x1a\xed\x18H\xa6\xa6Wd\x1f\xebM@^\xc8Xz\xd3\x97Dq)\xcc%\x0b\xc1'</t>
  </si>
  <si>
    <t>b'/\xb6\xce\xbd\xbaT\x94B\x13\x82\xe7\xe6\x95\xaaJ\xcd\xd0\x9ahK}\x8e\x7f\xc2\tFd\xf5Iv\x08\xaa'</t>
  </si>
  <si>
    <t>b'\xfc%\xbb\xc8q\x1c\xd4X\xc3K\xbaVg&gt;\xa1J!^\xf2\xf0L\xc6d\xed{n \x06uC\xed\xaa'</t>
  </si>
  <si>
    <t>b"\xff\xf9\xbbR\x1f\xbb\x0f\x87%\xdd\x17\xb6\xfaMS'\xaf6\xa4\xca\xe9\xf3\xf4\xc6H\xd1\xb4\xc1'\xf6Z1"</t>
  </si>
  <si>
    <t>b'E\xa8h\xf7~\x85y/n\xaf\xffh\xd5\x95v\xe1\xe3\n\xda\xbfs\x82\x08\x7f\xe0\x10\x8a\xec}\x06\xaaE'</t>
  </si>
  <si>
    <t>b'_\x96`O\x83\xeb\xbf\xe4\x91\x9f\x0e\x1c\x83\x1eF\xbc\xf0Y\xdd\xbc\x17pI\xfe0W\xc6\x0e\x02Z\xe7F'</t>
  </si>
  <si>
    <t>b'p\xb3\x9c(\xb8\xbd\xd4G\xaeh\x05\xc6\x81\x0b\x90S{k\xfe\x1e\xf8\x04r%\xd7\xae\x87KZ\x95\xc7z'</t>
  </si>
  <si>
    <t>b'\r\xb8\xb8y\xf8i\xdb\x1b]\xd9E\xa8p\xa09 T\x9e\x00"ju\x98\xf5\x0fIn)\x08%\xe8\xab'</t>
  </si>
  <si>
    <t>b'\xbc\xd5"\x16\xa2O4\x93D\x02,%\x1a\xd3\xa7\xdd\xbaR\x1b\xf0\x8e\xee\xf3~q\xe9k\x0fF\xea\xdc\x01'</t>
  </si>
  <si>
    <t>b'+5\xe1\\IgX4\x8e+*\xf9\x01\x8a\xda\xf8;\x92E\xfe\xc0\x84s\xe7\xf4\xd9\x7f;\xf2w\xec\xae'</t>
  </si>
  <si>
    <t>b'\x00\xc9\xbfy\xdd\x8e\x99\x1d\x08\x1d65H\xa1\xef\x1eE\x8a\x06\xeb\xf7\x8e\x1a\xc3]\x08\x8a\xf1\x16\x93\xb4\x83'</t>
  </si>
  <si>
    <t>b'\xd4\x90\xdf\xe4n\x86\xd3\xb2}\xb0\xcc!\x90w+\x87i\xdc\xce\xedS\x1b.\n@8\x92/\xd1\xe5\x85C'</t>
  </si>
  <si>
    <t>b':0\xd4%D\x9c\xd6\xb1\xd4\x1b\xe0*\x06\x80q\xc4\xbdj8:\x92]\xdb\x8d\x0e\xb5\xac\xcb\xc5NQN'</t>
  </si>
  <si>
    <t>b'U\xcd\x97R\x83o\xec\xb6\xa6\xbdJw\xb4d\xde\xa1\xb3\xf5\x8euQ\xd5\xe77\x15\xa7/=\x1fcE\xfc'</t>
  </si>
  <si>
    <t>b'\xd63qde\x83l\x19\x1d\x9c\xcekx\xb6\xbe\t\x80\x7f\x18M\xef\xfe\x0c\xc0\xb9\xcc\x14a\x14\xe1\xe2\x8e'</t>
  </si>
  <si>
    <t>b"$Q1\x8c\x9e\x18\r\xa6I\xbfqv\xef\xa3\x17\xce\x16\x9c\xff\xf13\xca\x15\x05\xb1\x080'@Hl\xb8"</t>
  </si>
  <si>
    <t>b'V@w\xa4\xf3\x84[}\xfa\xd4\xe6\xca\x98\xe1\xc9#\xe2\xbc\x91(\xe6\n\x84\x9b\xe4\xa7;J\xf0\n5\xd5'</t>
  </si>
  <si>
    <t>b'\xed.\tJ\xfe\x84a\x19\xbdl\xd1e4\xce\x92\x91\x86\x01\xe24,rv\xd7U\xda\xef6\x1da\x00P'</t>
  </si>
  <si>
    <t>b"\xa8'O\xe5\x12\x94\xe9\xbd6\xc0gr\xc8\xe2\x84kl;\xcd)]\x13\x82\xe9\xcbB\x02\xe0\xaf\xacVV"</t>
  </si>
  <si>
    <t>b"\x03\x82\xc8\x93\x08X\xc9J\xf0\x15\xcdX\xf3\xb6\xd33\x9c%\xd9H\xf2a\x1b\x9bM\xf8\xbb\xab\xa3'\xa0\xb0"</t>
  </si>
  <si>
    <t>b'\xcb\x95k@\x85\xc7\x0e\xe1TbY\xab\x85\x9d\x16\xb9\xad\x19\xe8\xed\x17\x83?\x80\x83&lt;\rb9)\xe8\x0e'</t>
  </si>
  <si>
    <t>b'0\x90yZ\xef\xc4\x91L"\xc7k\xa8h\xd1|\x0b\x89m\xfa\xb1\xa5\xe9Q\x7fY\xa5\xe8\xf2\x0c_J%'</t>
  </si>
  <si>
    <t>b'\xa9\xe6Rj\x81\x02\x02G\x9f\rk\xde\x8e&gt;\t\x84\x13\xb6Q=*\x9f2\xae\x14\x17\x91av\xb2\xd6\x87'</t>
  </si>
  <si>
    <t>b'\xe8E\xf6\xc8eG\xd2\x10\x93/,\xb4I\xfe\xe5\x82m;\x81A\xac\r\xfbnaC\x82X\xd6\xc9\x0f\x8a'</t>
  </si>
  <si>
    <t>b'1P}\x1d\xb1\xd9\x02j\xaaTOz\xd4\xac\xd3\xa7\x91\x90\x02\x97\x8c\xbf\x93W\xb3\x12q\x98\xfeN\x19\xf3'</t>
  </si>
  <si>
    <t>b'fa,\xd0%\xea\xaam\xe2\xcb\x11\xe9\xc0Y\xee\x88Lc\xcb\x0c\x12\xc2\xc2\x83\xc8\x1c\xee\x82\xa2\xf2\xb0\x18'</t>
  </si>
  <si>
    <t>b'\xc6\x03 \x7f\xdd\xffc\x9b&gt;\xa8;@\xbd\x9c\xe2\xf9\xf6\x95\xda\xf3\xe2r\x9d\x9d\xfa\xe6c\xfa`\xd4E\x87'</t>
  </si>
  <si>
    <t>b'\x00,v\x1a\x98\r\x18\xd2\xe4\x01\xb7\x13/V\x8a=\x072\x03\xe35\x94\x9c \xe5\xb7\xbb\xc2C\xfc\x17\x98'</t>
  </si>
  <si>
    <t>b';J\x05R\xfb\xad\x90g"=\xc9\x98\xee:\x1439:\x85\xe6\xf2_\x9b\xea\xab\xb2(n`\x88.j'</t>
  </si>
  <si>
    <t>b'\x0f\xec7\x18}XPA\xb2\xc0\x92\x00\xde\xd4\xfc7\x0b\xbd\x19k\xb7g\xefpd\x02\x8b|\x1e]\xfbs'</t>
  </si>
  <si>
    <t>b"\x8a\xbe\x14c\xc7W-\x99\x13\xac4w\x86\x9d\xdf`\xf7\x99'\xa3\x003\xc7\x878\xd9\xfd\x12\x96\xe9\xc8R"</t>
  </si>
  <si>
    <t>b'j\xe7\xa5S\x16\xd8O+5]\t\xac\xe6dmJfo\xf5\x91\xc6EZ\xf5\x85\x0b\xf04\xaa\xd9u\xaf'</t>
  </si>
  <si>
    <t>b"v\xbf\xeb[&gt;'\x0eo\xad\x92u]!\x83-o\xa0\xca\xd8|\x13\x9b}\xf0\x82\x8aZ\xbb\x03be\xca"</t>
  </si>
  <si>
    <t>b'hBF\xcd\x9d\xc6\x87\xe1/W\xd5\x05\xe6\xa34\xc8\xcb\x97\x86\xc8\x17\xbb$\xfd\xc7\xf5\xe8\x1d\xae\x8ak\xd8'</t>
  </si>
  <si>
    <t>b'K\xe2\x80B,\xf2\xf6\xf1t\xa4v\x8d\xf8\xe0@\x9a\x00)*\xdfiL\x88Q\x9c+\xb3\xc9&gt;)tN'</t>
  </si>
  <si>
    <t>b'\x90\t~\x8f\xf2&lt;\x1b\xd7\x8dX\xb0\x15\xd1W\x87\xac\xdf\xc8&amp;N\xe8\x80\xf0\xd7;\x1bI\x00\x90\x12\x8c\x92'</t>
  </si>
  <si>
    <t>b'\x84\xa2\x9d\xc5\xd43\xf7\xad&lt;\xb1x)\xc30\xed*b\x90I\xb4\xb90h.J\xa8\x07d\xef;}\x7f'</t>
  </si>
  <si>
    <t>b'\xd4\xd9d\x06\x83\x13\x08&gt;\xd5\x9f\xda\xef\xd7\xd7\x8e\xdf\x9bv\xd4p\xef\x9b\xd9);\xc9\x8b\xc0\xf0c\xca='</t>
  </si>
  <si>
    <t>b'Y#BI K\xc4\xf4\x14ocnz\xaai}\xd2\xb2\xfdYo\x8d\x84F\x06#O\xde\xe0\x1e\xd9V'</t>
  </si>
  <si>
    <t>b'y\xc0$\xca\xb2(\xf2\x99ou\x9b\xac\x0f\x19q\xb4y\xdf\xe3\xe1=\x88e\xeaO\xdd\xf7\xe5\x8e\x87\xec\x08'</t>
  </si>
  <si>
    <t>b'\xd7\xab\x06\xdc\x82\x1d#\xf7&lt;\xaa&gt;\xe7&lt;h,m\x16\xd0\x85\x93#\x9f&amp;\xe7~\xae\x9b\\Dk\x0fg'</t>
  </si>
  <si>
    <t>b'N3g{W\n\xe9\xd1`\xc6Q\x7fd\x0cqh\xa7+\xa0\x0e\xb2 9j8n\x85\x80\xb4\x99\x11/'</t>
  </si>
  <si>
    <t>b'-\x90)\xb1\x05^\xc7\xe8\xd2\x8e\x01x\x1f\xd6\x8a\xb8_\x9d\xbf\x97\xb9G^\xf0\x19~o\x95\xfd#LS'</t>
  </si>
  <si>
    <t>b'i\x17n^\x91\x01\xb7\x7f\xad\x1a\x8ck\xe3Z\x17\xcd$i\xdbqpR\xde\xe7\xf6-\x98\xc6\xaaLPG'</t>
  </si>
  <si>
    <t>b'^\xf3\xf2L\xc0\xed(\xd6c \t\x9d\xb8\xf0\xb6}w\x9b\x1dr\xb9\x7f\xf9,B\x8dq\xfdc\xcf\xbb4'</t>
  </si>
  <si>
    <t>b'80O\x13\xad\xa5\xd1\xa5\x94\xdd\x8d\xc2;\x17\xeaGg\xa5\xa5[\xd0y|\x12\xaf8cn\n\x87\xb4a'</t>
  </si>
  <si>
    <t>b'yDq\x17E\xb6t\xad\xbb\n^^\x895\x06\xd9\x1b\xfe\x84\xdau\xe8\x7f\xc7\x92\x80\xff\xa1 @"\xf7'</t>
  </si>
  <si>
    <t>b"a\r\x8e\xc7\xb9\x049!V\xbf*'4\xb6=k\xc5\xd7\xd8\x1e\x1c9\x11\xd3Gg\xfem\x18\xc5i\x13"</t>
  </si>
  <si>
    <t>b'\x8e\x8c\x80F\t\xe9y\xf6\xa4\xdf\x86c\x90\x9d\xf3\x0b\xf7\xd9\x1a~\xb7\xe5,\xca\xbap\xa6\xee\xd5\xd2\xa7\xe4'</t>
  </si>
  <si>
    <t>b'\xa0\xde\xdf\x04X\xd7t\xcd\tH\xb1\xf9\x9f\xfa\x943%\x13\x16\xb2H\x92\xa7S4=\x0c\x14m\xe4%\x19'</t>
  </si>
  <si>
    <t>b'C\xa5\x12\xa3\x1f\xf3g\xd9\xa7\xd1\x17C\xc5\xdc6\xa2\xf2bkv\xd2W|,+\xa7\xc1}?\xa97&amp;'</t>
  </si>
  <si>
    <t>b'tEe\xd9\x9d\rUy\xf9`\xd9DZ\xe0\x8c\xbf}/\xc9$\x88B\x04\xa7\xdbQ\xaa\xb9\xf0\xb31\xd7'</t>
  </si>
  <si>
    <t>b'\x81\xcd5\xebl\xbcNS\x9e\xfe\xe2\xc3\x0c\xf3[VE\xeb\xe36B\xb03\xd0#\x94\t\xf1`\x12\xac\x18'</t>
  </si>
  <si>
    <t>b'\r\xfeWzY\x9e\x89\x9f\xb5h\xbf\xd7$\x06\xba\x8b\xa6k\xba\x1d\xfc\x9e\xfa\x18\xed\xd8D|\x05\x94A\xf5'</t>
  </si>
  <si>
    <t>b'\xb0\x198\xf3/\xff\xe5\x02Y\x8aU\xf2#\x85[\x17\xa9-\'&amp;\xd1\xaeG\x026\xd4"\x9f.\x08\x7f9'</t>
  </si>
  <si>
    <t>b':\x7fV\x89\xf4\x189\xae..\x1d\x92\x1e\xaa$q\xc6\xa7\xf7\xc5\xbay\xf4#yn\x16A-\x1a8\x1f'</t>
  </si>
  <si>
    <t>b'\xda\xb4\x14\xe3\xcf\x86\xa3\xd7rb\x864"\xde\x1e\x07nEG\xe3\xe6\x88E\xcbS~\x9f\xceq\xca\x03\r'</t>
  </si>
  <si>
    <t>b'\xbd=P\x05\xa3\xb5\x8f\xeb\xa5\xe6\xf7\xebCP\xf3is\xfa\xe0\xf5,Y\xc0\xc3PhPmf\xb2K\xde'</t>
  </si>
  <si>
    <t>b'\xdf\xff\n"\xaa\xb0\xbc\np4\x0cN\xc5\xfc\xd4\x96\xb9\r\x85S\x87\xc9nB\xf7\xfc\x95$\xe7\xc3p\xfb'</t>
  </si>
  <si>
    <t>b'\xa8\xa3\x0eM\x075\x0b\x1fkAA\xa3&amp;\x1b\xe59\xb4\xab\xb7|&lt;\xef\xc9ym\x86\xe2\\L\xe5\x14\x8e'</t>
  </si>
  <si>
    <t>b'\xbf0#~\xe23OJh\x17g\xefq\x93\xca\x1d\xad*w\x11\x91\\\x8f\xf65!|\xb9y\x7f|\xe7'</t>
  </si>
  <si>
    <t>b'\xa5\x1c\xe1\x92|#u\xaa\xd5a\x15\xa7\x94\xf2\xa4S@\xb1\x92j\x9c\x052\xb3\x9a\x1e[W\xcaA\x0c\xa4'</t>
  </si>
  <si>
    <t>b'\xad\xe2\xab\x8c\x91\xa7\xa1&lt;J\nG)\xdbZb\x13\xb3Awe\xccP\xb0f}\x01\x04\x90q\x05Z\xbc'</t>
  </si>
  <si>
    <t>b'e2&lt;#\\Se\xba\x18\xfdin\xa7?\xad\x88\x19wx\xe0\x97\\\xfb\xc8c\xce\xe6:i&amp;\x1e\x0e'</t>
  </si>
  <si>
    <t>b'\x9b[\xf4L\xdeF"\x83\x04\x00&amp;\x04+\xbf\x998~\xfd\xd2\x99\x83\x90\x8e\xc8\xbdz\xee\xc1\xd6\x90\x86\xa8'</t>
  </si>
  <si>
    <t>b'\xbe\xf8\xc4O\xa2\xfa\xf8:\xa4\xa5\xfb\x98\xd1\x06\xaa\x89\x89\x8fn\xd6\xfe9.\xb5\x9b\xeb\xf1Rg0uV'</t>
  </si>
  <si>
    <t>b'#\\tZ%T\x8b\xcbf\xec*\xa49\xb8z\xa9\x87\x1f\xd1\xf2\xfdL\xceNi\x82\x03\x96\xd8I\xa6I'</t>
  </si>
  <si>
    <t>b'\x9aP1S\xef\x87\x04](\x02\x912G\xe9\xe8m\xbb\x14\xec\xcb\r?\xde?o\xd2e\xf5z\xa9\xb5U'</t>
  </si>
  <si>
    <t>b'\xf7\x04\x13\x0f\x8d[TR\xd0\x9d0\xb8O\xaae\xb4@\x82\xb2\xd8\xa6\x8dh\x07\xa8F\xf5?\x00\xd9&gt;\xa3'</t>
  </si>
  <si>
    <t>b'jZ\xf2\xd2\x19XG\xc2\x84\xea8\xfd3\x0e\xad@S\xe1\n\xdf\xd8\x974\x072X\x99\x8e\xc4\xc8Q\xab'</t>
  </si>
  <si>
    <t>b'X\x1a+\xc3\xdbH9#\xa8\x10\xfb\x02\xad\xde\xa6\x14`\x0b\x16\xb2\xdd\x8f;HP\x0e\xa5\x1dkb3:'</t>
  </si>
  <si>
    <t>b'\xdc\x91R\x7f\xd3\xd7fD\xca\x1d\xde\x00\xc0\x89\xc8C\x16L\x81q*\x90\xf6a\x17\r\xd19\xee?\x90\x17'</t>
  </si>
  <si>
    <t>b'\x03o\xf8[{\x1f\xb3y\xda.O|\xca\x1b\xbc-\x9a!\x11\xdeS\xdb\x8b\xd0\xb7\x86\xec\xe3\xee\xd4m\xf7'</t>
  </si>
  <si>
    <t>b'\x99\xdc%\x1e{\x9b\x0f\xc9\xeb\x06\xb0\xce\xd5-R\r1\x91^\xd6\xe2\xd3\xfea\r"-s\xc0\xb7h\xf9'</t>
  </si>
  <si>
    <t>b'\xea\x1c\xee6+\xae\xc8?A\xab\x99\x1dDv\x00\x16\xe6\xc6\xe4\xa1kVA\xf3[\xc6:\x1a/\xdd\x10\x99'</t>
  </si>
  <si>
    <t>b',\xcb\x04J\xb4\xb5\x97\x0f%+\xcd6\xd2\xe26\xeb\xa6\xcf\xbb\xe6l\xc0\x8b\x8c$\xd0\x12\xab\x88\x93W\x02'</t>
  </si>
  <si>
    <t>b'\x14\xdc(.\x97\x0c\xda*\x87\xb8\xe21p\xe1,5\xbd\xc7!-\xa3\xf3\xe0\x1e"g\x8bw\xf5\xda\x1f\xcf'</t>
  </si>
  <si>
    <t>b'v7\xde\x9a\xa4\x9eE\xae\xcfB@\xe6\xfa\xb0\x8c(\xa2\n\x82}\xbd\x7f[\\X\xe0\x83\x19K\x8a.\x8d'</t>
  </si>
  <si>
    <t>b'\xb6\xd2\xe3rj&amp;\x11\xc2B\x93\xed\xc2h\xdd\xe6o;\xe4kD\xb47\x1a\x93\xd9\x87\xd2\x91^\x1d&gt;\x00'</t>
  </si>
  <si>
    <t>b'0\x94R\xefX\x02\xe6kY\xc3\x0c\x90\x0b\x9e(9\xf2\x88\x9b\x8d\xd8~\xa0\x8d{)i\xfe\x82\x93\xf6\xb7'</t>
  </si>
  <si>
    <t>b'\xed8\xd9z\xd7\xab\x02r\x98\xb8\x83\x99\x1b}f\xb4\xeb|i\x9c\xc1\x95\x98\x8d@\x87\x86\x8aa\xe5U\x8c'</t>
  </si>
  <si>
    <t>b'\n\x7f\xc0&gt;\xcb\xf6A\x03E\xc3\x1e$\x98\xd4\xa1~\xcd\x08\xea\xeb\xcb5\xd9b\x87\x19y\xa1\xfb7\xc9\x1c'</t>
  </si>
  <si>
    <t>b'\xf0,\x9a\xb5\x90\x9fC\xa8\xf1\xf8\xbf\x86!\xd2\x8f\n\xaes\x91\x07\x13},\x9e\xa3\xcbby\xe3\x92\xef\xb6'</t>
  </si>
  <si>
    <t>b'\x9e\xdf\x10\xb2\x1cA\t\x11\xe7\x0bn+\xa1\xdec\xd8=\xee5\xc4#\xc6L!\xb3\xe8\x8b\xec\x13\xd5\xe1\x0b'</t>
  </si>
  <si>
    <t>b'Z\xe1\xe5\x85\xdf\xd9\t\xb2\x10\xaa\x7f\xb8\x8be@I]\xd6\x03\x84MZ\xed\x0eU\x88\x85\xe3\x89.\xad!'</t>
  </si>
  <si>
    <t>b'"\x87\xbc34;,\xad},\xe33~+\x13(\x9c\x02\xfb\xcbu\x86\xa0\x03#\xe6\x02r\xd6\xfckZ'</t>
  </si>
  <si>
    <t>b'%\xaci\xd4\xbc5B=AV\xf3\xbe\xban\xed\xa9\xc1\xdb\xaa\x1c\xbe\xd4#\xfb\xef5\x1f\xa1) e\xcf'</t>
  </si>
  <si>
    <t>b"O\x12\x82\xf1\xfcC##\xed\x85\xa0\xb5\x8b\xaa9\xdf\xe9\x8e}\xe8.W\x040\xe1'H\xe4\x11\x8b\xfa}"</t>
  </si>
  <si>
    <t>b'\xf6=M\xc4\xd7\x8d6\x912\xf6B\xf8\xe0_D\xae\xde\xcb\xc8V}\xbcN\x84\xaa\xd12\x1e\xe4\xae\x14%'</t>
  </si>
  <si>
    <t>b"]k^\xd0\x97H\x7f\x04J\x8ad\x13i\xda\x16\xce6\xb03\x84\x855\x1d\x97F'\x18F\x0b\xd7\x03\x87"</t>
  </si>
  <si>
    <t>b'\xedm\x9e(\x8c\xd9\xf5\xec@(X\x19\r\x05\xa0\x89\xb2\xe1;\x99\xea=\x8d\x86`\xfc\x89\xad-\xd4uw'</t>
  </si>
  <si>
    <t>b"+!\xb5\xaa\xa8'\xbf\xa7\xf2\xa8\xdb\x96\xf8Y\x02\x0f=\\\x06\xdf\xe1\xf4\x9c?D\xc4\x9cm\x95z[\xc5"</t>
  </si>
  <si>
    <t>b'\x01\xda\x8c\x0f\xfa\xfc\x1d\x1fJ\xef\xba\x15\x1b[\xf4 j\x06\xad\xca\x06\x04\xbd+3kD\xe7HE9\x95'</t>
  </si>
  <si>
    <t>b'\x9d\x94(]6\xe8\xde\xe1\\\xce\x13.PP\xbfP\x85{\x8a*\xd5|\xd1%\xda\xa2u\xb9\x91x\xc5\x18'</t>
  </si>
  <si>
    <t>b'\xfb\xc7\xfbEfuAFF\x0c\x1d\xda&lt;[O\xa6\xe8\xf3\x82\xf4\x06\xd9\xa0Y\x05[\xd5\x8f\x1f\x1f\xb3F'</t>
  </si>
  <si>
    <t>b'6\x17.\xb1\xfc\xa5\xd6\xf0=\x83&amp;yL:\x8f\xa4\xd4A\x9c{y\xeeU_\x8f\xabV\x1a\xee\x0e\xa3N'</t>
  </si>
  <si>
    <t>b"s\xb2Qc\xee`\x01r\xc1'\x9dfC\xbb\xd2\x1d+\xb9\xa1\x9f\x15\xa0\xc3\xfe&lt;\x0c\x816JD\xee0"</t>
  </si>
  <si>
    <t>b'\x17 L\xbf\x93\xd1QnL\x9b\x17~\xa7\xdf\xe9\x8dzq\xccyN\x17\x05g\xda\xbd"\xa5\xab\tH\x11'</t>
  </si>
  <si>
    <t>b'W\r\x8f\x80C2Dg\xb0_\r 1\xb7Y\xe2\xefM\xaa3\xc1|n9\x03!\x07DztU\xc8'</t>
  </si>
  <si>
    <t>b'\x95\x05\n\x9fZ\xaf\x10\xaa\xa7\x13\x08o\x96\xc0\x0c\xb8"\xea\xef\xa5 \x8b\xe53\xcbP\xeb#\x18*\x18\x98'</t>
  </si>
  <si>
    <t>b'\x92n\x95\x01 nS\x19\xe01\x868\xe1\xd80\x0f\x85I\xd7\xb6\nQ\x9d\xbe\xfa\xde\xc5\xc9\xf90\x04\x16'</t>
  </si>
  <si>
    <t>b'\x96\x16\x13j\xfc\x08Q\xc1\xcc\xec\xb1\xae_\x84"\x9c\x1d\xbfA\xa9Y=\xdbxo\xbe"_\xa7PWn'</t>
  </si>
  <si>
    <t>b'3\xe1\x12r\xdaa\x08k\x8f\x161\x8b\x08&lt;t\xc5\xae/\x1f\xcb\x9by.\x0bJ\xbf\xf6iq\xf3\xf7\x8a'</t>
  </si>
  <si>
    <t>b'\xeaE\xc3t\xdd\xdaK\xae_5U\xc0\xca\xad\x9e\x8c\x93\xc6\xfd|k\xa0\xab\xc4W\xc1]\x83p\x82\xac='</t>
  </si>
  <si>
    <t>b'\x1e\xb1\xa4k\xeb\x12\r&lt;6\xe4R\xb0\x07\xea?&lt;\xb5s}G\x11\xcbd\x07\x08\xa7\xd5*&gt;\x89Uz'</t>
  </si>
  <si>
    <t>b'\x91\x8fj$B\x19\x80|\xb4\x1f\xc5%s\xbbO2\xcf\x1a\x8a\xbc\xc5\xfb\xec\x11\xcf\x86\xa2Z\xa6\xf8M\xca'</t>
  </si>
  <si>
    <t>b'\xb7lg\xd4d\xc5.;\xd6\xc2\x12\xd9\x9c\xf1\xb8\x9a\xc0\xe9\xa5\xed\xbb+\xc9(\x96@\xb4\xc6\xe3\xe4\xcc\xfd'</t>
  </si>
  <si>
    <t>b'\xe5\xfeD\xfa\xb4U\xaeZw\xce\xdc\x9aB\xb1\x99\xdcw=1\xba\xec\xb5\xfd\x1c\x10\x17C\xf3\xa3\n\x81\xe1'</t>
  </si>
  <si>
    <t>b'\xa5n\x80\xb8\xa3T\xab\xdf\x03\xd4\xd0.1\x89\xa9\xac\xd0\xf8\x98\x12VV0\xab\xb5\xbe\x8f\xed\x02T\xcb2'</t>
  </si>
  <si>
    <t>b'\xd5\x0bJ\xe91\xa5W,wZ\xde\xb5\x9fJk&lt;\xd2.\xd0B\xd0\xfe\xd3\xd9\xe3[\x05\x9d1\xedRv'</t>
  </si>
  <si>
    <t>b'h\x88\xfa\xdf\xd2\xb3\xa0[\xd4\xa2[\xb8B\xec\x87\x19\xa2r{\x05G\x12\x9d\x03Z\x8a\x8cj\x19\xaf!\x99'</t>
  </si>
  <si>
    <t>b'\x1b\x8av\x12\xd6\x9d\xda\t\x11D\x1c\xab\x9b6\xed\xb7\xfe\x9a\xf0`\xc7\xe8\xdeKp\xee\x99\xf1\xd2\xc8)\x05'</t>
  </si>
  <si>
    <t>b'\xe0ih\x9cy\x9c,\xd8Y\xb1w\xaf\x0b\x9e\x8c\x1f7?\xba\xe5\xbc9\xd2\xc7;\x9b=\xa23#{\x0e'</t>
  </si>
  <si>
    <t>b'\xad\x8c\xa3~\x0c\xba\xdf\xd4&amp;\xbeW4\xb7G\xb5=Z\xcd\xee\x90\x95\xa2\x14\xf7\xf32\xb81\x9b&amp;\xa4a'</t>
  </si>
  <si>
    <t>b'_\x9a\xe3\xac\xbd\xff+dNiWlX\xde\x15U0\xdd}]\x14\xcc\xd1\xc7\x1a\xf5\xbfbkP:\xe7'</t>
  </si>
  <si>
    <t>b'^N\x93\xf9\x83\x86e\xb4\xaa\x0f:n\xf0\xe4\\\x18\xe6\xdb_\xdb\xff-\x19\xe4N\x83\x87\x1c\xc2jQ\xee'</t>
  </si>
  <si>
    <t>b'\xff ^%sB\xe6"KT&amp;\xe5&gt;H\xdb\xaf\x9a:\xc1\xb1D\xd5\xd1T\xef~\xab|\x91!m\x13'</t>
  </si>
  <si>
    <t>b'\xb4\xaas\xae\x84\xb9\xb0\xe8\xff\xfe\x9f}B\xb7V\x08(\x19%7\xfc\xeah\x062\xe7\x8e\xd0\xec\x91\x9ce'</t>
  </si>
  <si>
    <t>b'\xc0\x92\x1d\x97!aE\xb1K\xc9\x1c/4\xa3\x87\xb1KK5\xddiD\x02\xf1l\xech0XXn.'</t>
  </si>
  <si>
    <t>b'\x8376r\x95F\xb1kF \x11\xdb\xbc6\x8f[s\xe9P D\x91\xe3\xef\xfd\xc6\xbb\xc3\xaf\xa0\n\xda'</t>
  </si>
  <si>
    <t>b'\xf9\xd3-\xd1 \x13\x94\xb4\xd1\x82\x13\xd1\x87\xc8\xd5 \xd4\xe25KT\xf4\x88\\\x11\x19:\xee\xdcv~\xb2'</t>
  </si>
  <si>
    <t>b'\x0f\xbcet\x17\xa0[\xff\xb5\x91\xce\xb4\xc7ND#^\xa0|Q\xae\x037.8\x92 \xb1.&gt;\xde\xf3'</t>
  </si>
  <si>
    <t>b"\xceUk\xd1\x0b}\xf9R\x0b\xbf*_\xa7\x98\x93S\xc1\xdd\xc23\x06\xa9\x1e\x9f\x99\x00'\xf2a\xad\xd7F"</t>
  </si>
  <si>
    <t>b'\xaa\xda\xd0J4\\a\x9b\x0cSs[C\xc9\x13\x04\n`\xd9*\x83\xc5\x15\x9f\x12\xa2W\x90!\x8f\x9b\x08'</t>
  </si>
  <si>
    <t>b"\xc4\x1f^\xd93\x1b\x81\xdf\xbed0\xc4\x06\xd25\xc6S\xa9'\xd3EB\xc2\xdb\x95H\xea)\x81\x10T#"</t>
  </si>
  <si>
    <t>b'G\xed\x1b\xc1Q\x8erw-\xa1\xef\xe0\xe10u"\x10g\xd2\x99\xc9C\xd8\x00\x86\x13\xd3\x8a\xe2\xf1+\xff'</t>
  </si>
  <si>
    <t>b'\x9cz=\xe9la\x9b\xef\x0b\x88\xd6\xc2E\x9f\xf2\xfc\x89\x0c\x95\x9euj\x04\xb8\xa4"\x14\xbeq\x8d\xc1\x11'</t>
  </si>
  <si>
    <t>b'h\x93\x9fV\x9aQ\x1b\x1e\x92\xa9\xc4O\xe2\x89]\xc4\xb2\x07H\xcaSE\x84\xc9\x98\xd6-^\xee%\x87\x07'</t>
  </si>
  <si>
    <t>b'3vg\x1f4p\xde\xfc8\x03Q\xfd9i\xd1\x1bA\x7f\xd5\x90\xda\xafMJX\xebs\xc0\xbf~\xff/'</t>
  </si>
  <si>
    <t>b'\x07hT\xf6\xb1\x08\xc3\xe3H#\xe88\x85\xc3\x0f\xbaNYj\xf7%\xabcg\x1fx\xd8\xff\x1b\xc4U$'</t>
  </si>
  <si>
    <t>b'\xcd\x81+whK\x13\x02\x8e\xfd\xb9\x86t\x9e\x1d\x8a_m\xbdw\x0cK\xdd-\xbe&amp;\x0f\xd6\xc5\x04\xa6\xe6'</t>
  </si>
  <si>
    <t>b'D\x80\xb9\x07s\xf6\xcc\x15a\x97&lt;\x94\x1cZ\xdd\xaf\x01\x90\x90\xb2\xc0\x0ch\xed\xd1{\x99\x8d\xd1\x10\x86\xba'</t>
  </si>
  <si>
    <t>b'-9(\x81\xeap\x8f\x10\x91\xc6+(\xf4\xe9AA\x12\x99g_\x87/\r"q\x8aa#\xa2CS\x83'</t>
  </si>
  <si>
    <t>b"Y\x03\xefRW\x9a(\xe9s10x\xb9ao\x1cBt6\xe0\x04\xca\x9c1\xdd;'Z\x11\xe3\x0e_"</t>
  </si>
  <si>
    <t>b'\x83\xf6\xa0\xc7\x9a\xa8\xc0\xbd\x0b\xb5\xf9\xfd\xdbD\xba\xc2\x8ah\x8eI\x9c\xf6\x7f\xf7\x07\xda\x04d\xa8d|n'</t>
  </si>
  <si>
    <t>b' F\x92\xb0\xff\xb6\xee\xd4\xf8\xe1\xa6\xca\x07\xd5=\xb6\x05@"\x15\x18\xb1\xcf\xb8G4#\xa95R\xf9\xd8'</t>
  </si>
  <si>
    <t>b's\x12C\xc1\x9f\x02F\xaa{:\x8cI\xa1G\x93\x9cbAg\x02%\xae\r\x82\x80v\x81\xbe\xb0\xb0\x06\x8c'</t>
  </si>
  <si>
    <t>b'\xbf\xd15\xf5\xf0\xc4\xeeU\x88\x18p\xb1$@\xc9\xbfM\xa0\x14h\x992\xeb\xdak\x87cX\xdc\xf8\x90e'</t>
  </si>
  <si>
    <t>b'\xe6\x08B[\x8f\xf8\xd0v,\xc55\xb4:\xc9\x16\x82\xa9\x9c[\x10n}\xffgM\xcd\x1a\x95\xab\xe7:\x10'</t>
  </si>
  <si>
    <t>b'\\dS\xc6\x8f\x1e\xdf\x94wT,\x9cy\xc2\x1a\x82\xe0\\\xe5S8&amp;\xb5\x9bA\xb9\xf2\xf6kO\x96\x0f'</t>
  </si>
  <si>
    <t>b'\xd3\x9405 \xac\x90\x9e\x17\xe4DZ\xb2\xe9\xdc_\xc4\x94\xbcP\x08s\x08P\xa2\xb1\xc2v~\xc4\x10i'</t>
  </si>
  <si>
    <t>b'\xf8\x8d"\xa8i\x97\xdeG~\xf8\x80\x8a\x9d\x1b\xe1\x10\xbf\x95\xf2H|\xd2\xb5\xd9\xadxGzH.@\xd4'</t>
  </si>
  <si>
    <t>b"\x883g|\xd7\xb1\x91\x93\xa9D\xe18\xa1\x7f\x17\xf3\xefE\xb7\x9c&amp;\x1f\xfaXL\xb0\xa05\xb3\xeb'\xb0"</t>
  </si>
  <si>
    <t>b's\x07\x18u\xd5\xbb\x05R\x15\xd8\xb4c\xa3\xdd\x82\x01\xa5d\xf7@\xd2=\xc9\x01xC\xbb\xcd\r\x93/\xef'</t>
  </si>
  <si>
    <t>b'+\x9b\xe1\x17.\x8a\x16\xcao\\\xb3{j\x98oe"\xef\x1e\x8e\xc8\xa7]\xdf\x1b\xa5\x11\x07\x95\x9a\xc2\x0b'</t>
  </si>
  <si>
    <t>b'\xbb\x17\x11&lt;Q\xb2\xfc\x90\xb4~\xab\x85\xd4H*\xb4\xff\x80D\xda\xb6\xfcd\xfft$3\xd3T\x0cj!'</t>
  </si>
  <si>
    <t>b'\x93c%\xac\xa9\xbb\xa9s\xd4\x01wk\xf0K\xa1\xee\x84P\x12v\xb2\xbb\xdb\x98\xb0\xf8\xe8\x8fV\nb&gt;'</t>
  </si>
  <si>
    <t>b'R\xb5s\x91\xd4\xb8\x98\xf4\x9a\x16\xc6\x86\xc4\xb4\xeb\xc0\xac\xe4J\xd4k-8\x1d\x04?\x8fw\xa4Q\x01n'</t>
  </si>
  <si>
    <t>b'3\xd7rp;*\xea\x18\x17\xe3\x90\xe0\xa9T\xaf\xe3e\xd6\xb4\xf7\x8d^a\xfe\x9d/\xdd\xf4\xad8U\x12'</t>
  </si>
  <si>
    <t>b'\xfb\xd8\r\x80\xca:\xea\x9b\xde\\\xf20\x90\x9a\x17\xc6\xf1\xbc\xc5z\xc9KG\xe2\xa2\xcb\x9b\x12z\xe9~\xe5'</t>
  </si>
  <si>
    <t>b'ke\x9d&amp;\xf9\x93\xe7\xc8\xf7t\xfe\x98\xad\xb8MF\x02G\xdbf\x0b\x11\xeaBNj&lt;LI\xfa\x19\xf3'</t>
  </si>
  <si>
    <t>b'(e\x1b\xd0-\xe0\xe4\xbc\xf24\xd11\xef1]\x84Q\xfbV\x9elNOS\xa8\xe7\xf1\xf5de\x05\xed'</t>
  </si>
  <si>
    <t>b'\x9f`X\xe2\xf0\x99f`\xbdH\xce\xca$\x97N\x9a\xa2 \x06\xd6J\x11Yj1\xe5\xd1\x94\x82\x87\r\xf5'</t>
  </si>
  <si>
    <t>b"\x16r\xd1\xd6G\x1c\xad\xa8S\xa5\xd0\x15=\xca'YB\x1d\xc48BP\xd4\xa78\xdf\x95bw-ZG"</t>
  </si>
  <si>
    <t>b'\xeeXLH\xb9-\\A\xd6[n\x1b\x1aN\x14\x85wL\xab`\x04\xa1\x95\xf4\r\xf2+\xf4X\xcd\xff\xa4'</t>
  </si>
  <si>
    <t>b'\xb8\x92\x9e2&amp;\x8d\x9e\x91eY\x17\xee!\xfces\xb1\x16 \xe5\xc4\x99\xf8w\xd8\x08%v\n\xff\xd2\n'</t>
  </si>
  <si>
    <t>b'|4&amp;\xee\xfd\x8c\xe9\xc2\xf6d\x86|l\xfa\x10\xa4\xda\xc2\xb1\x9f\x9d\xeb\xe39\x05\tl?/\n\x0b#'</t>
  </si>
  <si>
    <t>b'\xab\x80\x81\x8c/\x10&amp;\xaf\x8b\xa4\x00\xea\x93\xb8\x90\xee\xb0\xa0M\xa9|X\xdb\xa4\ni_\xf0\x90\xeeD\x1f'</t>
  </si>
  <si>
    <t>b'v]\x01f\x9f&gt;W\xb9OGBoh\xe0\xb4z\x9f\xd9.\x8d\x8bJR\x94EW.\xd8DC\xac\xe9'</t>
  </si>
  <si>
    <t>b'm8g\xb3f{\xef\x14K.\xbax\x8fTH_jc\x98\xa5\xa26\xb8\xaf\xbe f\x8a\x96\x9c\xfeM'</t>
  </si>
  <si>
    <t>b'\xa5\xbf6\x17\x15g\x9b&amp;J\xe9;R\xd5\xf0+\xdc\xd0\xbb\x0f\x8a\xcdbS\xf9\xc6\x90L\xff\xc0\xb8d\x86'</t>
  </si>
  <si>
    <t>b'\xb4 \x80gk\xad\xf9\x8d\xf6\xaa\t\xa3\xa6\xcb\xd3\xc2 s,D\xa6L\xf5\xcb\xde\xa6\xffu\xb9~\xd4\xe3'</t>
  </si>
  <si>
    <t>b'&lt;\xcd\xf1\x80\xbe\x96b\x80\x17pv\x89\x80]\xbe\xfd\x9b.m^\x053M\xdc\xaaA\x82\x82\x1d\xfb\xbbt'</t>
  </si>
  <si>
    <t>b'\x8b\xbe\x0c@\xe2\xb0\x8a\x8b\x8a\x12\x82\x15\x87\xe4\xb9p\xcc\x001y(\xb6y Zz\xdd\xcf\x07di\xbf'</t>
  </si>
  <si>
    <t>b't8\xb4\xfb\xa9o\xa9\xc1\x10\xceK\xca\xd9\xf5\xc2p&gt;\xc7\x04\xe7\x158\xd8\xfc\x93~\xbce\x86\xba}\xa8'</t>
  </si>
  <si>
    <t>b'?i\x06\x8a\xae\x1d\x1dr\xf9\xd1\xb9\x0b\xde\xcfh\xfb\x14\xf4\xae6\n\x89\x8c\xe2\xfaf\xb4\x9by\xb0\x96\xf8'</t>
  </si>
  <si>
    <t>b'\xe8\xd2\xdbI\xb4\x14YV\xc2\xf1\xd26\xde._\xe5\xe4n\x83\xe9\x96\xd8Qo&lt;\x97\xea#Cvt\xc1'</t>
  </si>
  <si>
    <t>b'\x98\xcfFN\x00\xbc\x92fa\xc8\xb4\x0e\xf51@\x91%|`\x8d\xa6,\xea\x8f\x8d\xd2\xe3=\x9b\x8dU\xb1'</t>
  </si>
  <si>
    <t>b' \x9f\xcd!\xe3d\xa2$H\x82\xb4\x1bw\x0b\x05\xa0 \x99m\xc3\xb0y!\xe2\xea\x84(\x9c\xc9*\xe0\xbe'</t>
  </si>
  <si>
    <t>b'\xc5q\xf7\xc6\xc0\xde\xa6#\xf3?|\xa8\xaf\xa2\t\xa8\x12\xc6\x07\xe6sV\xab\x86\x92\x90B3\xfe\x8f\xc9\xa0'</t>
  </si>
  <si>
    <t>b'\x98\x1e\x88\xd6\x1c\x02\x83\\\x9fI,\xadt$4r\x98U\xc1\xa3\xe6\xff\x07\xf1\xe6\xce\xd03B\x9d\xed\xd1'</t>
  </si>
  <si>
    <t>b'&gt;F\x87\x91i\xdb\xa0z\x0fH\xdd\xaf\r\nd\xe5\xd0|\x16"\x18n$\xfa\xfa\xc63S\xaf\\\x15#'</t>
  </si>
  <si>
    <t>b'@\x96\x06\xd0\xbf\xc4\xf2\xa3l\x04\xd4\xba\xd8&lt;\xde\xedU\x13\xcf1)\xf1\xcaQL\xab\xf3\xfc_"t\x9f'</t>
  </si>
  <si>
    <t>b'jx\xc4 tU^0\xc0\xe4\x8d\x0f\x9f\x01\x15\x01\x11\x9fAB\x93\x99\x8f. \x07\r\xd9\x84\xab\x04\xcf'</t>
  </si>
  <si>
    <t>b"\x9cc\xde\xf0O%\xd9\xb8%\xce\xf1\xff:$\xb5\xf4\xef?\x0b\x1e{\xd4\x99\xc3u\xa9II'\x90\xd0\x10"</t>
  </si>
  <si>
    <t>b'\x999(\x16\xd7\xdd\xb3`=\x08\x95\x13/\xaa"\xbd\xdbx\xad\xa2\x08)\x8c\xf6\xcc\x12\xeee\xf73\x12\xa2'</t>
  </si>
  <si>
    <t>b'9?b\x0bj\xd0\xd0\xb3\x14\xf9\xb6\x1a\x0c\xd8\xc8\xb6$T&gt;\xf1\xaa\xd1DAi}\xa0\xab:\xe4\\\xef'</t>
  </si>
  <si>
    <t>b'\xb0f\xad\xb35k\xdf\x0c8qv|eU\xf8%\xa4\xfb@\xf1#\xe0\xc2\x83~\xeeR\xa6\xf4\x8a\x83\xa8'</t>
  </si>
  <si>
    <t>b'\xf5\x05\xa1\xc1\x90\x12\x06@\xf6\xcf\xde\xec\xa1&lt;\xbfq\xfe\x99\x92c\xb7\xd4\xdb\x88e\xa5&lt;\xd3\xdb5Y\xda'</t>
  </si>
  <si>
    <t>b've\xdc\xfb62\xc8\xe3\x0bd\xdb82yT\xc0\x89\x82\xa8{\xe8W\xaf\xda\x92\xe6\x87P\xc0\x9d\x9c*'</t>
  </si>
  <si>
    <t>b'\xa5x\xbb\xf9\xee\xbe\x94\x16F\xd4\x10\x16n\xa6\x05\xfcS\xf3cwg\xc8tY\t\xf9,,%\xff\xd0c'</t>
  </si>
  <si>
    <t>b'=\xb8\xb4\xa0`\n\xe1,\x1e\x90\xf8\x05\xf3?&amp;\xff:t\x03\x11\xb6%\xe3\x85\x8fN3KD\xd4$\x84'</t>
  </si>
  <si>
    <t>b'\xbb\xc79L29\x9590\xd2{\xb6\xe5V7\xf0c\x18y\t\r\xba\x1e\xd4\xda6\xaf\rh\x8e\x8dO'</t>
  </si>
  <si>
    <t>b'\xd9\xd2^&lt;\xe5\xec\xca\xb5,\xee\x01/mN\xbe\xc4\xbc\xb7Y\xd7Q.\xb8.\xb5\xb3\xad@_\xbbC\xa2'</t>
  </si>
  <si>
    <t>b'\xe6CY\x06B\x03*2\x8f.\x9b\xd6\xf5i*kA\x1f\x83\x03\x87* \xdb[\x18n\x05$\xd4\xddt'</t>
  </si>
  <si>
    <t>b'.\x10LX\xfbP\xc8\xf6\xa1\xe5\xf3\xcc~ \xcc\xde\x8e \x04/\x9c\xb6\xee"\xcan\xb2\xa9G\xb7\xe3\x8d'</t>
  </si>
  <si>
    <t>b'\x86\x8b`\xdd\xd9"\x9fS\xe2H\xec\x9ag\x85G\xf4\xc1\\\xc2\xe64&lt;\xca;\x91y\xa1\xfb\x16-\x9e)'</t>
  </si>
  <si>
    <t>b'\xd2\x07\xcf\xca~^\xbe\xc1ss;3\xe3\'\x0fY\x91q\xa49]\xae+U\xd6W"\x93\xd7\x957\xb0'</t>
  </si>
  <si>
    <t>b'q\xbem\xc1\xc5\xf7\xd0\x156s?S\xf4\xa5~-\x11~\xa5\xfe\x01\xb7\x18%\x07\xa7\xda\xf4%\x8aV('</t>
  </si>
  <si>
    <t>b'\x86\xefXd\xc5\x90\xd1&amp;\x06\\\xdc\x93\x00\x90\x8f*\xd6\xd4\x11\x18~\xf1\x86\xcf\xf9\xd0\xf2\x93S$u\xb0'</t>
  </si>
  <si>
    <t>b'-w\xc2\xdb\x06\xe6\x86i\x8c+\xcb\xa5$\xc1\xaf1\x82\xa0\xbb\xa51o\x06u7MF]\xa2\x81vz'</t>
  </si>
  <si>
    <t>b'\xb13\x82\x8c\xaf\xd7"\x10or\xe4\xe0\xd0\x88\xd92\x11*z\x82\xda\xc9\x07k\x8e\xb1^\x0b\xbb\xa6\xcf/'</t>
  </si>
  <si>
    <t>b'\x01\x85V3\xe8\xb2y\xd4\x98.\xe2\x8aq\xf9\tA\xf6\x83\x82#\x98\xa0]?\xd6\x9b\xa5o\x1f\xbc\x82\xbb'</t>
  </si>
  <si>
    <t>b'\x8c\x8f\x80\xb0\x1b&amp;X\xb9v\xbfM\xe6x\x18y\xf6\xb9No\x98\xe1\x8a\xe1\xffI\xcfvW\xcat\x93E'</t>
  </si>
  <si>
    <t>b'\xd4S\x05\xc7H\xd1\xc1\x01\xab\xdaX\x83\x82\xfbwY\x03\x92\xebj]e\xb5B\xbb=\xb9\x99V\xbc\x05T'</t>
  </si>
  <si>
    <t>b'=\x05!\xe2\x8e\xa9S\x9d\xd2\x93\xbb\xba\r\x89E;:%\x17\x92k\xff\xa2\x93\xaclK\xedED})'</t>
  </si>
  <si>
    <t>b'\x9f\xc0"\x19\xc9\na\n\x07l\x11D\xd2\xf5f\xbb\xc5\xe3\x9e\xe8\xfd\x1e`\xf4V,\xf8\x9c\x8b\xb3XE'</t>
  </si>
  <si>
    <t>b'\xd7\xf4\xe8Z\x14\x1b\xc6\x9blj\x81)\xa9\x0bp7u\xb6\x81\xdd%\xa7\xeeA\xbb\x14-O\xc3\xb4B^'</t>
  </si>
  <si>
    <t>b'\xef\xb8@\xaa\xf2\xf9\x82\x82G\xac((Jj\xb6^\xc1\xe9\r\x9f\xc0~\xbc\xc4\x06\xbf\x9b\xa5\xf0\xfal\x97'</t>
  </si>
  <si>
    <t>b'\x8ct\xee\xeci\xa0\xb7dj0a\\\x01\x82\xe2\x9c,b3\x94H+\xed\x84\x1ceJ\x9cd\x92\xcbc'</t>
  </si>
  <si>
    <t>b'\xber\n\x1afM\xa1\xef\xb2\xfcQ\xe7&gt;\xde\xe1\xf1\xaeK+S\xc8\x8dA\xc1D\x14Z\xa0\xc5\xcfv\x08'</t>
  </si>
  <si>
    <t>b'\x18\x02\x7fM\x10\xe0\r#im!1\x03Gc;k\xa1\xb7\xd9Ys\x19\xc0j\x8a\xc8r\xdb\xad \x15'</t>
  </si>
  <si>
    <t>b'K\xcea=\x89\xc6\x89\xdf\n\rC\x9e\xd9.\xfb\xf4]N\x0eg\x16\x87\xa1r\x97dd\xfd\x87\xb0\x01\xde'</t>
  </si>
  <si>
    <t>b'\xb8=\x0e0\t0_P\x9fA\xd6=2\xa6O\xef\x08\xdf\xa7\x86\xcc\xe3\x9c\xea\x9ek;\xbc\x9aMvG'</t>
  </si>
  <si>
    <t>b"=\x91h&lt;3\t\xc6n\x85\xa0\x0f'z\xe8r\xdc-,L\xef&gt;\xfaV\xf2T\x9b0\x93\x8a\xd3\xa6\x12"</t>
  </si>
  <si>
    <t>b'8\x8a+v\x8f\xfe\xac\xef]"\x1e\x89\xc5v)xn\xbb+\x11\x03u\xf2\xde])?\xeaN\x95c\xe9'</t>
  </si>
  <si>
    <t>b'\xbef3\xe9\x95\x14\rg\xcc\x10.y\xdeW\x07`[\x08\x81\xe2\xeeAl\xf9E\xbfzxiq\xae\xc6'</t>
  </si>
  <si>
    <t>b'$\xbb\x8f9\x08_~B\xfdYb\x06\x1f\xf8+\xa65E\xc1\x8e\x80g\xaed\xfb \xc0\xf2I;\xdd\xb2'</t>
  </si>
  <si>
    <t>b'\x9c\xbb\xda\xf3U\x9e\x06J\xec\xe5\xba\xa0C\xde\x1a\xa4z\xfc\x81\xa5\xe2\x1cJ\x92t\xa9"\xdc\x8e"G6'</t>
  </si>
  <si>
    <t>b'\xccQ?Y,\x90\xdcN\x05)\x10\xf1\xbdN\xfd;\xf7\x00^\x8e\xa0\xfe\xb4\xdf\xd2-\x16\x84\x9c\xb6\xd1\x91'</t>
  </si>
  <si>
    <t>b'\xaf\x88\x9f\xf0\xae$\x82\xde\xcc\xb9\x87\t\x11\x91f/C\xc5h\xdd\xd3!\x11\xe2\xd4qej\xa3\x83K\x0e'</t>
  </si>
  <si>
    <t>b'm\xbd\xa6}\xc80\xccl\xff\xa4=Y"c\x16\xd7\x95\xebEV\x94\x184\xc2\xb9\xe5B\xea\x01\xc2C\xa1'</t>
  </si>
  <si>
    <t>b'\xf0\xf2\xae\xe8\xbfQ-7\xb8\xc9\x10\xd5\xee\xf9FJ\xc3^,O\xc8\xed\xbc\xe7\xbft\xb3\xfd\x15\xf7LZ'</t>
  </si>
  <si>
    <t>b'\x18D\xbe\xdbi)V?T0\x14\xc96\x9f\xd7\x14\xb4^Q\xd2b\xb6\xd5\x1b\xc1\xfd\xc5yr\xdf5\xcb'</t>
  </si>
  <si>
    <t>b'\x93\xa7\xb3\x8d\x1c\xd1\xe6\xc7I#\xdbn_\xbd\xa5\x84H\x8c\t\xeb\xd4\x9b\xfb\x98\x8d\x19\xf2\xae\x89\xdff\xc6'</t>
  </si>
  <si>
    <t>b'\x16\x9b\x8c1%\x02\xa9J\x8b\xea\xb4\x16\xac\xc5|\xef\xe4\xe4\xb2_\xb3\x9a\xb1\x06\x85\x9a\xe3\xda\xf3\xae:\x0c'</t>
  </si>
  <si>
    <t>b'7}\x11\xb3\x99\xb2\x92Hx\xd6\x8c\xdc\x0e\x08\xad\x19\x05\xf2\xe8}\xb8\x0e\x80m$s\xb4I(\xdbx\x95'</t>
  </si>
  <si>
    <t>b'\xac\xc2\x0e\xe1\xe1\xdd\xc7\xbc\x03l\xca\xa8\x80Ww\xa6\x94\xb1\xae\x1bKD4J\x8e\x0f\xde\xbd\x07b\xeb8'</t>
  </si>
  <si>
    <t>b'\x1dz\x8c\xd0\x7f\xb0M\xc8\xc5\x8b&amp;\xdd\xedn\x05\xe0/\x1cJX2\xc9-vx\x9c\xcb\xe8\xfdX"\xd6'</t>
  </si>
  <si>
    <t>b'&gt;o\x86\xc2b:J\xc3t\x98*K\xdb\x99l\x18\x1b{\xf4#/H\xcbL\x8c\x86}B\xd73\n\xef'</t>
  </si>
  <si>
    <t>b'\x89\xd5\xd0^\xa6+\xdf0\x96\xdc\x08\x9fQC&amp;\xe3o,\xda}V\x83\xe2s \x0b\xfd\xe2E+\xb46'</t>
  </si>
  <si>
    <t>b'\xa3i9\xdd\x11\xe7\x11\xff&lt;\x04\xe9?\xbaG\xf6Q\xc8\x85C\xa8\xe6E\x9fd\x0bG\xcf\xe7!\xe7\x07\xa5'</t>
  </si>
  <si>
    <t>b'\xce\x83\xe1r\xc7\xe3^\xb9\x88\x12$\x1f\x0c\xc8zx$\xdf&lt;\x05\xc6\x12\x86\x81\xb3\xea\xc3\x95\x8b$\xc7\xe3'</t>
  </si>
  <si>
    <t>b'"\xbfy\xee\xa4&amp;\x03\xe1\xa4\xeff,X\xe7\xc5\x99&gt;\xbc\x08\x99"\xac"\x8e44T\x085\xe6\x80\x89'</t>
  </si>
  <si>
    <t>b'`$\x1a\x80\xda\r\x9e\xe7\xbfq\n\x08\xb7 \xb4\xbdG`\xe2Pz\xe9Le\x87\xbcx\x0f\x8ec\xc52'</t>
  </si>
  <si>
    <t>b'\xa5\x00$@W\x81\x97\xb7)\x19h\x8e\xb0dB\x17\xc8\xdco\n\xe2z\x89/\xa8\xdf{i\x18dQ\xf4'</t>
  </si>
  <si>
    <t>b'#\x82\x91\x91Mn\x13\xba-\xad\x92\x10\xd3X\x87\xc1\xf73\xcc\xa4\x11\xe6\x83\xca\x12\xaa\xec$\xebO8\xd4'</t>
  </si>
  <si>
    <t>b"\x01\xdchC\x9c][\xa6\r\x16\x1c\xb6b\xe7\xc9\xe3\x15j' \xcf3\x13\x8b\xce\x10\r1\x13\x84\x12\xc9"</t>
  </si>
  <si>
    <t>b'5\x96y\x8d\xe1\xf2\x1e\x89\x15b\'*"|\xa9\x19}\xcd\xcb\xd6\xc8T\x82\xa3\xa1\xb9\xaai=&gt;\xfa\x9a'</t>
  </si>
  <si>
    <t>b'\xc5}\xe6Y\xe3\xc4Q#\x1c\xf6\xca\xc7e\xbb\xdc|$\x1a\xf7\n-\xa4\x0c\xf6\xeb~w\xc8@\xb0\x91\xd0'</t>
  </si>
  <si>
    <t>b'\xcc\x9fi\x18\x95\xeda\xf5u]\x1a\xa2\xc5C=\xfe\xb2|\x8f\x10\x91\xff\x0b\xb1\x8b\xc4B\x8d\xae\x96\xe8\xe0'</t>
  </si>
  <si>
    <t>b'\x18V\xc5\xa3\xd6s\xd87o\x14;-\xae\xd8\xd4\xd8\xf8\xf0l7\x05\xbc\xcd$\xcf&gt;:")J\xb0\xb7'</t>
  </si>
  <si>
    <t>b'u\xa1TT\xdbpy\xae\x97e\x8dS\xb6\xad \xbe\x05\xc8Q\xddf\xc6\xfa\xb6\xd3Cn*/ZU['</t>
  </si>
  <si>
    <t>b'*\xba\x8d\xe4\x00\x07\x9a\xd4\x80\x04\xe3\xb3\xcc\x9fZ\xa7+;\x04J_RO\xf5\x9fk\xed\xcdv\xfax\xd7'</t>
  </si>
  <si>
    <t>b'\xa9\xc9\x0672d\xac\xfa~&gt;\xb3\x8b\x8b\xb1\xfc9HD\xd5=\xb0-#H\x86 &amp;\xcc6\xfbr\xaa'</t>
  </si>
  <si>
    <t>b'r\xb7,\xa3\xe7\x17sw"\xe6\xb2\x9d\x04\x1d=\xd0\xbdaTH\'&amp;\x10\x1372\xe7\xf4U\xe4\xac['</t>
  </si>
  <si>
    <t>b'2z\xbbJ"ID\x84\xe4\x10\xba\xc0\nN\xa2u\x03\xf3g\x95\x97\xbe\xd2?7NP{`\xe2\x9f\x91'</t>
  </si>
  <si>
    <t>b'\xb2F?\x0c\xdbH\xf8nT\xb99\xe8\xeb\x95\xaf\xb8\x7f\xe7\x1a\xcfD\\X_\xb1e\x8b\x8d\xa0G\x9c\x82'</t>
  </si>
  <si>
    <t>b'\xf2&gt;\x9c\xf4x\xc2[\x17\x11\xf8\xb9\xf6/_\xfc\xe0\xfe#\x17b\xec\xf0e\x1a8\x1e1\xd6\xae\x05hD'</t>
  </si>
  <si>
    <t>b'[\xdd\x90.q\xaf\xb3\xbfL\xa0\xb1\x0b\xe9c\x1a\xe7UD\xce\xa7H5!G4\x11eGu"&lt;\xac'</t>
  </si>
  <si>
    <t>b'\x97\xaaj\x00\xa1si|\xa5\xc4\xbd\xbe\xc0\xe2\xefD\xa37\\\xe24\xc5\xbb\xaf8)\xd3\x92Fp\xeb\xfc'</t>
  </si>
  <si>
    <t>b'\xcf\x04\x80\x07\xcc7\x12un\xdf\xaeA\xfb!o\x80\xeb8[\xdcQO\xd7Z\x0b\xed\xb0\xd0b&amp;}e'</t>
  </si>
  <si>
    <t>b'\xa1\x9b\xfb4\xbdB\xdc\xc4:\x1et4fv\xff(\xfc\x16\t\xcdi\x85\xd7f\x01\xba\x89g5\xdd\x18\xd1'</t>
  </si>
  <si>
    <t>b'\xd5Z\xa8\x19\xde\x8a\x13\x85\xcd\xd0\xeax:;W\x99\xb2L\xa3\x82_\xe3\x0f\xc9\xb3\x12s\xc7\xda:\xce\x0f'</t>
  </si>
  <si>
    <t>b'\xce\x115\x02\x8c\xb4\x85\x8dO\xf6\xe8Ne\xf9\xce`$&gt;]\xd9Y\xc2\x83q\xcdY\x98\x08h\x96\xa6\xee'</t>
  </si>
  <si>
    <t>b'\x89`\x9b\x02\xe8\xac$\xa3\x1c\xc1%*\x1a-\xf55\xe753\x182*\xb6\x96$\xcf\xd3\x91\xb2\x052U'</t>
  </si>
  <si>
    <t>b'\x15\xa4^\x91|k\x186\xf1f\xc9\xfe\x85\xdbZ5aB\xadv?8&amp;\xc9}\xa2}\x02\xb8\xb8Y\x8e'</t>
  </si>
  <si>
    <t>b'\x8a,\xc6\xfd\x93\x93\x9dm&gt;\xe1T\x99)\xe5\xe8\xe1I\xdd\xf1Y\x0e\xc1\x87\xf3\xcbe;\x1c\xc0\xb0\r\xd7'</t>
  </si>
  <si>
    <t>b'\xd6f&lt;\x0c\rU0\x90c\xd1\\4\xc6\xd1m~\x8a\x18\x1a\xc0Z\xf7\xafC\xfbK\x0c\r\xd9L\xffK'</t>
  </si>
  <si>
    <t>b'+\x8e\xbd\x16\x86\x07\x92\x9b\x89\x07%\xb1\xa7\xb8\x9b+\xc1\xd02\x05\xccm\x10\x87\x17\x00\x80\xa1Lp@\x1b'</t>
  </si>
  <si>
    <t>b'7\xe9\xeb"\xd9\x9c\x18S\x9a\x01\xab\xd8,\xba\xf8\xff\x80\xbdr\xbah\xc6\xfd]\xdcJ5\xe0\xeaFV\xef'</t>
  </si>
  <si>
    <t>b'f\t|{\xcc\xec:\x9e0\xb0\xf7\xf6fVH{2%RNW\x06\xd4\x96\xad\x1an\xb1\x95\xaf\x112'</t>
  </si>
  <si>
    <t>b'\xd1"\xd7\x7f\xf7\xbd|\xbbh\xc3\t/\xd6"*\x1b&amp;v\r\xe8\xa7\x91\x808\xcc\xc95\xce\x13\x95l\x82'</t>
  </si>
  <si>
    <t>b'XZ\x15.\xa9\x08\xec\xb83\x01o\xbd8\x91\x8d\xbb\xb1\x12\x10\xcc\xb7\xd4E}\xbe9\x0b\t\\c\xf1\xa6'</t>
  </si>
  <si>
    <t>b'c\xc1O\xdb\xe0\xfa\xbbi/\x17Q)\xf9$4;\xd8\x15\x9b\x87e\xa2\x91n\x940w=\xc78{\xa8'</t>
  </si>
  <si>
    <t>b'+\xa0woM\xf0\x9d\x13@,*\xc5\xb1,\t\xc5\x84\xaf\xc0\xdce\xd6B3\xa2V\xa0\xa4g\x9b\xf4P'</t>
  </si>
  <si>
    <t>b"\xc3M3E\xf0\xd4\xd1\x10\x0e\xb0q\xd6\xfe\x04\xbc\xb2j\xcf\xca\xb2\x05\xe1\x95'\xf0\xae\x0f\xd3I\x10\x9e\x90"</t>
  </si>
  <si>
    <t>b",u\x8c#!~\x0f\xd2!\xa4\xcb\xc3q\xc9Vj\xde'\x15\xfc\xa3kk\x05{\xac\x95\x15\xaa7\xdc\x9e"</t>
  </si>
  <si>
    <t>b'\x18\xf4\x8f\x13\x9c\x94"\xd7\xa1\xc2\xbc\x03\xf4\xb4\x1c\x9c\x1c\xb7\x8b\xfb\x87ma\xf0\x89\x7fCN\xe6=q\xe3'</t>
  </si>
  <si>
    <t>b'ax2P\x9b\xb2\xfd\x1d,\xb3\xfe\x06\xeb\xc7{\xc9Q\xf6\xf6\xf7\xac\xc8\x81\xc2\x0e\x01L\xba \xf4Y\xeb'</t>
  </si>
  <si>
    <t>b'q0\x91\xa2\xf20_\xb4\xc0\xb1)1\x9e\xffT\x97U=\xa6\xeds\xf7\xdb+\x9d:\xdd\x8e\xdc\xe04M'</t>
  </si>
  <si>
    <t>b"\x04\x0b\x9b\nN1\xd2\xbfpe\xa3\x02\rN\x7f\xf4\xd7b&gt;r'\xea\xb3\x83\xf2'\xcbd&amp;\x16\xf7\x7f"</t>
  </si>
  <si>
    <t>b'\xcfM\xf1%\xaf\x01\xe4\xbdWj\xbb\x06Hi\xd9\nG\x91\xd7\xf9\xa1\xe2v\xde\x96\x01\xdbRy\x99{\xa4'</t>
  </si>
  <si>
    <t>b'\xe5\xcc\r\xcd\xa7\xc8\x07\x82@\xce\x93Eu\xb8\xf8{rRW\xf3\xc0Z\xe8[\x87\x89 \xdaz\xc3\x84\x1f'</t>
  </si>
  <si>
    <t>b'\xa09l\xc6\xb8C\x80+\xfe\xf1\xebh\x06\xc7\xa8\xf1a\xe4\xff\x1e\xefA$\x1c\x908}`E$?\xa2'</t>
  </si>
  <si>
    <t>b'(\x97\xc8\xa8Q\xf7\x9aa\x92\x9f\n[\xb5\x150\xa9\xba\x90\xe7[\xd6\xb7\x9f\x05\x15E\x08\x97U\xb9\xba\x9d'</t>
  </si>
  <si>
    <t>b'\x17x\x16\xa8\x95\xb5G\xccu\xa2\xb8\xb4%\xe9\x95\xe1\x1aV*m\x9f#\x87\xb8{\x00\x85\xfa\x07\xd1\xdd\xd4'</t>
  </si>
  <si>
    <t>b'\x08\xdabj\xe8d\xe5v\x12;\x00X\xfe\x15\xd8\xbaj`\xbc\xf5\xd5\xdb?{V9\xc4\xd4\x95B\xc6\r'</t>
  </si>
  <si>
    <t>b'C\x89\xec)\x82\xfe\xe6\xb5\xbbH\xbcI\x84\xa8\x06\xb9Y\x94\xe9\x11\xe57\x96\xd8\x98\xdc\x1f,\xcf\xed\xd9C'</t>
  </si>
  <si>
    <t>b'g\xbd\x05hY0x\xf8\xe6\x05\xde\xf6\xe5\xee\xed(k\xc7\x11%ze\xd5j;:\xc7E?)\xd9\x8e'</t>
  </si>
  <si>
    <t>b'\xfd\xbd\xb4\x86\xb4\xd6\xc8\xfa~\xbf\xacW\xf0~\n\xfc&lt;/\xbc\xb0q\xb4\xed\xcc\xe9T\xf8 q\x13\xe5\x10'</t>
  </si>
  <si>
    <t>b'\xbd0\xf8\x06\x9f\x99\x1e\xc6]\xe3\xbc\x80\xded\xc3\xa6\xdb\xd2Hh\xd6O\xaaJ\xfe\xe9#\xf4\xe5Ci\xea'</t>
  </si>
  <si>
    <t>b'J\x97\x93\x93y\xb0\xe3j\xae\t\xf6^s\x9d\xf6\x87\x00\x11=r\xe98\xf3}\r\x9d\xa8\xd9OA\xf5r'</t>
  </si>
  <si>
    <t>b'X\xa6\x90\xa2b\x15\x0e\xbc\x83\x1e\xce\x0eR\xbfS\x8aL$8\x9b\xe8\xb9\xfe{\x98\t\xab[\xa6\xf1\xc9\xe5'</t>
  </si>
  <si>
    <t>b"\xd3P\xd40\xd1\xc9I\xc7h\xdeo\xbb;\xc2r\r\x05\x8c\t\x81)'\x17\x1d,xb\xe1/eU\xe6"</t>
  </si>
  <si>
    <t>b'\x87)\x83C\xbf4\xbbX\xb7\xf4Qte\xacv\xb3;\x7f\x0cP^\xc8\x06b\xf6\x9c2\x92\x17\xf4f\x96'</t>
  </si>
  <si>
    <t>b"\x9f\xd1\x8b5\xfe\n\xa0\xb8\x07LOtjK'\x83\xfe\x93\xcbB\x93\xd3[(\x17L\xd6=*\xee\xbal"</t>
  </si>
  <si>
    <t>b'b\xc7\xe1\xde\xf8\x01\xa7\xd4&lt;\x8fk\xc9\x01`p\x99\xda\x04E&gt;\x11H\xc7l\xea\xe6\x8e\xea\xe5\xd6\xde\xf3'</t>
  </si>
  <si>
    <t>b'\x87i\xff\x95\x94\xa9/7x\x8e\xd3\xf1$\xec\xb0\xbeg\xdew&gt;lX\xf5\x18A\xb3`\x07\xc4:\x057'</t>
  </si>
  <si>
    <t>b'#\x1b\x13\xee2\xdfy\x1ek\xa0\xfd{\xe4n\x0f\xe5\x91\x15\xc7\x05/\xdd@EW\xc3\xeb\x00\xe6\x1a\n\xc8'</t>
  </si>
  <si>
    <t>b'\xea\x0c\xeeK\xf7&amp;C\xb4#Q\x0f\x11kX[\x82\xcbO\xb6\x93\xcf\x1e\t$9\x8e\xc1\xf0c\x0e\xdf\x17'</t>
  </si>
  <si>
    <t>b'\xf510\xea\x14\xb1\xecB\xddTZ\xbav\xa1bVM\x00\x18\xcc\xce"\xa4&amp;\xa7\x1ev\x85\xef\xbf)\x9b'</t>
  </si>
  <si>
    <t>b'\x8e\xd5\x8b\xe0\xdcR pE\xc7l\xd8\xd3&lt;\x85\xfcX\xd1J\xb9Z!\xe4\xa7m\xaf\x8a\x9e\xde\x9d\x15\xbb'</t>
  </si>
  <si>
    <t>b'\'\xe7\xa7\x0bk\x15XB\xa8\xcf\xf3\x02/\tR\x84\xf8\xe1\x03\xef\xf3\xbc1\xf8"0(\xc0\xe3\x0e\xcd\x92'</t>
  </si>
  <si>
    <t>b'H\xb7\x08\'s8\x8f"\x10\xb2\xf6\xdb#\x15&lt;\x9a(\xe0\x141\xfb\x1d\x83\xd1\xfe\xde\xe16\x0cp\xf9\x8c'</t>
  </si>
  <si>
    <t>b'si\xf0Hn[\xdb\xc6\x07+\xb2\xa5\x87\x94K\xb9\xd7\x0f:\x1f~\x94\xe7\x02@\x01\xe2\x07V\x14\xbe\xf5'</t>
  </si>
  <si>
    <t>b'\xd2\x13\x9bs\\\x0c-LC\xccJc\xef\x9c\xf8\x0f\xa3QA\x8b\x19x\nxO\x8c\x1a\x8f\xe3\x99\xe0Q'</t>
  </si>
  <si>
    <t>b'X\x8e\xa1|Y\x08sk\x854Q&gt;\xef\x01s@\xef\xf9\xe1\xb4b\x9f\xe1\x87%\xdd\xf5u\xaf\xe7\x15m'</t>
  </si>
  <si>
    <t>b'\x9b\xc3\xd6\x9e\xb0P.+\x1e\x976\xaa\x8cm\x98p\xd2-\xf7\xfeN\xb5|\xadZ\xa6?U\xd46\xf3U'</t>
  </si>
  <si>
    <t>b"t\xd1d\x800\x8e}MTJ\x1aK)`\x9e\x8a9+\xbd\xc0\x91k\xad'\x9e\x07{\xec5\x96\x17\xe4"</t>
  </si>
  <si>
    <t>b'(d\xae7e\xb9^?\x82z\xc7g\x11\xc5h\x93T/\xc9_\xd8\xfe\xab\xb4\x96\xd9d\xd1\x06\xfa\x92K'</t>
  </si>
  <si>
    <t>b"\xd2/\xa9}\x90\x03/\xd1\xdab\xb32\xbb\xfe\xf3\x1a\xbe\xf5\x9b\xbd\xe0\xb6\xe3C\xb2-\x1a'a\xd4\xbe\xf2"</t>
  </si>
  <si>
    <t>b"\xe6\xb6/\xd7\x83\xd8\xe3\xe8\xef\x06]\x98\x95\\1xF\xc5_hH\xe2\x17\xaf\xe6\x9e'\x0f\xec\xe3h\xf6"</t>
  </si>
  <si>
    <t>b'\x1b\xd9\x86\x9e\x0f\x03\xd2q)\xf9\xe0\xd8~\x06\xce~\xd48t\x04\xb9~\xde\x15o\x15&lt;g\x8e\x02\xde%'</t>
  </si>
  <si>
    <t>b'r\xa9\x01t\x99\xad\xca=\xc7\x9f@\xd9\x89\x19Pg\xfb\t4\xd8\xf0\x04\xf4\xd0o\xa8.k\x88%1\x18'</t>
  </si>
  <si>
    <t>b'\x80\xb8\xf4\xeeUq\x12\x13uN\xea\xf4\xd8\x9a\xca\x97X\xaf\xa5$\x99\xbe\xa2\xf09\xc8#\xea[l\x1e\xfa'</t>
  </si>
  <si>
    <t>b'\xc9~ct\xca\x1e\xb8\xee\xd8\xbe\t\xcd\xf6\x84B\x83\xcc\x08a4\x00\x91\x13V}V\x1e \xcbBS\x92'</t>
  </si>
  <si>
    <t>b'\x18\x19\x8f\xfb\xd6\x7f\xb0rW\xaf\x02\x00\xe97\xb5N\xc5\xd9*d\xc8\x97\x13\x94\x84Z\x06\\\xcf\xbd^\xbf'</t>
  </si>
  <si>
    <t>b'e_\x05wn\xe5\xe2#\x89p\xa8\xa0{\xcc \xebE\x1a\xc1\xe6\xf0\xf2(\xdf\x1b\x06\xd5\xd7!\x1e\x960'</t>
  </si>
  <si>
    <t>b'^\xd0q\xd8\x96$\x06A\xfd\xd0h\xda\xaa\xd2q\xef\x01\xb9\xc2\xc7\x84\x88WcE\xc7\xd3z\x14\xda\x17\x89'</t>
  </si>
  <si>
    <t>b'VP3\xdcG\x05\x8a[\x95\xd29\x81\x887\x95~\x1f\x05{o&gt;B\x9e\x1e\xb3\xb4\x85@GD\xb4\xc6'</t>
  </si>
  <si>
    <t>b'3A]\x9c\xf7\xe3S%!\x00E/;\x15D9\x97\xa2+\x8d@VQ3\xfb\xb1\x81\xb8]y\xad\x01'</t>
  </si>
  <si>
    <t>b']7[\xea\xd1K\xbb(\x14\xa9\x1cn\xbegK\xfeHx\xee\xb3U\x17H2\xde\xbb/\x8b\xd2C\xd62'</t>
  </si>
  <si>
    <t>b"\xd1\xbd\xcd[\x9d8\x14\xb3\xd7W\x15t\xc2\xbdl\xfb\xcd\xa0\x15`\x01q?\xf1\x1d-'\xfc\x9b\xe2\xb8\xfc"</t>
  </si>
  <si>
    <t>b'\xc3\xeb\x06\xeakF\xe481\xee\x9c\x16\x8f\x0fhrt\xdan\x86\x977.\x07\x8a\xe0;\x86\xb2\x93HL'</t>
  </si>
  <si>
    <t>b'1^D&gt;sP#@2\xfb\xcevS\xb20q\xef\x82\xb1\xb7\xabN\x86\x90-\x88RAZ\xca\xe5\xe8'</t>
  </si>
  <si>
    <t>b'\x96\xcb\x04\xe7+\x9bJ3\xf0T{\x92\x8e\xa4r\xd3\xc9\xe5.\x07KPV_%\xc9)\xa2~(\xec\xca'</t>
  </si>
  <si>
    <t>b'\xfcR\xd4\xba\xf2\xadB\xd2\xa93\xd1\xb9\xf3\xbd#\xcc\x13\xab\xb2b\xb4J\x8f,\xf4q\x07\xfaR\xb7\xfc"'</t>
  </si>
  <si>
    <t>b'\x1dK\xb1\xe3\xeb\x86\x86y:\xc3\xe9\xcc\xb0\xc6$\xe3\x9e\xbb\xce\x98\xe3\xfeT\xdac\xb0\x19\xf0\x04\x18T\x94'</t>
  </si>
  <si>
    <t>b'\x92\x13:\x06\xfc\xb9l\x90}\x16a.\x19"\x83jY\xafg\xe7Q\xf7\x8c\xb7\xe3\x8e8L\xc6\xfa\xceg'</t>
  </si>
  <si>
    <t>b'\x92^A\x819R\xd5\xc2-\xfb\xda\xa3O\xcb\x8f\xdd\xdb\xed\x10i\xdc\x1e\x0c\xb8\xf9\x85bR\xf4\xbc\r\xc1'</t>
  </si>
  <si>
    <t>b"\xa5\xad\x97\x02\xb9\\\x7f\x08\xf7XF|\x86B'\xcb\x84\xc2\xca2&lt;\xcf+\xb4\xf7\xc9s\xe07\x84\xa4\xb3"</t>
  </si>
  <si>
    <t>b'ka\xff\xfb\x12\x7f\xc3\xf5\xf6\x16\x8a\x0bia\xf7\x05\x06L\xbe\xf6\xe4[\xf8\x1d\xb6F\xea=\x02\x0f\xd8\x01'</t>
  </si>
  <si>
    <t>b"\x80\x11A_a\xbf\xfb\x18\x05#\xff\x01\xd1\xe17\xd7\xb5\x87.D\xa9\x85;GI\xf1'\xccG\xb5g\xcf"</t>
  </si>
  <si>
    <t>b'\xe0\x14\n\x1f&lt;\xba\xc4K&lt;\xb8\xe0\xd3g\xde\r\xd4\xd0\x96\xcf\xd7\x90\xed@\xdfz\xc0i\xc5\x9d\xdc\xafj'</t>
  </si>
  <si>
    <t>b'\x8a\xa0I\xcd\x17\xf5\xf8I\x18&lt;sa*E\xb4mQ+\\\xa0\xe8K/h\x96\xfd@\xd0)\x99Mu'</t>
  </si>
  <si>
    <t>b'\xaa\xb2\x8f\xd4x\xa3\x8f\xb7\x9e,\xe5\xb1H\xe7\xf7Ev\xc7\x926\xaa\xcc\xa0\x8f\xe4\x0fC\xb5^q\xf8L'</t>
  </si>
  <si>
    <t>b'\xe8ol\xdc6\x15\xe6\xdc\xfb\x07\xda]\xf6\xd41\xc8\xd0\x1d3!\xd2\xd2\xa8\xf6\xd9\x03,\n\x13\x99F\xad'</t>
  </si>
  <si>
    <t>b"\xa5'\x1c@\xcc\x00\xd0\x0e\x1e\x07E\x1c\xbc\xd1\xbc$#\x06\x06\xe5\x95L\x1f\r7\xff8lz\xd2\x01k"</t>
  </si>
  <si>
    <t>b"J\xea\x0c\xcb\xa2_&amp;V\xf7\xedT\x0f'3\xe6X\xa3\xd0F\xb7_@GyS6%\xa6\x1c\x14\xab\xd9"</t>
  </si>
  <si>
    <t>b'\xf7_\x05\x05_g\xb1\xbc\xc5\tF\x9cm#B\xfc\xadI\x01\xfa\xfd\x13\xfc\x81\x06!P\xab5x$C'</t>
  </si>
  <si>
    <t>b"\xe2\rF\xe9&lt;\x0bv!?K~jR\xe1\xafh\x81\x96\x80\xc0G\x84}\x83\xf0\x1e{'&gt;%\xdcY"</t>
  </si>
  <si>
    <t>b'\xf4\x883ygp\xe7\x93\x91\x00o\xcc\x10\xd0q\x80b\xb0\x95U\xe1e\xa2\xcd\x04q\x08\xdf\xcd\x05\x02\xb1'</t>
  </si>
  <si>
    <t>b'\xea\x08E\xea\xe0`\x1c\xe3[~e\xa4\xb9\xfb-f\xa7~\x0c\xf9u\xb7\xdc`V\n\x8f.3\x9f\xce\x05'</t>
  </si>
  <si>
    <t>b'\x14\x9a\x92\xfez5c\x1b\xdb\xd0\xef&lt;\xfa\xbf\x9a\x0f\x18\xf3\x00\xd4\x92\x15\x92]\x9ff\x95\x95\xecmM\x07'</t>
  </si>
  <si>
    <t>b'\xe4K\xc4\x82\xe0\xb9\xf1\xaf\x8f\xf6\x93\x8cUp\rZ\xe0\xe1q,\r\xbf8\x15\xdd\x1f\xe1\x03X\xa9\xc6|'</t>
  </si>
  <si>
    <t>b'@vkd7t=0\xa5\x1d\x14\xa7\x16\xb6A\xf4\xa2\xee\xf9\x1f\xae\xa5=\xd1\x9f\xaeM\x81-\xc8\x15\xb6'</t>
  </si>
  <si>
    <t>b'\x12=\xff\xfbcR\xae\xa0\xc2^,\x00\x83\xd1\xfda@%\x04qo\x16j\xe93\x05@jz\x1d\\\xc6'</t>
  </si>
  <si>
    <t>b'\xe2l\xf4\xe4\xf0:\xf3\x0b|\xe7\xe3~\xadi\xc6-15Q\xf0\x9f!\x9e\xc9\x0f\x96\xbds\xeb\x83\x1bR'</t>
  </si>
  <si>
    <t>b'N]\xac}\x86C\x17\x9e|@\xf5|\x8eDH\x0bR\x8c\x04\xd7\xbbX\xd4\x1e\xbf%\x95.n\x8eTg'</t>
  </si>
  <si>
    <t>b"'\xde\x07\x89\xed\xff}{\xf6\xab\x0f\xeb\x1b\xdf$3&amp;S\xb5\x87\x9f\x81\xd6\x08:\xb7\xe5\xf5\xeb\x9c\xd2\xe3"</t>
  </si>
  <si>
    <t>b"E\xc0\xf1\x13\xb8m\xb0}\xc0\xb68=\x0fde\x90B\xa9\xb1\x9c\x05_\xea]\x99g:\xbb'\xe9\x80\x11"</t>
  </si>
  <si>
    <t>b'w\x11\x86$OM\xe8\xd9\x1a\xfe\xd3\xee\x98\x03\x13H\xaco\x95pO\x03\x7f\xab\xea\x16F\xc1*\xbe\xcf\x95'</t>
  </si>
  <si>
    <t>b'\x03\x0eK\xb6\xb4\x91\xec\xb4bP\x97wy@\xc4D\xb2\xba\x83r\x82Y\x85E\xc04i\xa3\xb1"\x84\x0f'</t>
  </si>
  <si>
    <t>b'\xbb\x96\xd4\xb7"f\xcf`i\xab\xd0\xbfZ\xec\'\xab\x82\xfd\xf9\x86G\xf2W\xff\x14|e;\xe3E6j'</t>
  </si>
  <si>
    <t>b'NZ\x11\xde%\xdf$}\xc4et\xf9\t\x98\xc6\x93\x9f\x1ck}\x86\xee\xb7+\rU\xbe\x05\x80\xc8\xb2\xd6'</t>
  </si>
  <si>
    <t>b"\xfc\xea\xd2@\x86\xd8\xf8n\xfb\x84I\xd1\x1c\x81\xa0\x10\x8bG\xe9'|\xeb\xed6pB\xd3\x9e\x04&amp;\x9b\x80"</t>
  </si>
  <si>
    <t>b'v\xdd\xf3\x98\xb8\xa7:\x8b\x15W }\\\xd1\xab,JeC&gt;}ud\xd0771V(\x9f\x8f\xb6'</t>
  </si>
  <si>
    <t>b'\xef4e\xc1\xb2\x84\x92"c\x9b\xc3\x82\xab\xe2p\n&amp;f\xd0\xc0a\x10(\x05 L\xe4\x0e\x12\x0f\xc1@'</t>
  </si>
  <si>
    <t>b'\xf3\xd3\xa0\xc1\xa1dp]\x86e\x1fkF\x82\x04\x9c\xaa\xcd\xc3i\xabq\xf5\xb2+\x0b\xa5\x0c\xa3\xd6j\x13'</t>
  </si>
  <si>
    <t>b'p\x87s*\xfa\x9b]\x13\xe5\xddA\xa6\x1b\x83\x9a6\xbbX\x971n\xf2y\xa4\xc0\r\xd8\xcb3VG7'</t>
  </si>
  <si>
    <t>b"\xed&gt;\xadY\x05\xbd\x05\x88Y\x9f\xdaK'\x1f\xaeh\x06\x80\xbe\xfdrO\xa6\xedt\xcaJ\x8a\xef\xdd\xda\xa8"</t>
  </si>
  <si>
    <t>b'\x13\x96)c\x1a5\xb1\xfe#C\x8aLZ![r;;\x83Z$d3\x85\x17\xb3\xfc\x8c\xf3\xf4\xe9\x9f'</t>
  </si>
  <si>
    <t>b'AvV\xfe\x19\xc3%\x9a\x89X\xc2\xf9w\xd3\x8a\x820\xc9\xc4\xdb\xeeP\x0c\xcb{\x87\x01\x17\x16\x1a\x16&gt;'</t>
  </si>
  <si>
    <t>b'\x90=k\x01yi\xaf\x19\xcd?i\n&gt;\xd4\xf8L\xd9\xe2\xdb0\x8e\x1b%\xbb\t\x04\x95\xc8.{\x87\xf3'</t>
  </si>
  <si>
    <t>b'a\xd9\xf8F\xa9\x1c{\x9el\xd1\x81\xd6\x1ea\tf\xedG\xe3&amp;d\x80\x08\xed\x17\xe7\x95\xc3\t6a\xdf'</t>
  </si>
  <si>
    <t>b'\xcb\xb9\xe6\xe3\xa4g\xe1\xc3g\xc0\x9c\xb1\xd1\x9c7^\x0b\x91\xce\xfc\x1c\x8a\xf6&gt;\x81\xfa\x9fa\xfc\x89\xc5-'</t>
  </si>
  <si>
    <t>b'\xc5\xc9Z\\p\xba\n\xa0w\xa3n\xd6\x8a\xf1\xd3t8\xd8MJ\xf6E\xe8\xd4\x01\xa0\x9d\xcc\xeb\x97\x04\xcc'</t>
  </si>
  <si>
    <t>b"\xc3\xa4'\xc1@+\xa4&amp;CS\xdd\x84h\xf8\xf5L\xf7]Mv\x0fU_^\xc9\x16\xb7X\xce \xf5y"</t>
  </si>
  <si>
    <t>b'"\xd7\x1c\x15\xf9\xa6\xc3\xd5\x80Ec\xda\x97A\x15\xe2\x0f\xce\xd7\xfb\xbes\x14z\x8e\xe3B\x9e\xe9yZ\xc1'</t>
  </si>
  <si>
    <t>b'\xdbM\x18,h\xc7\x87\xd1\xc1[E\x1f\xfe,\xb1\x91\xb3\xf8?\xd6\xcc\xae\xbd\xef\xe3\xb5\x93\xf0M\x089F'</t>
  </si>
  <si>
    <t>b'\x1f\xd00$\xf9\xbd\xf8\xcc\xd6\xddR\xf4\xd2&gt;\xc0\x9a\xec\xd0\x97\xf4\x88y\xa6\xb5\xa62\xc4\xcf]\xfc#\xf5'</t>
  </si>
  <si>
    <t>b'\x197\xe4\x0c\xf8\xa5w\xb7Z\xcb\xb9R6\x0b\x1a\xe2k\xcf\xdf\x16%\xee\xf2\x8b\x14\xc0\x05\xb1\x1a\x0f\xba|'</t>
  </si>
  <si>
    <t>b"]\xdd\x8eo\xd2\xa12\x9f\xc4Z2'2\xfb\x07\x9b\x92\x97\xea\xd9\xb8\x8e\xe5\x81O8v$D\xa7\xa3/"</t>
  </si>
  <si>
    <t>b'\x16\xe2\x10\xf0&lt;\x03%u\xa5]\x0fU#19\xdf&amp;\x9aWy\x01\xf0\xd4\x7f\xb1z\xfb\xf1\x18\xd5P\xd9'</t>
  </si>
  <si>
    <t>b'~g4\x06Q\xfe\x11\xe9L\xf1\x98|\x04\x93)@\xde1\xfc\x97\xbc\xfd\xdb$\x1e\xeb\xd9h\x15MK\x97'</t>
  </si>
  <si>
    <t>b"\x06]\x17\xef!\xc4\xe5\xbfA\x19t\xffr\xd0\x18\n?\x15\xfc\x0b\x1d\x99\xc7_'\x03&lt;\x15-YJ\x82"</t>
  </si>
  <si>
    <t>b'\x8dEPk\x85\x80&amp;B\x01E|\x8b8\x04\x85\xf3g\xabR0\xeb\x7f*_\x98\x83&lt;\xc8\xd4\xf3\xfb\x05'</t>
  </si>
  <si>
    <t>b'\xaf\xb7\xf5\x8d\xd0\x9e\xe0X`\xcd\xb6H\xa2"l\n\x07\x11Z\xdd\x90j\x9a\x07\x1c\xd9!\xdf\x1a\xd8,\xf6'</t>
  </si>
  <si>
    <t>b'\xdb\xa0O\x87\xc5#z\x05\x01\xcf\x1e\xbdJ\xcd\xb9`k_\xb2\xe1\xc1\xbaw\xf8?%\x86\xad\xec\x1dY\xfe'</t>
  </si>
  <si>
    <t>b'\x8b"t\x81\x98w\x9a\x99\xcbgY\xa4\xce\xbb\x12X|\xac\xa8K\xc0\xa8\xd8\xd0*\x82\xc4\x96z\x88\x94\x93'</t>
  </si>
  <si>
    <t>b'i\x12\xf9\xd2\xaa\xd6I\\\xee&gt;\xba\xbbQ\xbe\xac\xad\x11\x98\xea\x84\x9f\x04[n\x85\xce\xa5\xf6ABm\x07'</t>
  </si>
  <si>
    <t>b'.#8!\x93\x1c{\x02\xee\x83\xb2\r\xc4\xb5&gt;\xb1\xee\xb2\xc4e\xd4\t\xafW=_}\xf3-w\xe0\xad'</t>
  </si>
  <si>
    <t>b'\xe2\xa4E*\x98H\xc31\xb38\x82\xb0\x91\xbd7#\x0e\x80\xef\xe93n_\x18\x12\x97\x18\x03U\xdf\xb2I'</t>
  </si>
  <si>
    <t>b'*;\x01v\xaab\x14\xe0#r\xe4\x1f`X\xe0\xb6uL\xf5b\x14F\xfd\x86n8\xb6\x85p\xa7H\x91'</t>
  </si>
  <si>
    <t>b'\xa8.\xed\t\xb5O-\x17D9V;0s9\x08Jm 3G\x8bx\xb8\xfaQK\xeb\xbf\x05\xd2O'</t>
  </si>
  <si>
    <t>b'[?\xf0\xcf\x96\xe1_J[\x01"Y\xb9[JF\xb8\xa7?%\x14\x1eu\x9dX\x84\xd1\xe3\xfa\xd8\xddm'</t>
  </si>
  <si>
    <t>b'v\xfb8\xb2\xb4\xb8j\x03\xef*\x80V\x8e\xe5\xd6\x87\x8f\xc5\xc6\x06o\xd3\xdd\x8d\x8e\x02\xcb\x11%\xec"7'</t>
  </si>
  <si>
    <t>b'\x9a\x92\xbdi\xcde\xe6g\x1b\xc1/\xf6.\x0f\xf7Z\x85 \xdet\xa8]\x1b3\xf02;\xad(\xf0PZ'</t>
  </si>
  <si>
    <t>b'^\xc9\x7f\x00\xdf\xa4\t\xe1F\x9f\xe6c\xb8[\x933\x0e\x97o\xb9L\xd3f\xd0r\xe9eh\n\xef\x06\xb1'</t>
  </si>
  <si>
    <t>b'\x0b\xb7\xcekHeL^\x85\xb4ltZ\x9b{p\xbd\x92\xa1\xdc1\xf7\x90Ks38\x9fn\x84j\x1f'</t>
  </si>
  <si>
    <t>b'|\x11;:\xed_}\x1d\x99\xd1\x82b\xd3\xab\x93\xb8\xc8\x97\x8f\xe8\x91\rpY3\x8e\x08mu$\xc9\xff'</t>
  </si>
  <si>
    <t>b'\xdf\xf6\xe3\xd3)\xfa\xa2\x8e(%T.\xc3\xeb\xfa}e\xbeU=\x1b\x97D\xaf\xf3\x02V\x9a\xb9\xc9\xdc\xed'</t>
  </si>
  <si>
    <t>b'\x8d|\x14\xeb\x149P\xc9\xb0\xc1\xcbM\xac\x0ej\xf0%L\xe1,"\x10\x90+\xc1%z\xff5_-\xe1'</t>
  </si>
  <si>
    <t>b'w\xf7Q2&amp;\xe4\xabK\xbcFq\x05\xe1ub\x97\xac\xce\xe9\xc4\x1f\x19\xb5F\xe7\x9b\xfa\x91Vp\x84}'</t>
  </si>
  <si>
    <t>b'h\x0b\x9al4\xc6\xae\x9a\xfc\xe4B1;\x82\x04\xa0\x1f\xfc-\x85\x1fh#\xfb\x9a\xe4\xf1,1\xa8\x02k'</t>
  </si>
  <si>
    <t>b'\x90t;!\x1c\x94\xbd\xf0\xb7\xe4\xbd\xb3\xdd\xf2\x844\x1d{V\xce\x94\xdfj\x0bZV\xc7\xd12%\x94\x80'</t>
  </si>
  <si>
    <t>b'\xc6\xfe\xc3\xddQ\xb7\x02f~w\x17M^\xc1\xa7\xae\x17\xb7\xbb\xb5\x97tk\x18|\xa1@\xafu\x03K\x9b'</t>
  </si>
  <si>
    <t>b"0\x97vrf\xf8_vp\xc6\x1a=\xa9\xef\x0c\xb0\x14'\x95\x83\xb4)\xce\xc6$\xfd\x95{\x0eWFD"</t>
  </si>
  <si>
    <t>b'\xd7\xf2\xa5+R\x816\x0ef\xe9R\x80L|\x97\x9aq\xde\xc3\xac\x86\xc7\xdd\xe52\x81nc\xc06c\xe3'</t>
  </si>
  <si>
    <t>b'\x820\x0e\xa2q\xc0\xf6\xbf\xee\x95\xd9+\xb1\xfc\xcf\xbf\xe6 \xa7\xd41G\x82\x0e\xc8\x07[\x15\nz\xb4\xff'</t>
  </si>
  <si>
    <t>b'!@{\xfb\xbbQ]\xb3F\xed\xa4\xeb\xe5\xe9@\xf0\xd5\xcdm\xbd\xe2\xa8,\xde]2\xe8\x9f\x9b@\x00\xcf'</t>
  </si>
  <si>
    <t>b'X\xbc\xe4\xf0\x0e@\x00\xaa\xfd\x92\xae6b\xb5\xa7\xe7\x0cV%\x05z\xf1\xc2\xaf]\x07$\x97ZaI^'</t>
  </si>
  <si>
    <t>b'@\xc6\x04cx\xbfn~\xc7\xba\xb8s\x1a\x14y\xd6\xcfm\xe2\xcc\x07\xa8\xef=\xce\xe7\x08\xfd\x7f\xb28\xc4'</t>
  </si>
  <si>
    <t>b"\x85&lt;\x10\xe26\xbby\xe0F.\x9b\xc9\t\x10'\x92\xdc\x8e\xab\xd0\t7gc\\\xb1&amp;&amp;\x99\xfb\x02)"</t>
  </si>
  <si>
    <t>b'\x02\xcd\x85\xd5\xb0\x91O\xd9\x87\x87\xa5\xe3u\xd5w\xb8\x90\xf5\x0f\xd0\x8d\x81\xfa\x8dB;j4$]\xab='</t>
  </si>
  <si>
    <t>b'"BS6g\xd2g\xae\xb5\xa8#0W\xe4\xc8\xf4\xcd\xf9!\xd6&gt;4=\xa7\xf48\x184x\x8dpo'</t>
  </si>
  <si>
    <t>b'\xaa\xb6d\x84{\x9b~t\xcd$\x9f\xc1\xe3@hF\xf7(\xc2\x03u}@(F\xcf\xe1\xc5\x93,\x06y'</t>
  </si>
  <si>
    <t>b'\xc2\x9b\x8f\x96\xfd2\x86C*\xbb\x0b\xd6i\x98\x9a\r\x991\xa1\xb9\xf9\xe7\xdb\xb6+\n#$s\x82\xce\xf9'</t>
  </si>
  <si>
    <t>b'(c\x94X\xc2\xc5`\xe9\x8eFi\xe3+\xd1\xdbVX\xe8\xd1ti\xac+\xc3\xb7\xdc\x91\x01\x90\xc1\x16\x99'</t>
  </si>
  <si>
    <t>b'ku\xd7\xb4:0z\xbch1\x0f\x05\xea\xbc$o\x08k\xf5#EH+s\xb6\x9c?lr2i\xea'</t>
  </si>
  <si>
    <t>b'sA\r\x9d\xae\xe3JX\xed\xcd\x11\xfcd&lt;pE\\\xf0\xc8\xc2\xf9\xac\xe0i\xc7\x84GS*t\xc2\xc5'</t>
  </si>
  <si>
    <t>b'/}h,\xfao$f~\xdb#"\x0e\xd7\xff\xda\x95\x00\x89@\x8e\x0b\xa2w\xcc\xecQWq\xc2\xf9\xb2'</t>
  </si>
  <si>
    <t>b'1j?Zw\xf0~\x1bk\xb7\xe3\x82\xffp\xef\xa6{\x937CY1\xdd\x96\tzM\x87}\xe7\xb1A'</t>
  </si>
  <si>
    <t>b'\xd6~\x87\xd4g\xf4\xf2\x00&amp;\xed\xf6(\xa5\xa7\x88y*\xf6\xa7#\xffp\xf1\xc3\xc1=\xff\x02\x80\xfa\x02\\'</t>
  </si>
  <si>
    <t>b'\xb1\x01\xba\xb0\xd7\xcd4\x80\xf5\x97\x80s\x8c\xa0G\xd4cH\xb73\x94\x9c\x80#u\xec3\xad.2\xa4G'</t>
  </si>
  <si>
    <t>b'M\xb2\xae\n\xf8\x1ea\xf9\xa0\x1f*\x17\x81\xa2\xf7\xb8\x13\xb9\x04\xf9\xdf\t5\xeb\x84\x8bh\xa6\x7f\x92\xee\xd6'</t>
  </si>
  <si>
    <t>b'H\xf6\xd8&gt;\x8c\x17\xd0\x1f^\x1d7\x81\x0bAO\xbf\xa4^qV\xd2nO\xc8\xd0\xdb\xd8j\x9f\xf0\xbe`'</t>
  </si>
  <si>
    <t>b'\x81\xe3\xed\x89\x84\xf9M\xef?47\x98\x17\x86\x05\xabc\x15\xba\xa5A\xa0\x86 \x8d\x0c\xb1\xa0n:\xdd\x8a'</t>
  </si>
  <si>
    <t>b'\x18\xa3\x1d\x8c\xfc\xa0\x84\xc3\x89\xea\x1ffF\x12^\x06a\x89\x00\xebr\x1b\xb6\x90\x0cb\xfe\xd5\x9c\xac9\x1a'</t>
  </si>
  <si>
    <t>b"\xca&gt;\x85\xc5\x04h\x1a&gt;\x12\xae\xb2\x95'\x8a\xd5\xea\xc7\xfa\x15\xa3l\xd1\x1ea`\xff\x0elc\x89+\xb2"</t>
  </si>
  <si>
    <t>b'4\xca\xcc\x93w~\x8c\xce:\xce\xbc^i\x02\xdc\x95A\xf8\xe6\x1e\xaf\xf6\xc0\xf1\xb8\xf8\xc9&amp;\x96\x8e"\xc8'</t>
  </si>
  <si>
    <t>b"\x9cR\xa7\xc1H\x128q$\x9b]\xd6\xa7\xc2\x9e\x82\x83s\x8dD\\\x14\x90\x19'\x92\xad\x12H3\xe6j"</t>
  </si>
  <si>
    <t>b'H\xc9\x83u\xa51\xb99\xc4\x89lB\xbbB\x0b\xb9k\xbf$?\xcc^C\xba\xd5\x16\xb8:\xb7\x97\xd9w'</t>
  </si>
  <si>
    <t>b'r,\x12\xdcbi\xbfP\x8fP\xf4d\nG\x81\xe6\xa3\xa1&gt;j9\x88\x9e\xc1\xbePu`O\xad\xe3\x01'</t>
  </si>
  <si>
    <t>b"\x8b\xe6\xa7\x14.'s\xd0Si\x8fU)\xc6\xc56N\x99\x07q\x8a\xa6\xe0da\x81\xd7 \xe1\xb9\x06\x8e"</t>
  </si>
  <si>
    <t>b'x\xb6\x9c\xb4\xa4KEq\xae"Z\xa8\xdc\x81\xc3\xa5n|k\x17\xaa\xa0\x16D\xf8\xab$%9s\xc2\xba'</t>
  </si>
  <si>
    <t>b'0\x06\x82\xb7\xe4\xcf2(\x05\x8c\xb1\xcae@\x81h\x1fH6t\xa3`\xe4\xa9qG\x00\x88H\xbeu\x80'</t>
  </si>
  <si>
    <t>b'\x95\x81t\x80nfWlE{3\x99=\x03~\xa6\xab\rax\xbd\xa8"\x1aJ\xb8{\x1b\xf8\xf7@\xaa'</t>
  </si>
  <si>
    <t>b"\x96t\x93R\x83\xe5\x85\r\xbd\xd2\xf5\x11\xf4\xfd\x85\x91\x99\x86zMn\xe1\x0b\xd7\xde'\x86\xd2{\n\xf2\x08"</t>
  </si>
  <si>
    <t>b'92\x03)R\xd7\x11s\\5\x8f\x83\x81M\x91\x9c\x02\xb1\x90\n\xae\x94\xb6\x1e$\xdf5{\xd3\xac\xbaV'</t>
  </si>
  <si>
    <t>b'^A\x12U\x89\xcd\xed*9)\xa9sN\xf6\x93\x99\xa7\xf6\x039\xeb\x8c\x9f\xbe\xfc7WC\x9cI\xca\xf3'</t>
  </si>
  <si>
    <t>b'A\xa3\xca\x00\x07\xc9[\x9d\x96\xa8&gt;dwa\xa9\x90r#&gt;\xd5\xea\x8am\xf3\x076\xe9v#+\xafi'</t>
  </si>
  <si>
    <t>b'\xc1\x9f\xd6\xbfC\xea\x0b*\xa4\xdfu-z1\xa7\xa7\xc5\xcc\xde\x9f\xf0\xe2A\x06BW\xdbH\x10\x92\xff\xab'</t>
  </si>
  <si>
    <t>b'\x9cU\x01\xb9\xe0F\x99\xb2\xdd\xf8\xc5&amp;\x03\xad\xf9P\x07\xe3\x7f\x8a\x9a\xe6\xdbm*\xbeG\xe4\xee\xfey\xca'</t>
  </si>
  <si>
    <t>b'\x99\x02\x01CllX\xf55\xd8\xb2\xe4\xae&lt;\xf7\xbf\xad+f\xcck\xcc\x80\x81\xcd\x01"\x85\x98\xa3-\x80'</t>
  </si>
  <si>
    <t>b'[&gt;\xd9\x8a\x15\xaf\x10^_\x9f\x93\x17\x02\x81\xe2\xbea2\xed\xd0]\x034U\x91\x19\xfa\x84\xc1S\x19&amp;'</t>
  </si>
  <si>
    <t>b'\te\xe3\xe5\xdd\x9c\xbd\xf2\xa1\x8a=\xc0W\x03\x94^\x0cLfp:\xec\x91h\xbb\xc2*\xbfjh\x91\\'</t>
  </si>
  <si>
    <t>b'\xd6\x86X\xa4\x95@\xf8\x02\x82\x91\xa5\x96\xb3\x95?\xfc\xe9\x9aQA\x0897\xf4\x1d\x16\xd0\xbd\x1e\xb3\xf7\xcf'</t>
  </si>
  <si>
    <t>b'\x99\xe6o\x00\x14\xc3\x07\xf2\xd5\xd16\xfc~\xben\xf9\x1a\xf8\xa9\x0c\x07\xb1\xb3mW\x0b\x91\xb0 \x8c\xc1\x89'</t>
  </si>
  <si>
    <t>b';\xbe-0\xd6\xca\x12\x8c\x98\xc5\x89}3j\xa7\xea\xff^"\x1e\x16~:}E[\x891\xbaW\xcbD'</t>
  </si>
  <si>
    <t>b'\xaf\xe8[bjB\x97\xfa\x8c\n\xa1\x0f\xe3\xbb\xc5\xe1\x00\xba\xf1\xb2\xcd\xd4+a\xe0R\x0e\xab9\xcb\xb0\n'</t>
  </si>
  <si>
    <t>b'&amp;\xca\xa2" \xdc\x00\x14\xbf\x803\xdf\xc6\xf9D\xeb\xd1\xa7\xc0++\x0c=q\xb1\xfd|\xd7\rT\xa5\xc6'</t>
  </si>
  <si>
    <t>b'W\xeaxb\xdd\xcd\xb9\xac\xa2G\x92S\xb4\xcck\xb9\x87\xab\x1cK`\x07\x07\x86\x1b\x88\x11h*\xa7\xfe\xf8'</t>
  </si>
  <si>
    <t>b'g\xdb\xee\xea\xf7\xef\x07\xc9\xab\xf3\xf5\x89(\xf9D\x1cz\x99\x07 /%4\xcaD\x91A|\x8f@\xb8+'</t>
  </si>
  <si>
    <t>b'\xad\x1d\xd9\xff\x84:?\x00\x019(O\x19\xb7\xb7\xd1L\x1f-x\xe4.\xac\x7f`T\xea\xa8\x1dz\xe9f'</t>
  </si>
  <si>
    <t>b"z\xee\t_-\xc1\x1e4\xc5\xf2i;\x85S'\xbcW`\x91\xc4|\xa8:\xc3Q\x9f\x15\x9a+\x93\xa9D"</t>
  </si>
  <si>
    <t>b"\xe8x\xe0X\x9ej\xec'\xa4\xfe\x9b\x8f&amp;it~\xadx\x1f\x9e\x82\xb4\x95A\x9em\xd6\xcaZ:\x9f\xc3"</t>
  </si>
  <si>
    <t>b'X\x15v\x13\xa2\xd9\x1ar\x00&amp;\xc9\n}m\x93\xea\x15\x86\x87^\x07\x19Ez\xb8#9A\x17\xea\xed\x1d'</t>
  </si>
  <si>
    <t>b'\x9b\xba\xa1\x19\xf5|[/2\x81k\x9e\xda\x1d\x1a=\x1d\x88\x9b_\xac\xef\x0e\xc5\xdd\x19P\x82\xce\\D\xde'</t>
  </si>
  <si>
    <t>b'\xafR\xbdd\x96/\xff\xac\xfa\x1a\xc40b\r\xbe\xff:\x17\r\xafak)Rj\xd2\xfb{\x14\xfe2\xdb'</t>
  </si>
  <si>
    <t>b'\xa7\\J\xce\xcf\xf6\xbb\xfe_\x1bR\xea\xd1\xf9\x831\x01\x0bz\xee7\xb2B\x01\xc3\xd6\x94\x8a\x1eUsK'</t>
  </si>
  <si>
    <t>b'\xecU\x7f\x96\xeb\xc7\xff)\xb2\xca\x92h\xff\xd2=T\xe1\x80\x86\x04\x19\x10\x05\x92]\xb6JrS\x8c\xbe&gt;'</t>
  </si>
  <si>
    <t>b'?\x0eF\xd1q\x8a\xcd0\xa0\x06\xe1\xcb\xcc,3Q\x08d\xef5\x01\x18\x89}\xce\x96\xf2\xe2(@iN'</t>
  </si>
  <si>
    <t>b'.p(\xeb\xc5&amp;D\xd9x\xd5\xb0)\xe4\x02\xe7\x05h9\xa0\x8a7\xbfU\t`\rxER\x03_G'</t>
  </si>
  <si>
    <t>b"\xb5\xeb\xba\xaa'\xc8\x07\xc8\xb1\xee\x19IK\xacr\xc3\xe77\x13}r&gt;\xf0k\x18U\xeb^\x1e\x87\x17\x9f"</t>
  </si>
  <si>
    <t>b'\x0b\xf0L\xd1\xcc\xb9C\xaf\xfc\xb9\xdc\xd4\xb0\x07\x92\xf3M\x1a\xec\xa5f\xa5c8*?]\xe9\xc1Tn\xb7'</t>
  </si>
  <si>
    <t>b"\x14Y\xca\xb2\xb4'\x88\xea}m{\xa2\xf0\xbb~\xeb\xf8\x0f\xddu\x9c\x82mNv\xc6_\xcf\xcd\x0e\x82\xe6"</t>
  </si>
  <si>
    <t>b'"C\x11-\xebW\xd2\x03\xf0\x8d\xadnV\xd4\xe3\xce\x1e\xf7\xa4f\x9fr\x0b\xb2k}\xcc\x7f+\xa6\xa5\x86'</t>
  </si>
  <si>
    <t>b'\xd4\xf6x\x1b%+\xbb\xd81\x89\xacKjmd\xac\xce\xf1a\xd8A{\xe0\xd0x\xc25\x94\x91\xd7Yl'</t>
  </si>
  <si>
    <t>b'\x08b/\xee\x04\xe96\xd4\xfbC\x95qq\x9cg1\x89\x8d\xc7\xb9"\xc0c\xd0\xc6\x93Q\xf4@|j\x8a'</t>
  </si>
  <si>
    <t>b'\x8di!\xb7\xaa\xe6g&amp;N\x02\xb0\x80\xa0\xc0\xc5\xf4\xb9&amp;@tF\xed\xa5\x0b\xa7\xca\xf7\x18\x873Q4'</t>
  </si>
  <si>
    <t>b'\x01\xf1&lt;\xcb\x94.i\x96B\xbce]\x92\x85\xe3\xf4\xc9g+\xfbSqT\xfa`L\x84K\x836\x18C'</t>
  </si>
  <si>
    <t>b'\xd0\xf0\xd6\x83\xbe\xd5\xaby=\xbf\xde\xe7Q\xc5\x92\xef\xbb\xf7\xa9\xed4\xe8\x9a\x8a\x9b)\xc8C\r\x96\xf8i'</t>
  </si>
  <si>
    <t>b'u\xa4\xf1\xb9\x8b\xfb\xe5\xc7A\xbd$K\x92\xd0i\x99\xe7dy\xa3\x9a\xe7\x8f \x1b_\xed\x13\xe8\xcbf\xb2'</t>
  </si>
  <si>
    <t>b'\x02\xf2\x95e\xd5\xa6\x9f\x1e\xc8\x80^\xdc\xdb\x07\x89*\x0cx\x16}f\xe9[\x91\xea\x9d\xffu\x0c\x84\x0e\xe5'</t>
  </si>
  <si>
    <t>b'3\xae~q]\xf2\xe7(\xdb\x97\x0b^v\xb6\x83\x1f4\xc8\xd0\x01\x1f \t\t\x8e\x94\xf7\xb8\xc7Ch#'</t>
  </si>
  <si>
    <t>b'P\xa7\x18%\xc4\x15\xedj=\xe7\x97\x85h?:\xb0\xc5)\x12I\xe4+\x045\xf5\xc1\xe7+\xe7i\x9d\xc8'</t>
  </si>
  <si>
    <t>b'\r\xfb\x9d\x9b\t\xe7#\xcd?\x1cN\xda\xd3v0\xb79\xf2\xafT\xea\x96\xf5\x96fY\x84\x1c;\x17\xa0\x10'</t>
  </si>
  <si>
    <t>b'olc\x13\xfaqP&gt;\x91\x1d\xe3\x1f\xd2+,\x835\xf7\x97\x942\xfas\x0c\x8b\x19g\xcfH+P\xd8'</t>
  </si>
  <si>
    <t>b'\xa8\x80\x06\xeb\xbb\xea\xb6\xc9)n\xb0\x02\x8c\x80\x12\xe0_\xccU\x06\xa6\x08)\xfb\x87\xa1\xc6\xc5w\\fQ'</t>
  </si>
  <si>
    <t>b'\x9c\xa2\x89\xd3\xb7uh.@[\xc7\x95o++M\xa1\xe5r\xf6\x12Fb\x8a\x13\xe4\xef\x11Z\xd3\x9f\x90'</t>
  </si>
  <si>
    <t>b'?\x88\xbc\xe5\xaf\xb89\xd8\x90clyr\xb1-\xb6\xd7$=t\x9e{\xc3}\x93\xaf\xda\xab\x12\xebI\xaa'</t>
  </si>
  <si>
    <t>b'[\x8b\xd1\xc9\xd1\xa0U\x15$\xfc!\xfe\xa0\x81B*\xe9d\xc0\xa7\xc5A\x12\xf1\xc8\x96j\x08\xe7A\xe7\xa6'</t>
  </si>
  <si>
    <t>b"f\xe9'\x08\xd4\xbc\x1f\xd6\xec\xfa\r\xea\x8d\xd0\x1dP{Y*\x15\xd4\xfe\x9d\xc4\x8b\xb1i\xc3\xf2\x96\xc3\xf5"</t>
  </si>
  <si>
    <t>b'\x98X\x93\xac\xa3k%\x96Y2p\xda\xd5L\x00\xa7\xcd;\x14&amp;\x9f\xb0n\xe0]\xa2T\xebJ\xdf\x94\xc3'</t>
  </si>
  <si>
    <t>b'\xdd?\t\x84F\xa1\xceA\x89\x00\xf6\xe4\xe7\x12\x8a|\xe4\x99\xcen\x03n\xf0(H\x1c.=\xd9{{\xb6'</t>
  </si>
  <si>
    <t>b'O\x9di\xcb\x81s\xdd\x0e\x00\xcf\x81\x8a\xd0\xc8]\xfd\x19hO\xf5\xb8\xb2\xda\xa8z\xea\n\x08\xb3\xc5\xfd\x81'</t>
  </si>
  <si>
    <t>b'\xb4 \x9d&amp;\xfcS\xc9\xab\xe5{\x87\xb5\x04\x06\xcb\x13Q\xe9\xa0lyQI\x02\xfb[_\xd0\xefh\x05}'</t>
  </si>
  <si>
    <t>b'\xe7\xb2\x93\xc9.\x8a\xaa*\xeb\x06\xe3\x86[\x9b\x93k\xc4\xf0\x13\xafks\xc9j\x0e\xe3b\xf1vj\xf9\xfa'</t>
  </si>
  <si>
    <t>b'\x90Z\x0f\x1a\x82k\x9e\x17\xcd\xf8ftj\xfb\x9fJL9\xc0\x01g\x1d\x10\xca\x9b\x97F\xfe\x1a\x03\xe7\xa4'</t>
  </si>
  <si>
    <t>b'\x01\xb8|9\xdb\xd64\x10\xae\xd9\xb6L\xa2@\xfaX\xdeG\xfa\x13\xd87\xbb\x8f\xb7\xf1\xb5\xa0\xfb\xbd\\\xc3'</t>
  </si>
  <si>
    <t>b"*\xd1L':\xcfZ\xd3\x9a\xc7=\x053+=\x14\xc8&lt;=oNH\x99\x1d\x07\xebH\x91\xc8\xf5z\xc7"</t>
  </si>
  <si>
    <t>b'\xedrZ\x9a\xee\x92\xf6\x01\x9f\xe7\xe8\xf2\x93\xd8_\xdd\x9eb6l*\x98\x0bfV=\xe8\xa5\xec^&gt;\xfe'</t>
  </si>
  <si>
    <t>b'\x00.\x1d\xea,\xee\xdc\xf6uN\x82q 3\x01\xed\x0c\xe9\x05.\x81N\nTP\x1bd9:\xdd#\xf6'</t>
  </si>
  <si>
    <t>b"\r\xe5\x1eZ\xe7^\xbd\xb7\\k\xc5\x87I\x04z\xb6@}rp\xb7\xab'w\xdc\xab\x8cH\xc6\xd0#G"</t>
  </si>
  <si>
    <t>b'\x16\x1f&gt;\xe0\x9b\xb1\x8d\x7f\xa0\x13\x1a\x066C\xdc?71W\xb9\t\xf2\x043\xaf\xe1\xd2\xb0\xe1\x80\xa6W'</t>
  </si>
  <si>
    <t>b'\x01P(\x9eU&amp;5\x08W&amp;K\xbe\x12\xd6\xa1\xe5\x98\x06 \xe7\x84\xb3$\xa1\x87\xcd\xe8\x08\xab\x10\xfe\xbf'</t>
  </si>
  <si>
    <t>b'7wc\x14D\xdb\xc1\xf0Y\xf92\x9d\x0c\xcb\xdeJ\x11\x06\xe1\x96(\xfa\x17\xfe\xbb\x80\xad\xaf"#\x9e\xe7'</t>
  </si>
  <si>
    <t>b'\xc4\x04\xc5\xbe2gFE\x08\xd7\xef\xf4o\x8c\x95^I\xab\x99zD\xf4\xb6\xb7p\xf2\x03E\xe4\xf3\xb7\xa2'</t>
  </si>
  <si>
    <t>b't\xac\x9cu\x95U\xd2z\xba(h\x85\xe2\x98\x816\xdd\xf6\xf1r\x86\x02&amp;\xa2\xc9\x9d.2\x05^Q\xc7'</t>
  </si>
  <si>
    <t>b'\xc9\xef\xe7@\x1f\x97&gt;Q\xe8\xdc\x16{\xf0M\x9e\xdfn\xa2b&lt;&amp;\x87\xa4\r\xbf\xf4\xff\xd4x8\xd3\x8d'</t>
  </si>
  <si>
    <t>b"\x8e\x0c\x03\x9a\x02*\x0f\xfbV,\xac\xdf\xd40\xa4\x88!~\xb6~\n\x02\x93\x94\xd9\xb9\xc1\x19G\x13'*"</t>
  </si>
  <si>
    <t>b'3{}\xc7\x04\x18\xe9&gt;\xedSb\x8fT\x12\x99\xbf\x85\xd0\xc9\x05\x94\x95V\x99\x1b\x81\x12\xa9\xff\xb5\x85A'</t>
  </si>
  <si>
    <t>b'\xdc&gt;\xed\xc3\x0f\x13\x1cx\xbd\xa8\xce\xe6\xbb$\x0c)+~\xe4\xcd\x8b\xa3\x82\x98\xb3\xf5\xab5\x95\x18\xf5;'</t>
  </si>
  <si>
    <t>b'\xeb\xc0\x8c\x03\xffs\xb8\xf4\xa2Q\x96e\xaa\x89\x19}\x9cr/\xa5\x18\xe2,P\x8e\xfe\xe7\x01\xb5jX\xd4'</t>
  </si>
  <si>
    <t>b'\xc8\x08\xacsI\xe5\xcdZ?{\x0f\xeb\xf3y\x96\xb6\xaf\xd7d\xe1\x04GZV\x03\x9c\x89\x904TF\xb7'</t>
  </si>
  <si>
    <t>b'~u\xaa\x95YO\xd0\xeb8\x01H\xe2%ri\xe4\xd5\x04\xbc&lt;E\xc01\xe0\xb0\x7f\xa2}\x10\xf3\xab\x05'</t>
  </si>
  <si>
    <t>b'\xe5i\xc0\x8e\xd5\r\xe3\xdbX\xfa\x99\xa8\x0e \xb9\x1f\xd5\xf8\x07\xc5\x02\xe5\xd4]\x87\xb9\xa3/p\xf9d\xb6'</t>
  </si>
  <si>
    <t>b'y\x8f\x91\x82\xb0\xca\x8d3\xfbm\x1c\x91\x0cO\xa8\xb8uC\x8c\xc2C"`\x8bf\xf6\x8d\xa1\xd1\xfd\xe9\xfc'</t>
  </si>
  <si>
    <t>b'\xf6\xd5\x10T\xe9P8\x7f\xda\xa7\xb9\x8a\x7ffVF;|\x13\x04G9\xf4DOp\xecV\xe1\xb0\xb6r'</t>
  </si>
  <si>
    <t>b"\xaa\xcd'\xef/^b\xeb\xf6\xd9\xa4\x15\x03\x11\x02\xf0kM\xdd\xcd\xb5\x03R&amp;\xda\xbdS\xab\xff\xa7a\x86"</t>
  </si>
  <si>
    <t>b'\x07\xd7\xf5\xb9\x13I\xcc\xce,)\xa8IF\xd5\xf7d\xdb\xf0\xb3\x1eA\xfa\x17e.z\xdb\x98\xde\xd0a\x17'</t>
  </si>
  <si>
    <t>b'\xacv1\x8aP\x88\x93{O\x84\xbc&amp;\xbeW)\xd2\x08\x1dJR\x96\xe5\x073\x7f\xf3\x91\xa6\xdcq\xaa\\'</t>
  </si>
  <si>
    <t>b'\xff\xc5\xf1nu\xbcsZ|\x0e\\E6\xed\x16\xcc\xe9\x92\xda\x1e\xa1\x91\xb2]\xb0\xa0c\xba\x1f\xc0cP'</t>
  </si>
  <si>
    <t>b'8\xafOA\xc2a\xf0&amp;E\x00\x19\x94\xb42t\xf1:I\x82\xa7M\xc1\xc2\x92\xf9g{=\x8b~|\xb9'</t>
  </si>
  <si>
    <t>b'\xef\x02\xd2\xe7\xd9\xc7X\x86Pi_\x98\xa2ar\xd0\x16i\xe7\xbd\xcf\xb1j\xb5\xdf\xec\x13\x8d\xfd\x94\x19\x8c'</t>
  </si>
  <si>
    <t>b'\x10L\xf9\xbeIY\x0e\xbf\xe9m\xbc\xbf\x8a\x03\xa6\x17?ci\xe8\x8f\xcf\xaa,\xb0|dG)\x85\xeav'</t>
  </si>
  <si>
    <t>b'\xc8\x832\xa8k\x9e\xdb\x94\xbb\xc7o&amp;\xfc\xb8\x82\x9f\xc7\xd2\xeaW\x13\xc9&lt;]-m\x99|\xda\x91\x8d\xdf'</t>
  </si>
  <si>
    <t>b's\t\x0c\x92\xbf\xc3p\\\x8f\t!z\x88}\xe4\xf5\xd2\x13\xc7\x99&lt;\x9a\x18\x91F\x8dO\xc0\xb1w\xa9\xb1'</t>
  </si>
  <si>
    <t>b'\x12\x1b\xf3\xf0\xd1T@X\xaba\xbc\x15\x06\x85\xefz!\x8d\xaaBh\x0c\xd8\xf0Ux\xbew\xc21w\xa7'</t>
  </si>
  <si>
    <t>b'\xd2\x99\x8a\xac\x195y[C\xf0M_\x0e\x14?\xdd0\xf8\xc5\xcc\xd83\xd2\xdft\xc1\xb1-T@\x00\xc1'</t>
  </si>
  <si>
    <t>b'\xd1\t\xc19\x10nr\xe7X\xfb\xd3x\xb2\xb4zW7\x81)\xef7\x9e\t$\xf0^\x10\x96\xe3\x97j\xb4'</t>
  </si>
  <si>
    <t>b'\xf7+\xd9z@*\xdeR*\xde\x0f2x\x85\xed\x15p]\xb5\x1c\xc1W\xbc\x1f\x11\x86L\xa3+&lt;\x1b%'</t>
  </si>
  <si>
    <t>b'\x11\x18\xd3\x9d\x9e\xedm\x82\xc7AU:\xcdj\x1c\x95\xa7x\xe7b\x01ad\xf5({D\xaec\x8fVM'</t>
  </si>
  <si>
    <t>b'B\x91\x0c\x8b\x12)\xc2\xc6I;\x1a\xb5\xe5\xfb\x02\xbc\xeb\xfdP\x9e\xab\xea\xe0L\xc6g\xf7\xbd\xc3\xf4\xc6\xa5'</t>
  </si>
  <si>
    <t>b'b\xf1\xe1%\x83mnp\xeb\xd2\xa5[\x11,Rd?\xd1%\xbd\xec\xa8\x0c3b\xe3\x92?\xee\x81\xfe\t'</t>
  </si>
  <si>
    <t>b'tn\x00f$0,\xa0\xf70/\xdf\xa8\xf5&gt;\xfd\x97\xe0\x88\x80L&gt;\xa2E\x08o\x80\x83Kp\xc4P'</t>
  </si>
  <si>
    <t>b"*\x11\xa3\xfb\x84\x94\xdd\x90Z\x8d\x9a\x1c\x95':K\xe4\xa9\\\x9d#\xa3\x17\x1a\xba\xd2?\xf7\x1de\x05x"</t>
  </si>
  <si>
    <t>b'\xdd=1\x8c\xb8\x1e\x18\xa5\xa52lH\xb1\x80xS\xdd\xa6\xda\xb6!u6\xc6\xfc\xa3.k\x0cD\xa8P'</t>
  </si>
  <si>
    <t>b'\xbe\xff1\x1cw\x84B\xe4Rb6ll\rL}\xf1\xc0M\xa8:\xdb\xd0V\x811\xe1\xf0d\xfb\x0b\x01'</t>
  </si>
  <si>
    <t>b'$L\xbdf=\xd7/\xb7c\x16\x99\xad\x87\xa4,=\x86=\xf0:\xc3&lt;\x8f\x9a\x15+\xe9\x04\xaa&lt;\x06\t'</t>
  </si>
  <si>
    <t>b'=\x1f\xcd*\xf2-\xe4y\xac&amp;\xc7\x17\x1b$\x1cG\xbfkzM\xcc\x02\xcd\xe1z\rL\x19i\x8b\xc2\xc1'</t>
  </si>
  <si>
    <t>b'L\xd4+B.@y\xbb\x84)\x9aDZ\xc4\x00\xb8\xdd\xb7\xfb\xc2W\xef[ol\x87:\x84hk\xd8\xac'</t>
  </si>
  <si>
    <t>b'\xdc\x17\xa8\\\xbc\xaa^\x88\xcbMAPU\xfd@\x7fH\x0b\x1e-\xb7\x9e8p!\x19+-{@\xc4\x17'</t>
  </si>
  <si>
    <t>b'\xf2\xd3m\x9cEy!&lt;\x08\xd8SE]\xf1kX@\r)\x7f4\x8aP\xb6\x08G\xc9\xb2\x82B\xf1\x87'</t>
  </si>
  <si>
    <t>b"B\xcd'\x82\x0baWd\xf5S\x00\xd0\xb7\xed\xa0\xbfYC\x1b\x1e\x98\x14\x1f\x9d\x82\xa8Io77\xec~"</t>
  </si>
  <si>
    <t>b'\xbbx\x04\xc6Y\x86\x18\x89\x14\x01\xbf\xf8Pq\n\xc4\xc9\x8b\x181\xa4L\xd2\xb1\xc8\x8d\xee\x9c\xf3m\xabW'</t>
  </si>
  <si>
    <t>b'\xff\xd2\x97\xa6\x1c\xf77\xf3\xcdJUr\x1fZ\x7f\xc9\xack\xad\xd8;g\xa5\xebI^CV\xaa\xe7E\xbb'</t>
  </si>
  <si>
    <t>b'\xf2\x8c.h\xbd\xd1!\xbf\x81\xc0\xaf\x9e\x9c/\xf8[\xbbPl\xfd\xf8\x07Oi\x92\xae\xe0\xde\x8c\xba\x15\xc9'</t>
  </si>
  <si>
    <t>b')\xdb\x10\x9d\xd3,7))6\x7f-\x89;\xf1\x93\xb3\xb5\xfe\x82,\xa3\xfa\xf9\xbd\xe3h\x96\xaa\xf4\xbd\xb2'</t>
  </si>
  <si>
    <t>b'\xfa\x96\x84zT)\xf2\xbe&lt;\xd3/s":\xcf\x88\xec\xfe\xf5?\x08\xd55\xedS\x9e\xb8QXU\xb1\xe2'</t>
  </si>
  <si>
    <t>b'E\xb3\xab:\xa8\t\xb7\xdf&lt;A\x19e\xd5\x19FK\x0e,suK\xb1\xba\x05\xaa\xcbg\xed\xc6\x9b\xf1['</t>
  </si>
  <si>
    <t>b'u\xdd\x00\x8f\xebE=\xa3\xb8c:\xd8\xb1.#Cn|}\xc3a\xc6s\xcdI\xbdeT\x1c \x1d\xe0'</t>
  </si>
  <si>
    <t>b'\xb7\x1e\xf5\x8a\xb9b]\xf5\x7fW\x07\xab\x8eU\x7f9\xd0\rnu\xc0\xf9\x8e\xda\xcaz\xe4\x8e\xfbgt\xfc'</t>
  </si>
  <si>
    <t>b"6m\x0c^\xf2,^c\xd6)v\xdb\xa6\xe7\x98\xdf\xcc\xc2]!\xc9\xaa\x9c\xe4\xf48\xf4/'v.\xa3"</t>
  </si>
  <si>
    <t>b"'Q\x89RN\xd5\x1d&gt;\x17w\xb1\x0f\xebs\x8905-\x8d \x03Ew{\xb8Cw\x89\xebC\xb4\xec"</t>
  </si>
  <si>
    <t>b'\x91\x81\xc8h_} B\x1c\xb4\xbd\xbf\x04\xc3\x83~\x0cL\xab2\x85\xd5\xa2\xaf\xceqQ\xa8\xf1\xec\x98\xc4'</t>
  </si>
  <si>
    <t>b'n1p\x83j\xe8\x0f\xd3\xab\xb2\x8d\x16[\x9f\x9e&amp;\x87D\x8dv\xf5\xc80\xd7\xdd\x93\xe1\xd7-s\x9dg'</t>
  </si>
  <si>
    <t>b'\x14\xd3*`\x8cM\xd3\xf9\xda"|\x9d5\xc0\x91m\x7fo\x19-\xb2qh\x07\xec\xf8\x1f.\x1d?\xac\xa9'</t>
  </si>
  <si>
    <t>b"a\x97\xfam\xb9oE\x19`\xac\xcdp\x99\x04\x19\x93\t%g\x00K\x93\xb8O4\x0e\x0f\x0b}'\xe6\xfd"</t>
  </si>
  <si>
    <t>b'\x89\x0fW\xea\xb0\xec\xd4;L9q\x92o\xdd\xfa\xaf@V\x14678\xcaj\x98R2;\xf8\xb4&amp;2'</t>
  </si>
  <si>
    <t>b'\x9a\xfer\xa3We\xaf}\xbb\xf2\xdf\xe2\xb7vo\xe0r\x80\x02,\xa2Ci\x10\x82/\xe1\x1f\xf8WU\xab'</t>
  </si>
  <si>
    <t>b'\xa9\xbe\xfc\x1c(\xcc\xc6\xfe\x90\x92\xee\xf8\xba\x033\x13\xb1*Nq\xd3\x16H\xbd\x8e\xeeU\xbeL\xfd;\x13'</t>
  </si>
  <si>
    <t>b'{}l\xa6\x98\r/e\\7\x00\xd3\x12?+\xa2b\x8e\x81Aj\xf1\x1aB\x0f\xf0\x96\x8e \xbe\xb4\x95'</t>
  </si>
  <si>
    <t>b'\xcf\x1b\x87\xd8N\xc9\x98O\x9e\xbd\x839(\xdc\x1a\xa2M\x85\x83\xe0\x0f\x8bN;\x18R\xf05\xf6\x87S)'</t>
  </si>
  <si>
    <t>b'kB\xbe\xe5\xa0\xe4\x7fX\x99W\x80\x11\x0e\x8bP\x9f\xe2f\xb5\x99\xc0V\x14\xd7\xf0\x8b\xf3\x15\xab\x1d\xb8\x12'</t>
  </si>
  <si>
    <t>b'Y*\xb3oW\tVa\xf6\xfc@\xf6\x9e\x1e\xd04\xda\xa9\x8f2)\xe6\x07\x95V\xd5\xedA\x87\xad\xaaB'</t>
  </si>
  <si>
    <t>b";\xdc\xa5\xef\xe2\nT0\xa4\xb5g\xbft\x7f\xd2\xd6\x94\xfbk!\xf4n'\xca\xd1d\xfc&amp;\xe2\xf0n'"</t>
  </si>
  <si>
    <t>b'\x87v\xfc\x9d\xb4f\xe1)\x85\xf5\x01\xecC~i\xaa\x9ai\x8b\xd6\x9d9\xd3\xc0\xbc0j\x93\x1b\xb3\xd8\x1a'</t>
  </si>
  <si>
    <t>b'\xec\xdd\xb0\xc5\x82Z\x95s&lt;\x82jc\xea\xfa\xafa\xe0]\xfeN\x85\x9f\x04:\xc5\xce:\x1e\xa8\xf1\xde2'</t>
  </si>
  <si>
    <t>b'v:\xefBK\xa2\x0cG\xbb\xcbL]\xb3\r\\5\x01\xd5l\xc8\x013\x19\xdf\xdc\xed\xb8?\x7f\x04\x84\xb2'</t>
  </si>
  <si>
    <t>b"&lt;\r\x8cQ\xdaVs\xd8\x97O\xcc\x00W:\xb4\x12\xbf\xc2\x06\xaef\x1e\xdf7\xf6p\x99'\xb0\xcd\x16\x85"</t>
  </si>
  <si>
    <t>b'\x8e[\x05\xfb\x96\xad\xd467\xa4\xf0\xa4\x89`\x1e\xd0\xa4\n#s\xd4\x81D\xc7\xe9\xe7+,\xe1\x00\xa9D'</t>
  </si>
  <si>
    <t>b'\xd2=!\x9f\x04:-\xae\xe6\x1d\x95O\x01i\xeb\x13\x99\xfc\xb7\xe2(mZ\xd0\xfa&gt;\xbb\x1b\t\xe0\xb6e'</t>
  </si>
  <si>
    <t>b'Zx\xf9\xb7\xf0\x01}\x02J\xe9\xa9\xff\x8e\xce\x8d\xf1u;M\xedWE!\xa1\xb9\x90\x92\xa4&gt;\x915,'</t>
  </si>
  <si>
    <t>b'Iz\xbd5T.(]/\xcc\x0f&amp;Q\xd5,K}\x1a\x1b\xae\x99\x84\xc9\xd0\x0e\x993i\xbf\x9ft\xde'</t>
  </si>
  <si>
    <t>b"\x0f\xc5W&gt;'\xa2\x8d\xc3qe\xb8k\xd9a\x10A\xa8\x9e\xec:\xa8\xa3\xeb\xd5N[\xbe\xc8X:p$"</t>
  </si>
  <si>
    <t>b"\x1a\x83\xa2\x83[\x18\x9e\xdb0\xf4\x12\xd1\xa2;k'\x1d4\x92\xa3\xd9s\xba\x1e\x0eD\xfb\xc4\xe8yZ\x17"</t>
  </si>
  <si>
    <t>b'\xe9\xcaOKqT\xd1\xcb\x8f\xb2+s\xc7\x86*\xf0~\xa0\xc2\xce\x1f\xbcB\xf5\xf5\x00\xc9x\x8c`9\x1a'</t>
  </si>
  <si>
    <t>b'j\x92\x94Q^\xacC\x1aA\xbe\xacc}\xddu\xe6\nx5t5\xe4I\x8d:\xd1E\x98\x11\x08\x12)'</t>
  </si>
  <si>
    <t>b'\x92\x01}*\x1blZ\xfd\xec)\xedV\x92\x1aC\x90\xbbN\xbf\xebF\x8aq\x90\xbd\xb5\xbd\xc7Pp\x19\x05'</t>
  </si>
  <si>
    <t>b'\xae\x03\xf9\xf4nzf\xcc&lt;?\xcd*J{\x9e\xa4C~:\x1b\x83\x8b\x1d\xbdh\xef\xfd\xcd\nt_\xc0'</t>
  </si>
  <si>
    <t>b'"\xa7\x86\x8cmqu?\xa8ik\xd0\xcd.\x81\xbe\xd9L/\xc8c\xc1x\rr^\x01-\xaaQ9r'</t>
  </si>
  <si>
    <t>b'\x17\x1b\xc3\xbcA\x16\xe5\xd1\xc5\x9f\x1b\x7f\x08\x92c!N\x9ap\x90\xb7\xf4{\xe7,G\x9fU\x10sa\x86'</t>
  </si>
  <si>
    <t>b"z\x06\xea_~\xeb\xe5#\xe1Da\xab\xd5\xc4\xdep\xb6\xea\xd1~'\rG\xb7\x86\xbfY`\x92\xe7\x17\xd6"</t>
  </si>
  <si>
    <t>b'\xb8\xfbkE/\xe9\xfbGw\x8a\xec\x87mgI\xd0a\xd6&gt;\xae\xe7\x0bcTw\xb27\xa1\xb7U\xae.'</t>
  </si>
  <si>
    <t>b'\x00\xea\x169\x04\xa0\x9b)\x05q\x98\x05\x15\xf8\xcf\xfbu\x80\xe1\xa2\xbb\x06`\x8f\x8d\x10\xe2\x99\xe8l\xfa\x17'</t>
  </si>
  <si>
    <t>b'\x95KC\x0f\x1c\xea|\xaa\x19\x96\x95\xe2iQ\xc5&gt;&amp;\xe5\xee\xecC\xa4\x9ahC\x1a\xb4\x03\x9dO\xa0\x05'</t>
  </si>
  <si>
    <t>b"\x9c\x7f\x1cU\xa4\x12\xc6\x86k{\x12\xb4\x9b\x91\x86\xd5\x99vK\x11\x0c\xb1'wa\xb2@\x944\x8f\x88\x15"</t>
  </si>
  <si>
    <t>b"2Pl\xe0q'S\xc1gB\xa6\x19\x94\xf1`2mo\xa6\xb4\x8b\xce:*p\xf5\xcdSVB\x8ch"</t>
  </si>
  <si>
    <t>b'hm4\xf3\xdf\xa9\x91\x17\\\x8156\xabp\x88\xae~s\x98\xb8\xc2\x08\xe6\xff\xd8\x82\xdd+\xe0\xb2\x84f'</t>
  </si>
  <si>
    <t>b'\xdfrQP\xbc,\n\xb9\xdf\x01\x01\xf0F\xbaM[\xe1\x87:p\x0e\x11w;\t_Z\x0b\x05-o\x83'</t>
  </si>
  <si>
    <t>b'\x8aV&lt;\xf61\x93\xb7\x19c\x00\xbf\xbc:\x1c\x18\xa4)9\xb3\ns/\xbf\xa8\nA\xe4x\t~\xba\xaf'</t>
  </si>
  <si>
    <t>b'W\xc3\x16\xe2\xc5\xd0\xac\x87\x99*gy\xeb\x9f\xd4\xef\x96A\x13 \xf2u"\xca\xd6\xeeof\x08U\xb4\xe5'</t>
  </si>
  <si>
    <t>b"i]\x91W\xa0;!6_L{\x95\x1d/\xbep\x87\x13\xdd\x18\xedxz@Oy,*'\xa8g\xaf"</t>
  </si>
  <si>
    <t>b'\xa1L;3\xd2\xd5\xa1\xcaD,\xcf\xe0\xa3\x82$D&lt;\xe3\t\x83\x8c\xa0\xff\xf2\xc6\\\xf1=\xd8\x12E\xdc'</t>
  </si>
  <si>
    <t>b's\xe4c\xd1\xb8f\x82\xdb|z\xb9\\BP\xa7\xecm+}xz!\x8bm\x04:i\x92H\xdd\x0c\x85'</t>
  </si>
  <si>
    <t>b"\xd8=\xf2\xce\x86KP\xcf2\x96\xda\xee;36\x89'\x9aQ\xac\xf8\xb2\xb3\x87=\xd2k\xf3\xad\xd5\xa1c"</t>
  </si>
  <si>
    <t>b'`\xeeT\xc0\xf0\x8c\xde\x96x\x08\xa6{+\xe1\x84\x0e\xc9\xc4\x87\xa3\xb2\xb5\x8e\x8b\x8d^V\x1fi\xdf\xb1\xe6'</t>
  </si>
  <si>
    <t>b'\xbb\xd1Ga\xbc&amp;\x1a\x1e\x1d\xb7\xba\xb5\x80\x11-\xe5r\xbc\x1f\x8e+\xbc\xb7\x04{-\xfc\xa3x{DU'</t>
  </si>
  <si>
    <t>b"g\xdd!\x95\xb1'\xa6/i\x03\x0c\xde\x05\x9be\x99\r0x\x83\xc1\xbf\xc6J\x8d\xb4\xdc\r'W\xf7\x9b"</t>
  </si>
  <si>
    <t>b'\xd2gz\x7f\xd4\xbb*8\xeb\xc0l\x92(\xe3\x9c\xb9\xc48\xb8\x96\x0e\x87S\xe24/\xf1$\xda\x8e\xc6\xd2'</t>
  </si>
  <si>
    <t>b'e\x97jn\x86\xfd\x1c\xf3&amp;\xec\xc6\t\xaaB\x0c$\xcf\x87c2\xa1\x1fX\xf6\xe4\xc7\xa9\x11\x9b\xce\xfa@'</t>
  </si>
  <si>
    <t>b' \x9c\xe3L\x822\xfba\x95\x84\xc9\xb9\x8c~\x1f\xfd\x1aN\xa5\x9f$BN\x82\xd6&amp;~\xac\xa9\xda3U'</t>
  </si>
  <si>
    <t>b'qT\x84o\xbe\xb5m`p\x8e\xbe*\x1e\xd3e\xfc\xdbLV\xf2b\x0b\xaeU2\xe1l\xb1\xc5\x96\xb3C'</t>
  </si>
  <si>
    <t>b'&gt;\x06\xad\x18\x89\x83\x86\xdc\x80\xdf\x9f\x93Et\xb9\xbcnG\xf9\x7f\x98\x1b\xce\xd6W\xe4S\xa3\xee\xe6\x13-'</t>
  </si>
  <si>
    <t>b'\xb8\xe8c\xcb\xd8\xfb;\x11\xb8;\xe2]R\xdb\x08\xca\x9c\x9e\x19\xc6\x15\x88\xa9\x13\xe1|\xca;\xb30\xc6q'</t>
  </si>
  <si>
    <t>b',\xa6:\x13\x1e\xbe\xee\x8f\x01hS\xfe\xa2\xc2\x1f\x0cn\xae\xcd\xfdU\xfb\xc9|\xd7\x1c\xc5\xb5vy\x97\xa3'</t>
  </si>
  <si>
    <t>b'\xa8\x8d\x94\x14O4\xc7\x0e&gt;\xe1%\xd8_\x97k\x89~^:\xaee\x07s\xf8\xeb\xe2\xf3\xe7\xe3~U\xca'</t>
  </si>
  <si>
    <t>b"\x9f\xdf\x0e\x9ff\xca\xdc\x7f\x9b\x1d\xac\xb6\x98\x11\x9e\xda\x05\xf6\xa9\xcb\x98\xacN\\N\x8b'\xb4X\xdb\xde\x87"</t>
  </si>
  <si>
    <t>b'?]\x1f\xa8T\x84j\x86D!u\x0f\n~X\xf91\xfa\x00\x9bZ\xa3\xb0\x8b\x1eN\xb7AE\xe0\xa3\xda'</t>
  </si>
  <si>
    <t>b'[\xbc\xab\xa9\x94#*\xf3\xf3\xd4&amp;Aj\x90\x07\x81\xfa\xa7\xe2\xa5;\x10z\xcdz&lt;N\x96xSY"'</t>
  </si>
  <si>
    <t>b'\xf5\xab7?\xf6a@\xab\xacC\x04E\xe6\xe9\xa0\xbd\x1a_,8\xdca\x01\xa6\x8c\x98y`\xea\x9ed\x8f'</t>
  </si>
  <si>
    <t>b'\xc4^\x02\xd4j\x84\x93\xa2V\xdb\r\xac\x14X\xe7\xc0\xfc\xda\xa92\xd1\xe4\xe1W\x1e}F\x16\x05\x14f\xed'</t>
  </si>
  <si>
    <t>b'\x8b\xef\xba\n\x1b\xf0\xf3\x19\xc1\xdfk1\x06.-\xbc\xc3\x14\x1a\xe6\x7f\xea\xad\xf4\x18\xafeD\x0e\xb6bF'</t>
  </si>
  <si>
    <t>b'\xbf)t\x12DvS\xcd,\xb0Q\x1eX\x06\x06\xa6C\x1b\xb8\xbe3\xb7\xae\xcc\xf4\xc0\xa4\xc8\x00d?\xff'</t>
  </si>
  <si>
    <t>b'\xff9\xd3\x1f\x85\xab\xb7|\x0e\xb8|\x91^\xd1\x05\xaa\xac\x84\x85b\x08M|\xa1ER\xb6\xdec\x12\x8bF'</t>
  </si>
  <si>
    <t>b'\xe8\x19\xd37#\x95\xed\xaa\x8efw\xf4\xee \xc8\x18\x9b\x98\x1b\x85fnd\x1a\xacrD\xe3\x9e\xd5+\x81'</t>
  </si>
  <si>
    <t>b"\x11\xb8\xee\xc7\xfc\x01\xc0\xde(&gt;\xd7\xf0ts\xc9Y\xff \xff\xd6'}K\xef\xb0\xb8\xa5L\xa90\xb3'"</t>
  </si>
  <si>
    <t>b'eD\xb8\xe1\x0b\xa7{\x9f\xa2\x86:\xd0R\xf3\x0fq\x14\\?B.!&gt;\xb0\xe7\x90*\xd9\x17Ja\xc1'</t>
  </si>
  <si>
    <t>b'+v\xc2\xb7:\x8f\xc4V\xc5\x175N*.\xbc\x8a\x89\x8c\xf3H\xb5\x85\t\\l_\x0b\xd6\xf6\x16\x13\xbc'</t>
  </si>
  <si>
    <t>b"]\xa6\xc0kk/W\xe8\xc4V\x8dl\xd1w\xb49U\xaa\x07.\x03\x08\xc1X\xb3\x1c'\xe5ZR\x1e\xf8"</t>
  </si>
  <si>
    <t>b'\x9bQ\xee\x1dp~@:A]b\xef\nQ\x82\xef\xf6\xfd\xbf\x81\x8b#\x1c\xfc\xcd\xe0\x02vT\x0fu\x19'</t>
  </si>
  <si>
    <t>b"\xb7\xf0\xc0 \x08{/\xbb\xee\xc5\x86;\x96\x9c\xfeF`\x1bp\x00'\x94\x04\xaa\xd9=HG\x98P\x16^"</t>
  </si>
  <si>
    <t>b"#\xb6,\x0c\x8bfr\xdd\xcd'Z\x87\x8dE\x00J\x1a\xe9\x8dg#\x85\x9c\xa3\xc1\x82+\x1b\x03\x07\xf2;"</t>
  </si>
  <si>
    <t>b'\xe5=\x05_\xb2\xe8[&amp;m\x9d\x97\xf8\x9af}h\x94x|=\x9b$\xec\xf1Q\x1d\x98P\xcc\x13\xa7S'</t>
  </si>
  <si>
    <t>b'x\x0cflJ\x01\xf9fM|\x8e\x82\xcdJ\xef9\xda\x80\x03\xda\xbee\xc7\xa7\x9e_fH!\xa3`\x04'</t>
  </si>
  <si>
    <t>b'\xdee\xa7\xb0\xdd\xe4f\x96w\xbefb\x9c\x00u\x88\x86\xfc\xf0\xe3\xe7\xc8\x99p\x13I\\\x83J^\xc9\r'</t>
  </si>
  <si>
    <t>b'M\x8e\xe0\xf9\xfd\xd0&gt;\xf7\x8a\x96\xe4\r\xc9\xec\x1f\x92*\x88\xc1\x08|\xa2\x8c\xa0\x8b\xdf\x06(\x83\xa1k\xe6'</t>
  </si>
  <si>
    <t>b'gx_K\xb1?S8w\xdb\x95r\xba\x1f\x19((T\x8ac\x8e\xdc\xbe\xb30\xcb\xc1~\xb2\x95\x7f\xc8'</t>
  </si>
  <si>
    <t>b'\x81\x95\x96\x91I\xa9\x88\xab\x08\xf4\xd6\x8d&gt;Fg\xe6W\xf2\x01\x16\xe0\xe5\x97)a@\x02\xb1+F\xec\xee'</t>
  </si>
  <si>
    <t>b'\xfe\x0f\x95G\xee\xcd&gt;d\n\xc06\xef\xd2R\x85KL%y\xa5\xb6x,\xa4\xc3\n\x9d\x86\xb1\xa7\x84b'</t>
  </si>
  <si>
    <t>b'R\xf0\xb4\xa0\x1a%=Sb5\x02\x8b\x81\xdai\x99\xfe\x84D\xf3X\x83\x81\xf6\x16\x84&amp;\x18.\xe7\xd5U'</t>
  </si>
  <si>
    <t>b"\x0e\xbe4\x96\xe2\xaa\xf4k\x91z\xfa\x97k\xfe\xee\x92\x93f\xf3\xba\x9a\xdd'\xe9\xca\x9a\xc1\xf3p\xbf\xf0\xbb"</t>
  </si>
  <si>
    <t>b"H\xb6o\xfb\xe4\x9d\xd6'\xa5\xce\xcalq\x9c\xe1\xc7\x19;\x9c*\x9fh\x19\x90\\\xf6~\xfdb\xa8\x19\xa0"</t>
  </si>
  <si>
    <t>b'\xfef(\x99l\xfb8/`\x9bkP^\x15\x9b\xcai\xa5\x96\xb3]$\x10\xe3\x89,\xe6\xbe?\x03\xf0\xbb'</t>
  </si>
  <si>
    <t>b'\x04e\xfd\x8a\xa7\x17\xe1e\xca\x0c\xdf@\xbd\x8b\x06}\x8f\x8f\xcb\x92\xbe*R-\x94\xe1\x02b]\x15\x1f\xea'</t>
  </si>
  <si>
    <t>b'Y\xb3\xa0]W"\xc3\x1e\x8c\x82[\x7f\x8eQ\xbf\xc4\x8c{\x16x\xe9\xe9\xf6\n\xfa\xcc/\t^\xffE\x0b'</t>
  </si>
  <si>
    <t>b'2\xbb\xcf\xe6\x86"r\x04\xfd\xf8\xa6\xf2\x84X\xf1\xcal+iP\xc7g\xa4nuYR\xc4\xa9\xc0|1'</t>
  </si>
  <si>
    <t>b'\xa1a\xc8F&amp;?\xef\x96\xe2\xd6:K}\xbd\xd0\xd2\xafp\xb3CE\xd6\x1cQ#\x8f\xb6nnT&gt;\xaf'</t>
  </si>
  <si>
    <t>b'\x05\x90\xfbm\xdd\x1d\xcf\xc1\x18\xcad\xb5\x7f.\x8e\xeb\x93L\x14r\xfc\x90\xb6\x9f\xe6n\xef\x1b_Z\xaf('</t>
  </si>
  <si>
    <t>b'\xef\x9e\xec\xe9Q\xddDI|,\xef4\xe1\xdd\xd9t\xeb\x05\x0f\xef\x08\x00\xb0\xf6z\x9c\x89L:R;\xf8'</t>
  </si>
  <si>
    <t>b'\xac\x134\xaf\x05R\xdbD\x9fkC\x157Q\x83\xd5\x82\xa3\x08\xf7\xf0q\xae]\xa9\x9a[4\x12,E\xb7'</t>
  </si>
  <si>
    <t>b'\x01w_\xa7\xdez\xe2\x99\x0b]\xeb8\x06,\rm\x03\r\xb7Qc\xcb\xd4G\x16V\xd8R\xd3\x9b\x13;'</t>
  </si>
  <si>
    <t>b'\xacB\xf9\x9e-^\xad\tp-\x95\xe8\xf6\xa0\x01\xc6z\x8f\x8f\xcem\xbb\xbd-\xf4[~\tR\xf9\xee\x83'</t>
  </si>
  <si>
    <t>b'\x1f\xf7a=\xe1\x9d\x96\x0c\x7f\xfd\x0c\xe9\xbb#\x10\xfc\xbb\x07Di\xbe+cpB\x1c\xaf\x19"\x81T\xd0'</t>
  </si>
  <si>
    <t>b'W\xf3\x7f\x89\x07\xbdy\x8b\x8a\x14\x00A\x91\xcd\x97\xde\x94n\x11#X=t\xfafd\xeb\x9b\xec\xaf0n'</t>
  </si>
  <si>
    <t>b'\xefev\xe7\xf7%\xa3^\x00v\xd2\xd6\x87_\xf8\xc0@R.t\xd0\xbbG*%\xf8\xcd\x7f6&amp;\xa1I'</t>
  </si>
  <si>
    <t>b'\x8a\xdb\x15\xa7,&gt;\xec\x9d\xa6;a\xce)$3\x8b\xac\x14mD\x9c\xfa\xdc"\x0c\x12\xf2\'G\x0f\xda\xdd'</t>
  </si>
  <si>
    <t>b'c;o\x1b4H\xc8\x87\xb6\x8b]\xd5\xa4\xf6Q\xb2A\x8c\xdc\x94\xd2\xd6\xc1\xdf\xe3\xa2\x81L\xd6\x04\xaa\xa2'</t>
  </si>
  <si>
    <t>b'J\x9a{\xa1\xaa\xca;x\x88\xc9P\xfevf\xdd\x99\xb5\x15\x99\xf4\xccjWp\x902+\xf3\x81\xfa\x1b['</t>
  </si>
  <si>
    <t>b'\xa8\xc4)/[_\x9e\xaf\xebl\x11\x98D\xb7\x1d,_d\xeby\x9cv\xc5l&amp;3\x9d2N3C\xd9'</t>
  </si>
  <si>
    <t>b'\x9b\xe6\n\x02@\xc5\x8bMnhm8\xa3Eu\xd8W\x82\x7fR\xe7\xea\xbdD\x1c\xc5\x8b\xd9?\x9f\xa8o'</t>
  </si>
  <si>
    <t>b'x\x10&lt;&lt;x:4\x04U[\xe9\t\x05\xd0fP\xb5\x0c\x15\xe9\xe1\r\xb6I\xbcQ\x0f\xc7_\xfbL\x0e'</t>
  </si>
  <si>
    <t>b'\xbe\xe7\xf6\xb7\x0e\x17#c\xe3\n\xea8n\xf6Y\xe1d\x89\xc931\x13\x01l\x8f0\xc3\x15\x07J\xad|'</t>
  </si>
  <si>
    <t>b';Yz\xd6\xc7)\xa02\xaa\xd9(-\x85\x92\t\xde\xea\xe3\x18\xb2&lt;\x93k\xfe\xc8\x81\x8e\xc8\x96\x11\xd1\xb5'</t>
  </si>
  <si>
    <t>b'\x92\xbeV\xba%\xf4\xa4"W\xef\xae\xf9H[\xc4\xea\xdf\x84\xf5\xc0\xcda\x8dr\xc3_\xa3 }w\x86\xff'</t>
  </si>
  <si>
    <t>b'\xb4\xad\xc8\x08\r\x8ef\xa3\xa9f\xdf\x88f&lt;\xae]\t\xa5\xd4\x19\x07\x0f.\x1fs\x07j\n\x9c\x1ehH'</t>
  </si>
  <si>
    <t>b'\xed\xdf\xdf\xa1\xd4&gt;\x96&gt;\xc2\x9ef\xc69\xb7\x02\xba\x0f\x9dK\xc9*\xe5/x\x9c\xfd\xb5L\x81K@\x85'</t>
  </si>
  <si>
    <t>b'\x96\x98\xf0+\x8c\x89\x9fl\xadb\x913\xd8&gt;\x99\xd5\xb8CVt\xda\xdb7\x0b\xc8\t\x8c\x05\xc1\xba\xd2\xfb'</t>
  </si>
  <si>
    <t>b'\xeb\x87\xdd_2\xf0\xd6m\x98U\rd\x9d\x884\xcf\x0crz\xad+\x11\xab\x0f\xd6A\xdd;\xc1\xbc\x90\xcc'</t>
  </si>
  <si>
    <t>b'L\xbc\xb6\xe4\x06B\x85\x07\xf14\xa4F\xb72\x7fKG\x03z\xc8\x9f~2,\x1c\xba&amp;"\xa1\xe5{\x1a'</t>
  </si>
  <si>
    <t>b'\x0f\xcfVJ\xedb\x0e\xbb\x987\x9bz\x12u\x8fr\x1c\xb7\x0c*\xaf`\xbc$\xfbe8\xd9)V\xa5&amp;'</t>
  </si>
  <si>
    <t>b'j\xcf\xe3\x13\x92\xbbt\x8a\xa3?\x8e\r\x81=\xd9\xc7\xdd\xb3\xe1\xb4\xa4L\xc0"y\xff\x88p\xdc}\x01\''</t>
  </si>
  <si>
    <t>b"\x92*'\xdf|\xa7\xf5\x91%\xcbw\xfbq\n\xf8\xdby61\xfc(\x1a\xe4\xd3\xf6\x00\xd7\x9f\xed\x0eE\x1c"</t>
  </si>
  <si>
    <t>b'#\x16\xea\xb9\xfam\xac]\x1b\xdd\x8f\x15\x1dN\x80\xfc\x81p\xa5_s$\xd82:B\xc6\xce\xc7\xc5\xb62'</t>
  </si>
  <si>
    <t>b'\x92\x95\r\x1a\xa2\xa0\x16\xb0\xb7\x03\xe61\x9bvDoN.\xfb\xaar\x8a\r\xe0\xfa{\x08\xd5!\x83\x1e\xf0'</t>
  </si>
  <si>
    <t>b'\\\x95N:\xcb\xdf\tD\xe5zt\xbb}\xcf\xf3\xe5\x96-\x11U\xf1i\x8f\xdbR\xb0\xe04qY\rc'</t>
  </si>
  <si>
    <t>b'\xbb\x8c\xf5VXY,\x10U\x0cNC+t\xc0n\x8e\x94\x94\x9c2\xa3s\x8e\xb9\x14a\r\xb9\r\x08\xea'</t>
  </si>
  <si>
    <t>b"\xe9\xcea\xa4\xe2?\x9bVPL'#ej\x9c\xdf[\x92\x1c\xa2\xe3an\xa52\xd4\x81sS\xcc\xc1@"</t>
  </si>
  <si>
    <t>b's\x98\x80\x83\x19\xa7\x94\x84\xff\xfcP\xe5\x8a%i\t\xa4\n`A\xc0\x9d\xcf\xfa\xcb\xa0Z\xae\xd3\x95L\xbc'</t>
  </si>
  <si>
    <t>b'*d\xa90\x0fm\x18?\xd6ih\xc2 4\x83L&amp;nQ(s\xca\x9a\xabc\xce\xca\xf1\x03\x1c7\x81'</t>
  </si>
  <si>
    <t>b'\x19c\xe7\xa4\xc8\xfa\xac\xca\xe1\x9ec\xe8Z\xb6\xc7mA\x00*Tp\xa9\xc7Fa\x8a!hx\x00\xd5\x10'</t>
  </si>
  <si>
    <t>b'_\xbf\xe5\t\xb2\xa0\x0b\xff\x8bs\xa9&amp;\xb6\x151\r\xd8\x17Nk\xd9\x08?\xbb\xc5\xa1\xaf\xbc\x98\xbc\xa4o'</t>
  </si>
  <si>
    <t>b'\xe5\xa0^\xe5\x97Ef\x17\x8d\xe8\xf6\xbfX\x8b,+\x9c\x12\t\x7fG\xd3\xd5\xb3\x87@\x15\xfdx\xe4\xbdG'</t>
  </si>
  <si>
    <t>b'\xacZ\x92ZA\xce\x02eV\rY\xac\xe0\xb1:W\xdf,~}n\xc3\x9b\xcas\xea\xda\xd0K7Y\xe3'</t>
  </si>
  <si>
    <t>b'\x96&lt;H\xc4n\xdd\x1a\x8b\xe7\xa1\xfa\xa2\xbb\xaa\xdb\x19:\xdbP^[\xb7\xe6\x0eN\xacy\x9b\x0c\xd3.\xd3'</t>
  </si>
  <si>
    <t>b'@+\xe7=\x134W\x8c\x13\x83\xad\x0fG \xc5\xb1q\xa3\xa2*\x93o9&amp;3#\x85\xc5\xc7\xd0\x94V'</t>
  </si>
  <si>
    <t>b'\x11\xb7\xa5X+\xab\x98G\xe9\x03\x9b\xdf\xb4\xb6\xdf\x0cc\xcd"\x1d\x85\xa1;\x9c\xb5&gt;\xb5\xce\xfeM\x90\xc4'</t>
  </si>
  <si>
    <t>b'\xe2\x7f&lt;\x14_\x13\xde\x9es\xa4yL\xa9\xd6\x9c\x1cW\x10Uo\x9278\xf5\x13\xae\x89\x9eT\x8dF\xe4'</t>
  </si>
  <si>
    <t>b'\x7f\xf6F\xb5\xb3\xeeo\xd4\xd3n\xd0\x90-\x9b|\xc1\xaf\xe5\x9d\xba\x17}a1\x90\x10\xa2N\x1e+j\xf8'</t>
  </si>
  <si>
    <t>b"6\x15\xa7T\xf5\xf2\xa5\x08\x98\xee&gt;j\xf3h\xc1\x12I\x9f]Q\x8eM\xee\xc9\x1e\xb5hr\xdcZ'\x87"</t>
  </si>
  <si>
    <t>b'u\xc52Y\x84\x11\x1eP~\xf4&amp;\xa6\xbf\x19\xf0\xaf\xa7\x08K\x13\x15\x0e\xd0\x1dauZ\xf2\x12\x17\xb83'</t>
  </si>
  <si>
    <t>b'\x15p\xce\xf6\xc7\x80\xfb3\xbe\x06o\xf9\x96\xfa\x8f\xf1N\xf4\x96\t\r7\xe4\x02\x8d\xc5\xa0\xe0R\x8e\x11\xcf'</t>
  </si>
  <si>
    <t>b'\xf9o\x8f8\x05\x12\x9dip\xbf{\xdb\x8f\xa0\xf8\xf9\x05\xee\xc4\x00\xa4_\x8f\\kY~\x170\x92 \x15'</t>
  </si>
  <si>
    <t>b'\xb9\xd4\xe5\xcai\x01@d\xacl}\x97f\xd8\xc1\x9f\xdaV\xf2R\xca\x8as\x13\xdf7;6\x06\xee\xaa\x12'</t>
  </si>
  <si>
    <t>b'\x0c\x82\xfcT@P\x9b|m\xbbw\xfbZ\xbd\xe3a\xf0\x16\xf3!\xde\x1d\xfbHe\xc0\xcf\x8a$\xb6\xc1\xa3'</t>
  </si>
  <si>
    <t>b';\xed7\x11\xfeE\x00\x8a&lt;\xc3\x87\xe3\xf4\x035\x9d\n\xa7|\xfa\x9aIs\xfeO1\xcf\x06\x1a\xc6&lt;"'</t>
  </si>
  <si>
    <t>b'&amp;&lt;\x96\xb2\x99j\x1dp\xfe\r)\x83\xfe\x03\x87\xdd\xe3\xc5\xd1\xad\xfb\xa4!ic\xd4\x9c\x9a6\xc2\xd6\x80'</t>
  </si>
  <si>
    <t>b'\xe6(\x98\x03\xb3!\xf7BG\xfff\x13\x87\xd7Z\x0fP\xc5\xc9\xfc\xda!\xc0\xba\x1d\xe8\xe0\xa5\xf7\x06\xdd\x04'</t>
  </si>
  <si>
    <t>b'8\xc6\xd6\x8f\x89\xdc\x83\xb6\xb4\xa3\xbf\xb9\xa1\xc9\xf6\x91p\xe2\xdfG&gt;y&lt;YN\xad\xa9;G\xc2\xcc\xd8'</t>
  </si>
  <si>
    <t>b"\xdf\x0ckC\xfd\x9c2Tr\xf0\xder,\xf18H\xd0\x95|n\x94p\xdd\xb5~\x82\xafc\xfaP'|"</t>
  </si>
  <si>
    <t>b'\xdc\x8f\n\\h\xcfE\xf7\x04\xe5RC\xbb\x13\x99\x95f\xe5t\x1e\xb0\xdf\xde^H6\x9c*\x91\xf0\xbf\xed'</t>
  </si>
  <si>
    <t>b'\x99\x8c\xf7\x0e\xbcU\x0fm\xe7\xeb\x94*\xbc\x84/`&gt;\xb1H\xb1\x97?L\x8a\x92f\x84\x08z\x9b\x9c\xb5'</t>
  </si>
  <si>
    <t>b'\xd4\xf6\xdf\xb9\xa9\xf1W\xedr\xa6\xca\x8d0;\xaf\xbbz\x85Xj\x1d\xf4*uf\xba\xdfM\x9bf\x08\x83'</t>
  </si>
  <si>
    <t>b'y\x97\xc0\xec=3V\xf2[\xb7\xdfC\xa7t\x88\xd4\x02\x95~U\x83i\xad\x1a*`FE\xdb\xbagD'</t>
  </si>
  <si>
    <t>b'J\xe3\xb8\xca\x9ce\xa3\xff\xb5&amp;T\xf1%\x9f\x1b]\x0c\xbdJ\x9f\x087,\xadyX\xfb/\x84\xe4\xff_'</t>
  </si>
  <si>
    <t>b'\xb4\x1f\xbfe\xc8\xf9\xc0\x07\xb9\xd3\xc0J\x9f\xf2\xb6u\xc8G\x82!\x98\xe0E&amp;\xf2yF:\x17&lt;\xf8\xf7'</t>
  </si>
  <si>
    <t>b'1i#|\xa7\xb6/A\xde\xdb\xd0my\xe5$\x0c\x88\x87\x0c\xaa\xc8\xec\xcc&gt;,\x98"\x0e\xf9\xf0\x81H'</t>
  </si>
  <si>
    <t>b"(\x0cV&amp;[ \x8d\x02\x10\xa4\xa1=C&amp;\xebe\xfe\xf9\xeb\x81\x90\xe2\xa6\xf8\x9d\xee3\xf2\xc1g'\xf8"</t>
  </si>
  <si>
    <t>b'fTv1\x81\xfeG\xbdR\x89x\xbfK\x99\x100\x94\x1e\x9bO\xeeR\x9f\xb8\xdd\xf5\xd0~\xa1x\xd6x'</t>
  </si>
  <si>
    <t>b'\xb5\xf9]\xd0\xe2\xf6\x94\xf5\xe2\xcf\xbb\xaf\xa2\xbd\x88l!\xc5\xe1\xd0[\xfe\xe8\xd7\xa3\x95\x97\x98\xddJ\xc4\xdc'</t>
  </si>
  <si>
    <t>b'\xe3\xf3\xc4u\xe4\x0e\xb2}\xa6\x01\xfeGW\xe3\x91I\xa8%\xea\xe9xc\x00\xd5!1\xc6R\xa5\xd9\xa3\xec'</t>
  </si>
  <si>
    <t>b':\x83Hk\x9d\x94\x91M\xf6\xeb-\\\x0bb\xc0\xe9f88\x13\xf2\xc5\xe1\xa2\x1b\xca\x03f\x83Z\x0c\xe9'</t>
  </si>
  <si>
    <t>b'\x16#\xca\xc4@\xef6\xad\xbacF-\xf4\xb1\x03;6\xb87\x06\xc2\x8c\xf8)\x9b\xd6\x7f\xb7\x02C\xd4\x00'</t>
  </si>
  <si>
    <t>b'&lt;\x13$\x8d\x81\x921\x8e\x8b*#\xd5Er\xa4&gt;\x0e\xb0P}c\xf7*\xba;\x06cw\x12#\x07\x14'</t>
  </si>
  <si>
    <t>b'\x1b\xa4\x83\xbetp%\x97\xbd\xc2\x1d\x07\xd2\xf9\x00\x9bK\x04\xad\xf5\x01{\xb5E&gt;\xe8P$\xf4\x18]\xe9'</t>
  </si>
  <si>
    <t>b'\x1d\xce\xa5\xfca\x98v}cA\xbdX\xe9n\x95c6@\x9ac&gt;\xd7\x8e\xe8\xdf\xc8\xc3\xf2\xb1\xa7\x97\xf9'</t>
  </si>
  <si>
    <t>b'\xb4\xf3\xbf\xd7\x81\xce\xe5Y\x0c\xdf\xec\x8bU\xa6\xe4\xc2r%\x82\x98]H\xbda\xc2\xe7\xb3/%x\xee\x8c'</t>
  </si>
  <si>
    <t>b'\xb5\xbe\xfe\x8eR\xf8\x08Bp\x02\xe2\xf8/\x16\xc5Jv\x1f\xd6h\xc8\xcd\xcb*\x8fQY\xd2\xd2Dy\x95'</t>
  </si>
  <si>
    <t>b'a:\xbf\x9e\xae\x81\xdacM\x03\x80E\xa3qz\x9e&gt;2B\xeb\x96r\x8d\x1a\xed\xba\xd9\x81\xfd\xabk\xff'</t>
  </si>
  <si>
    <t>b'\x9e\xee\xa25\xb3\xf8\x85\x86\x88\xa7Q\x967\x15\x7fu\x13\xfbh\x19\xb8\xea\x88\xc5\x0e\xfe\xea\x91\x8fi\xee\xae'</t>
  </si>
  <si>
    <t>b'\x87\xdc\xbcB\xd5\x05\x10\xe1\xec\xdaO\xa5\xd0\x8d\xbc\xe8\x12\xf2y\x8d,\xd0\xb3k\xb37g\xc7k\xb2\xa0\xb5'</t>
  </si>
  <si>
    <t>b'F&gt;\x0f\x9e\x89\xa7\xfaLf\x9b\xc3&lt;bn\xec\xc5\x84\x0b+\t\xe2o\xec\x1b\xea\xd6\xfe\xf9\xfe\xc1J9'</t>
  </si>
  <si>
    <t>b'\x01\x11\xd2\xb8\x97\x1c7\x17\xe1\x04=wy\xee\x08v\xe1\xc0\xe7H\xbf\xe6\x94\xa6\xf5_\x1d\xcd\xec\x99\x99\x0c'</t>
  </si>
  <si>
    <t>b'!F\xbdG\xa1G\xe8\x9e!\xa0\\x\xb2|\x00\xa9` \xa3\x9a\x8d\x89x/\r*\xc9\xd7P\xacB\xfa'</t>
  </si>
  <si>
    <t>b'\x87\xc0\xa4o\xaeN~\xe8SBx\x1b\xd7$C\x9393\x01\xab\x17\xf6{\xca\xec*\xa3\xfa\x1fY\xe7\xde'</t>
  </si>
  <si>
    <t>b'Z\x0c\xf1v\xd6m\xbet\xae\x8a\x07\xaeV.dV\xf3\xbf\x08#\xf4\xb9z\x17\x8d\x9f\x98\xc0\x11T(\x85'</t>
  </si>
  <si>
    <t>b'\xb1\xc3\x89l\xa8\x8c9\x88\x00\x89\x08\xe7\xa1\x99\xe9~=\xdb]\x85\xbb\xf1\xcb\x15\x80\xbc\x85)\x8cUp\x13'</t>
  </si>
  <si>
    <t>b'r\xae\xf0\x98\x0e*\xc9P\xcb\xce\xc30\xfb\xfa\x04\xb7vX\xf2&lt;\x8aZdf\x82B\xefT\xafL\x99X'</t>
  </si>
  <si>
    <t>b'\xfc\x00\x8c)\xd0l\xc2{]\x01\x97\xf3\t\xd1\xc2\x1c\xfeE\xbe\xa2\x01\x0f\xed}\r0\x95\xc7\xb8\x9a\x90\xd8'</t>
  </si>
  <si>
    <t>b'\xb47\xfa\xaa\xdd\xceX\xad\xe4\xe5\x1bOMG\xf63\xd7\x1d\xcb[E\xa2\x18\x92]\x0fpNT\xc0\xdc\x8e'</t>
  </si>
  <si>
    <t>b"\xb1`'A\xbb\x12OQ\x9c\x82\xa1\x060u\x92\x9c\x98\xb7H\xf4\x96Ihu@\x0cq\x1e\x02A\xa0+"</t>
  </si>
  <si>
    <t>b"\x05n\xd0=\xca\x18\xa0\xd3v\xbd!\xe8\nU\xf7\t\x0e'\xdd\x89\x80\xbb\xa0\x15\xdb\xda\x1a[\x03\x9a\xab\x8e"</t>
  </si>
  <si>
    <t>b'b[\x7fY9N\r\xac9\xf9]\x17\x18\x96\xef\x8e\x17\xce\xca\x88g\xbd1\xef\xdb(xZm\xa3\x06\xdd'</t>
  </si>
  <si>
    <t>b'l\xca\x99\x053\xb5\x91\x0b\xba\xbc\xd9:\x0b\xd3\x94\xf5\x8c\x1e`\x8d\xe1\xa6}\x9f\xc3\xe2\xec\x10T&lt;\x9fJ'</t>
  </si>
  <si>
    <t>b"'\xbf\xae\xf24\xb6Q\xbc\xd7\x81\x9cr\x10\xf3-\x07\xa8o\x9e\x7f\\\x8cn\xc5\xdf7\xde\xb2P\xf4\x89\xa5"</t>
  </si>
  <si>
    <t>b'6\x91\x05W\xd2w\xc3)Lh\xe7\xfa\xb6\xf3\xcc:I\xdc\x86\xd9\x1a\xa4\xbc\xe1\x93\x14\xa9\xf2\xb3\x9d\xaa\xa1'</t>
  </si>
  <si>
    <t>b'\xde\xc1S\xc9\xa6\x08\xccT\xc8{\xaa\xd0\xc2\xedb\x02S\xd3\xe7%\xdcEBtwS\x04\xda\xee\t|\xcd'</t>
  </si>
  <si>
    <t>b'\xda\xc7Q\x83\xc7\xc5\x97\xb8r\x9f\x177\xc2YD;\xd4qE\xd7\x18\x01O\xc6\\\x0f\xd6?\x7f&lt;@\x1e'</t>
  </si>
  <si>
    <t>b'@\x9bJ\x1f\xa3\xc1\xdf\xcc\x89\xaao!\x9c\xfa\xdb\xf8]\x8d\x13\x13\xfb\xb3k\xb2/\x84\xe1Q\x8b\x0e&lt;\x06'</t>
  </si>
  <si>
    <t>b'\tX\xd4\xbb}=\tt\xcd\x91\xefq\x1cY#\xeaw\xd9\xc8\x0c\xd7\xe3\x87\r\x9b\xed\x12K\x85UF\x9c'</t>
  </si>
  <si>
    <t>b"u\xec\x88\x87\x10\xf9\xf0'4\xf7'\n\x11kH\xe8\x9a4\x1e\x84\xb9\xc5%\x8d#?'N\x15\xe2\xaf\xcd"</t>
  </si>
  <si>
    <t>b'\x85\x83\xd6\x01\x9d\xd3lE2\xbf\xfbS,j\xba\xec\xbf\xf8\xee\xbb\x89\x02)\x14\xebh_\x8bk=`\xc8'</t>
  </si>
  <si>
    <t>b'!I4\x7f\x98\xf4\x95\xbc\xdd&amp;`\x968\xd8;C6\xea\xc9&amp;\xcc\x19\xae\xe6\xfaW\x8fF\t\x1a\xec\t'</t>
  </si>
  <si>
    <t>b'[\xb71xA\x16\x03\xe2)\xc2\x1c\x80\x07\'\xfe\x1eH\nE\xb7&gt;"\x94&gt;3(Syn\x04^\x9f'</t>
  </si>
  <si>
    <t>b'\x11\xd4J^&gt;iK\x8dc-\xd3\xb2\xc1\xec\x16\x8ck\xad\x97\x8c\xac\xb1.\x836\xb7u\x97\xb6,H\xad'</t>
  </si>
  <si>
    <t>b'sP]\x16\xb4\x97\x01M\xd3\x86\r\xdc\x1a\n2\x107\x852\xb5\x07\xc5\x8d\x91\x9f\x870\x9d\xdf&gt;\xa8\x15'</t>
  </si>
  <si>
    <t>b'\x8b"\t\xd7t\xf5\xca\xac\x97\x12\xc7q\xc17u\xd2\xdad\xc6\x0f\x86\x7f}7\xa6&gt;\x11\x8a\x92P\xa2\xc5'</t>
  </si>
  <si>
    <t>b'`O\xb0\x02wX8j\x10-\x18B\xa9\xf9#\x90\xcaK\xd9\xce\xa2\xf1\xd1\xf2$/\xbb\xcb\x87\xdcmU'</t>
  </si>
  <si>
    <t>b'\xc4\x13:\xc0\x89\xce\xc9\xfc\x19;\x17t\xa4S\x98x\xe9\xa5;\xb6t^@\xdf\xfek\xde\xbb\xf8\t\x94\xf9'</t>
  </si>
  <si>
    <t>b'\x8e\xeeY.\xab\xc8\xefMT&lt;A%\xb3\x0c\xa8\xa8:}v?\xa6\xb7\xadA\x04D\x9a7\xf7\xd1\x8d@'</t>
  </si>
  <si>
    <t>b'Qp{[\xae\x93\xd8\xb6\\Z7P9\x16}\xc9{\xf5\xeb\x88\xf5/\xd0\x8fg\xb0C\x8f\xc6\xb4\x0b\xfd'</t>
  </si>
  <si>
    <t>b'\x04\xfc\x97I\xdfG\x9a\xa0\x01\xcc.\xbe+sZ\xd7\xa6Y\xc6A%.`\x9f\xe6N\x91\x12\xa6\x0b\x84r'</t>
  </si>
  <si>
    <t>b'\x88\xe4\x1f}\xd8k\xbd\x9f\x7f\xff\x0c)//n\xec\x04\x84\xb4\xa2WYCu\xdb]\xda\t3\xbb\x9de'</t>
  </si>
  <si>
    <t>b':\xcd\x82\xa0\x0b\xb7%Fp.lr&gt;d\xfci:\xd19\xbaK\xd3\x02\xa5Za\xe5@\x1c\xc3\xdaM'</t>
  </si>
  <si>
    <t>b'\xfeF9\xc6{=\xdcCFNv\xac\x00\xf5K|\x12\xc5\x93\xc0\xad\x8c\x8dB\xebY\xdb\xf6\xc1`&gt;8'</t>
  </si>
  <si>
    <t>b'G\xf0gS\xe6\x8f\x00p\xed\x18\x83^\xf5\xc1\x96\x8f\xc4=\x89\xda\x00\xfeX5\xcc8=W\xeb\xef\xfe\x8e'</t>
  </si>
  <si>
    <t>b"\xa4DN|\xe6'9\xb5\xe5\xdd?\xff\xd9$\xd1I-n\xd0Upu\xb2(&gt;\xb9J/\xb4\x87\xa2\x87"</t>
  </si>
  <si>
    <t>b'\xa5\x02\xaa-\xa47\xd6\x91ca\x0f\xe1\xa2]W"T\xf2\xe9\x8a=\xfe\xffgy&gt;b&gt;u\xe3\xe3\xf7'</t>
  </si>
  <si>
    <t>b']\x85\xf6\x84\xba\xc7|~&gt;*\x8c\x0f\xc6ep\x9a_\x9b&gt;\xda-\xad\xad\x17\x1e\xdei\x9e\xe9v\x16)'</t>
  </si>
  <si>
    <t>b'F\x00B\xa5=\xf4\x04H0\xf3@\xce\x17\x9d\n\xd8\xb3\x12a\x8a\x96h\x7fRr\xfd\x9a\x82I\xd8\xd2\x88'</t>
  </si>
  <si>
    <t>b'w\xe0Ls(\xf6\xc9\xb4\xad;~\xd6\x9c\xe0Kg\xd4J\x9b]\xb6\xb3\xee\x8e\xf7\x91\xc5O\xbe\xc3\xf5:'</t>
  </si>
  <si>
    <t>b'\x19\xbb\xfdA~\xbf\x81\x1fVC\xac\xe5\x89\xe9\xe5\x80wN\xeePhh\xcf\xb0\x81pf\xa8+N\x04\x92'</t>
  </si>
  <si>
    <t>b'\xbb7M\xf5XPm\xa9W\x89_\xb9\x18\xd7T\xbd\xf2\xc9_\x11.\xed\xe6\xc0&lt;=\xfaz4T$X'</t>
  </si>
  <si>
    <t>b"E#\xfdN~'\xf4\xb4\xfc\x91\x9eqs|%\xb1\x82{m\t\x95\xa0\x98\xc0\xa6\xf9d\xcdn\x0b5W"</t>
  </si>
  <si>
    <t>b'\x1d\xe4\xdf-X\xbe\xa1\xe9}\xcc\x94\xe0G\x18\xddv7]\xd1\x1f\x17\xde\r\xbdO\xe4 \xe2Ly\x8e/'</t>
  </si>
  <si>
    <t>b"\xa9\xceU^n\xd4'\x99CI.\x8f\x7f\xf4\x03\xcf%cPw\xc00\xb5\xbf\x1a\xebr\x04\xd3\xfc\x9c\xfa"</t>
  </si>
  <si>
    <t>b'\x03fZ\x1c\xba\x13:\xa5\x04\xccVQ7\xc5\xc2\xaa\x11\xff\xcc\x0f\xc6\x0f\xab3\xa6\xf5\x9dAp\xd9\xd5\xa3'</t>
  </si>
  <si>
    <t>b'\x91\x9fS\xad\x94&gt;\xe6z\x9e\x99\xaf\xec\x02\x18\x1b\x85\xd3\xcb&lt;Z+b\xb1\xfb\x92?\x9b\x97YM\x92\xc8'</t>
  </si>
  <si>
    <t>b'nE\x82\x9d&lt;\xb0O\x90\x19\xf1_/\x1d\xe7\x89\n\x16&amp;\xe1\x8e\x13\xcb\x0ca\xfb\x94A0\xa5uz\xaf'</t>
  </si>
  <si>
    <t>b"c}\xbe\x8d\x0b\x92I\xe7\xe7\xc3\xf7'\x1a1\x1e*\x9c\x19\xb8i\x04\x93qS\xb9\xe9\xb8,\xbd}N\xe0"</t>
  </si>
  <si>
    <t>b'\x00\x9f\x93\xf7\xa59\xd6r\xab7\xf3\x04\x86\xdcf\x8b#\xb3\x1c\xcarh{hZg@\xddJ\xfeG('</t>
  </si>
  <si>
    <t>b'\x01\x1d#\xd9z\xe7\xd0\xcb)`a\xab\xdc\xea1\x8eO9~\x1e q\xc7M\x90z\x1b\xaen\x0b\xa7\xf8'</t>
  </si>
  <si>
    <t>b'\xc8Q\x02\x9c\xae|\x1el|y\xcc\xbcD\x19cz\xdb\xa9\x1e\x9c3&lt;\x87D\xabAi\x16Nw\xbc&lt;'</t>
  </si>
  <si>
    <t>b'5Q\xef\\[\xe1\xc2\xd7++:+~\xabp\x1f\xdf\xea\xb0\x1b\xb0|t\xd5\xda\x19\x91m#\x0eIg'</t>
  </si>
  <si>
    <t>b'N\xbcp\x98e\xb9*}x\x18\xd2\x03\xee \xda)&amp;\xc4\xd6\xaf\xa3\x00\xffy9d\x88\rQ\x02{Y'</t>
  </si>
  <si>
    <t>b'\xac\xd4R\xec\xb82X{J\x1a\xa3\xbaa:yW\xfa\tD\xd2\xcdq=Q\xfa$rm\xb5,\x86\x1f'</t>
  </si>
  <si>
    <t>b'\xa6H\xe3lcG:\xfe\x04]\x90\xea\xaf\t\xbf\xb5jLic\x02\xad\x8ap\x81\x05Y\xb7L\x13\x1c7'</t>
  </si>
  <si>
    <t>b'\xb9.&lt;\x85\x98\xf7\x89;\xa7=\x8f\x98G\x14\xba\xa7\x15\xb1S\\8\xd3\xe7\xfa\xe8\x95w}\r{G\x99'</t>
  </si>
  <si>
    <t>b'\x02:\xd9"\xeb\x13\x08:\xb1]\xc9\xea;\x88\x08&lt;\'\x92\x0c\xc6!=\xdc\xbf\x12\xed\xfcFC\x08\xac\xe1'</t>
  </si>
  <si>
    <t>b'6\x9f\xcc\xa9!\x83\x80\xee\xe6\xc7H\t\x8fO\xb4\x9e\xac\xd7o\xbaG\xb6\xc0\x9fR\x0f\xd1r/\x02\x18\t'</t>
  </si>
  <si>
    <t>b'k\xd9\xb1\xff\x8c\xeeM\xa7\x88@\xe2\x10\xdc\xa2d\xe8v\xcb\xeb\x9a[k\xe3K\x16\xfc`\x8b\xdc\nr\xf4'</t>
  </si>
  <si>
    <t>b'`\xbd\xa0\xaf\xd1\xd2\xd9d\xaf*-Z\x1486l\\\xb3\x8c\r\xcd\x86\x8d\x04B\xee\xea\xe5\xdf\xd4\x1b0'</t>
  </si>
  <si>
    <t>b'8\xea\xc5\x80\xa6\xbd\x87Xu\xe5\xfa\xa6\xc4\xa8:\xc3\xa1\xfa\x84^\x07h\x84\x0f\x7f\x05\n\xe9\x05\x81\xef\x95'</t>
  </si>
  <si>
    <t>b'\x81Q\x10\xb6b\xb7u\x07\xc3\x90\xad\xd0&amp;\xf3\x05\x1dX9uj&amp;\xaaP\xfc\x87\x95\xca\xe3\xa7H\x18x'</t>
  </si>
  <si>
    <t>b'\x8cF:\xb1\x7f\xdc\xb1Z\xb8\xfe\xc57\xe6\x94L\x84\xb3\xc3\xd2\x02\xbb\xb56\x08mdY\xa9$\xee[\xd9'</t>
  </si>
  <si>
    <t>b'\xff\x01\xb7\x13DNQJb]\x8a\x8fY\xa7G\xfb\xa0\xb5X\x84r\xf2cZ\xb7\xac\xad\x08H\xc2a\xb3'</t>
  </si>
  <si>
    <t>b'\xd1\x82Z\xc5\x0c\xbd\xfc\x86\xfdndG\xbcF\x06\x06\x1b\xbd?|\x0f\x83\xbb\xdc\xd4&lt;\xfd\xd9y\x11\xe5\xc1'</t>
  </si>
  <si>
    <t>b'\xd9\xf7\x04\xed\xf9\x80\xd7P\xf4\xb8\xf8\x1b\x9f\xdcb\xa6\xeb\xa6\xbe\xd6\xfc\xa7\x1a\xea\xc6-k[\x9d\xe6\xf6\xcd'</t>
  </si>
  <si>
    <t>b'\xe7S\xa6\xfe\xff00gX\xa1}\xa8byq2!)\x97D\xe7\xab\x19\x1c\xd5]\xa9\xfe\rFQV'</t>
  </si>
  <si>
    <t>b'y\xb2\x02\xfc\xaeU\xb1e\x1c\xf3-\xcb5\x99DC\x15\xd1\x06\x82!\xa8X\x7f\x98Tt~\x1e\xe1\x7f\x10'</t>
  </si>
  <si>
    <t>b'\xb3N\xf6\xd0"\xc1\x92\xbfn"\x97\x07)C\xf4.\x01Y\x8e!\xfc\xee\xc9\x9b\xd9\x89\xe2\x18[\xfb\'\xe4'</t>
  </si>
  <si>
    <t>b'\x95\xb4\x16\xfcX\x94{}\t\xc3\xc3K\x9a5\xebSe\xd2\x8a\x80\x14iN\x03\x1d8\x9c\r\xaf\x1f\xde3'</t>
  </si>
  <si>
    <t>b'\xbd\x86[]\xfa\xb6&amp;v\xd7\x14Z\x15\xed\xd5\xb84\x82\xf2[\xb9\xc6\x96\x86\xc1\xd07\xee\x87HB\x1dZ'</t>
  </si>
  <si>
    <t>b'\xef\x8ar\x0b=\x9a\x81Q\x15\x1a\x9f\x1dqqU\xcb\xf8\xf6\x00&gt;\x96uH3\x8c\x1f\xad\x92nG\xcct'</t>
  </si>
  <si>
    <t>b'\xdb3\xf7\x8b&lt;\x13"\x8d\xc3R\x99\xc7\xf1\xd9$\x8a\xc0\x1eaa\xae\x91@\x9a\xd7H\xebX`"%\xeb'</t>
  </si>
  <si>
    <t>b'\x99s\x07\x9f\x017\xa8\xa7\x10y\xc5\x04\x81\x0eiR\xd5@?\x0f\x90(\x9a\xc8\\\x9co#\xa5\x96T\x1f'</t>
  </si>
  <si>
    <t>b'\n=\xf9\rY\xba\xf5\xdbH\xfc\x8c\xc2\xed\xe3h\x98e\x82\xb7)\x1d\xd3wl\xba\xba\x95\xf8e\xd1bg'</t>
  </si>
  <si>
    <t>b'\x1d\x0c\xe0o#\xa4X\x051^\x04`g\x96\xa5{?o1\xc7\xa1\xdcDq\xa3\xda&gt;\x9a\xa9#1\xd1'</t>
  </si>
  <si>
    <t>b'+\xfd\x9b\xc8\x0ew+4\x98i\xc0b\xb7v \x9e\xb5\x82\xff;j\x80\xb3-\xe7u\xef\x85\x14\x9bI{'</t>
  </si>
  <si>
    <t>b'\xb0\x9b\xfc0\xe8~\x0c\xbc\xad\xdf\xb2\xbb\xe8\xac\xacN\xd9\xcc\xf0\xd2~\xd1&amp;H\xa7\x16~f\xab0 H'</t>
  </si>
  <si>
    <t>b'\xfe;\x08\xd2\x03\xa4w\xd1\xe2#\xcay\xd5\x88\t\xe1\xbd\xfe\x06\xd0Oo\x17\xce\x1eH\xd0\x90\xf4\xcb&amp;z'</t>
  </si>
  <si>
    <t>b'}\x9f\x01K\xdd$\xad\x06&amp;\x054e\xde\xd4\x95%$\xcc_\xc0{&lt;~\xfa\xbe,\x9d!W\xff\xb6\xf2'</t>
  </si>
  <si>
    <t>b"\x80\xfc\xb8&lt;\xf3~e\xde\x10~W\xe2\xddcV\x97l\xa3=\x8cz,+\xf2\xa7{'A\xb5\x9cqp"</t>
  </si>
  <si>
    <t>b'=B$\x02\x051\xd5Q\x1c\xfe\xfb\x8f{@U\x05\xaaL\xcdK\xa0\xf5\xe6\x00\x8c\xecc\\6WXp'</t>
  </si>
  <si>
    <t>b"\xfa\xf9\xdfB\x83\x15\x99\x16n\xfb\xf3\x9f\xf1\xdd\x88\xd2\x08\x13\xf5\xdcl\xb0ce\xca\xb4\x0f\x1a'\x94\x16\xf7"</t>
  </si>
  <si>
    <t>b'\x8d\xab\x14\xc62\x17\x1c=o\xaa\xcc6P\x86\xcaW\xc6\xec\xed *\xec\x1b\xfd\x0f\xc87~\xc1o\xd8\xa5'</t>
  </si>
  <si>
    <t>b"\xe0\x9d^\xb0x\xbe$\x01\x1e\xfc\x82\xf0\xcb\xb3\xbe\x1e\xcf0g=P\xd8'\x96+\x82\xbe\x87\xc1\xa1\x8c\xf7"</t>
  </si>
  <si>
    <t>b'\x17\xf1\r\xef\x17\xef\xd0\r\x805f\xc8q\x84\xa5\x95G6\xb4d\xfe\xe7D\x9b\xa9\xe0\xa8F\xe8\xc8}7'</t>
  </si>
  <si>
    <t>b'\xcc\x1e@qs\xa1\xce\xa7mk\xfc\x7fF\x01\xa8Q\xb1\xcc:\x10\xebk\x08\xb3Q\xba+5\xe7dD6'</t>
  </si>
  <si>
    <t>b'\xd2s\xeb\x15+P\x05\n\x9c\x06h\x02H\x13\xd9\xcb\xa5\xeb\x81m*\x80\x94n\xb0\xb2\x80pN\xdd\xe2w'</t>
  </si>
  <si>
    <t>b'+\x7f\x85lc\xaa_\t)\x8b\x15\x14\x91M\\\xa8&lt;\xbcG\xb7\xec\xcc\xd3\x88\x05\x93e\x0b\xbe\xcb\xdc\xeb'</t>
  </si>
  <si>
    <t>b'\xd0!\xcc\xe3\xb7\xdc\x10\t#?\x1e\xdek\xff\xa2@\xdf*\xca\xed\x1am\xfc\xfa`\xb2z\xf6)\x01x\xaf'</t>
  </si>
  <si>
    <t>b'Z]K:u\x10\xbcc\x99\x94\rR\xa4\x7f\x00\x93\x84\xba\xf9.\xc0\xd6C\xe3O\x84\xee\x8c\x9b\xba\x113'</t>
  </si>
  <si>
    <t>b'9\xda\x1a\xcacv\x8e\xadF\xf6\xdd\x80\x86\xf8\x9b\x9cNH6?U\xb3f\x97\x89\xf8C\x13n\n\xad\xfe'</t>
  </si>
  <si>
    <t>b"H9\x1e\xbc'\x88w\x1c\xaep\xc7XXV\xe5Dx\x8b\xab\x07\x88\xe7m\x0b\xe4\xd1\xb3t\xba\rZ\xf7"</t>
  </si>
  <si>
    <t>b'\x81\xacw\x06\x96\xd4\xdf9\xdeX\x15_QS)&lt;\x8e\x84_Ib\xfaH\xf5\xf3)\xaecx\xae@\xee'</t>
  </si>
  <si>
    <t>b'\x87\xdb8\x8fp\xaa]\xa2\x1c\xd3\x17\xfcYZP\x9ap\xd3\x1f2\xf0U:\x96nT3\x17r&amp;c\x17'</t>
  </si>
  <si>
    <t>b'\xa9\xa8?\xf3_\xack\xb3\xab\xe9y\xa0\xf9\x0br\x02d\xbdd\xe7\xcc\x1b\xec\xa5\xc0"&gt;"\xa4\xa9~\xa6'</t>
  </si>
  <si>
    <t>b'G(s3n\xc5j8\x19\xaf;%\xe5y\x838L\xe4=36\xd5\xb9\xaf@C%%\xb2\xd0c\xb3'</t>
  </si>
  <si>
    <t>b'\xdf\x89\xaf\xe9\x0c\xd1L\xf4\xb3\xeam\xe6\xf1H=\x9b\xb6\xbf\xdf8\xca\x18\xcd\xc7\xd9\xe9\xde\xd5\xc5\xbfs\x1f'</t>
  </si>
  <si>
    <t>b'\xdc\x02h\xd7\xcc\n[\xb0\x9a\x80\xb1c\x18o|\xd6\xb2lq\xe3\x05\xefv\xa7\xdf\xc8\x9f&amp;h\xc7\xcf,'</t>
  </si>
  <si>
    <t>b'\xda\xcb\xa1ze\xa4\xac\xf7\x12:\xae\x11E\xb0s\xea\x86\n\xb8\x93\xd0T^\xde\xae\x11\xb2\xbf\xc1&amp;\xeb\x7f'</t>
  </si>
  <si>
    <t>b'f\xff\xbbD\x0c\x7f\x1fQ\x7fG(j\xa3\xe4k\xbb\xb0\x18\xb1\x9e$c\x1f\\zs\xe7\xba\x8e:\x05\x9a'</t>
  </si>
  <si>
    <t>b'\xd1y\xb9\xce\xa1\x98\xfc*\x85\x82\xb4\xa3BWn\x80\xe5)dz{Mc\xba\xc6\x0c\x88\x99\xd97\x1f='</t>
  </si>
  <si>
    <t>b'\x16\xc3\x95h?\xa8&gt;p"!#\xb5\x92\xa7\xf4\xb1\x87\xcd\xc5\xb4\x0f\x10T\xbbK\xa1\xfd\xb6\xf9\x06\x17\xcb'</t>
  </si>
  <si>
    <t>b':g\xbe\x8e\xb7hGHl\xfe\xacu-\x91Ao\xceTa\xec\xb0\xa7b\xb73;&amp;r\x8aM\xeb`'</t>
  </si>
  <si>
    <t>b'\x95u\x10v\x97\xf9v\x1a\xe6e\xd3\xff\x9dg\xd1@\xab\xc3P\x15|V\x8a\xf1~K\xc6\xbb}\x92\xb2f'</t>
  </si>
  <si>
    <t>b'c\xa9"C\xd0\xd0\x94v:\x05\x08\xcf\xb3\xd6\x9f)`\xd0\x1e\xe020o\x85\xbf\xdcp\xeeN?1\xae'</t>
  </si>
  <si>
    <t>b'\xbb:\xdb\x9a\xfc\xf8\xabmNy\x15\xafx\x9b\x99S%\x97\xed\x85p\xa5\x9c\xbf\xea\x12)\x01h\xfb`V'</t>
  </si>
  <si>
    <t>b'q\xe5z\x07\xb8\x17\xdd\xac\n\x0b\xd2\xc0\xf7V\xa0\xf2T\xdf\x99\x8d\xb3I\xd6\xccM\x0eY#\xbfT\x84g'</t>
  </si>
  <si>
    <t>b'\x02Y\x16}\x14 \x01;\xb11\xe5\x0cJ\xdf\xf3u\xcbp\xa7\x96\x97\x17Sn\x06\xa3\xb4\xe16\x1d\xa6\xd7'</t>
  </si>
  <si>
    <t>b'\xa8\x03\\=Z`\x19\x1e\x04^"\x13\xf5Q\r\xdc\xb0\'\x99]\x9aw\xfaj$[\xdcT\xd7\xc2\xa3h'</t>
  </si>
  <si>
    <t>b'\xea\x84\xbc3\x9e\x91B\x02\xd8\x9e\xcd\x12e\xf80R\xc3!\x03\xe7\x01\x19!sNtS\x035\xcf\x97c'</t>
  </si>
  <si>
    <t>b'\x02j\xff\xf0\x8a\x80H\x0c\xde\xbcj/\xea\x1d\x02\xe6\x05\xcd \x81]by\xcc\x81IM\x82\x18}\x9dt'</t>
  </si>
  <si>
    <t>b'\xcf\xbf\xceW{h\x80s\xe9\xd4C\x11!.\xb9TF9\xdc\x1658\x9d\xa2\xd9\xc4\x8c\xc5RZ\xdb$'</t>
  </si>
  <si>
    <t>b'|\x8fz{%b\x07S\x16\xce\xd7\xbc\xb53~cA\xed\xf4\x90\x1f\x81le\x85@\x0c\x80\xc9%\x9d\xe8'</t>
  </si>
  <si>
    <t>b'\xa5K{([A\xd0m`Z\xce\xefK\x8859\xb6%\xca\xec\xa5Z\xf6\xa8\x7fC\x86W\x1epEg'</t>
  </si>
  <si>
    <t>b'a\xab\xda\xcc\xf6\x08\xb1\xc1|\xc8\xc4\xbf\xe8\x91\xc3s\x97x\x07\xb5}\x15t\x89Hv\x9a\xae\\\xd4\x04\x16'</t>
  </si>
  <si>
    <t>b'\xc2\x10J\x81\xbe\xe4/r\xf5\xf5vr]\xea\x11$\xe0dV\x15/\x7fB\x07\x87{&gt;]\x87\xd3%\x95'</t>
  </si>
  <si>
    <t>b'\x05G\x8e/\xc5\x07\x18\xe8\xfb\xbb\xc8,d=\xf8\x8c\xa0\x06\xd7\xf8=`"\x98\xcb \x0eL\x0e\x93}#'</t>
  </si>
  <si>
    <t>b"\x84\xb1\xdf\x8b`\xdb[g\x95'\xf7\xbd\x8c\xb9#r[\xd8\x88L\xa22=\xa8\xd9\xe0\x08NJ\xf5\xc1\xf5"</t>
  </si>
  <si>
    <t>b'd,\xc5y\x1f\x90\x90\xdb\xb2\xf8\x96j\xc0\xcc\xd1\x7f\xa5\xdbY\xb3\x95\x1f\xd0\xc7\xc8\xe5\xaeDm\xbd\x9e\xe3'</t>
  </si>
  <si>
    <t>b"\xc9VY;\x7f\xbd7\xad\x865\xb3\x13W'\xaa\x07\xee\xa8vz\xa0H_\xe8o\n\xdd\xa6\xd2\x94\xe4\xbb"</t>
  </si>
  <si>
    <t>b'(\x8a\xc51\x1fj\xe17D\xa0\xbe)q\x11/\xac\xb9\x8c\xdaWj\xda\xcef\xe2k\xba\x9b\xc7\xf5\xd7L'</t>
  </si>
  <si>
    <t>b"\xf7\xc4s\x87RF\x02\xbc\x15\xd6-\xbb\x9dU\xef&gt;\x0bstHD\r\xb2\xf9\xc3A\x15\xd3\x1a\x85H'"</t>
  </si>
  <si>
    <t>b'\x7fS\x97\x8bvD\n\x10\x8b\xfd\xace}\r\xee\xed\x9c\xd7\x92e(\xf8\xca-\xb0\xf7\x01\x06^\xc0\x8b\x19'</t>
  </si>
  <si>
    <t>b'(G\xc8T\xfc\xafS\xf2\xf9l\xb8\x7f&lt;\xda\xb0}\x05A\xf8\xab\x07\x1c\xe8\xf6\xfd\x10\x83\x0b\xcd&gt;\xaaJ'</t>
  </si>
  <si>
    <t>b'\xd3a\x07\xf1\xb7o\xfc\xa0k%\xa8\xbe\xfc\x95\xbf\xb0\xbe\x12\xf49@\x1b\\\xa5\xb9a\x88M/~\x9e\x85'</t>
  </si>
  <si>
    <t>b"\x8bO\xfe\xef(n\x01\xf5\xa5\xd2\x9b\x94\x85A'G\xdf\x9az \x05\x90\x0f\xe6\x19\x03\xddfMD,'"</t>
  </si>
  <si>
    <t>b'\x96~\x9d\x9fR\xbc\xcb\xcd&gt;I\x0f\x83\x96p\t\xb5\xb0\xf6\x1dfW+\x03\x87\xe9@d\xbcG\xaa\x02W'</t>
  </si>
  <si>
    <t>b'}\xa5\xed\xa6AY\xcdI\xce#\xafY\x85\xa6t\xa7\xe7\xe5&gt;\r\xc9\x9a\xa5\x0bwI\x02\t\t\xfd\xb8\xf7'</t>
  </si>
  <si>
    <t>b'\xa5\xcd\xbc\x90\x9f\xcc\xd5\x04\xe8|\x07\xea~\x1dOG\xb6\xe9\xac;\xd5\xfe)8\xf8\x9e%\xbe0\xe4\xd4\xf8'</t>
  </si>
  <si>
    <t>b'qo\x82\xe6\xeb\xd3\xbd\xa1;\xbc\xf2\x1c\xb0\x04U\xa8|\x90&amp;\xad\x85\xd6\xae=w\xcf\xa8\xb3pGW5'</t>
  </si>
  <si>
    <t>b'\x89\x9e\xf8?\x03k\xef.\xb3\x1b\x8a\x1bj,\x91\xeb\xb5\xa98C\xf3\xe7\x92\xb0\xf8&gt;PM\x83\x86\xc6\xef'</t>
  </si>
  <si>
    <t>b"\xd2\x1e\x94\n6\x7f:\x13\xbb8\rF'&amp;&lt;\x9a\xfa \xfeh\xf7\xeb.\x0c\xa42\xe0\x7f\xaa\xb81\x87"</t>
  </si>
  <si>
    <t>b'A\xe2#?\xbc\x91S.\xa5U\xeec\xf5e\xbaG\xac1\xe5\xbf\xeb\xc5\xd1\x91m,\xcc\xc1\xd2\x14R\x8c'</t>
  </si>
  <si>
    <t>b"\x82\r\xc1\xef\x15\xaeP'\xf1\xd3\xb2\x00N\xcf(w\xe4u\xac|'\xf0\xf0\x83R\xea\x83O\xa3gU4"</t>
  </si>
  <si>
    <t>b'k\xb6\xa6SSp\\\x90"J\xb4!\xdf\xdbG\x84\nqHdSL\xfa|\x7f\xe0B\xf0=\x16\xb6\x05'</t>
  </si>
  <si>
    <t>b'\x8a{\xf7\x13C\x15\xa4\x90\x84\xdb\x0f\xa4\xab0\xc1\x9e`W\x08C\xe2\xe28\xac\x82\xd1M\xa3\xe3\x1a\x9e\xf7'</t>
  </si>
  <si>
    <t>b'\xbe\x84[\x97\x92XR`\x01\xc2\xb8\xbd\xda()E\x8fic\xf8QY\x85\xf2o\xab\x87\x81\xdb\x87\xfbU'</t>
  </si>
  <si>
    <t>b'\xf4\x0eQ{\xc3z\xc5Q\xa2?e^\x95\xbfy\x07Z\xc8\x0b\x94wQ];4\xb1\x18\xa2\x8d\xa8))'</t>
  </si>
  <si>
    <t>b'\x13=\xd7\xd8\xbeT\x9c\xd4\xd3Fj\xb2\x14&gt;\x83\x1eD\xb6\xf7\xcc\x08=.\xc8\x1e\x11\xd0y\xd8\x891w'</t>
  </si>
  <si>
    <t>b'\xd1e\xf0;dy\xf8\x86~\xe1j_\xaa\x8e9\xf5\x84\x9fa+\xa98_\xa1\xac[\xcb\x17\x19\x19\xb0\xd8'</t>
  </si>
  <si>
    <t>b'K!\xa3p\xcd\xbd\xa6F\xd2\x01O\x014\xbeG\xebA\x105C\x870ZdM_\xed6\x14\x80\xdd\xf6'</t>
  </si>
  <si>
    <t>b'\x89\x1ak\x8a~\xb2\xb7\xb8 \x9c\x120\x87\x19\xc8\x91\x12A-\x84\xd7\xc1\xe2\xac\xf33\xd9a\xa0\xe3_\xcf'</t>
  </si>
  <si>
    <t>b'\x99V\xcf\xfc\xb5+\xa2e\xee\xbcU\xd1\x01"u\xf7\xa7\xba\x0b\xediE&amp;+L\xa8\x93\xd6\xcc\xff\xe9\x96'</t>
  </si>
  <si>
    <t>b'p\xe7\xcb\x91~\t\x8b\xe4:;\xcf5\xec\x0e\xf3\xef3;p\xc5\x95\x05U\xd8\xe4b\x91\xf2\xb9"}1'</t>
  </si>
  <si>
    <t>b'\x92(Ykh\x15\xd1\xdd\x1d\xdcP\x9a\xbe\x90\x19U\xc6\xaa#6\x18E\xd7\xe8)\xa7^\xc6f\xf8f\xc5'</t>
  </si>
  <si>
    <t>b'S/\xa5w\xf7^\xb5\xbd\xdcG{Zv\xc1{\xfeg\xc1{\xaf\\i\x14\xfe*SS_\xa0we\xcb'</t>
  </si>
  <si>
    <t>b'6\x9b\xf6\xf4\xd3\xd76\xbd\x8a\xee\xa7\xe6\x07\x1b\x8bXd\x1eI\x9f\x96b\x1a\xeaZ\x05y\x1d\xb7h\xa9L'</t>
  </si>
  <si>
    <t>b'u\rR\x05\xe5\xe9I\x05\x06&gt;o}\x87\xc4\xf2\xd9\xb2\x88D\x95Y[2}Y\x81Sf\x12N\x81)'</t>
  </si>
  <si>
    <t>b'\xc6#\xeb\x07\xecw\xdd\x1e\xb3M(\x82\x87\x12i\x0b\xcc\x91$L){]\x92|\\\x1a\x1f\xdd\xdc\x93\xaa'</t>
  </si>
  <si>
    <t>b'N\xc6\x18\x128\xd8O\xd5\x82R\x0e_\x91\xdb\xac\x15\n\x01#\xa5\x98\xef\x17\xb7K\x0b;\x9f\x8ce\x85\xee'</t>
  </si>
  <si>
    <t>b'\x1b@da\xdc\x01\xa0\x15\']?\xa2\x13\xcf"X\xe1\x11\x14|L\xd9\xfcZEg\x18^kpYT'</t>
  </si>
  <si>
    <t>b"'%\xa2\x81\xa4f\xb4\xe6\x884\xd8\x8f\x1f\x86S8\x14{\x05}\xa6\xfe\xa4\xb0\xc5\xdb\xc3\x00\x18\x84\r\xf3"</t>
  </si>
  <si>
    <t>b'\xedddU\xa1\xec\xcf\x0b\x84\xb2\xd8\xf5\x17\x87\x0c\x87\x96\xd9-\xe0(sk=l\xa7S\xca}7S0'</t>
  </si>
  <si>
    <t>b'\xd3\xf4\xf0h\xba\x85\xbaJ\xe5\xc4^\xa2\xa8c\xfdW\xd5W\xfe8\x1e\xe8G\x91\x031\xa3\x12R\x1as\x1e'</t>
  </si>
  <si>
    <t>b'T5\xec\x91\x0f\xf6\x05\x14\x1b\xa2M\xa4D\xcfC`\xc6\xae\xbd\xc8,A\x90\xfc"V\xcfZ\x01\x95\x01s'</t>
  </si>
  <si>
    <t>b"e\x9cEA\xf4C\x93\xd2L\xe2q\x01\xb7($\x08\xf7\xb1D'y\xda\x83\xc73\xa2\xa2\x8b;N\xe1R"</t>
  </si>
  <si>
    <t>b"\x7fD# \xac\xd8O\x8d'\xc8\xd1\xb1\x83p\xcc\x91vS2i0\x01\x97\x80\xb5\xd2$\xcbEM\x9b\xaa"</t>
  </si>
  <si>
    <t>b'\xbe\x8e\x88\xcb\xa9\xce\x07s\x0b1\xa3s\r5(J\xeb\x1c\x1d\xb8V\x9c\xf5B\x87\x0f\x07gH\xc9\xe0y'</t>
  </si>
  <si>
    <t>b'\xd9\xc8@eE8\xd9\x9a\xe9\xde\xb2\x98\x99\x9a\xd7\xb2Z\xea\x06zQOd\xdf\xdd\xcc\n^\xcb\xc3m}'</t>
  </si>
  <si>
    <t>b'\xa5L\xc9\x96\xe5\x1a\xc6\x0b]9\x9b7\xa7\xdfL\xcd\xd1\xd7\xe3h\x88\x91\xcfq\xfa*\to\xd8\xc4\xe3\xe1'</t>
  </si>
  <si>
    <t>b'Nm\xe1\x13}\xef\x18\xef\xcc\x0b\xf5ny\x1cqs\xa2u\x171\xe3\xbc\xbf4\x11\xba\r\xb6P\xdc2\xe3'</t>
  </si>
  <si>
    <t>b'B\x9ac!\xdaM|\n(C\x8cc)\x00\xf7\x10\xca#\xa1\xc6p{J\x12\xb2\xbdN\xe6\x12W\xd2\x9c'</t>
  </si>
  <si>
    <t>b'\x11B\xdb\x9d\xa1\xe8\xcf\xed\xbb\xe0\xb1\xfe^S\n\x10\x96\xe8=\xb7!\xc3\xd4}C\xfd\xaa\x89\xadz\x7f\x1d'</t>
  </si>
  <si>
    <t>b'\xc7\xd8\x1c\xda\xa3\x13,\x0fG\xf4\x8cQ\x89\xf5$\x97\xc7\xe9%$\x8c\xac~\xc5\xc5\xe1\xd5\x08\x10E\x8a\x86'</t>
  </si>
  <si>
    <t>b'e#@j\x07B\xa9 \xcc\x15_\x11\x0c\x13\xeac\x10\xeff)\x99\xca\x8eZ\xb1 \rz\x8d\x1d\xf5\x08'</t>
  </si>
  <si>
    <t>b'\xd1G\xbb\x94\x81]\x18\x17\x1ff\xb5\xe7\x99\xc0\xc5z\xee\xb3\xebW\n\xc2\xd4\x8e\x16\x92\xfc\xe8j{\xed\xea'</t>
  </si>
  <si>
    <t>b'J7\x1a\x86/\x1cq)\x05\xdagW\x11\x1cc4\xc4\x99\x0b(\xe16\x81\xe4\xf9%\xfe\xa0\xf2\x0c\xe7\x94'</t>
  </si>
  <si>
    <t>b'\xf4\xc4\xa1\xa5\x9d\x82\xe0}\xb3\x96Z\xb3WeJ\xd5U\xf9\x8e.m\xa4\xf2\x8cH\x15$\x89\x01E\xa6\xae'</t>
  </si>
  <si>
    <t>b'\x07{:\xd6\xbaV\r\xad\x81[\x19\xd2\xe8\xe2V\x90E0\x1f\x89\xda{:cW\x8f,\x08%\x9c\xab\xe9'</t>
  </si>
  <si>
    <t>b'\x8cH\xc2.\xbdf\xa8i\xa0\x12\x13;\x1a\x13\x7fd0\x8e\x06\xbeC\x1c\xe3\xf2\xa3h\xe3\xfcF\x16\xe5\xd4'</t>
  </si>
  <si>
    <t>b'P\x8ep\x93\xe2\x0c\xe8\'F\xd2\xe0\xfeL\xdd\xa9\x11\x0c"\xcf\xea\x05g\xf5\x0f\xde\x8b+\xb5\xec\xe0{\xd7'</t>
  </si>
  <si>
    <t>b'\xc5,\xab?*\x9eM|\x10o\x15\xa0A\xc5n\x18\x9e\xa2K\x85\xaa\xb2Gx\xccK\x1f\x11Zp\x98A'</t>
  </si>
  <si>
    <t>b'&gt;\xdf\xe4K6\nO\xdd\xf4Z\xfa\xa7\x880A\x17\xc7\xd8\x90\x19\x9d-\x11AZ\xf2\x8f\x90x\xd7\x1d\xa4'</t>
  </si>
  <si>
    <t>b'\xe96,g\xe2\xb5\x0e\x0b,\xa8.D\xa5\xd9~\xe5\xa5\x06)\x15\xa1fo\xef\xc4\x85\xed\xdb\x93:\x8e\xbc'</t>
  </si>
  <si>
    <t>b'\x13\x8b\x118D6w\xc3U!\xbb\xfeK\x81?[v\x81&lt;\xce\x1e\xa0q\xbb(\xff\x9c\xe9\x051\xdb\x0c'</t>
  </si>
  <si>
    <t>b'f\x1cwx\x93\x02\xab\xc8\xb8\xb8\rY\xea\x83\xf1\r\xca\x98@\x8b.%E\xb5\xe9,u)\x14x\xf2\xf6'</t>
  </si>
  <si>
    <t>b"\x97\x8b\xe6\xa4:XFN\xbf['\x02\xc1a\x84\x9e\xf4\x8a\x02\xcb\xff\xc1e\x97\xaf\x84\x10\x05\x02\x81E\xd9"</t>
  </si>
  <si>
    <t>b'\xeb^\x19\xb7\x1f{\x11\x08\x91 \xf7\xb7\xd8\x13~\xe4\x88\x92\xaf\x10Q\xd90z\xda0\xd9?D\xc5\x86\xe4'</t>
  </si>
  <si>
    <t>b'\xc8&lt;cv\x7f\xaeT&lt;\xde\xf1\xcc^\x16\x15ML\xb6\xc4x^\xd5P\xba2\xc5RJ\x95\x92\xa1\x9b\x01'</t>
  </si>
  <si>
    <t>b'\xf5\x9c\x03\xe1+\xdd\xa0\xe8\n\xff\xf5\xb0i\xc7\x99E\x97\x86|\x9eP\x8a\xfe\x02\x95l1^\xcb\xb5\x8f.'</t>
  </si>
  <si>
    <t>b'\x01\xf4\xb92$\x88-\xba\xf6\xac\x92B?&gt;\xea^\xbeD\xffk\xb6\xed\xee\xaf\xe4\xd5\x9e\x806\x966\xc5'</t>
  </si>
  <si>
    <t>b'6\x92\x15\xcb\xdc:\xfc\xf0\x08\xfe\x8e\x00\x8c\xeb\x14\x9c\\\x8cL|W\xae\xfe\xad\xe5\r\xbco60\xeb\x1d'</t>
  </si>
  <si>
    <t>b'\xc7{}O\xb2Kj\x83\x98\xee\xab\xe9\xcd`~\x14\xd7\xbf3*\xdb\x90\x1b/\x9b\xdeu\xa0s%7='</t>
  </si>
  <si>
    <t>b'k\x9f\xb6V^\x1a\xc5\x08\xa6\x01\x89\xc6v\xee\xdd\xd3\x97du\x05\xba\xb0\xaeg\xa7^\xcd\x0eu\xbf\xc1\xa4'</t>
  </si>
  <si>
    <t>b"\xe3'\xa7\xba\xfcL&lt;o\x8e+\x7f\xd9\xd3f\x07\xbao\xf3\x96\xee0\x86\xb0\xbdV\xbe\x81\x07\xd0\xf7[7"</t>
  </si>
  <si>
    <t>b'\xd5\x84(\x8d\x92Z\x12[/\xb0\xfc\x9f\xff\xcd\x0b\xdf\xe0\xd1\xd2\xc9\x18\x8ek\xa4\x07\xea\xf4\xee\x13\xbf\x1b\xe4'</t>
  </si>
  <si>
    <t>b'\xf1\x01\xd2\x15\xc4n\xee\xbf\xea\xf5\x83-nv\x81\xc2\xec=\x88\xd6m\x12Q\xc4.\xb6\x87+\x1e\xd4\xe9\xe6'</t>
  </si>
  <si>
    <t>b"\xa9P\xe0\x0bZ\xde\xae\xf65k\x8d\x82\xc8\x8a\xc0'\x85P\t\x8es\xa0X\xfd\x96\xfd\x83&amp;\xfeK\xf1\xc3"</t>
  </si>
  <si>
    <t>b'\xe5\x95\x9e\xa3*\x1bx\xc0\x17\xe0,^\xa4|\x97\xacS\x93\xfb\xd8"v\xc0\xd2\x7f\xc5&lt;\x12?\xb8\xfd\x10'</t>
  </si>
  <si>
    <t>b'\x99J\x19\xc2\xe6x,T\xc0\xa9\xa6\x8b\xde\x8b\x8f\xea\xdb\xcdu0^9c\xb1\x13\xd2\xdf\x8c\xf5\xd0_8'</t>
  </si>
  <si>
    <t>b'Q\xe9p\xdc\xfd/\xb0\xfap7E\xd0\x84\xe5`\xd2\x10\xd1\xb7\x07\x00\xe7VU\x8b\xca4^Kv_g'</t>
  </si>
  <si>
    <t>b'e2\x19\xcb\xee\x91\x86\xed\xe1\xe7\xd3\xd2\x88\x87\xf9Z7$\x0b\xbd\x90\x0c\xb8\xd6\x0e\xe1\xe3\xe05d\xec]'</t>
  </si>
  <si>
    <t>b'T&gt;\xfaA.jb\xb1\x0bz\x13\xa1g\xe5\xaa\xd0\x05\xe3\xc3V3S\xf0\x8e\x88\x11\xce\xeaFD\x05,'</t>
  </si>
  <si>
    <t>b'ss\x9a\xb0\x91.h\x14\xa9\xf3\xe65\x1fG\x10\xf5"\xa3\xd8\x98\xea\x0e\xa3\xb5\x17I\x957\x8eG\x95\xe6'</t>
  </si>
  <si>
    <t>b'\x13\x01\x11o\xd1\xc8\x8c2\x024g\xfd\\\xca\xf4B\xc0VMe\xdf\x14\x89\xd0/\x11\xe7\x840\x98\xc1I'</t>
  </si>
  <si>
    <t>b'\x0f\xae\xc8\xf1B\x99e\xee\xe5|\xd4\xbd\x86Z6,\x1a\xd8\x9c&gt;-\x94\xe3\xbdg\x9a!\xa0\x90\x9b\xbd\x04'</t>
  </si>
  <si>
    <t>b'\xf9Y\xe1\xd6y\xf4EO\x95\\\x7fYo\x8d\xc6\xea&gt;\xc8\x96\xa7\x01o\x15\xd8?\xcf\xaa\xcf{}\xdfu'</t>
  </si>
  <si>
    <t>b'BI\xca?\xd5\xea\xb8\x81\xe2\x04\xcb}&gt;\xcf\x17\x93TO`\xb5\\\xbd\x80\xedA\xf8o,\xe0\x07\xdc\xca'</t>
  </si>
  <si>
    <t>b'8\xd7\xc3l_8\xfdq\xdf\x87+.yF\x929@\xa1g)S_\x92\x9f&amp;\xf5{\x88\xa7k\x9b\x0b'</t>
  </si>
  <si>
    <t>b'\xf9,\xa2\xf5\xd5\xbb\xcb\xb6\xdc{!\xb1\x12\x9d\x94(&amp;\xc7\xe1\x82R\x8a\x03\xfd\x87H\xfd#\x8b\x0cJ\x1b'</t>
  </si>
  <si>
    <t>b'\xb2J\x82\xc3\xc9\x11\x16l\xc3\xaf\r\xac\xa5j\xc3\x99\xedEzG\x14LWb\xd5\xee\xa9\xa5\xf2Z\xad/'</t>
  </si>
  <si>
    <t>b"\xc4;\xcc\xbd\xd6\xb8\xfbXS\xcf\x80\x91\x8e\xe2W\xf7vH'.\x12\x82\xac\xed?+\xd2\x04\xcf\x13\x7f\xb2"</t>
  </si>
  <si>
    <t>b'e(9#\x9e4D\x02%\xdd\x1a\x15\x96\xbe\n3\xbdB\xb0\xa7\x10\xed\x83\xa2\x8f\n\xd1s\xb3\xf2\x94\x1d'</t>
  </si>
  <si>
    <t>b'\x93\xd2M\xb6\xd5=\x18\xac\xe9M\x89\xb3\x8f\xf2\xf0\xe5\xb7\x8a\x9cEH\x98\xf5\xfflo\x05\xc6\xe5\xbe\xf5\xab'</t>
  </si>
  <si>
    <t>b"0\xcc\xa9\xb7a~k\r\xdc'\x90\x88PF[\xba\xfa3S8&lt;\x84k\xe5!\x1c\xea\x89&lt;\xd7\xc9\x87"</t>
  </si>
  <si>
    <t>b'\xfc\x1a\xd7S\x7f\xa1-\xc8\x9c\x0c\x8b\x96\x9c|\x90\x8d\x01\x08\x12IuM4/\xf1+\xc1\xbb\xd6?$\xcc'</t>
  </si>
  <si>
    <t>b'D\x01\xa4\xbb\xc6\x7f\x9adJ\x8f\xa3x\xa1\xfd\xdc^\x1b\xc9c\x1c\xf9j\xaa`\x9c5y\x9a\xa8Vqr'</t>
  </si>
  <si>
    <t>b"np\xedP\x14-\x06\xb8\x19m\xc5X\x01\x9c\xceD2IN\xe2\xa8c,KW\xeb,\x99\xbb\xc0\xbb'"</t>
  </si>
  <si>
    <t>b'\xeed(4;\x0e\x9f7\xa9N"\x81\x8bz\x87\xd3\x14\n\xbd\xcd\xed\x81u\xda0\xe1F\x0b\xbf\xa7\x9a\xac'</t>
  </si>
  <si>
    <t>b'\xd5\xb2\xac&lt;\x9f\xfd\x95\x9e\xab\xdeF\xf4\xe7_\xf3-\xf8\x08\x8c\x94\xa7&amp;n\x89\x85?\\\xee5\x987\x1b'</t>
  </si>
  <si>
    <t>b"\xc9\xbcR\xffq\x0b?k\x1e|U\x7f\xeb\xa9\x86\xde'?\xf7\x1c\x1f*i\x08\xde\x17p#ep8\xfe"</t>
  </si>
  <si>
    <t>b'\x9b,\x84q\xd3\xea=]8\xa2o9\x88\x87\xf8\x10K\xb2\x19xJ\xbb#\xbc\xf9O\xb3\x8b \x8c\xdfG'</t>
  </si>
  <si>
    <t>b'\xa2\x86\xde\xd4\x84\xb5\xcf\xe8\xdbOO\x85\xe7b\xa7"\xf1\x13+G\xd3\xd0\x91\x05\x02P\xafC\xd9K\x94\xde'</t>
  </si>
  <si>
    <t>b'\xac\x8ekM\x7f\x0eI\xd9M\xa2\x1fk?\xe5\xfdX\x85\x0f\xe9.\xae\x0b\xd6\xf2x\xf5C\xaf&gt;\xb3\xe3\x8d'</t>
  </si>
  <si>
    <t>b'@\xf4K\xc5\xe4~G\x9eK\x92\xf0\x97\x1d]\xa8H\xf9~&gt;\x91\x9a\xa1\xfd+IQ\xbb\x05\xa9\x11J\xe3'</t>
  </si>
  <si>
    <t>b'\xcf\xe3\xaa\x0c\x04\x18\xe1\x9c+X\x9f\x18\x93\x06R\xdb\xb8]\xb3\xe5\x92\xf4O;\xd3s\xe8\x93\xf5\xf3\x02\xee'</t>
  </si>
  <si>
    <t>b"\x82'A\xb2\xbf\xac\x9d\xdc\\\x96\x02\x8d6\xae\xa3\xb5N\xf7\x9d\xf1T\xa3n\xd8}\xd0\xfb\x04p\x01\xee\xf2"</t>
  </si>
  <si>
    <t>b'\x85\x8e\x9a\xcc\xd2\xac(\xf5\xc2\xed\xda\xdd\xe8~8\xfb\x17QG\xca-\xe5\xfc\x0cQ \xc6\x8b\xb3p\xe8\xab'</t>
  </si>
  <si>
    <t>b'\xdea\xc7}\xbc\x00\xf0\n\xb3\xed\x99\xb8\x88.\xb6\xf9\x12\x13\x14\xf9\xab\xaeA\x05\xcd\xbc!r\xef\xfa\xe0\xd9'</t>
  </si>
  <si>
    <t>b"3\xfb\x0f\x0eIj\xde\xdf~\xf1\xbc\xd9'/\xcb\x93 66\xa4\xc8\xe7F\xf6\x8a\xb8\xebod\x00\x81\xeb"</t>
  </si>
  <si>
    <t>b'\xeb7_\xa8\xc6\x99\x0b\xad\xddM\x1eP\x0f\x16\xa2\xef\xd28z\x9a[Tf\x01\xde\x8a#\xbe\x13\xad\xff\x7f'</t>
  </si>
  <si>
    <t>b'\xa6\xc9|\x82\x85.p\xe3\x10qp\x90\x01\x99\x1f\xc3\xcd\xe0}\x85*\tT\rT\x83\xfe;\xdah\xad.'</t>
  </si>
  <si>
    <t>b'\xf2\x07\x0f\xcdH\x1cNnS@\xe0\xd2\xb30\xbc\x8f\xdf\xc8\xd5\x1a\xb2\xe9\x05\xa9\xb5\x10\xffw\xc8!\xae\xaf'</t>
  </si>
  <si>
    <t>b"\x96;\x9d\x04\xfd\x88cY\xbb\x9d1\x89\xff_z\x08\xa9`O\xde\x12\xfe{\xaf\xf5\x90\xdb\x13'\xe4\xb9\xa4"</t>
  </si>
  <si>
    <t>b'\xbd\x07\x13\xd6\x98\xa2z4-\xfc\xab\xa6aEa\x03k%&lt;\xad\xa0h\x10\x87\xbb\xe8D\x95E\x97\xaf\x08'</t>
  </si>
  <si>
    <t>b'\x84\x91\xe3Y\xc5%\xfe\x98\xcf\x81\n\xfd\xdaO\xfa\xa1\xcb\xae\x1a\xea\x17\xc8,1P\xcf\xe7-y\xf15T'</t>
  </si>
  <si>
    <t>b'\xac\xcd\xad\xb7\xe2"\xfc\x8dJ\xea]\xda;\xcaoo\xdc\x80\xd8\xfe\xd4s\x02B\xa4\xf58\x9f\x96\xaa\xf0\xfe'</t>
  </si>
  <si>
    <t>b'\x94|\xdb\xb1\xac\r\x96\x84XZ\xfdNA\xb0Z\xcc\xe1\x9ej\xf6\x07\x86\x81\xfc\x15\x9az?S4\x15='</t>
  </si>
  <si>
    <t>b"\xcf\x024\x0f\x8b\x82]\x01\xb7\x87\xa3'%\xab\xb5\xf3\xad\x08\xdai\xc8\xa9d\x13\x87\xa2\xd6\xd6@9[L"</t>
  </si>
  <si>
    <t>b'\xfb\xd7:\xd5~\xee\xe2\xf2\x06VP\x11T\x8b\xb1\x91\xa9\xd6\n4\x8c\xf5\x89\xa5\xea\x0f\xaaS\x0f1\xc8\x84'</t>
  </si>
  <si>
    <t>b"\xbf'(1;\\\ni\x12\x88\x1f[\xc5\xd4\xe4\x85d\xd8\xe0\xee\xe5\xe6`;\x90{\xc2\x92\xb5\xde\xd2!"</t>
  </si>
  <si>
    <t>b"u\xaa[\x8a\x9e)6ej:h\x91\xa5\x7f&lt;D\xd0'7\xf4\xc2\xb2_=\x8f\x8dB\x9f\xda\xfez\x9d"</t>
  </si>
  <si>
    <t>b"T\x8b\x85D\xff\x0c\xee\xcc\x88t5[\xa0\xe6X\x7fM=|',\xc5C$\x8f\xe3X\xdbY\x93\xaf\x1a"</t>
  </si>
  <si>
    <t>b'k\xa9\xd4\x16\x18\xf2M\xb9n\xeeg\xa32,+7\x11\xaaP\xe2\xe1.q\xfc\x93C\xceQ\x9a\xaf\xb3J'</t>
  </si>
  <si>
    <t>b'\x83\x1c\xa3\xcc\x18\x96\x9a\xaa\x1bW\xc0Cu\x00\xdd\xc8T\xf4\x17\x96\xb9\xe8M\x15d!\x1b\xe0\xea\xe4#/'</t>
  </si>
  <si>
    <t>b'F\xf0\xe7U\xd1\xf6\x9a\xce=\xc2\xc2\x17\x08\xac\xea6Vv\x86jx[!U\x17X\xf5-17HL'</t>
  </si>
  <si>
    <t>b'5\x80\xb2,\xfd\x0b\xebr\x16\x8c\xdb*)\xd6\x1eR\x8a\xf0\r\xd8!\xc3+\xd7 5\xd0~\xf5\x1a\xc3Y'</t>
  </si>
  <si>
    <t>b'x\xe7Y7g4\xa5gwr\x80f2\x11\xfc\x86LVJ\x8aZ\x86\xffh|\x9dua\x08*\x94 '</t>
  </si>
  <si>
    <t>b'E&gt;\xeb\x82\xed\xf7\xb3?\xefO+\\\xaa=\xd2\x8c\xb8\x9dF&amp;1\xfd4^\xdaJ\x9b2[C\xed\xea'</t>
  </si>
  <si>
    <t>b'\x04\xfa+7\x04W\xc87X\xbaLb\xcb\x05)\xe7H\xafS\x96/Y-\xe3\t\xf5\xe3\x9c\x11\x1b\xe4\xff'</t>
  </si>
  <si>
    <t>b']=\xab\xcdl\x9a\x85\x17\x11\xd0#\xe0?\x97A]\xb2\x83\xabS\x0c\xadF\xa3\xd1\xc3\xf0\xe1\x14\n\x94\xaa'</t>
  </si>
  <si>
    <t>b'&lt;\x04\xa62\xc1\xa9s%G|\xe7\x14\x85B\xe2u\xed\x83(\xe00\xeaD-\xc5\x15\xc9\xaee(g\xc7'</t>
  </si>
  <si>
    <t>b"\xce\xed\x19[\x1e\xc8\x07\x15\xd7\xc8\xf8('\xb6\x03\x92\x85[b`\x1c\xa5~\x8di\xa9w\xc3\xe6\x0e\x19q"</t>
  </si>
  <si>
    <t>b'!\xb9M\xcc\xb7\xbc\x93}\xef\xdb\x89&gt;\xa3\xc8^\xf6\xa6~\xa6\xad\x14\xf9\xef&gt;\xc6g\xb3\xb5\x97}\xc8\xe7'</t>
  </si>
  <si>
    <t>b"\x05gE|'\x8f\xeet\xe8$\x97\x8bAi\xbcxx\x98\xe1\xe8\xc7Z\xf2\x05c\xc4#9\x03\xbcT\x05"</t>
  </si>
  <si>
    <t>b'o\xb4\xcd\xf4\xcc\xf7\xae\x03\xc4\xa4\xf5\xf9\x14i\xd3\x00\xd3\xa6B\xbb\t\xb68\x04\xcaR\xcf`+\x98\x1e\xc2'</t>
  </si>
  <si>
    <t>b'e\xfd\x0c7\xda9\xa8\xf9&amp;\xcd\xc8\xd4\x02f\xc3\xd1\x13\x84\xa9\rF\xef\r\xdf\x06@x\xde\xb7M\xdad'</t>
  </si>
  <si>
    <t>b'\x8bq\x84p\x92\x90\xcde\xbc\xfc\xee\x02\xd7\xa1\x05\x99\x025\x80\x7fB\xb34\xa7\xf8\x06\n\tj/A`'</t>
  </si>
  <si>
    <t>b'c\xe6\x01\xea\x18\x12\x11&amp;\xf9\x97\xc4\x8f\x97\x1f\x82\xf3\xcf\xb8j\xa5\xe7o\xab\xd4\x13\xd9W\x14\xef\xb0d\x83'</t>
  </si>
  <si>
    <t>b'\x92fIj\x00\xf8\xd7\xbc\x81eW\xf9\x1f2\xfc\x0f6lx\x90\xb3w/w\xbfRr\x92\xd1\xfa\n\x15'</t>
  </si>
  <si>
    <t>b'\xa5\xe2\x87\x01&amp;\xfe\xfa\x8a\xb4\xd6\xc47\x9d00\x17\x14\xc1*%\x86\xfc\xa5\xff\xcd\xbcm\x11\xe6\xdc4\x8a'</t>
  </si>
  <si>
    <t>b'\x18\xb0\xfa\x13\x85\x95Q\xfe\xc7\xf0Q\xe9\x82\x13e\n\x11\xe4d\xfc\x11~\xc6\x9f\xeb\xc40K5\xb9\xfdL'</t>
  </si>
  <si>
    <t>b"\xb0\xdct1'&amp;\x14*\xc1\xfeo\t\x13NQ\xccU\xb9\x0f\xeav\r\xe3\x1d\xd4\x15\xab\xe4\xd6Je\x12"</t>
  </si>
  <si>
    <t>b'\x8e\xe7&gt;0\x17\xc0\xcfE\xb1\x03\x02\x13\x1b\x03\xc5=\xe63\xd7\xcd\xf0^2"\xe7F\xd7\xdd{\xca\xdf\x85'</t>
  </si>
  <si>
    <t>b'Ax\xea\x005\x03\x13G\xa9r\xc9\x03\x19\xf5v\xd5\x0e\xa2By\x01s\\\xd6\xb6\xa4U\x1d\x00\n\xf7\xf4'</t>
  </si>
  <si>
    <t>b'6[\x7fM9\x89`\xf2\xe9\xdbv\x1f\x90\x14q\xaa\xa5\xd7\xdc\xb1\xbc\xcf!t\x8d{\xd9\xfd\xcc\xa5aM'</t>
  </si>
  <si>
    <t>b'|\xca\xfa\x9b\xe3\xb0\x1d)\xdao0\xc0\x0f\xd0\x98P\xbd}V"\xba\xcb\x18\x8a\x08\x95L\x16z\x998\xeb'</t>
  </si>
  <si>
    <t>b'}6 \xc5q=9\xd7\x046\xbf\xcepc2\x9f\xc6\xd0\xab\xb5\x87\x84\xad\xb7\xb4\xc2\x17\xe0\x18\xe5^1'</t>
  </si>
  <si>
    <t>b'\xbd\r\xdc|bH\x86\x83\x1a8\xbe\xce\xbd@\xcf\x1d\xf2*"\x95\x05\x8d\xef\xa5\x06*Y\xa5\x02Tg\xda'</t>
  </si>
  <si>
    <t>b'\xab\x8c\x84i\xe2%U\xf9$\xb8\xee!h\xd7P]\x8aNe\xd7\xf5R\xbb]^\xb2X\x8b\xa5\xbe\xbb&gt;'</t>
  </si>
  <si>
    <t>b"\xbed](\x8drWQ\x96'#\x1dVstai\x1d5\xa8\xf6^\xc2\x99\xc4R\x95\xd9\x05f\xcd\xef"</t>
  </si>
  <si>
    <t>b'1/8#\xc5W;\r\xf8\xbd\x12?\xe0\xaa\x91\x86\xff^kNh\xa4\x1e`aQ\xca\xe7\xd4^\x9f\x9b'</t>
  </si>
  <si>
    <t>b'E\xba\x8e\x89\x82\x14M\x7f\x12X~\xa2\xf1T\xe0\x15\xeb\xba\xf1\x8e\x9f\x9e7Rx!\x14\x91\xe0\xb3&amp;\xaf'</t>
  </si>
  <si>
    <t>b'G\xf6\xb1\xbd\xa0\xe4\xfe\xfd$V|\x84I\xcbwQR\xcc\xa1\xeat\xae\x81\xf1\xecdye\x19\xea\x1a\x90'</t>
  </si>
  <si>
    <t>b'\xd6P~\n\x14\x08vAz\xb0\xd1\x88\xce+\xdc\xfd\xc7\xe1\x7f\x08\xb1\xc1\xde\xd4\xa8\xc6\xc1\x8cE\xebc\xe9'</t>
  </si>
  <si>
    <t>b'\x16\x1d|y\xff\x80l\x08\xc9\xf5;\x07\x83=\xb1jg\xb9\xd49N\xb2zR\xc9\x98\xcfH\xd7%-B'</t>
  </si>
  <si>
    <t>b'"g\x1b\x1c\xe8\xb6\xa6z\xa3\xb2\xf7\xee\x07\xc8\x08\xb5\xa3\x86t\x9d\xff\xbd\xef\xf9\xa9=\xe7\xcc\x91br|'</t>
  </si>
  <si>
    <t>b'd\xf7\x8d0\xe5\xcd\xef\x03\x8c@\x15\x08}\x95\x9d\x00E7\x8en\xf8y\xff\xa4F\xb7\xb1G\xca\x9d\xc8\x89'</t>
  </si>
  <si>
    <t>b"~\xeb\x80\xbd\xcf\x8a\x00\x8c6\xbb\xe6\xe3\xd9\x02U\x18u\xf2$\xd1BP\x9f\xef\x9cf\xc9'\xb9\x05\xdb\xe2"</t>
  </si>
  <si>
    <t>b'\xbf\x96\xdeM\\\xa7P`\x81\x9dt=&amp;Q\xf37_\x07\xf3\xa0\xc9\x86:v\xb1\x9dL`\x0c\xdd\xa9\xcb'</t>
  </si>
  <si>
    <t>b'\xb0\x92\x0cz,\x13\xb4I\x84m\x9e\x1ds\xe49\xbfQ\xcd\xdc\x07\xdd\x0e\r\x9c+\x90\xc8/r^\xdb0'</t>
  </si>
  <si>
    <t>b"\xafMb\xa6\xd8\xc0mX\xf8\x94X\x12^&gt;\x90\x89\x0e'\xd0\t9\xfc\\\xa0 \x83aw\xc2p\xc6o"</t>
  </si>
  <si>
    <t>b'\x97`\xe2I"N\xc5\xb9\x17\xc7\x7f\x0cB-\xc7gS\xf0$(\xb7\xdb\xc4b\x96Tx\xcd\x8fw\x15\xed'</t>
  </si>
  <si>
    <t>b"\xb7\xecJ\xb9'\x88g\x0b\x14\xd3\xe4=\x14\xdcX\x8d\rN\n\xe7=\xfb_P/g\x95\xcd\xf1\x91\x99\xff"</t>
  </si>
  <si>
    <t>b'\xc0\xf7\xc3V+\xd2\x81:\x06Enf\x019\xff\x1a\xe0\x08\rasz\xec\xfc\xbe\x06\x1eCc$\x90\xcf'</t>
  </si>
  <si>
    <t>b'7\xda\xfe\xbbi\xafj\xc15]u!\xc7 y\xb9\x94\xda\xc1$\x05\x0b\x9f\xb0\xf6\x96\xf2G@N[a'</t>
  </si>
  <si>
    <t>b'3#\xd2\x96WT\xf4\x97C\xac\xd5\xbf\xb7\xe2ts\xad\xba\x9dkx\xf2\x8d~G\x80\x0c\xa1U\xae(\x94'</t>
  </si>
  <si>
    <t>b'#1\xa5\x99\x011\xb0XP\x97\x7f\x83k@\xff`\xac\x0f\x1fS\x91(\xb1LK\xe7j\x99\xa0Z\xdbY'</t>
  </si>
  <si>
    <t>b'\xf9\xd07^\x9a\x14!\x99\n4p\x91\x9a\xfc\x7f\x15G\xd8\xe66\xba\xfeC\x92\xfd\x9b7\x18\xca\xf2\x08\xd8'</t>
  </si>
  <si>
    <t>b' d\x97\xf6\x82\xdf\x83\xb7\x8b\xeb\xf7u\x16\xd0&gt;KT\xd7&amp;)\xdf\xf1\x9c\x8c7h\x1eC{\x93\xd3\x97'</t>
  </si>
  <si>
    <t>b'?\xb1x\xcd\xe2\xf5\xed)\xce}\x1a\xb6\xdc\xd9TbB?(\x05#\xd1U2#\x8d\xc3\x1c\xd3\x9c!4'</t>
  </si>
  <si>
    <t>b'G\xeb\xc7\x8f\xc0R\xd87\x1d\xac\x9a\xe7\xb4\xd0w\x85w\x8a\xa6\x7f\x9d\x84\x17\x1d\xacv\x9d\xe9\x97\xae\xda&gt;'</t>
  </si>
  <si>
    <t>b'?\x1f\xa4-\xd9C\xb7\xb9#\xa4\xba\xce\x99\xc0\x1fp}:\xb4\x97\x15&lt;\x84\xffRP&gt;i4ITc'</t>
  </si>
  <si>
    <t>b'w\xc0ZlD\x9c\xab\x14\x85\xa3\xee\x02q\x1f\xfc*\xc1m\xe7\xe4\xbdR\xab\xcf\xadCj\x9d\x0b\x8eN\x06'</t>
  </si>
  <si>
    <t>b'E\xc1b\x99\x9cX%\x14\x92\xd2\x1e\x87*_\xc1\x1bv\xc5~\xe1\x12#[\xc0\xa9\x13EBM\xed+\t'</t>
  </si>
  <si>
    <t>b'\xa4\xd6\x10\xcft\xc9\x1c\x12\x93\xc7\xfb\xd6\xe3\x01\x9a`\x06;r/\xa3\xf0\xb9\xe8V\xdc\xcc\xe1\x94++\x93'</t>
  </si>
  <si>
    <t>b'\x0b}\xfd\x9f\x08XO\xe9\xc1\xff\x1d\x84\xf7x\xdc7\x92\xb1V\x89\x1fPh\xc6\xa5\x00\xda\x8b+?\x8c\x8f'</t>
  </si>
  <si>
    <t>b'\xb7\xd4\xce\xd9\x8e\xd95:\x97\x9a8~6\x1312\xb1~9\x98^\x99\xf9\x00\xbb\x8aT%\xb7\xd2\x0e\x18'</t>
  </si>
  <si>
    <t>b'\xa03\xda1\x86\xe4\x05\x92l\x08\x02X\x8d\x18"\x81\xfa\x9b\xfd\tk\xf8\xe7%\x08\x16T\x02\x89\x92\xe6/'</t>
  </si>
  <si>
    <t>b'\xd5\x0b\x9e\x8b\x87T\x83\xdc\xbc:NO\x197Y\xcb\x86\xaa\\]J\xce\x9c\x94W\xe8\x125[5r\xa9'</t>
  </si>
  <si>
    <t>b'\xc8s9\x8d\x12\xdf\xc9$\xb9\x05\xefc\x00\x17/\xa0F\x19\xe1\xf9\xa0nz\xcd\x93/\xfb\xe7\xfa\x963\xe7'</t>
  </si>
  <si>
    <t>b'\xca\x11\xc2y\xa2\xfd\x9d\x8e#\x1e\\,8\x05`\xeca\xb0\xfd\x92\xf0\xae\x84\x9f\xefT\xb6f;G\xe9Q'</t>
  </si>
  <si>
    <t>b'.\x8chD\xf4\x84\x90\x17Y\x03\xc3k{\xae\xd7\xe1\x12\xd6\xa7\x17\x10\x95D@\x0f\xc4]\xef\xde\xa5$\xda'</t>
  </si>
  <si>
    <t>b'\x03\xe9\xd9\xf3\xa8\xc72q\x1cv\x07\x05w\xc4"I\xc1\xb7\x18\xf1$d\xac\x9c\x0c\'\xb7^\xe8\x80\xd6\xab'</t>
  </si>
  <si>
    <t>b'\x80\xe4\xddT\xe6\x8b\x13\xc4\xe1\x1a"\xee\x89\xb8@8\xc3\x9ez\x1c\x19\x1bq\xef\xc1\x0e\xde\'\x9bf\x9f\x08'</t>
  </si>
  <si>
    <t>b'g\xbc\xeb&lt;yP\xd8\x07\xe3\xc6Kl\xba\x19\xf0\xb7\xa4h\x1f7\xb2ai\xd5\x95\x18M\xdc\x89\x91y\xb6'</t>
  </si>
  <si>
    <t>b'\xefoB\x18[\xa0\x1a\x93\xd5Y?0`t73)\x99\x87\xa7\xa2\x15\tL5\r}\x8c\xa2\xd6k\x9d'</t>
  </si>
  <si>
    <t>b'\xe2\xfc(^\xe5&gt;\xda\xcei\xdd\x02\xb6\xfc\xb8wq\x92{e4\xa9/@L\xe4\x1e\xbdC\xdeH\x13\xad'</t>
  </si>
  <si>
    <t>b'\xba\x15\x12p\xfd\xab\x9c\x80\xfde\x93\xe3\x8bb\x81\x0f\xd6\xbe\xd8(\xa5\xa1h\xfd\xb3\x05\x1d\xe1\x81~\xb4\xe9'</t>
  </si>
  <si>
    <t>b'|\x1f2\xc6\x88\xca\x0f?\xb2\xae\xfaZ\x80\xb4\x13\xff\xe1\x1d\xa9Q\xe2\x11:8m\xc8&lt;oZ\xc2\xaf\x89'</t>
  </si>
  <si>
    <t>b'\xb89\xbb\xa5\xd1\x82y{#\xa8\xc8\x8d\xdag\rs\xad\xdbh\xe4\xef\x86\xa4\xd9\n\xb6\x92\xa9\xf5\xe1\xac\xa3'</t>
  </si>
  <si>
    <t>b'g\xf1\xe9\xfb\xc4\x9aJ\xdf\x11\x96\xf7\xe0\xa3\xfa\xed\xab\x1c/9z\xc6\xfaV\x94\x19:\x1d\xe0\x97\xc2\x01\x92'</t>
  </si>
  <si>
    <t>b'\x9cGd30\xbd"w\\dC\xe5\xf4\xd2\xf7\xd6\x0cT\xa6\xee\x1d\x1cf\xe7\x93\x80\x99\xeeT\x1b\xf4v'</t>
  </si>
  <si>
    <t>b'B\xf5\x10]Bjv\xf4\xfb\xf6V\xad\x05\x9aW&gt;\xf4\xdawHIP\x1bu\x8e\xcb\xfau\xbfs\xb6T'</t>
  </si>
  <si>
    <t>b'\x0b3\xf4\xa68Z\x177#f\xaf]]l\xae\xda-\xf1\xd4I\xd2E\x80\xa6|\xea\x06\x07\xcc\xae\x0b\x1d'</t>
  </si>
  <si>
    <t>b'\xbe\x17\xb4\xcb\x8e\xe4\xf1\xb1$\xdc\xb9\xdbr]\xfd\x94j\xca\x85D%\x9fhd\x94\xd6\xca\xaa\xeb\x9c\x89\xa4'</t>
  </si>
  <si>
    <t>b'\x8e\xea@[\xdcE\xab0\x92Va\xd5\x0c\xf1\x03\xf0\x13f\xb0\x07\x9a\x18\xb0\x80{U\xd0gE\\\xef\xe0'</t>
  </si>
  <si>
    <t>b'\xb9X\xa8\x92\xdbW\x7f\xebWQ\x1a\xb6\xe5\x87&lt;,\x966\xdc\xbfta\xa8\xeb\xf8\x0b\xd2rU\xa3\x81X'</t>
  </si>
  <si>
    <t>b'qm`\xa9\xbajF\xa3\xdcy\xa4\xd1\x94)\'\xf2\x01\x1d^)\xb3\xf4\xb87\x99\x98\xad"\xdbM\x82\x9d'</t>
  </si>
  <si>
    <t>b'\xac~\xa8^T\xba-\x89\xbcFk\xb2\xad\xf5R\t0\xa3\x1b\x1c\xe0\xfb\x16\xafw\xa4vT\x83\x83\xd9\xb1'</t>
  </si>
  <si>
    <t>b'w\xef\xeb\x0b\xd8e\xbb\r\x0e\xd0\x1b\x87.\xf23\xd8C6\x99\xd0\xdep\xac T\x82\xdc6;\xbb\xbd\x93'</t>
  </si>
  <si>
    <t>b'\x8d\xf9G\xb3\x10\xd2\xf1\xc9k\x86\xd9\xa1\x90nJ\n\xe2\xbcB\xbf\xb7\x81\x99\xc5\xe7\x10R\xbc\xc8\x80\x00&lt;'</t>
  </si>
  <si>
    <t>b"\x89'F\xe21\x85\x1b\xbc\x17yR^\xee{\xccu\x7f\xcc\xaf2\xdd\xbcu\x859\xcd]\r(t@\x11"</t>
  </si>
  <si>
    <t>b'\xdc\xcbF\xd5F\xf0\xd2=\x98\xb6\xdb\xd5\x18\xad\xb4\xe5q\xb9\x8d\xd3\x9e\xad_[\xcb\x91\xe8V\xf5\xe9]z'</t>
  </si>
  <si>
    <t>b"\x95g\x84\xe7,\xdb\xa6BpI\xb9\x82hF\x9c\x18\x10@_\xd8\x7f\xfd\xcb&gt;=/\xab'\xa0n[\xf7"</t>
  </si>
  <si>
    <t>b'\xe5\xd8Y\x89b"\xc9\xec$\xab\x8aY\xbfjZ\xd7\xdfav&amp;%H\x9bZ\x04\xf5\xf7\xb5l\x1eV\xa5'</t>
  </si>
  <si>
    <t>b'\xe3L\x93\xa4t{`\x8b\xb6\x07\x9dY\xee\x01R\x92\xc8\x16q\xbc-%\xd7\x1e\xf4p\xde\x98\x88\tX\x1e'</t>
  </si>
  <si>
    <t>b'3,F\x169\xff\x89\xef\x8fl\xb3\xa8\xb9\xb3^\xe5\xf9\xb9\xde\xa02\x99Fc\x96\xd6\xb8\xb8\x8e\xcb\xe1\xbb'</t>
  </si>
  <si>
    <t>b'\xb1\xaf\x808\xe2\x1c\xbe&amp;;=\x19\xf6\xf3\n\x15\xc3\x80\xdc\xbbJ(\x94\xb4\x81\xf3\x0c\r,\xb5V\xcaK'</t>
  </si>
  <si>
    <t>b'\xcc3\xd2\xc8\xda\xf4\x98\xc8\x8efH\xd9\xd7\xfb`v\xfd\xe9\xf6]b\x0e\xb7\x9bz\xac%\x1b\xd8\x8e\xc8~'</t>
  </si>
  <si>
    <t>b'\xfa\x122\xe2\xf0\xf6\xb5_\xe6\xca\xcc\xd4\x98M\x83\x1e{\x0e\x83~\xcb\x12\xbf\xa2G**.\xaf\xdb\x80l'</t>
  </si>
  <si>
    <t>b';6\xf0\xf3\xe8w\x0f\x8b7\x7f\xb2\x19\xfc\x12m\x99\xaa\r\xcb\x07&amp;\x9c\xd5X\x1f\xa9q\xa2R\xf1\r?'</t>
  </si>
  <si>
    <t>b'j\x14\xe7\x1e%\xd9`\xfe\xa8\xed\xb7&amp;rx\xa2;\xde9\x17 \xa7\xc3&gt;\x9c\x9b\\S\x05\xb9\xe6\x0f\xe1'</t>
  </si>
  <si>
    <t>b'\xcc\xcc\x974\xab\xe5c"\xd1(D\xf9\xf1.\x1bnc\xbeP\x9a\x16\xde&lt;\xb3\x99\xf18/\x83+Y\x8c'</t>
  </si>
  <si>
    <t>b'Q\x81E%K\x11v\xa8Rw\xe6c\t\xfa\xd3\x8fO\xcc\x02$a=}W&lt;\x88\x18\xde\x01\n;\x00'</t>
  </si>
  <si>
    <t>b'\x0b(\x80C\x80\x16~\x9a\x00\xf7x&amp;\x9c\xa8QY\t\x8e\x8e~\x03\x15)\x0c\xdc\x12\x12\x9e|\x9egD'</t>
  </si>
  <si>
    <t>b'\x08bL\xca\xef\x82\x13\xa8\xed\x13D\xaa\x15\x82\x199\x97\xb2\x15\x93\xb6\xbf\xab\xf5\xe5\x1f\xfcGu\xfd\xc89'</t>
  </si>
  <si>
    <t>b'\xd9\x9a\xeb\xed\xcc\xce\xea)\xbf\xd2b\xfd\na\x1ed9\x92\x05\xb7,\x95\xf0\xc1\xa0\xf2r\xa0\x85\x9d\x9a"'</t>
  </si>
  <si>
    <t>b'\xfaN?\x0fA\xff[E\xb4\x7fv\xa1\x85m\xb8\xd7h\x00\x04\x96\x1a\x97\xc1\xc0I\n6P\x84UL\xc7'</t>
  </si>
  <si>
    <t>b'\xd88\xdd\xab\x1c\xf0\xfb\xdc\x9d\xecZP\xc78\\\xc4I\x82\xce\xf0m \xbf\xad\xbf\xe8\xa2\xd8\x8a\xc8\x10W'</t>
  </si>
  <si>
    <t>b'\'\xe5\xed\xa8K\x83\rD\xd8~\x0ef\x93"Q\xcf!\xd7\x96(\xef\xc6\x04\x06\x0fw\xccR\xc4eE~'</t>
  </si>
  <si>
    <t>b'\xb49e\xc2\xe9\xce\x86\xc5\x1b\x12\xf6\xa5"\x84\x84\x8dU\xa5\\\x1aA\x06\xf26\xc3-H\xdd\xe3"\xab9'</t>
  </si>
  <si>
    <t>b'\xa2\xfb\xb8"\x8f\xb9\xe5\xbe\xb4[\t\xb1U\xdb\xb6\xe4y\xddc\xbc\x92*\xe2\x80\xa7\xe1\xf4\x8c\\\x17\xdd\xae'</t>
  </si>
  <si>
    <t>b'\xb1\xbe\xfa\xe0\xdc\x0f6\xd7\r\xfdi\xd7\r\x14Gvy\xdf\x10\x1b\xbf\r\x01\xb4"P\xf1\xd7\x17\xf6\xf6l'</t>
  </si>
  <si>
    <t>b'\xb9\x10!\x1b&amp;\xf5@w\xe4@^\xf0\xe7\xf6\x14V\x11\xd8c B;Q\xaaq\x14[V\x99\xaa\xf5\x9a'</t>
  </si>
  <si>
    <t>b'p\x1a\xb7z8\x9dB6\x9a\xe0\xc6\x15\x8bg\xd4\xab\x00\xc3m\xb1x\x82\xc8\xd8\xf6\xcc\xedK\x84\xf3(\x84'</t>
  </si>
  <si>
    <t>b'U\x97\x0c\xd1\xd8J:\r\xbc\x8d\x9b)\xa3g\xf2\xf1\xf8\xcb\xb2{(\xbb\xfd\x84F1 X\x8c\x88\xa6\x10'</t>
  </si>
  <si>
    <t>b'\x9c,M\xf2\x1c\xb9\xe6\x14\xb1\xb5\xc3\xe5p\x1d\xae\r\x97\xa9\xb8xW\x8f\xbdNP\xb5\x894\x03\xb3xq'</t>
  </si>
  <si>
    <t>b'O\x1b\x94\xd0l\xf1M\xd5w7\xbf\x90\x1b\x03\x0e8\t~\xa8\x8bbg\xe7DE\xd1\xba\xdb\xaf\x06.\xb6'</t>
  </si>
  <si>
    <t>b'\x11&amp;h\xfb\xadF\xfd1\xf5/\x8d\x94\xd4B\x91\x9bP\xed8\xec\xcbw-\xbe\xbf\x97\x9b\x81\x8e\xa3~)'</t>
  </si>
  <si>
    <t>b'\xe8odI\xff!\xdb\xf3:&gt;gI\xa3\x1eM\x89\xd3\x8d\x02\x9dA\x91H\x9cT\xcf\xde"kj\xd4\xdb'</t>
  </si>
  <si>
    <t>b'\xc9/&amp;X\x9b\xd9\x8a\x95\x06 \x887U\x7fnMK\x87\xcc4\xa7\x071V\xaa\x88!\x1e\x17\xa1\xee\xc1'</t>
  </si>
  <si>
    <t>b'$W\xc5@\xc7\xa4\xe8\xff\x7f\xaf\x11\xafZ`j`\x91\xd9\x1d,Q$`*\xd1\xd0\xfd\xea\xe8\xc4\x10Z'</t>
  </si>
  <si>
    <t>b'~\x08\x94&lt;\x19^\x01&amp;w\xaf\x9dg=\xd8\x0f\xa4\x86\xe7J\xba\xf7\xc8Ef]1\x01\xb2\xceF8\xdc'</t>
  </si>
  <si>
    <t>b'4\x9d\x13Q\xb8\xbd2=\x97\x10\x0ft)|b\x99UZ\xe9y%\xc6*er\x8c\n\x8c\x9dE\x10\xaa'</t>
  </si>
  <si>
    <t>b'\xfb\xaf\x10\x8a\x87{\xeb\x96\x1b\xdel\x13"h1\xe3h(\xdd\xde\xef\x16v\x8d\xaaz\xda\xed\x13\xba\x15%'</t>
  </si>
  <si>
    <t>b'\xe7c\xbf\x9f\x88O\xcc\xd1D\x0f1\xbd\x98\xf1H\xb0$\t\xa95qq\x85l\xea8\xf9\xb8\xff\xf3\xa8}'</t>
  </si>
  <si>
    <t>b'\xdc*L]OH\xf2\x8f\xd4.)&gt;\xe1\x1d[a\xd8To!\x8e\xfa\xf3O\xf4\xd1\x19W\xc3&amp;\x8a\xc0'</t>
  </si>
  <si>
    <t>b'HX\x9e\xe1V]\x9e\x17I\x9eYjd\xbb\xbb\xc7\x90\x19\x9c\xac\xe7\x8e\x19\xfa\xdc\x02\xfc\xf3\x90\xaa\xc3\xba'</t>
  </si>
  <si>
    <t>b'\xbc\x19\xe4\xffyYx*\x91\x13\x1c\xa1\xb7:t\x0fG\xb8\xd1z+w\xf5\xb6\x8b\x93hz9\x03\xb1\x81'</t>
  </si>
  <si>
    <t>b'\xc7^\x97\xa1\xc7\xbb\x81\xe9\xadx\x95\x80M\x95\x01\xce\x87(\x12\xcb\xc4B\xbc\xe8`\x91e\x00\xf9\xefD\xfd'</t>
  </si>
  <si>
    <t>b'AI\x05WeE@\xf5\x8c\xef\xf3\x9b\x80\x96\x9d\xca\xb9\x86o\xb1H\xf2-\xc3v\xd9\xca, \xa5\xed\xa3'</t>
  </si>
  <si>
    <t>b'\xd2\xec%\xc8\x03\x0b\xe2tb\x1d\xadW\x89^\xa6++&lt;\xb1M,wi\xe6\xeef\x93+\x9b\xe6\x06m'</t>
  </si>
  <si>
    <t>b'\xef\xd5\xea\x8b\x84v\xd9d\x99\xca\x13\xe65\xc2"\xd2\x9c=\t\r\r`\xdeX6\x7f\x04\x96\xce\x83\xff\xe9'</t>
  </si>
  <si>
    <t>b'\xa1\x01\xfb&gt;4]\xcd\x8d\x89\xce-8B\xd39q\xd9\x0c!\xaeJq5\xad\x90!\x01\xd5qUw\xd5'</t>
  </si>
  <si>
    <t>b'%\x05~\xa47\xe6l\xfb\xee$\x0cu\x13\xae\x84;kV\xed\xae\xf1E\xd0\x8ej1r\x07\x1c\x10$`'</t>
  </si>
  <si>
    <t>b'k\xa2\xdd&amp;\xae\x80\x88A\xbc\x0f\x148=+\x197\x08\x9c\tB1\xb6\xc2\x15r\xb3?D\x9d1\x83\xf0'</t>
  </si>
  <si>
    <t>b'\xff\t\xe6\x9d\x10W\xc4%B\xf7QP\x00Cu\xb1tj\xef\x08\xbb\x99O\x06\x9a\x86r\xe1\xbaSA\xf0'</t>
  </si>
  <si>
    <t>b'h\x14`\x06D,\x0b3\xfa\xdb\xa7 u\xf1\xff\x8bV\xa4\x1dJ\xf5\xcb\x99\xb6\xc9\xfc\x86\x87\xc0\xa2c\x1c'</t>
  </si>
  <si>
    <t>b'\xe7\xa5\xdb@\x96\x1cfN\xeb(\xdf\x19\xc0\x9c\x8d\x1cT\x94\xe60\x9f\xaf\xd2\xb8l\xa3\xe5ttIj\x93'</t>
  </si>
  <si>
    <t>b'1\xad\xa5@2\x17\xafr\xa7u}*\xe0\xeb\x8cWD\xf5H\xa0\xbe\x8d\xf2r&lt;\x18X\xc9\xf4\x0b+\xf3'</t>
  </si>
  <si>
    <t>b'\xb8\x94P\xc7\xbeZ`\xaa\x00\xf2\x156\xb4o\xdf\x99ke\r\xad\x0c\n\x80\xd1\x97J[\xe2g\xf7V\xc8'</t>
  </si>
  <si>
    <t>b'\\\xe0tf\x95\xb3\x07\x15\x9e\xf7qyj\x1b\xe7\x19 \xa9\xd6\xe2\xe1\xc9\x0f\x7f\x1a\x88p\xb8\x85\xcf\xb5l'</t>
  </si>
  <si>
    <t>b'\xb7/\x08lx\xa6\x8e\x7fI\xcf\xe5m\x13@\x9a\xe6g\xcbw\xbcV\xa1\xcb\xd1\x1e\xd0z\xb9-\xa9-\xd2'</t>
  </si>
  <si>
    <t>b'\x81`\xaa\xe7\x96\x16Ar%\xdb`j\xd5= \xb2\xd2Qc\xd4\xceO9I/\x05z\x8c\xb8\x06\x93j'</t>
  </si>
  <si>
    <t>b'\xef\xa6\xe5\xe7\xca\xff\xba\xa3B\x11=\xde},Q\xf18rJ\xd7\x1b\r\x18\\ Q\x91\xb9\t\x9c\xfa\xd3'</t>
  </si>
  <si>
    <t>b'!;\xa2}nwd\xb2\xaav\xb5\xab\x07\xd8oT:\xc2lr!:sR%\x8a\x12\x85\x96f]\xcb'</t>
  </si>
  <si>
    <t>b'\xec\xd2p:8x&lt;\xccr\xaa\xcd\x86 \x92\x8a\x89v\xba\xc3\xe7\xd9\x04j\x1c\x7fb;&amp;\x0e\xc8\xe6\x82'</t>
  </si>
  <si>
    <t>b' \xb2\x04~&gt;gz\x1f\xb75\x00\xeb\x00oj\xa3m\x1b+{&lt;\xa4\x1a\xbb\xcb\xb1|D|\xf7\xa2q'</t>
  </si>
  <si>
    <t>b'\xe6\xb5\x06\xaa\xa0\xd2$^\xeb\x1bMz\x9f\x9c\xac\xa1`\xf4\xfd\xa1\xb89V\x90\xdcJ\x85Y,\xb88\xcb'</t>
  </si>
  <si>
    <t>b'B\x83\xc7k\x0b\xb0\xca\xde\x882K#\xe8*\x9a\xe4\x97\xfa\x02\x0e\xfeAh\xba\xee\xe0\xe5@\xd3\x03\xab\xf5'</t>
  </si>
  <si>
    <t>b'-\xff\x9d\xc6D[\xe36\xbe\x92\xb2\x14D\xdcowS\xc9\xc95\xeb{\x12\r\x04\xc5\x17f\xe9\x18\xe6+'</t>
  </si>
  <si>
    <t>b'g\xf4\xce/\xb1\x90gyJS\xb9~`\x88po-m`vAP2\xad\xfc\xa9k\xe3i3`8'</t>
  </si>
  <si>
    <t>b'\x14\x10\x04Lh?O\x04\x92\xa1\xcf(\xc2\x87\xf6\x81\x06\xa5\x14\x10\xea1\xd9G\xe2\xffa\xd1P\xa9\x00\x13'</t>
  </si>
  <si>
    <t>b'\xeaP\xa1\xb78\xd9\xed\x192I[\xa6\xbdf\xd2\xcf\x81(\x10\x85ZX\xfb\xcch\xa2\x8a\xc31&lt;\xdc\xba'</t>
  </si>
  <si>
    <t>b'I\x9f^\xa3\xb5+\xdc X6]r(\x7f\x07\x08"%\xb8t\xf7\x80"\xa3+\xbfk*\xf6?\xf18'</t>
  </si>
  <si>
    <t>b'\x95\xb0\xac\x0eO\xa2\x93\x9f\xb3\xdb\'BOR=\xa2\x83\xfe\xf9\x9e\xe8\x033\x90\x98\x1a\xcb"\xd3`\x10\xb1'</t>
  </si>
  <si>
    <t>b'f\x80\xf3\x8d\x98\x15\xac\xe1`K\xeb\xab\x98e\xb3f("\xc21y\x87\xc4\xfd\x93\x9e\xd7\xd7\xe2C\xf9I'</t>
  </si>
  <si>
    <t>b'\x996\xbd\xd7\xf7\xcb\xbb.\x9f\xcd\\}\x11\x88C\xee\r\xcd\x84\xaf8Q\xa6\xba\xf3KJ\xa2G\x07\x12F'</t>
  </si>
  <si>
    <t>b"dJ!\x0cG\xdb7\xa8\xa6\x14E\x11\xcf\x815zrC\xce\xf8\x1b\x95\x08\x01n\xb9\x01\xdf\xe1'\x9c9"</t>
  </si>
  <si>
    <t>b'K1\xf3\x93jX\xad\xe0\xbb&gt;\xf3#_\xd8\xa5\xdcq\x11K4Tl\xbc\xd5`/9##\xe7!\xf2'</t>
  </si>
  <si>
    <t>b'\x8bz\xbb\x1a\xd9\xec;\xc4f\xa9X\xab9c;\x83\xef\xd6\xd7\xccO&lt;Mz\x1f\x1fwp\x92q\x98\x15'</t>
  </si>
  <si>
    <t>b"\x1b'&lt;\x8f)x^\xf0:I\xac\xf3\xf6\xe0d\xdc\x15\x87\x144\xaa/RK\xd2\xf6\xc6\x86mj\x7fu"</t>
  </si>
  <si>
    <t>b'\x1d\x04\xa06\x10m\x1a\xa8a\xa1L\x1c-\x83;&amp;\x95w,\xc3\xec\x87\xac\xbek\xac~$V\xd0S\xb4'</t>
  </si>
  <si>
    <t>b'\xf1M\xbd\xb8\x8c\xf5\x1c\xa0\xabkf\x90Z\xf3\xcf[srJ]\x7f\xf2f\xc0q\xe0\x88.g\x18\xdeA'</t>
  </si>
  <si>
    <t>b'\x94I\xe3t\xb1\xean\xb4`q\x96\x97t=\xe6\xcaO\x03\xd8\x88\x17\xbf!.\xc5\xcb\x90\x9c\xbb\xa0\xa3c'</t>
  </si>
  <si>
    <t>b'-x\x14.\xf8\xee\x8a\x10g\xa38/\x82oRAP\x16\xfb\x8b\xd9\x0e\xc4~\x11\x9bd\x00,W\x0e\xd1'</t>
  </si>
  <si>
    <t>b'\x92\x96y\x07&gt;\x19\xa2\x01\xb8\xf76\x10` \x85\xee\xac\x16\xd1&lt;\x19\x83\x1f\x90\xc3\x92\xbcv1\x92Nf'</t>
  </si>
  <si>
    <t>b'p%\xec\xdd4p\x810\xfc\xa4c\x02\xf9\xf4\x8c\xc0n8\x91\\\xda\xdae\x9b\xb8\x98\xdd}z!\xeeU'</t>
  </si>
  <si>
    <t>b'\xd8\xed8Y\xd6\x96\xc2\xca5sq\x17\xc2e!/D\xfc\xbf\xfd.\xa0f\xf6\xde\xec@F\xfa\xd8\xcd\xc6'</t>
  </si>
  <si>
    <t>b'\xca\xf2u\xfa\r\x17f\x8d\x9f`y\xb0\xe6\x1cm%\x92p\xdcJ\xac\x05o\xb8\xe4r\xb4\xa4\xd6O\xd3\xdf'</t>
  </si>
  <si>
    <t>b'"\xfbk\xe3\xbf\'\xbaE\x03\xd6&gt;1\xa0\xc5\x16?_T6\x02\x16\xda\x86\x05\xce\x05\x92\x92\x9b\xd8u\xb0'</t>
  </si>
  <si>
    <t>b'\xe4B\x1b\xf5i&gt;\x17\xe3-eC\xe3\xc3[\x9f\x86\xc9a\x1a@I\xac\xc5\xa6\xad\x1c\xb5,\xfc\xa1\xd2\\'</t>
  </si>
  <si>
    <t>b'&amp;\x88\xc5^\x93\xda\xaa-aC\x7f\x86\x8a]J\xa1r\xad\xc6\x83\xd1\xec?\xdcz\x8ay\xef\xa0N\xc8a'</t>
  </si>
  <si>
    <t>b"D\xa3\xefFo\xcd\xbf\xb7\xe8\x96lq\x89\xec\xf6r\\\x1d\xde\xd4\xb6\xf0;')\x9d\x03\xd5/]&gt;\xb4"</t>
  </si>
  <si>
    <t>b'\x98D\xff\xb4\xe06\xbc\xf3\xa5\xaa\xd8o\x14\x87\xa5\xad\xa6\x00\x04\x8a\xf1\xdeY\x1d\xcc\x17\xb4\x1f\xa1\xf0|\xb0'</t>
  </si>
  <si>
    <t>b'Y\x8c\x1bw\xd9C\nvc\xc5\xf6\xca\xf8D\xb4\xe2J\x1d\x92&lt;\x9c\x0c%c\xe1W\xf9\xe2\xe3\xb0Z\x99'</t>
  </si>
  <si>
    <t>b'\xfc\xb4i\xe2\xf3\x13\xe5O\xe7B\x80U\x95\xb3\xba\xf0/\xea\x08\x1d\x9c\xbf\xd2\xa9\xac\xcbP\x82\xad\xd3\xd28'</t>
  </si>
  <si>
    <t>b'\xdc\xf4\xa6Bu\xc2\xec\xa6.\xbcE\x0bjR\xd1o\x1a\xc3\x922\xd3\xa1\x05EF\x08\x0ev,\xa4\x01\x05'</t>
  </si>
  <si>
    <t>b'\xd8\xae*\xe6Z7/4\x07\x1a\xa4\xdb\x9f\x13m\xc58\xb2Ic\x87!\xf5\x9d\x9c\xa0-zU\xb1\x90\xc0'</t>
  </si>
  <si>
    <t>b'\xd5\xfcg\xf6\xef\x832\x1d\xdf;\x11\xb8C\x03\xc1Y\xcb\xd7l\xbd\xa7\xdd\xb02\xae7}\xc4Uz\xc01'</t>
  </si>
  <si>
    <t>b'\xbdm\xe9\x94b7zz\xe58"\x042\x18\xc6\xf6\x90\xeb\xa2\x1e)\x17L\x05\x1a\xffIZ\xc1\x1f\xce\xf3'</t>
  </si>
  <si>
    <t>b'\x96\xb4P\x1a\xd8\xb7U\x94\xe6\xc2\xdd\n\x16\x040x\xbd8\xbc\xf9\x9a\xc5\x14Z8.H\x9c\xbf\xb3J\x91'</t>
  </si>
  <si>
    <t>b'\xf4P\x03\x0f\xaf\xd6D\x15V\xe3\xed\xb6\x91\xb0\xf8E\xf5\x07\xf5\xaa\xd0\xa5r7G`\xc5\xbf&gt;5\x18k'</t>
  </si>
  <si>
    <t>b'\xfcL\x93U]\xfd\x0e\xb0\x06\x06\x88\xb9\t\xba\xa2\x07\xbe\x06\xfc\x9d\xec\x1aA\xf5F\x89\x8b\xb8-p,\x9e'</t>
  </si>
  <si>
    <t>b'\xb3\xe3\xbfk\xa4O;x{&amp;a\x01\xe5\x07J\xcd6\xae\x88;3J\xbc\x8cd\xb7\xca\x7f\xba"\xcc6'</t>
  </si>
  <si>
    <t>b'FG\x07\xbb\xec\x0eV/65kR\xd6\x1f\x97\x15\xe1\xf4\xa3\x1cr\x94h\xdc\xa2:lJ\x88\xfd\x1b\xb5'</t>
  </si>
  <si>
    <t>b'g\xf7qq\xab\x16\x0e\xb4\x925I\tBG\x17;\xe8\x91\xa7\x8fsy\xb9\xae\xa9%\x1e!\x9b\x95\x1c\xde'</t>
  </si>
  <si>
    <t>b'Qa*T\xb5\xc4\x1b[\x9e1\x06+\xfc\xe2\x90\xfb\xb7\x81\x14u5\xe6\xd3z\x01v)\x84%\x02O\x93'</t>
  </si>
  <si>
    <t>b"u\x92tt\xd4JO\xa2k\xc3\xdf\xa4\x88\x87g2\x86\x07\xbf\xc9\x0e-\xaa\x8d\xde\x1a\x99S\xdaZ'\xf5"</t>
  </si>
  <si>
    <t>b'Y\xde\x18\xb0\xa1\xdd\x85\xf0\xe6\xb2\x1e\xf8W\x9b\xd5Y\x01/\x97Cd\xcf*\x9b\x1b\x8c-\xd8Oj\xe29'</t>
  </si>
  <si>
    <t>b'\xf3\x99\xbe\xda\xfb\xcf\xd8\xae\x8f\xb8]7FE\\\xcf\x86`\xee&lt;d!2\xb3\xed\xaaj\xa3\xca \xb5\xf5'</t>
  </si>
  <si>
    <t>b'\xe3Z&gt;u\x1d\n\x19\xd5V\xe5\x8b\x9a\x83jfw\x0e*\xd4V\t\xd6\xacN6\xb2hd^\xab\xd5\xd4'</t>
  </si>
  <si>
    <t>b'j\x08E\xb7\xdc"\xb7\xe7\xff\xba\xb95\x9eT\xaa\x9c~\xf1\\\x04\x8a|\r\xc1\xe4iwQ\x81[\x9ca'</t>
  </si>
  <si>
    <t>b"l|\x01\xb1\x88\xe7y\x8f\x95;\xd2^\x9c\x1fc\xfb\xc93}\xfb\xb5G\xda\x1aZ'W :)\x0c\x8d"</t>
  </si>
  <si>
    <t>b'_\xe0\xfb7\xc5\xac\xcd.x\xc9i\x93\xc2\x81k\xaf\x9e\x1d\xac7\x90-{\x88\xbbx}\x0f\xbf\x134\x1b'</t>
  </si>
  <si>
    <t>b'\xcf)\xe4\xaa\xb1\xb9\xfdK\xa7@\xa7lf\xb7*\x10\x87\xf5\x0b\xec\x90\xe2\xa3V\xab\xd3\xf8\x7ff\x89\x18k'</t>
  </si>
  <si>
    <t>b"6\xfb[\x985\xffn\xa1\x8b\xba\x9f;\x87\x19&lt;p\xa3\xf8\x183\x07'\xe1\xbb\xb1\xa5\xee\xb7r\xd7r\xc3"</t>
  </si>
  <si>
    <t>b'\x1cB\xb6\xfbS\xa6\x85\x8e{(\x96:\x97\xde\xaec\xd7\x8fzE\x98l\x04&lt;\x00\xa7\xc4\x9a\xa2\xfe\xc1\x80'</t>
  </si>
  <si>
    <t>b'\xb6z\xc7\xe6\x06\xd5\x83=\x12@\xa1\x01\xdb\\-\x8a\xd2\x92\x99\xdb\x1f\x0f\xb3\x1c\xd5\xffE\xaa\xee1\x9e='</t>
  </si>
  <si>
    <t>b'\x14LL\xd0\t\x01\xcd\xbbe\xc7xr\xa8\xfc\xb8\xa6xH\xcb\xe2\xfb\x9e\xeb\xb02v\xd6\xfdc\x83\x82\x0b'</t>
  </si>
  <si>
    <t>b'o\xa33\xb3\xa2V\xd4\x90\xb5\x81\xc2\x80\xb9\xd8K\x91\xa0\xf3\xbb\xfcs\xa9x\xc6F\xefd"@\x1354'</t>
  </si>
  <si>
    <t>b'\x90\x06\xc1\x7f\x0cs\x00\xe7H4\xfa\xb7r\x8e\xd75K\xbb9\x91\x83\xde-\x18\xaai\xf1a\xae\xafv2'</t>
  </si>
  <si>
    <t>b"\xa3\xf5\xb5\x96^\xb8|\x89\xad\x81c\xa2\xa2Umw?\xba\xf7\x96Js\x9d\x8b\xe2\r\xbd8\xf9kE'"</t>
  </si>
  <si>
    <t>b'\xaf\x90\xbd\x08e\x96\xd5)\xf0\x07\xdf\x17\xd7\x18\xa15\x0e\xe6\xbfS\xccWQ\t\xeb\xb8&gt;\x9b\x0cu}\xed'</t>
  </si>
  <si>
    <t>b'\xeb\x91\x94\xacn\x00\xd0dxXt%M\xa2\xa1\xf7I_\xbaf\x0b\xd1\xd5\xa0\xec\xfb\xe4\xac\x9b?z\xf2'</t>
  </si>
  <si>
    <t>b' \x1e\x0b\xf1\xbd{\x1f\x846c8\xea\xb1\x7f1"}\x18%\x0e\x04L\xb08\xa0E\xfe\x81\xde\xe8\xec\xf4'</t>
  </si>
  <si>
    <t>b'\x16\xde\x89\x8dsr]\xcb;v\x98\x9c\x84y\xb0:\x17\xd2qi\xa8\xebzho\xe1\x90Kqz\xec]'</t>
  </si>
  <si>
    <t>b'h`\xd6\x81xw\xf7\x1b\x0e\xc2\x9aM\xba\x9aF\n\x0b\xd5=\xd4\xe3\x0e\xd1M\x0b]\x1b\xbe\xc0\xc6\xff\xd6'</t>
  </si>
  <si>
    <t>b'\xcf\xa0\x1a\xf1\xaaf\xe6\xb42\x94\xc2\xe8n\x96\xc6j\xe3g\xec\t\x04X\xab\x9f\x00\xd8\xe7\xd2W\xe2*\x13'</t>
  </si>
  <si>
    <t>b'q#\xb8|/\xee\x01?\xae0\xb7\xbb\x1e\xc8`=\x0c\x16\xf7\xc2\xa1\x15\xc0F\x86\xf7\x0bZ\xa8\xd5\x8d\xef'</t>
  </si>
  <si>
    <t>b'\xc0\xcf\x98\xc9\x14\x01MM\x08=)x\xa0;?-\xda\x89\xc4\x80\xe1^\x1f\x8f\xa2\xa1\xb0\xc4\x813\xcb\x99'</t>
  </si>
  <si>
    <t>b']\xcff\xa5\xe2^?"%{q\x9c\xec}n\xb1\t\xa9#\x03*B\x9f\x97\x99f\xe3\x0fK\rP\xa4'</t>
  </si>
  <si>
    <t>b'\r\x90\x1do\xb4\x0b\xbc\x07\x92\xf5\\\x0e\x9f^\x11]\xe8\x88Duw\x00[\xb4\xee\x1dz$S\x80\xcd\xd2'</t>
  </si>
  <si>
    <t>b'\xb2\x13(t\x87\x9e\xab\x01\xffZ"!\xa14&gt;s\'\xf2X\x80H&gt;\x07?\xfcg\x8c\x8esGc]'</t>
  </si>
  <si>
    <t>b';\x8fw\xa9m\xf2\xa4\xb6\xd0\xcc\\\xd3\xf7\xcd\xdd\xc1@\x06\xc5\xc0\x16\x18\x1f\xbf;0\xdf\xe8\xeb/s\x10'</t>
  </si>
  <si>
    <t>b'0\xb6lA\x8d.\x1e\xdb\xf7{\x86w\x16\x91\xa4\xae3\xc0;3\xc8f\xc3a\xe0xb\xdf\x1fR\xed\xc3'</t>
  </si>
  <si>
    <t>b'\xf6\xd4r\xe5o\xa8\xbb\xeb*\xf1\x8efb\xf2\xe4\xd12\xe4\xe0M}\xda=\x07\\\xa8\xb5\x87\x8f\x08sT'</t>
  </si>
  <si>
    <t>b"\xb6{+#\r\xcf\xfe\xd0\xa5\xcfg\x88oI%\n\x10\xb8\xd3\x0e'\x82Zw\xe66\x1f\x90\xf4\x0bn\xc8"</t>
  </si>
  <si>
    <t>b'\xe6)\xe3p\xddL\x89_H\x8b.|\x80\x90&gt;\xaa\x07\xd28\xa8\xbeZ\x0ep\xf7?\x17\r\xe3\xa5j\xa4'</t>
  </si>
  <si>
    <t>b'C\x11\xb7\x1e\xb4\xc5X&lt;\x10\x17\xe6\xbc\xa8l\xa0\xb1\xd7\x86w\xfaV\xb3\xa5\x9d8\xa3\x06\xc4p\x8c\x8b\xb8'</t>
  </si>
  <si>
    <t>b'\xbc\x0c*\x85\x93`I\xf9\x9c\xae\xd1\r\x0c\xde\x12\xcf\xcb\xab\xfb0\xc0\xee\xa8\xd0\xbdZ\xa3\xd1\xabQ\xd2\x1e'</t>
  </si>
  <si>
    <t>b"\x17\xb2j\xb5@\xd7\x94LQ\xfa\xf0\xc2\x88+\x1e\xef\xea\x8c]\xdeyoW'}\xbb\x88\x8e\xe5\t\x8f\xf8"</t>
  </si>
  <si>
    <t>b'\x05z\x1d\xd5\xa2\x9f\x1d\x11\xc1K\x12\x12\x10\x16\\$\xaf\xa3G\x1d0}!\xf9\xcb\xe6&lt;\x83\xdf\x9b85'</t>
  </si>
  <si>
    <t>b'B[da\x89\x81\xe5k\xae\xea(\xc5d\x98\xb1\xcf\x179W\xbfLO\x8adr\xfe\xa6\xeeK\x88P\n'</t>
  </si>
  <si>
    <t>b'3;\x8a\x10\x15\xbe\xb9\xc9\xa8bnh\xcc\t\x84\xfeW\x17\xb5f\xe6\xcf\xd9a\xe2o\x15\x1e\xff\xd9\xe9)'</t>
  </si>
  <si>
    <t>b'S1\xc2\xbd\xe1\x99^\x88l+&amp;\xf9\xd5\x88\x012n\xee\xcfX\xbcQJ\n\xcb\xda\x01\x15A\xf9\x1b\xea'</t>
  </si>
  <si>
    <t>b'x\xef\x8e\xabX#\x8f\x0f{0e\x15P\xf1\xd8\xc7\x7fA\xb7\x11\xf0\x99\xa3\x06\x8eL\xce\xae,/\xa5\xf2'</t>
  </si>
  <si>
    <t>b'\x03\xbf&amp;ix\x1e9\xd9\x06+\xa4X\xb6Y@\xa6A\x0b\xa0p\xf9\x9cG$-yx\xd4\xb1}K\x87'</t>
  </si>
  <si>
    <t>b"JbD\x98\xf1&amp;\xc2!\x8d\x8c\x13Z\x03\xbe\x8d\xce'i\x83_Qp@\xfd\x04=\xec\xdd9A\x93}"</t>
  </si>
  <si>
    <t>b"'t&gt;\xda\x1f| K%\x9ao\x04+\x9b\x89\x14\xb8\xdc\xd2\x9b(}\x86\xb0\x9a,\xa6\xc5\xd3\x95\xd0\t"</t>
  </si>
  <si>
    <t>b'\x1c\xdc\x08\xd7,\xb6"\xd4\x11YTU\xd8\xd7o\xce\x0b\xb5\x96\xf0\r\x99\xb9\xbc\x83\x92\x9d^\x14o\x7f\x9f'</t>
  </si>
  <si>
    <t>b'(8[^\xfa!\nh&lt;\x07x\x19\xc7\xd9\xbauW\xaeQkf\x1d\xf9\x04&amp;!\xc9%\xf8#S.'</t>
  </si>
  <si>
    <t>b'\xa7*\x9f9d\x90\xb8\xdc\x1b\x07\xf5J\xf1\xb1DS\x7f\x9a\x0ew\x04\xfe\xda\xf5V\xf6gl\xa6\xb6T?'</t>
  </si>
  <si>
    <t>b'\x0c\xf9?\x1d\xb4\x18\xf4\x9a\x0bS \x02\xb2\x93\x1a;\xac\xd3\x0cG\xe5\xce\xf2\xca\xf3\xa4g[\xab\x99\xa5\x19'</t>
  </si>
  <si>
    <t>b'\xf6\xe6Aq&amp;s\xd8\xf2A\x14\xa8&gt;\xca\x00\x8f.\x88-\xfbD\x91j\x01\xd5e \xecp\xe6D\x11M'</t>
  </si>
  <si>
    <t>b'\x19\xadI\xfa"\xa7rlTa \xd4ls\xdd\x08\x8f\x16\xa4\x95\x92urT\xea\x12\xaf\x803?\xb93'</t>
  </si>
  <si>
    <t>b'\xf3\x1d\x8alk\xce\x97\x8e=\x1bf\x12\x02\x84I\x95)\x87\x84\x1cL\xf5\xe8v\x92\xa0\xedG\xe0\x1e\x90\xbe'</t>
  </si>
  <si>
    <t>b'\xbf\xfc\x08\x91+\x16SFW\xc3=\xc4]\x87Y\x85\x0f\xcd\xee\x17\rW:\xa1#^\xd6\x98{\xff\xa5\xd6'</t>
  </si>
  <si>
    <t>b'\xcdm\xd8u=,mV\x19D\xfd\x9ex;\xf4\x08\x91\x11eS\x11\x9a\xbaEQ\xb8\xa0\x9f\x17D\x13\xca'</t>
  </si>
  <si>
    <t>b'\xaf\xd7\xa81\x95\xa8\x07d\xf9\xd9N~\x02\x88nV\xb4\xe0pD\x90\xedR:\x83\xe2\xfd\xf5\xaf\x02\x10\xac'</t>
  </si>
  <si>
    <t>b'\xceY\xe2\xb2\x08\xbao5\xd6\xb1\x08Z)1\x98)\x13V\xd3\xdc\xd8x@3\xee\xf3\x1c\x1c\x88\xba\xdd\xa0'</t>
  </si>
  <si>
    <t>b'\x18\nw\xa2\xce\x95\xd5\xf7&amp;\xe1~\x93\xc5\xc7L\r\x90\x08\xf1f\xbe9\x8c\x91\x00\xd6X\x15\x93y/\xf8'</t>
  </si>
  <si>
    <t>b"o2$q+4(\xc9\x90\xf8\x7fF\xcf\xf5\x02D\xf6\xd6\x11\xe2\x812\x07\x9eG\x89\xf7\xbc9\x9b'\x9a"</t>
  </si>
  <si>
    <t>b'\x9fb\xeec\xa5i\xe3P\xa7\x8d\xc3\xa5\x1d\xddm=\xda\xa5\xb1di\xa3\x1d\x97\x1d\x91\xa6\x83\xb8\x0f\xb8\xe3'</t>
  </si>
  <si>
    <t>b'_\xa5[\xd6B\x10\x08\xf9\xf5\xb3\x8c\xfa&gt;lL\xbcq\xd7\xcb\xb5\xb7\x1b\xd7\xdb\xa8\xbb3\xf1@;\xc9$'</t>
  </si>
  <si>
    <t>b'J\x16G\xd2\xd9\xe4\x96)d\t)\xe7\xf5\xc9\xbd\xa9\xc4=\xfd\x14)t\xc9\x8c\x9b\x98\x95S\xa65r\x0c'</t>
  </si>
  <si>
    <t>b'\x9bs0DA\x04\x96\x0b\xce\xed\x10*\x1c\x85\xd7wcJ\x91\x00\xb6$\\\x8b\x8c\x0fq\x12#\x1a\x17\xe4'</t>
  </si>
  <si>
    <t>b"UZ,\xd9\xa2R\x044\x05\xba\x97\xf9\xf7\xabB\xff\x83\n\x87H\xbe\xb5M\xbc\x08-'\xe1j@\xcb9"</t>
  </si>
  <si>
    <t>b'\xfe\xf7\xa4\xd1k\x03i\xa4J\xa3\x15\x89v\x08\xed\x84\x92\xd9\xce\x935\x1f\xa26b$i\xe6e\x87r5'</t>
  </si>
  <si>
    <t>b'\x80\xa9Wj12\xb7,\x13\x08\x8b[Y\xaaW\xa9\xd3\x0e\x9e\xe8\x00=\xc3\x99\x03Aa\xde\n\tw\x9e'</t>
  </si>
  <si>
    <t>b'\xa0\xa9@\x9b\xfd\xffB\r\xac\x9e\xd2\xd9b\x8a\x90)\xbfo\xb6\xf2\x8d\x95\x1b\x0e\xc7c2\xc7I\xb4\x16p'</t>
  </si>
  <si>
    <t>b'V\xe4\xcc\x91\x05\xb3\xecl\xab0\xa3\xf6\xd2\xd1~wdd\xf9\xd2%\x03\xc7\xfag\xedSzQ\xb1\x80\xb9'</t>
  </si>
  <si>
    <t>b'\xbe@O\xaaV\xc4\x83\xb3\xcaE\xdc\\\x86\xf48x\x82$*U\x13X\xf5\x18\xc2(G\x17HNVa'</t>
  </si>
  <si>
    <t>b'g\x9d; 4S\xac"*\xb84\x85\x8a\x92\xd9\x96_\x17\x97\x19t\xb0\x1f\xa2\x04\xcdKZ\x92\xeb\xab\xc2'</t>
  </si>
  <si>
    <t>b'\xb7\x03v\x94\n\x15\x17\x8c9\x17J\x18R\x06\x9d\x8d"\x17\xb2\xf1\x8a8\xa4\xc4x5Z\xcc\xd7P\xf7\xdf'</t>
  </si>
  <si>
    <t>b'\xa7\xcdc4\x86\xdf,\xa4C\x7fyz\xdf\x0b\xf7*\x02\xaeMK\x8b\xc7\xb5\xde\x1c\x1d\x8a\xe2\xd6\x9c\xef\xc4'</t>
  </si>
  <si>
    <t>b'\xaeR\xd9\xeamO6\x9a\xc7\x8d\x0f-H\xbe\x1a\x87\xe9t\r\xfe\xfa\x84V\xca_\xca\xfc\xeet\xcc\xc4\xdf'</t>
  </si>
  <si>
    <t>b'\xd1\rt\x90\xdc\xce\x1c\xb7\xb8\x1fl\xf0]\xd9+\xab\xd9c\xf2~\xeb\xe6~U\xc7\xa9K\x86\x14\xf6\xd6&lt;'</t>
  </si>
  <si>
    <t>b'\xbb nt~\xfal\xaf\x99\x0b_\xb04\xe9\xf0\xf1\t\xa0\x0f5\xfb\x8e\x92c\\\x1a\xa9=u\xdcu{'</t>
  </si>
  <si>
    <t>b"P\x0f\x96\xb9\xff\x97j\x00\xa9vm\x0bf\xce\xca.\x8a\xa9Ef\xc2\xda'{\xb8\x06\x1a\xf1P\xd6 \x9a"</t>
  </si>
  <si>
    <t>b'F\xa7\xdf\xee\xbf\xf0\xa4\x8c\xe3\xe7e\xcc@N\xda\xc90\x9f\x94\xae\xa1\x9dT\xb1\x14\xe3!\xff\xdb\x82\xc5C'</t>
  </si>
  <si>
    <t>b'n\xb1\xc8\xcb2^iSp7\t\xdf\xf5\x92\xe5\xf4\x0b\xda\xa8\xaeO\xe2B\x1e\xd01\x9at4\x90W]'</t>
  </si>
  <si>
    <t>b'\xf7\x82\xfb\xefd\x93 }K?\x0fz}\xed&amp;\xd63\x111\x90G\xe8|\xbc6\x88\xc4]p\xe9\xb3b'</t>
  </si>
  <si>
    <t>b'+\x12\x0b6\x1d\xdb\xbdJ\x97\xd7\xb3dfG*\x01\xb1\x02\x08C\xbe\x96\xd4\t\x97\xd7\x1f\x8e\x85\x83\xc7I'</t>
  </si>
  <si>
    <t>b'p\xd2\xf8\x7f\x85l\x07\x8a"\xbc\xb2\xa5\xe5&amp;\x84,\xfd\xc6o\xc2\x90\xd7\xcf\x1d\rXy&gt;\xa7@GS'</t>
  </si>
  <si>
    <t>b'v\xa6\xbe\xb4t(n\xac\xd5\x04_\xbe\xd6\x95)M\xc1\xea\xb2&lt;\xcd7\xc0\x82\xe8:4Y\x1e\x8di&amp;'</t>
  </si>
  <si>
    <t>b'\xe6k\xde\x0c\x85\xd4g\xdc\x90\r\xa4\x99\x1c\xadPW\x7f#\xacf\xfa\xee\xb6A\xb4{\x19\xaf\x0e64\xd6'</t>
  </si>
  <si>
    <t>b'\x90i1\x93\xca\xf8\xb9\r\xe9\xdd\xd6\x9f3\x12\xa8*5\x80\x10\xb0\x11K\x9b\x18%\xdaH\x19\xd0\xf2\xe3\xdd'</t>
  </si>
  <si>
    <t>b'\xdc}\x15:\x1f\x99\xc8\x89\x92H\x16D\xe2\xb6;\xbd\x9aj\x18\xe7H2\xb5\xf0Vf\xbf\x84\x914\x19\x04'</t>
  </si>
  <si>
    <t>b'\x0e\xb6\x03i\xd6A\xfa\x94:2\xfb/3\xbe]\x9e\x06r\xe0\xfeT+\xe8Va\xc3&gt;\xb1\x81\xf9\xf8\x08'</t>
  </si>
  <si>
    <t>b'9&gt;d\xba" $s\r\xcc8M\xbe\x97\xee\n\xc4C\x06O\x92i\x02\x05\xee\xdd\xf3\xd9\xe1)\xb2\xe0'</t>
  </si>
  <si>
    <t>b'\xa1o\xba\xcbYG\xd9\xaa;SNR\x1e\xa1\xa6b\x0e_"\xdc\xd2\xeb\xe7c\x06\xbd\xf1\xbc*Ti\xe6'</t>
  </si>
  <si>
    <t>b'\x93\x01\x02\xff3\xe7\xd3F\xe3d\'\xab\xa3\xcb\x06S\xc5t"$\xe9g\x9e\x0c\x00\xd4\xb6-q\xc1\x86\xd9'</t>
  </si>
  <si>
    <t>b'K\x88p\xe4\x84^\xf1\xfc\xa2&lt;\x07\xf8\x10\x05\xfa\xe8\x02\xe0ZU\xf8\xe2v|\xbe\xda\xc8\x80\x12f\xad\x00'</t>
  </si>
  <si>
    <t>b'\xec\\9\x92g\xa6a\xa1m\x8b\xa6\x93\xb5:+\xd9\xdf1\x9a\x00g\x96\x7f\x03A\xd1l\xa6Z\x0e\x1f\xe8'</t>
  </si>
  <si>
    <t>b"\x99\x9f^\x12\x96\xa4\x97\xe1.\xad\x1bw\x02\xb4*\x1c\xf5\xda\xea\x03\x99y'\xaf\xea\xe17\x1a&lt;}\x81Q"</t>
  </si>
  <si>
    <t>b'\xd0P\xf85\x1ew\xbc\xb7*|c\xa2\rM\x87S\x18E\xed\x12\xc8K\xa0\xff\x8cV\xc8&amp;\xea I\xd9'</t>
  </si>
  <si>
    <t>b'\xed\xaa\xea \xb1T$B\x9c\xf7\x02\xdb\x14\xe3}\x19\xaa4c\xcb\x11\x18"C\xc7\x1b\x9d\xad?&amp;\xa9C'</t>
  </si>
  <si>
    <t>b'\xaf\xffN\xca\x80o\xc2\x87\xca\xb1I\x1f:V\x89R\x89u\x99S\xc8q\xcb\xbab\x1eh\x98\xbb\xb3\x9bB'</t>
  </si>
  <si>
    <t>b'\xd1a/\x05r\x0bE\xb1&gt;\x16\xce\xe6"\x1c\x7f\xcefJ\x9c\x7f\x89\x9cs\x0b\xe0\x85\x9d\xaaA\xee\x9e\xf6'</t>
  </si>
  <si>
    <t>b'A\xda\x90u\x04\xfe\x18\xee\xc7\xc8\x96\xf1\xcb\t%\x01\xde,ai\x1a\xe8\x89$}\xae\x95GV\x951\x9a'</t>
  </si>
  <si>
    <t>b'$z\x16\x94m\xbcO\xce~\x07\xd5\x1c\x05\r\xc3\xb3cOP:\xeb\xddW\x83\xaa\x1c\x19,o5\xad\xad'</t>
  </si>
  <si>
    <t>b'\x9a\xd8\x1d\xe2\xbd!+x\x1e\x19 \xb9\x97\xd9v\xd2qX1U\x13[\xbf_\xa8\xa1\xfb\x90\x16s_\xc7'</t>
  </si>
  <si>
    <t>b'\xa9\x82\n\x9cj?oh\x99\xf7AL)\xc2u\xa5\xb8\xf5\x81\xe6#\x0b\xedH\xd0\x85\x80)\xfd\xcf\xd3\xa7'</t>
  </si>
  <si>
    <t>b"\x99\xf8\xf2\xde-\xfb\xc9'l`N\x0f\xf3\xb5-\xf3*\xeb\xff\n\x10e&gt;\xae\xb9\xce\x00(?\xaa\x8c\x0b"</t>
  </si>
  <si>
    <t>b'\xfcb\xf0\xef\x9b\xb6\xb5\x06\x0f\xa7\x04\xa6e\xba6\x91QV`/\xf0A\xc7+5\xff\x99\x98\xd9\xdeo\xec'</t>
  </si>
  <si>
    <t>b'&gt;\xac6\xd3\x87\xb3\xb8\xc5\xc0\xd6\xc0u\xe5\xd5Z\x0b\xce\x1fU]\x18;\x89C\x93\xc6\xfb\xe1\n\xed#\xc4'</t>
  </si>
  <si>
    <t>b'\x91\x1f\xb1\x0c\xa5\x02\t\xc6\xebF\xaf\x88zH\x9cx\x1fip\x07\t\x1f\x8a\xf9\xd3\xee\x95\x8f\x11\x9d\xbc\x96'</t>
  </si>
  <si>
    <t>b'0JD\xf1LV"L\x1fn\x86\x95\x7f\xc9\xe5\\r\x14\xc5\x92\xd0\xf1\r\x9eb\xd7\x7f\xefr6\xe7Y'</t>
  </si>
  <si>
    <t>b'n\x17\xe9f!\xd1\xf5\xe9\x82.5\xad7T\xa9\xc6J\xcf\xaf\x81\x9d\xc0/\r\xdb\xab|wD\x07\xda"'</t>
  </si>
  <si>
    <t>b'+\xeb\x05\xb5\x94\xbet\xb2\xd3Y\x88\x1e\x0f\xa4(\x9e\x0fZr\x00\x97!\xe7\x90!5zD\xa6\xe3s\xa6'</t>
  </si>
  <si>
    <t>b'&gt;a?\x00\x04\xf3\xcb\xe8S\xef\xe6\xdc\xa7\x1e\xca\xdbz\xfc\xe5\xdc\x982_\x17\xe6\x84\xcc\xbb2&lt;\x91R'</t>
  </si>
  <si>
    <t>b'\x92D\x1f\xcd\x87\xc9\x06\xec\xe3\x82\xe7k\xae\xf3]H\xd3=\xff_\x8e\xf5\xedPb\xe9Y\x88L(\x12\xe4'</t>
  </si>
  <si>
    <t>b'^\xed%\xc8+\x864\x11n\xdd$r\x81KB\xfa\x91ukR_\n\x14\xdb\x82\xf5\xc6)\xdd@H\x94'</t>
  </si>
  <si>
    <t>b'\xbave&amp;\xbf\xef\x91A\xe48\xc7m7\x82\x93b\x96\xad\x8c\x07j\xea\xcf\xcf\xd8\x88\xd5\x7f\x13\xe4\xf0\x0e'</t>
  </si>
  <si>
    <t>b'\x80Pp_\x88\xf6l\x1c\xd9@?\xcfu\x9c,Gz\x1b\xddF\x89\x05\xf6+\xed[\xe1\xd1Z\x0e\t\x9c'</t>
  </si>
  <si>
    <t>b'&lt;@\x91e\x17C\xa5\xe3\x11\xa3Kw;\x85&lt;\xd6\x9e\xc7\x88-\x0c\xda\xd5k\xf5N\xf4\xf5\xb5\xb4\x1f\xfa'</t>
  </si>
  <si>
    <t>b'\x15~\xec\x00_\xc17\x85\xa5H\xf0\xe5}v\x90Q\xd6#\xa5u*\xab\xa13\xe2\xdd\xdb6gv\x8c*'</t>
  </si>
  <si>
    <t>b'\xa0x\xa4+\x17\x8b\xf8\xf2\x18\xa1\xf6\x12\xc3d\xa9!\xd1s\x89!$\xf8\x07Z\xe58\xce\x8e\xbd\xf1L\xa6'</t>
  </si>
  <si>
    <t>b'Z\x1bs\xd4!\xb9_SY9\xfb\xcf\x82s\xa9\xa9\x87\x95\xac!\xaa&lt;oc\x10\x96\x89\x01\x02\x9d\xa9\xc9'</t>
  </si>
  <si>
    <t>b'\x82\xacGv\x7fc\x1b\xb6\x9e\xfb\xb1`^\xe0\x17\xce\xbe\x86n\x8eI\x9b\xbf3&gt;6\xc18WW\xbd#'</t>
  </si>
  <si>
    <t>b"\x95\x8a\x81\x8a\xd3\x82\x02R\xa5\xfb\x18\x00}\xcb\xd0a\x07\x18\xa2*\xfcE'H\x88^\x16m\xf2C\x81\xcf"</t>
  </si>
  <si>
    <t>b'\xaa\xce[\x8dL\xa1q&lt;\xe3\xa8\xe8\x91$FZ^\x80\xa0\x82\x9dYBn\xeev@&gt;\x8a\xb3\xa3^y'</t>
  </si>
  <si>
    <t>b'\xfa\x03\xfe\xed\xb0\x02\xbc\xfc\xd7eU\xac\xd0.\x1d\xf4\t\xfc\xd5 \xc7O\xcf\x8a{\xfe\xe3\x84\xf9\x8d$\xdb'</t>
  </si>
  <si>
    <t>b'o\xc0\x9c\xd4O\x8a\xef_\xdf\xbe/\xe5S\x0fn\x11\xbc\x17\x1d\xf7\xf3\xc0\xa7)\x10\xfb\xa0\xf9\xa5\xf0\xbd\xae'</t>
  </si>
  <si>
    <t>b'\xf6\x8f\x83O\xfe\xad\xa2$\xc9\xc4O\xcbD\xcf\xc8l\xbb\xd4\xb7^\x93\t\xf2\x19\xa6E\x8cOmApG'</t>
  </si>
  <si>
    <t>b")\xc8\x7f\xf5Qe\x8aoN&amp;\xf9L\xeby\x9c\x98$|\xd4\x00\xd6)K\xf9\xfa\x9d-\xf6'\x12\x8a]"</t>
  </si>
  <si>
    <t>b'\xa9\x9e\xd6\xc2;k$\x08\xa5\xfd\x13"5\'Al\xe9\xf5\x12\xa7p\x89T\xad_\ty\xf0)\x91\x98\x88'</t>
  </si>
  <si>
    <t>b'J\xfb-Wc\xe3A\x93\xb2\xb7\x7f\x14\xe7\xde\xed&lt;e\xb8\xe7h\xd1\x13\x1c\x00\x00\xa7\xd8\xad\xacI\x9eW'</t>
  </si>
  <si>
    <t>b'R\xabA%\x8d\x8d\x84\xd4O\xdb\x81+\xee\xb6\xe5\xda\x13\xa4\xe4\x85m\xeb\xac\x10Pwp\xa4\xc4|\xe0\xff'</t>
  </si>
  <si>
    <t>b'u!:fI\xca\xa8\x1e\xef~\x9a\x83T\x03\x91\xf3\x16ze\xcdq\x9c\x1b=\xa18\xad\xfdt\xa6x\xe2'</t>
  </si>
  <si>
    <t>b"\xf4\x9cz\xfaE;\x06\xd1\x96\xa0\x0e/\xf0;]p\x08\\\xf6e\xfd\xcf'\x1eD\xd7k~\x84LKv"</t>
  </si>
  <si>
    <t>b'm\xe9\x96\xb2y#\xa6\xfc\xe99i\xe1\x05l@\xd0\xea\xa4\xb4\\\xb53\xe0\xea\x8c\xf3DYV\xd2\x15E'</t>
  </si>
  <si>
    <t>b'?\x1a\x0e\xcb\xf2^\x88e\x93\x086?\x17O\xcd\x0b%\xc4\x05v\xd2V\xbf\xeeQ\xd7\x91\xd5w\x17T\x9f'</t>
  </si>
  <si>
    <t>b'\xb8\xa1"\xd1b\x04\xe1\x88f$&amp;\xc8\x06zmL7\x0b\xc3\xf6^\x15\xaaj\xce/DG\nJ\x94\xc9'</t>
  </si>
  <si>
    <t>b'\xaaeP2\xa4\xe3\xc5hv\xef\xb4\x01Tw\xc2^c\x11?xd\xfd&lt;\xd9\xaa\x01\x05?\x05\x9b]g'</t>
  </si>
  <si>
    <t>b"\xaem\xba\xf5\x7f\x99\x15\x1f6\\\xd1'\x00\x10a\xe6p\x9a\x95U\x95\xa6\xe3\x83\xa1\x81[\xd0\x8c\x82\x89\x92"</t>
  </si>
  <si>
    <t>b'\xf0p\xfc\xccH\x0e\xcd\x06)\x8b?\xe3\x86\x01PzK:\x1ble}\xad\\\xab\xf6\x97\x10S&gt;a\xb8'</t>
  </si>
  <si>
    <t>b'&lt;o!\xa0\xfd\xa5\x91l\xfe\xe1\x08t\xf5\x08u\x13%E\x9f\x03\x96L\xb2\x94\x11\xee\x84/S(.('</t>
  </si>
  <si>
    <t>b'8o\x039;\x9c\xc0\xb8T#\xb3X\xa08\xaa\x12\xe5gv\xaezP\xbe}\x87c\xb1\xbeV4\x08\x1d'</t>
  </si>
  <si>
    <t>b'\xcd7\xcc\xb1}\x80\x82\xc7\x93\x13\x95\x0b\xd8\x7f\xfc\xa1\x06Zi\x03:`\x84v|\xa9\x14\xbfX\xcf.P'</t>
  </si>
  <si>
    <t>b'\xa8Hr~\xeb\xd8U+\x13)H[GNDx\x12\xcb\x03\x16\xa7\x89\xe0;\xc5z}9\xc8Izh'</t>
  </si>
  <si>
    <t>b'1\xf0\x06~#9&lt;\xf4x\x8a\xae\xfe\xe5-B\x96_\x05~\xc8\x8eq\x8c\xfe\xe2X\xba\x0b\r_\xbev'</t>
  </si>
  <si>
    <t>b'jH\x96\xcb\x1d\xe0\xa7~j\xb8\xe6\xe1l1\xd1\xda\xedU\x06\xacG\xd1\x1f&amp;\x97\x1fg\x9blW5?'</t>
  </si>
  <si>
    <t>b"\xc75\xae\x9e\x14Ze\x96'\x1bz\x7f\xa2n\xc0\xa2\xcc\x11\\\x17\x02\x95\xd7\xe7\xa9\xbd\x89\xb6(\xfe\x95\xf1"</t>
  </si>
  <si>
    <t>b'\xa2,{vD\xa4\xeb\xb4\xfcD\xe1l\xdcOQ\xf7\xf0\xf1&lt;@\xa7\xc8\xe6\x9fG\xa3\x9b\x98\xd3\x89#)'</t>
  </si>
  <si>
    <t>b'g\x85\xcf\xe8\x84\x98K\x87\xd7\xc8\x12\xb5\x95=h\xcb\x9d[\xab\x15D\xc4\x89c&amp;\x91\xd4\x8b\xff3\x8b\xc5'</t>
  </si>
  <si>
    <t>b'p\xe7/V\xbb\xac\x04\xe2\x12+\x1a\x9e7\xb8G\xe1\xf6\xd8`!\xf2\xcc\x99\xf6\xf6\xca\\&lt;\x85\xa6\xc3\xc9'</t>
  </si>
  <si>
    <t>b'\x9a\xfb\x90\x9b\xeaE\x84\xee\x97\x17n7t\xcah\x89m\xab\x7f\xa2-\xc6\n\xe5X8@F\xf9$c\xd7'</t>
  </si>
  <si>
    <t>b'\x99\x94\xc4\xfd?g\x16\xfe\xc42\x8ajH\xcb\xb2\x9d\xbe\x0b\xd7\xaa\x8a\x8f\xe9Wb\xffM\xb8`\xf7\x9d\x85'</t>
  </si>
  <si>
    <t>b"\xcb(q\x03\x99OV\x91\xaa\x08&lt;\xb2'\xd4\xf8@\x01D-\x15\x97\xbd\x95\xba\\\xb7Q\xac\n(=J"</t>
  </si>
  <si>
    <t>b"\xef\xa3\xd7\x87'O\x0b\x1f\xc2\xd7\r\x15B]%\xd0\xb0\x1e/\x0f\xdeZ\xf8d\x90X\x8f]B\xed\x97\xdd"</t>
  </si>
  <si>
    <t>b'\xd6\x0b \x06T\xdd{\xa1^\xc6;\xf0\xb1F\x93k{\xa8\xd8\x8b+io\x04\x882\xad\x98og\x9f:'</t>
  </si>
  <si>
    <t>b'\xb1\xc4H\xce$\xc0z\r\nY\xe3\x1e{\xb9\xdb\xea\xbe\x0e*\x07U\xdd\x1f@\xb6\x05\xb0&amp;\xcd&gt;\x8be'</t>
  </si>
  <si>
    <t>b'\xc3#\xc7\x9a\xca\xf7"\xa1\xe30\xaa\xc2g\x85\xa56!v\xe9\x98\xd7\xbe\xd2\x07T\xa3\x15h+\xd5\x9e\xed'</t>
  </si>
  <si>
    <t>b"\x7fi\xfb\x1b\xcd\x12\x03\x12\xa4\xc9('\x1f\xe4\x1d\xa4\x0c\xaf\x1b\x8e\xe6]\xba2$\xb5\xaf\xa8\xda\xc9l\xd0"</t>
  </si>
  <si>
    <t>b'-\x96-m\x9e\x05%LUs&lt;?\xc1\x91\xa1\t-:D\xfa!\x93\xb5\xa5\xb4\x12?dX\x82\x81\x03'</t>
  </si>
  <si>
    <t>b'\xe4\xd6\xc1?\x87(\xc3\xeeR\xb2\x94\xd1\xba\x9b\xfc&lt;S\x12\xd4\x1c&lt;2\xa2W[\xec\x86+\xa1\x02}o'</t>
  </si>
  <si>
    <t>b'\x9c\xc0S{\\UI(\xe6.8f\xff\xeb\xcc\x95\x83\x92\x1d#\xfa\xc8\x86\xc7\xc0\xdaU\xf4\xf2+\xdeF'</t>
  </si>
  <si>
    <t>b'St\xfa\x8ft\xeaPh}RM\xe5\xfb"\xca;T\xbd\xd1%\xb8;\xc3 \xd8\xcf\xce+\xf0\x84\np'</t>
  </si>
  <si>
    <t>b'\xa3\xd1\xc2%\x04z" \x894\x8a\xa28\x92E\xfb\xf7\xc1\x93\x82\x0bJS\x15\x075\x8d\xbbs\xca\xd1\xc8'</t>
  </si>
  <si>
    <t>b'\xd0\xa2\xc1\x7fZ\x92\rSdzo_^0\x97?\xcc\xe1-\xcf8\x07\x80\xcd\xed[I2Q\xfaXf'</t>
  </si>
  <si>
    <t>b'm\xb7\xe0vF \xb8\xd9\x1bk_5\x11\xf29 \x0c\x81\x8b\x195\x0c:&gt;Zb^&gt;\xa7kR\x0e'</t>
  </si>
  <si>
    <t>b"\x7f,\xae'\xbb\x1f)\x01\x12\x92\r\xeaa\x0fj\x97\xc7\x86+\x1e{\x88F\x86\xefh`\xee\x86&amp;\xe9\xc7"</t>
  </si>
  <si>
    <t>b'\x87:7\xc2Ul#\x08\xd7\x88T\xe6#K\xf61\xae\x14\xb0\x0e\x17\xad\x8e*.\xc8=\xeeI\x04M\xdf'</t>
  </si>
  <si>
    <t>b'\x85\xb1;\xe7&amp;gU^\x98\xf9Ic\x08\xfcr\x19\xdf\x12\xfc \xc6\xc0\xd3t&lt;\x7fy\xc3\xe7\x02|\x91'</t>
  </si>
  <si>
    <t>b'\xb6\xee\x95N\xa8\xa2\xf5\xea^A\x03\xca\xd4d\xa2U\xd4WS\x0cZ\xba\x90\x8a2A\x08Q\xe9\x9d\xcb\x15'</t>
  </si>
  <si>
    <t>b"8\xb9\xf6'\x92\xf3\xfb\x87\xb2\xadFQ\xd4\x02\x80\xee|\xa81\xbe!\x1bDr\xbc\xc5\xd3\xedr\x9f`8"</t>
  </si>
  <si>
    <t>b'L\xcd\x8dKn]\xdcj\x9f\xd5\x1e\xa18\x83R\x08\xc6\x97\xdb\x9b\xdb8\xba\xa4\x03\x89\xa3\x81\x9f\x02\x9d\xc5'</t>
  </si>
  <si>
    <t>b'\x03\xa3\r\x88$\x89\x1d$\xa1A|\r\x11\xe4q[\x91\t#0\x95\x1bG\xdb\xde\xa0\xef\x0fT\xe9\x80\xfc'</t>
  </si>
  <si>
    <t>b'4\xa4\x11\xf2\x98\xef\x92\x8e"ZCK\xa1\xa7;\n\xda\xd0\xcf,i_I\xfb2\xc6S\xdc\xd9\xd1\xee,'</t>
  </si>
  <si>
    <t>b'N\x85\xe1\xb8o\\4\x01\xb9\xa8\xbd\xa7\xd6y\x14\xf6\xa4T\xa4G=\r-\x9b\xd9b4\xcbWW\xb7\xb0'</t>
  </si>
  <si>
    <t>b'~\xfb\xb6/\xb1J\xe4\x10\x9b\xcer\xc6ol"\x1fD%2Y\xe9\xe0\xb51.}\xebb\xdcWnM'</t>
  </si>
  <si>
    <t>b'B\xf8h\x07.\x1f\xb2\x8b\xfb~\xd1\x16\xaa\xb6\xcc\xd0\n\xe2\xd8\xf1\xe2\t\x983\xf9\x89\xbfry\xe2\xf7+'</t>
  </si>
  <si>
    <t>b'\x9b~\xedL\xe1R\x0b\xfaJC&lt;0p\xb5\xe5\xa9t\x1do\xe6\xdd7\x99\xe4\r\xc7M\xeaR\xc8\xe2+'</t>
  </si>
  <si>
    <t>b'\x95-\xb7\x10\x82\xe9\x8f\xdf\x16DQY9\x06m\x9c\x8fA\n-{DT\x1d\x97g\x95\x85 \x08g\x98'</t>
  </si>
  <si>
    <t>b'\xdd\xf32\x1b\xab\xe6X\xc4&gt;\xa1\xf1\xf7\\g\x8c\x1cs\xd0g\x97+\xdcJJ\xc81\xaa\xa9\x14\xbd\xea\xa4'</t>
  </si>
  <si>
    <t>b'.O\x8e\xbe\xc137\x0f\xac\xe8\x8e\xca\x88\x02\x80\xd0\x8f\xeed\xa6N\x8eo\xfdO\x92\xfd5\x92\xa0\x86c'</t>
  </si>
  <si>
    <t>b'\x11IB\x1f\xf9\xe1c\x8f\xb1)\\\x03\xcb\x08\x005]\x7f~\x88\xde\xfde\xdd\x12\xf9\x19\x83.\xe9\xcd\xa2'</t>
  </si>
  <si>
    <t>b'-\xfcQx\x02\x7f \xb7\x97\xe4\xc3\x80\xaf\xfc\xe4\xe6\x1e9]H\xb7\xa2f|\xfdew\xf4\x946r\x1b'</t>
  </si>
  <si>
    <t>b"\xba\xac\x16\x89$\xf8\xdd:\x04\xfb\xe0\xfe\x8a\xd6o\xdf'f\\\xbe\xb6\rK\x05q.7]}*'4"</t>
  </si>
  <si>
    <t>b'\x96\x94\xb0\x98\x94\x9a\x06\xed0\x11\xd8\xcd(\x04\x08B\x85d\x90\x1cZ\x81\x86\xf0JLB\xe4yG\\\x9f'</t>
  </si>
  <si>
    <t>b"s\xdf\xdd\xb8\x1f_6T%p]\xcf\xba\x02|m\xa3p\xba\x99\x9e\xc7\xcc\xf1Wlh'\xf1\x91\xc2|"</t>
  </si>
  <si>
    <t>b'u\x17\x9f\xd1\x05\x1d\x84r\xea&gt;/\n:pA@\x9c5\xcf\xb2,\r\xdd\xd0-\xcc\xef\xc6\xcec\xc7\xb0'</t>
  </si>
  <si>
    <t>b'\x86\xce\xd875\xed\xec\x1a0b%\x99\xb4\xc0V\x8a\x15G\xc9\xc7\x0f\x83\x89\x1du\x16](}\x93!\x8d'</t>
  </si>
  <si>
    <t>b"=`\xf8\x88\xda\xee\xfe\xe2\x8f\xc7\xe6\xfe'%\xba~\xb9\xb1;\xce)\xa9M\xe2y\x96g\xe8/\x1fG\xde"</t>
  </si>
  <si>
    <t>b'\xdc\x178!\xe89]+\x1d\xc6Y\x9c\xfc\xb2D\x18k\xc2[]\x83\xb3^\x7f\x82m\xf0%\x87\xb9\xf0\x18'</t>
  </si>
  <si>
    <t>b'@\xd6&gt;\xfd\xaf\xb4\x95\x88\xd5g\x1d\x9f$\xca\xd1\x81\xcbV\x9a\xac\\V\xed\t\xac\xa4\xf69\xe8J\xc3\xf9'</t>
  </si>
  <si>
    <t>b'n\x8b\xcf\x19\xcc\xd6\x17\x9f\xf1\x1e\xb6\xd5\x7f\x85\xb0A\xce\xb4\xfdv\xa7\x16&amp;L\xe9#(\x0b\xcd\xb8\xefe'</t>
  </si>
  <si>
    <t>b'8\x7f*jC\'\x0b\xb6=1\xc0\xfc^\xcd~\x9cG\xfe%\x98"^4/&lt;\xc5*\xda(1L,'</t>
  </si>
  <si>
    <t>b"':\xfby\xe7~\xfbWE\x82H\xda\xd8A\r\x1b\xce\xc6\x1aw\t\xc2\xb5\xdak\x15[\xba?\xfeu}"</t>
  </si>
  <si>
    <t>b'\xdb6\xe3~z5(\x91\x98\xdf\xde\x08f\x91q\xb8(\xa3\xbd\x8e\x87\x15\xec\xab\xfc_\xbf\xec\xc3|\x99&gt;'</t>
  </si>
  <si>
    <t>b'\xf8h\xcd}\x89{\x9fa\xaa.\x1cV\x83&lt;3o\xa6\xa88\x90\xe7^,-\x96\xfcK{8pt\xac'</t>
  </si>
  <si>
    <t>b"\xca\xcb\xeb\xfb\xab\x97\t3\xc0\x82$\xb6\xb6\x82'3e\xbf\xea\x86p(\xdd\x16\xe2{\x9d\xdf\x12\xf7\xf6X"</t>
  </si>
  <si>
    <t>b'a\xff\xb63\n&amp;y\xfd\xb6C{\xe3it\xc1\x91\xbe\x13\x1b "A\x0c\x1b\xa1\x05{\x91\x87\xb7\x98\xbb'</t>
  </si>
  <si>
    <t>b'\xc8c\x11\x95\x00X)\x9f\xa8\x1b\xa3,\x14";\xaf\xcb[\x8ef\xc6g\xcbg\x9c\x07\x8a\x1a\xf6\xfa\xaf\x87'</t>
  </si>
  <si>
    <t>b'K6\x18O\xa6\x8d\xf4&gt;\x97=-I\x0c\xfa=\xa7\xb2&amp;r\xf4\x7f\xbc\x82\x8c\x83:\x10\xb4\x17\t\xc0\xd9'</t>
  </si>
  <si>
    <t>b'\xf9\xd3\x9aEP\x93\x9f\xfa\x9e0/\x84\x9e\xe8\xc0Mo\xa4\xff\xc2\x80\xd6hd\xd2\xd8\xaa\xdf\x0e\xe8&amp;\\'</t>
  </si>
  <si>
    <t>b'pY/\x12}k)\xdd\xe42\x91\x85M\xa8\x0f\x92D\x11\x10\x14\xe4)\x1c\x1f\xdeP\xb1\x1a\xcaF~@'</t>
  </si>
  <si>
    <t>b'!\xea\x1b[\xdb\x8a\xe3\xa4\x92\xdf\xef&amp;\x8d\x18.\x0e\x1c\xc5B\x14\xe0\x8f\x9b\r\x10\x0c\xdfT\xaa&lt;\x02\xdc'</t>
  </si>
  <si>
    <t>b"r\xfbi\xca\x98`.n\x94\xb2L\xcf\x07'\xe9_\x13\xdd\xe3_\x9b\xe1\xbe\xcc\x84\x85L\xa2U\x17\xcd\x0e"</t>
  </si>
  <si>
    <t>b'\x83\x82H\x1dY\r\x7f\xce\x84\xd5\xafN\xbe\x8f\x83\xf3!+\x90\x01%I\xeeZv\x08\xa0\x95\x97\xb9\x914'</t>
  </si>
  <si>
    <t>b"\xba\x0f\x8a\x9c0\xc2' A\x04g\x8b=a\x0er\x1dC\xe7\xe6\xbcva\xf6\xffXy\x11A\xbd2^"</t>
  </si>
  <si>
    <t>b'\x9f\\j}\xdd\x9f\x874v\xcb\x1a\xd5\x13\xc7\xabt\x8c\xd8t\xcd\x8d\xd2pk\x95\xd8[\xc8&amp;\x89-\xd7'</t>
  </si>
  <si>
    <t>b'\x92\xf3\xe1)cW\xfb\xdc\xa3i\x9d\xbb:\xeb\x86\xfa\xb0b\xb9\x0e\xb7\xa4`\xe9\xe7Q9\xff\xeb\xb5\xac\x98'</t>
  </si>
  <si>
    <t>b':*\xbawe|\x0cqP\xfb4Y\x01k4f\x99\x10\x9fU\xec\x13\xdb0\xdc\xfb\xf67V\xd2\xa6\xea'</t>
  </si>
  <si>
    <t>b'\xab-#\x90\xc4|\xb6\x9c&amp;i|\xd1\x13,\x83\x7f\x14\xccY\xc9!y}3@\x01\x96\xc3}\xa0\x0c\xc4'</t>
  </si>
  <si>
    <t>b"\xd8\x8bX_-|*\x83^U]\xe1\x02L\t'&lt;?;w\xc1\xb8\x8d\xf7\xc4\xdf\x8b\xcf\xdf\xc9\x03f"</t>
  </si>
  <si>
    <t>b'\x85X6cP\xcd\xe78rlfk\xafZx\x07\xf2\xfb\x06\xfc\xe4\xfci\xbeP\x7f\xa8\x05ZCAi'</t>
  </si>
  <si>
    <t>b'\x13\x9e\xf5\xbc\xd4\x1f\x8f\x05\xee{\x1d\xb1SZ\xfb\x80\xdf6E\xbb65l\xc4\x0f,@{\x00\xaa\xc1I'</t>
  </si>
  <si>
    <t>b'~\xd5x\xd3\xa5\x06u\x107\xe6-\x85\xa8\x89\x16"\x1d\xf6o v\x05J\x18\xe1\xedm\x89u\xd3x\x01'</t>
  </si>
  <si>
    <t>b'\xb94|\xc4\x1c\xe3\x17\xf6\x89\x19\xabL=\x88\xa7\x9b\xfeXN\x95*\x90#;/\x19\xcd\x99\x9c\x9c\xa6\x14'</t>
  </si>
  <si>
    <t>b'\xbf\xc0\x1f\x01Y#\x0e\x83\x9au\xd9t\xbb\x0b9\xc6Q\xb4\x88\xfa\xf3\xe2\xa9\x982\xbe\xb9\x88}q\xcd~'</t>
  </si>
  <si>
    <t>b'W+\x95\xb0\\\xa2\x87C\x16:\x1bm\x8c\xc0\x96\x86r\x98\xa9\xfe\x93\x83\xb4\xdfI\xed\xbce7\x1de\xa4'</t>
  </si>
  <si>
    <t>b'\x95\x08\xc3\xe0\x1b\x18H\x06\xedC\xc0gh\xa4\x9dd\x93;\xce\xe7\xf0\xa8\x11]\xacK4_.\x11\xc07'</t>
  </si>
  <si>
    <t>b'|\xb6\xce\x94psrk\xf8kjk\n\xbb\xa4\xce\\,\xb32\xde`\x02Q$\xe7\t\xb1\xba\x9fX\xa8'</t>
  </si>
  <si>
    <t>b')\xb1yV\xab\x12\x08!2qN\x18-fJ\xd7\xab\x83\x81.\x80\x9d[\xa11K\xe85V\x88Q\x10'</t>
  </si>
  <si>
    <t>b'\x0cG \xaf\xd1\xe0OA\x9c\xc7\x1c\x9a\xc73\xa0,\xbe\xc27~\xa5\xd9x\x98K\xdf\xf7\xc7H\xbf\x11F'</t>
  </si>
  <si>
    <t>b'\xc7E\xfe\xd4\xfc\xa8\x85\xa4\xe0\x02\x81P\xf3\x92v\xa5\xbb\nt$l+\xe9`&amp;\xf3=U\xf7\xf8a\xc9'</t>
  </si>
  <si>
    <t>b'\x88\x1a\x19\xf3\x07\x86`\x1f\xfb\xd0ZYX0\xc4\x1e\xa10#\xfc1x\xf6\xcd\xdbUu\xbd\n(\xc1N'</t>
  </si>
  <si>
    <t>b'P\x06\x8f@\x93\\\xfa\xd2r\x0f\xc9\xefj\xbb\x7f\xc2\x87\\\xb2\x06\xca\xb3\xbcq\xdf\xaeC\xad\x97\xd7\xadA'</t>
  </si>
  <si>
    <t>b"\x87\x16\x17\xdc1\xee/\xcc\xd4;*\xf1\xaf'Ig\xcd\x9d\x02\x9fd\xfb\x9co~\\I\x14c^\xe7\xe2"</t>
  </si>
  <si>
    <t>b'\xee\x9e*\x85\xfa\xac=\xa9|\xda\xdf\x90)\xbe-Fhn\xbf_\xe2\xebU\x93\x80\xd5\xfb[\x03T\x92e'</t>
  </si>
  <si>
    <t>b'U\x00 \x81\xb9\xe9fU\xf0\x9af\x81\x9e\x98\xa9\xf3f\x7f\xa0\xbc\x19\xdec\x18\xeb,\xcc\x0b\xfaSb1'</t>
  </si>
  <si>
    <t>b'\x00\xb6\xec\xd36\x19&lt;\xa9D\xddz\x9a\xed\tUD]\x95\xf5_\xfcq\x02\xd2yJ\xe9\x05\xa1c\xec~'</t>
  </si>
  <si>
    <t>b'gl\xb0\xab\x00\x91\xdc\xba-\x18\xf3\xcf\xf8\x81\xc3\xcc\x90i\xbd\xf1TCH\xe6\xb3!L\x08A\x83.\x8b'</t>
  </si>
  <si>
    <t>b'\xc2\xfc\xd3\x84\xf3,\xb0\xb0z\xd1c\xb0?\xb5\xb50\xeb\x95DO\xd9\x04\xeaH\x0e\xf0\xd2\xaa\xc0\xcd\xd4\x88'</t>
  </si>
  <si>
    <t>b'\x1e\xa0-x\xbd\r\xfe\xf5wyQ\xf3:4f\xfa\xc3g5\xea\xfc\x14\xb3b&lt;\xdd\x1d\xb7\xe3\xbb\x8e\xa6'</t>
  </si>
  <si>
    <t>b'\xc4\x8d\xde\xcd\x9e9@\x85\xaf\x04A\x032^E\xd2`\xf3\xc7\xd4\xd8\xd6\xcaA\xed\xd35Ea\x92\x80G'</t>
  </si>
  <si>
    <t>b'\xdaX\x90\xc5\xe2^\xae\xdb\xb80"q\xe6\xd1\xca\x01~}\xea\xa3\x91\xda\xce\xe9\xd8\x94\x1b\xc5]\xd1\xc8&amp;'</t>
  </si>
  <si>
    <t>b'L\x1f\xdb\xa4\xfe(\xb4G\x89\xb0\xe7rc\xeb\xe4&gt;\x1d\xbe\x16\xff\xacjIA\xc01\x95\xb1\x17\xf1\xbfi'</t>
  </si>
  <si>
    <t>b'a\x81\xbbc/\x19&lt;\x1a\x04\xb7\xf0)\x7fh/\xfc\xa6\x99\x81\xf96v.*!\xd4\x031?\xb1X\x0c'</t>
  </si>
  <si>
    <t>b'\xb4FFJ\x110\xe4_Sy\x1e\xe6\xe3\x89\xe8\xdd(\xe9\xa7\xd4]?\xb8\xf7t\xfc\xe5,\xdf\x12\xe2\x04'</t>
  </si>
  <si>
    <t>b'\x12\x14\x9f6\x19\xc1&lt;\xf2dy\xf9\n!\r\xcbm\xdd\x03\xb7\xf0,\xb2l2\xaa@b\xf3\xc2\x93\x07g'</t>
  </si>
  <si>
    <t>b'\x8c\xbc\x8d\xb2\xf0\x9f\x08\xfe\x84o\xa4z\xdeF\xec\xe3Q\xc7[9\x00\xaaN\xca\x80\x80&lt;\xb95$(@'</t>
  </si>
  <si>
    <t>b'\x9f_}\x0e\xe0T\x871Z\xd3rL\xc7\xd3\xd6\xcbP\x1d\xa6\x9e\x04\x1c\xe2/lO\x0c\xfd7g\xfb\xb7'</t>
  </si>
  <si>
    <t>b'\\\x8fe\x17\xe9\xb4\x19@h\r\xaa\xe6\x15\xeb\x1f0p\xd1\xc6;\xa7*\x85|7\xc2\xdc;\x84\\\xe3\xe5'</t>
  </si>
  <si>
    <t>b'/\xf0\xb6\xe31\xbc_\x06\x08[x\xa2|\x16a\xe9\xe9+\xf4\x16\x89\xd3y\xac\xf2}\xeeCm\xbed\xa3'</t>
  </si>
  <si>
    <t>b'\xab\x10\xa05\xe1k\xfd\xba\xdb\xf7Z\xff\xd80A\x99\xa7\xbe\x84\xf3!(\x19\xe4\xa3\xe9\xac\x82;o\xf1\x1a'</t>
  </si>
  <si>
    <t>b'\x12\x06d\xe0\xb9\xfbr\xc8\x17,\xf0?+\xe1\xa5\xcc\x16\xec\xf7j\xa7\x86)76\x8e[\t\xe4$\xc0\n'</t>
  </si>
  <si>
    <t>b'\x00\x80\x1dK|\x84\xa3\x94\xbf\x18\xa1\xb7\xc7\x06\xa3\xe6L6\xf0\xbbBxA\x18\x92\xf6j\xc0\x9b,\x91\x1d'</t>
  </si>
  <si>
    <t>b'\xaeW"\x1dD"\x14,\x13\x04[\xe3\x93\xad\x96\xd2@\xdc\x87\x9b\x7f\xcd\xbb\xd2\n\xcd\x8c\x97\xe9\x83bc'</t>
  </si>
  <si>
    <t>b'\xff\xd8\xc4\xce\xeb/.W\x97\xd7"s\xf6\xd8\x99\xeb\xa8MZ\xae\xda\xe4\x96&amp;\xd5\x01M\xfer\xfb~/'</t>
  </si>
  <si>
    <t>b'2efGg\xb1H\x16\x8c\xa3#\\\xc5\xb1.}\xb0\xe7`$b7B\xc8\x82\xe1M\xa0T\xf9|`'</t>
  </si>
  <si>
    <t>b'\xc3\xb6\x99IQgZ\x83%\\\x12N:\x06\xff\x9f\x02\x81Fl\x1a\xf4\x1b\xab\xb9\xd2\xfa7\xc7\xe6\xa6b'</t>
  </si>
  <si>
    <t>b'\xb8M\x80\xd0\xf4\x9d\xd8 ^\xb2\xe36\xd7N0\xc6\xdd\xfbY\x0f\x9f\xadMv\xd2Q!\xf9^`\xa4\x8b'</t>
  </si>
  <si>
    <t>b'\nW\xde\xe9\xef\x91\xce\xab\x9bZv\x06\t\xe8\xcdp#\\G,\xd9\xd8/]\\\x1d\x9a,zb\x99\xc3'</t>
  </si>
  <si>
    <t>b'dC\xeb\xe9y\x98\x1f\xaau\x85\x1f\x85\x85\xfc\x14t\xf9\x98\xaa\xc4P\xa5~p\x04\x95\x1b.\xb1N\xb4~'</t>
  </si>
  <si>
    <t>b'\xfe\xa4nmF"\x84=5:q0R\x80w0\x8c\xc8\x9fIG;\x83/\rM\x17\xb6\xf9(\xb3\x0f'</t>
  </si>
  <si>
    <t>b'd{V[d\xc6\xeben\x8c\xd5\x8a\xb4\x9e\x96\xc7\n\x9d\x1e\xef\xb1\x89\xb1\xf6\x8c\x1c\r8[;\x0cz'</t>
  </si>
  <si>
    <t>b'\xd6R\xa1\xe5\xd7z{\xee{\xa6\x97\xea]\xac\xccg\x1a\x0f9(\xaf\x17\xfb\xdeq\t\xed\x85\xab\xb5!\xc3'</t>
  </si>
  <si>
    <t>b'\x18\x06\xea\xef\xa3)\x13\x18"\xc5m\x85\xc5\xd1\x9e\xe0,\xa2{\xb2\xa1\xf0\xf98\xef\xa9\x12\xad\xd8(Rj'</t>
  </si>
  <si>
    <t>b'\xb5S\xf3B1\x9f\x0c\x1d|\x12\xeep\r\xa9\x94\x84\x9d\xb0\xc2\xa3P_\xd3\x8405&lt;\xe6_\xc4%$'</t>
  </si>
  <si>
    <t>b'\xf66\xbb\x1c\x99\x9c0\x7f\xed\xf5Wx`\xdcT4\x02\xfe\xdb\xa8F\x0b\xf2\xde\x9bB\n6\x94\x9a(\x98'</t>
  </si>
  <si>
    <t>b'\x98\'pL]\xa6$\x9b\xdb\x14I\x91\x89Z\xc8\xf5x\x9d\x89\xf6\x14t"\x08\x87\xfc\x1a9\xcd8\xc7s'</t>
  </si>
  <si>
    <t>b'eK$\xdf\xab\x84\xef_y1\xcb\xfb\x88\x80uP\xc8\x85\x04\xd1\x9a[\x8a\xf7\xcf,\x13\x95m[\x16i'</t>
  </si>
  <si>
    <t>b'TO\xd9\xe3qN?Kt\xba\xaa\xa6MN\xc8o5L|N\xe7\xff\x99\xee\xe6\xad\x83O\xdey\x1d\x9f'</t>
  </si>
  <si>
    <t>b'{\x14\xde\xe6\x19\xe7,\xddR7S]\xc5\xcb\xfc*\x805w\xbf\xb5g\xb6\x1e\xaeIH\x8c0\xfb\xa7\xc2'</t>
  </si>
  <si>
    <t>b'R\x97\xd8%\xafv\xc2\xba\x84C\x1b3\x8a\xe9U\xcb$\xd5\x9a\xa9\x07\xea\x15\x8f\xfeu\xafm\xf4\xc3\xe0U'</t>
  </si>
  <si>
    <t>b'\x9dD\xcf\x90\xebiI]\x88\x02\xccv\xb3&amp;\x84\xc6;\x16\xf8"\xf0C\x14\xbaX?\x1b\xb4\xedr\xe9\x11'</t>
  </si>
  <si>
    <t>b'\x86\xd0\xeaa\xdc[\xd1&lt;\xfdj\xd7;\xe1\xed\xdd\xf5\xb2\x04\x84~\xb6tY\xe0_\xdb??\x8c\xf8-d'</t>
  </si>
  <si>
    <t>b'\xf6\x1f\xb95\xc9"\x07\xe1\xb8q\xc0\xd8/\xc5\x1dJ_\xe9\xdd\xc7\x03\xe5@\x05&amp;\x8e\x08\x89-\x93%\xa8'</t>
  </si>
  <si>
    <t>b'w\xeeQH\xc2&amp;q9\x11\x0c&lt;\xbc\xaa!/1*\xa9@J\x96\x07W\xd6\x7f\x86\xf8E\t\xf0k\x94'</t>
  </si>
  <si>
    <t>b'z[\xd2\xb4\x06\rC^l\x03[\xbd\xa9\x85\x01\x8a^\x9b\x89\x80S$E\xa8\xc5\x1f\x8e\xb9\xd7\xf1\xbd^'</t>
  </si>
  <si>
    <t>b'\xf8\x00&amp;IU4\xca~7\xf97\xb1\x0et"/yAJ9\x18\x9fb\xcc\xd1;\x8c\x97\x95\x9e\xbcL'</t>
  </si>
  <si>
    <t>b'\xc6j\xba\xfc\x19\xa6~\xfa\x1c\x05\xa32\x03\xec\xeeoCs]yx\xa7\xb0\xeeg\xdf*J\xb9\xfb\xfb\xeb'</t>
  </si>
  <si>
    <t>b'0\xf7\\\x1b\x0cj\xbe2p\xc3f9\n\x17\xee\xab\xff\x1f\xd7\x08\xeb\xf6Q\x84\x84\x1e+7W$\xaf\xcd'</t>
  </si>
  <si>
    <t>b'\xc0fow\xcd\xb8\xb8\x8f\xee\xc8\xd4W\xcf\x02\x92\x90\xe5\xa7\xf3\xdb\xac\x80S\x96\xbc\xa6,\xdb\x83u\xeaF'</t>
  </si>
  <si>
    <t>b'Y\x1f\x12\xd1\x17i\x1c\xf9\xf7\x85\x7fh\x10DB\x86\x11\x01\xabnzu{\x97\x8c\x8d\xf8\n\xa8!\xfc`'</t>
  </si>
  <si>
    <t>b'1Pp"\x13\xccf\xa1}UM%\xc9\x13\xbfv(\xc1\x05\x8cI%\xf4\xdf"\xbc\xe1L#\r\x87\x90'</t>
  </si>
  <si>
    <t>b'^dN\xca(\xd3&amp;W\x0c\xaf\x14I\xfa`\n\xd28\xb1\x92\xfc^\x8a\x16\xd0\x14\x9b\x05\xdd\xfev\xdd\xb3'</t>
  </si>
  <si>
    <t>b'\x96\x116\xe0\xf3*O\xb4/\x19\xe7S@\xc1Y\x07\xfb\x99n~B&lt;J\x01\x0c\xf1K\xce-K\x94\x84'</t>
  </si>
  <si>
    <t>b'\xd4\xca\x1c\x9as\x12~\xfd\xcdX\xb1\x1b\x01\xa0\xfe\xd2\xc9\xc5o\xc2\xd47\xef\xbfO\x05]f\x1f\x9b}\xe0'</t>
  </si>
  <si>
    <t>b'\xaa\x92\xc6\xff\x16\xe5]\x06g6U\xf3Q\xfd\xc9\x1cQak9\xcd\x12&gt;\xd5\xa5&gt;\xf5\x87Y\x08\xe5W'</t>
  </si>
  <si>
    <t>b'\xf1\xebx\x19\xfc\xab}%)\xab}\x83L\x1dg\x16\xc4\xe4\xa5\xe0Z\xfc\xaf\x91\xfcG\xb9\x8b~\xc4\xc3\xed'</t>
  </si>
  <si>
    <t>b'\x8a\xb4\x97\x00\xd92$R\x0eY\xc5u\x88\x19\x85\xc2\xf3\xad\xcc\xa0\xca\xa2\xde\xef\xf7\xf0{\x95\xbbE\x1c\xca'</t>
  </si>
  <si>
    <t>b"\x9f\xbe\x94'\xab\xfd\xd9\xf7\xb7\xd6\xd0.6\xbb\x1e,\xbcp\xecp$\xc0\xa4\x88jhrUD\x8c\xbb\xef"</t>
  </si>
  <si>
    <t>b'\xe0&amp;\xbe\xa7{Y\xd7\x95\xed\xce\x05\x9e\xdf\xcf\x03\xad\xe7\xb2:\xeb\x06K\xfd\xd9\xae\xd1(\xba\xd2P\xd1\xde'</t>
  </si>
  <si>
    <t>b'u\xbd\xa4\xd8\xacS\xe0\xb9UW\x01\x1fY\x8d\xcd\x04bn\x84%=\xb8\xff\x80\xfd\xc3\xfcQ\xcez\xfcP'</t>
  </si>
  <si>
    <t>b"w\x99\xea\x8f\x00\x19\xfc|l\x1at\x16'\xbaA\x82\xe9/\xe8\xdf\xec\x13\x00g\xb1\xcc\xea&lt;\xf1S\x8e\xde"</t>
  </si>
  <si>
    <t>b')m\x89\x97\xce]\xc0:\xf0*\x11\xffh\x99a\xaeV\xf8=\xf60\x8d\xebX`\x95\r\xae\xc2(l\x9b'</t>
  </si>
  <si>
    <t>b'XA\xd7u\x0c\x10\x8dn\x8c\xf2\x14\x81\x9a^\xb82q\xa6\x16i\x08N\xdc\xfb\x01\x1fp\xa7i\xb7\xf7\x13'</t>
  </si>
  <si>
    <t>b'\xbf\x8e\xa9\x90\xd1[\x14!I/`\xd7\x8c\xffHF\xa4\x8e\xbbX4\xef\xcf\x00p\xd4\xdf\x89\x13\xe16('</t>
  </si>
  <si>
    <t>b'\xc2\xcc\xd2\xce`\x02\x1a/\xcf\xcd!\x9e\x08\x13\x0f\x1f\xb83\xd6\x10Z\xe6\x14;\x17\x0f\x04\x11\xe0\x1e\x83\xd8'</t>
  </si>
  <si>
    <t>b'\xca\xedT \xa2\xb5`\xe1Q\xb5\x14\xe9\xcb\xf9\xc7_\xe6\xdb\x9e\x9e\xbe\xa8\xef(3\xdf&gt;B\xf6HE\x86'</t>
  </si>
  <si>
    <t>b'\xb8\xc8\\\x9fC\xb0\x13\x8b\x91\xbaI\xe2q\x8e1wUW\x99+\x87\xcc\xa5\xf86\xe2\xe5q}@HS'</t>
  </si>
  <si>
    <t>b"\x81\xf8\xbd}\x86\x9d\x93\xca\xfe\xde$\xac\xce\xfa\x87Q'N\xdc\xd6\x95\x89\xfb\x7f\xd6\xd4K\xa3g\xfa\xb0\xd2"</t>
  </si>
  <si>
    <t>b'r8\x01\xd9\xbf\x93\x98\x0b\xdbT\x96T\xde%-Eo\xd5VFHd\x1920\x0bY\xfe\x87\xd8\x1f2'</t>
  </si>
  <si>
    <t>b"\xbb\xdd\xa9t\xdap\xdan\xe5\xacr\x07\x13l\xdem\xb79\xf7\xa9\x84O\x0eq\xa3\xee\xc3'\x04H\x87\xe0"</t>
  </si>
  <si>
    <t>b'\x83ch\xa9\x03\x9d$t\xa5\x8e\x92\xb9]\x152\xaeT\x84\xc0\xa8\xe9\x86?^\xbd\xfb\x10\xcdj\xb8\xabg'</t>
  </si>
  <si>
    <t>b'\xc7\x06\xa3\xb6\xc4\x8ds\x1a\x91g(W\xf7\xb7\t\xdf\xa4F\xc9\xb3d`\xc9:\xab\x0e\x8d-|\xfe\xc5\xbf'</t>
  </si>
  <si>
    <t>b'\xa3\x14\x82\xfa\x80K?\x90;O/\x1d\x9a\xa4\x93\xf1\xcd\xbc\xb0Or\xb9\xefh\x13\xc4\x89\xf9\x04\x85\x12\xb4'</t>
  </si>
  <si>
    <t>b'\x94\xad\x99\xdb\xaf\n\xbc(\x1a7\x82:A\x91\x15\x04_T;\x84\xc1\xe4\x11\xdb\xe0%UG_\xf8$P'</t>
  </si>
  <si>
    <t>b'\xc5e\xd3e5\x06\xfbX\x05]\xc0"\x00\x81\x92D\xb0\x88[\xb2E\xb1\x85\xa46F\xcf\x858\xa1E\xce'</t>
  </si>
  <si>
    <t>b'\xfa\xbe\xac\x12\x12\x87Q=\xad\xdf\x0f\xc6d\xdfx(\xff\xb3\xaf\x82\xc2\x08\x0c\x8c\x7f\xcd4\xd6\xc0\x92\x81)'</t>
  </si>
  <si>
    <t>b'@GE\x04N\x00AA\xda\xda\xcd&lt;\x03w\xdb\x86\xb2\x9eh\xeda\x868%"\xb1\n\xacf\x03\x81b'</t>
  </si>
  <si>
    <t>b'+\x8f\x1c\xd2}U\xbc\xe9;\x1b=\x94\xee\xd9S/\x9e\xe7\xbcR}\x11\xcfc}H\xe7-\x99\x18\xf5Y'</t>
  </si>
  <si>
    <t>b'\x1am\xaa|\x16\xaek#\x02\xb8MTw{\x8do\xcb%\x9e.\xd2\xea\xb9\x08L\xc9$\xf4q6\x9d\xfc'</t>
  </si>
  <si>
    <t>b'\x8d\x8f\x12T\xcf]\xf8\xc6\x0c\xa3\xed\xec\x8b\xdb/1=\xf4\xec!YX,\xa4&amp;\x14rJ\xb3\xde\xba\xe8'</t>
  </si>
  <si>
    <t>b'4\x18\xbe\xec~\x04\x11d\r^o\xac\xa2\xf3\xa2\xb7\xf7(]e\xc2\xca\xd3\x7f\x15\x0b\x9df\x87, \x04'</t>
  </si>
  <si>
    <t>b"\xf7'\tD\x8c\x905\xea;\x11;\xef)\xf3\xb6\xd0F\x8e\x07\xbcI\x85)\xc8`\xb5Y\xc9\x7f\xba\x81\xd5"</t>
  </si>
  <si>
    <t>b'\x1e\xa7\xc3\x87&lt;\xa6~I\x84\xac&gt;\x00\xbc\xca|$\x0bs\xb5\xd8\xa7;$\xdd\x1d\xcc\x8fK+\xe6f\xcb'</t>
  </si>
  <si>
    <t>b'\xd0\x83q\xf5T\xcd(\xce\x93\xd3E\xec+\xf8\x1f\x8c\x85\x93\xa2\xe9Q\x15\x11^\xde\xe1\x1b \x86*\x89\xa3'</t>
  </si>
  <si>
    <t>b'\xc2\xdb\x91M[TL\xde\xe4\x08\x87\x88\xee\t\xaf\xfb\xc5\xc2\xfd\x9a4\x9f[W4"\xe6D&amp;\xf6\x16&lt;'</t>
  </si>
  <si>
    <t>b'\xb3\xd7D\x08QX\xfc\xd0\x96\xf3\x04\x85\xe2\x92\x11*W\n\x80\x10\xdf\xccW\xc7?h\xbc\xa4\xca3M3'</t>
  </si>
  <si>
    <t>b"\x18\xec\x0ea\xcb\xb7\xca\xe2\xfb\x879\x8e\xb3Y]\xd4\x8b*\x90J Z'\x12\xf1\x87\x94u\x06\xc4\xd9\xe0"</t>
  </si>
  <si>
    <t>b'\x98\xdbw\x9e\xe1\x07P:\x82L\xe6\x17\xb9\xb8h\xc6\x0c\xae\x045{?\x08\x10\x95\x1a=S\xc5%T\xda'</t>
  </si>
  <si>
    <t>b'\x9a\xd7qKH#O\xea?\x03\x0f\x90\x1d\x14@\xc9\x9fy\x0e\xf1\xcbI:4\xe0\xea6R\x90.\xe5\xd2'</t>
  </si>
  <si>
    <t>b'E\xcfL[\x84\x99a\xc6\x16M\x1c[\x07\\\xceM\xbd\x8b\xa9\xce\xc7E\x8e(\xa4Mqv\xac\xf1\x91\xf6'</t>
  </si>
  <si>
    <t>b'\xa9W\xcc\x89\xb8y\x07&gt;m\xd9\x1f\x06\x02\xefQ\x07\xe5dOb\x1f\xdf\xa4A\x91uvv\x0f\xder\xe1'</t>
  </si>
  <si>
    <t>b'\x8e\xcf\xef\x02%&gt;\xdd\x8b\xe1\n^\xa1\xa5c*\xf1\x99sXk:\xd1\x18\xe01`\x83,\xfd\x96\xcc\xf4'</t>
  </si>
  <si>
    <t>b'\xc7\x88Y\x0b\xb3~\x81\x9f\xb4q\xbb\xc8\x19\x8d\xa7n\xcd\xcc\xc3\xd2&amp;\xfbp\x0b\xe82ig\xd4pt='</t>
  </si>
  <si>
    <t>b'\x14\x0e\x04M\xf9p\xdf\x01j\x01"\xae\xd22E\x08J\xa0\x82\xfd.\xb6\xe5\x1b\xe9\xcf\xee\xf6\xa6\x94n!'</t>
  </si>
  <si>
    <t>b'\xb02f\xfft\x05\xb2N\xf2\x07k\x87\n(\x08\xec\xa0w\x9d\x08=C\xbf\x16A \x8f\xe6\xedI/\xd0'</t>
  </si>
  <si>
    <t>b'z\xe19\xdeG\xe1\x07\xde\xdeA\xd8"?3\xfc\xa7\x95\x9b\xfcKV\xcb\x1d\x93a\x98\xcc\x87"\xf6\x81~'</t>
  </si>
  <si>
    <t>b'\x11\xfb$\xa5n\xba\xae\rv\xca\xfe\xd2]b\n\xd3\xa9\xe7\xc1\x86H\xc5\xee\x13X\xe4\xea|WK\xb5\xa8'</t>
  </si>
  <si>
    <t>b'\x1f\xf0%/\x81\x11\xbfI\xce3\x8fN@\x97\xf1\x06(\x0c\xc3\xb0\x0b=\x90\x0c\x9cBajWm\x9d3'</t>
  </si>
  <si>
    <t>b'\xabV\xd0I+\xf6\xc8\xd7&lt;\x00\x12\x9d\x1d\xa7\x0c\x81\x9a\xcbO\xbcL=\t\x1c.iSU\xbb\x8c]\xc0'</t>
  </si>
  <si>
    <t>b"W\xef\x9b\xac\xb07\x85\xfd\xda\xa2@2\xd5_\xda-m\xb9\x0e+D\x9bW\x85\x01.$r\x8f\xda '"</t>
  </si>
  <si>
    <t>b'\xea&amp;V\xf5N\xa3\xe2I\x90\xb0\xe8\xa9Z`*&lt;\x1a1\xc9\xdd\r\xd5\x90Mh\x1f\x1ft:\xc7\xed\x01'</t>
  </si>
  <si>
    <t>b'`\x84\x9c\xa6\x13\xa8\xbd\x9b\x0e\x06\xbaWP \x97\x10\xe2\x93\xb9x\x89\xd4W\x99\xd2\x18c\xf8\xa48s~'</t>
  </si>
  <si>
    <t>b'0\xfb\xd7\t$\xf2\xd6)\x0c\xc8\x92\x13_\x0c\x8e"\xee\x1b\xbbWd\t\xec\x97m%&amp;C\x97$\xb7\xca'</t>
  </si>
  <si>
    <t>b'\xcd&amp;\xbe)\x94\xc7\xf2\xc4\x16\xb9\xaf\xf6\xbb\x85\xb1#\x88\xde\xb4\x96\xcd\xf3j@\x99\xb1\xd2\xc5\x81\xf6\xd0,'</t>
  </si>
  <si>
    <t>b'\x1d\xa7K\x82\x81\xfacb /i\xb7\x16\x84\x9f\x12?\x808N=S\xb4\x19yg\x0bu3\x1c\x15M'</t>
  </si>
  <si>
    <t>b'\xc3\xa0\x1e3\xd8\x98%\x84\x90 v\x11\xd8\xfb\xe9\x91\x12/\xcb\xd9\x18g\x14\xeb0\xf1G\xe1\x88\xdb\xd9\x84'</t>
  </si>
  <si>
    <t>b'D\xf21\xf0\x17\x9e\x90\xa2\x97\xc2\xdd\xeb\xc2u\x99\x99\xdd\x07\xd7\x04\xc0\x8e\x1f X=\xff.\xcbV\xe8\x1c'</t>
  </si>
  <si>
    <t>b'r\x93\xb8\x80\xe9\xd8^Bz\x93\xce\xbfEP\x1fh`\xed4\x06~\xb9\xed$\xdf\xcb\xa7K\x9e\xb1\x0e\x8c'</t>
  </si>
  <si>
    <t>b'\xdb\xcdr\xa9]\x10\x920\xda\x8a`\xd2O\xdb\xfe\xa5\xd69"v\xd7\x00:\xaanikk\xbfqAW'</t>
  </si>
  <si>
    <t>b'w\x8chP.\x9f\xb5\xaa\x9d9X\x14\xa3\xed\xa7_I\x126\xe1\xb9\xc0\xa0\x81\xf8\xbe\xa6\xa7\xb7N\xcc\xbd'</t>
  </si>
  <si>
    <t>b'\xbd\x89_c\x044Z_\xc6\x81@\xd4\xd9\xa1\xa1\x99X\xff\x110\x18\x1f\x9f\x7f\r\x08\x93(\x04\xfb\xb1 '</t>
  </si>
  <si>
    <t>b'\xdb\xa2\xc4\x01\xbe\xdb\x15\x93\x86\xfe{J\xef2\x05\x8c\x18\xab\xfc\x85"\x925\xa0!0*x\xc3n\x06\xd3'</t>
  </si>
  <si>
    <t>b'j\xbf\xf7n#(rJR\x8cE7\x9f\xca.\xbd\xa4\tV(\x03\x82\x89:\x14_V\xa7\xc3\x07\xdd\x88'</t>
  </si>
  <si>
    <t>b'\x1e\xca\xd4n\xcd\x1b|\xb8\xd6[\x88\xa9YH\xc0\x88VH\x80`\xbc49\xd4\xbd\x06R}\xff\x87^\x80'</t>
  </si>
  <si>
    <t>b'\x0f\xda@\xea\xb0\xef\xd8K\xe7|\xa3|\x91\x82\\.!\x95\x8d\xbd|V;\x87\xa3\xd2\xc4B\xd3\xde@o'</t>
  </si>
  <si>
    <t>b'\x86\x1d2o\x0f\xd5\x8dY _\xe0\xd2\x8e\xf4\xe1\xe6\x1a\x1fL|\xd2b4\x84\x14n\xe7;)I\x00o'</t>
  </si>
  <si>
    <t>b'\x8a\x0c5\xce\xfbp;\x90$p\xee\xa5\x84\x0b\xd5\x16?\xd6\xae\xa6P\xf3\x1e\x10\x14\xb5M&lt;\xbd\x0c\th'</t>
  </si>
  <si>
    <t>b"d'\x1fY\x99\xfcGI\xf3\xa3\x828\x93\x1b\xedoJ^j\x8cj\xaf\xf3t\x9e\xf6)\xe91s6x"</t>
  </si>
  <si>
    <t>b'"6\xc5\xd0G\xfb\x02\xa1e\xd84\x85~\xff#\xe6\xb3\xeb\x13\x9c\xdf\x0f\xc0\xf1\xeb\xdfdP\x92\xfe\xb63'</t>
  </si>
  <si>
    <t>b'u\x9a\xea^\xb6D\xe2}\x8d\x15f\xcf\x87f\x03\x10\x18\x01co\x13\xa8\xb2\x9f\x85\xfaI\xd1g\xd8\x89\xd5'</t>
  </si>
  <si>
    <t>b'\xaf0\x88\x8f\x1b\x19\x93d\x1c\xe4e\x15\n#;mtf\x95\x1bh,\xe8$\xb0\x9fZ\xbb\x10\xe7\x91\xb1'</t>
  </si>
  <si>
    <t>b"\xc0\xf4\x05\xb4r'S\xcf\xc1\xcf;4f(T\xbc\x9b\ne\xdfj\x9c\tx \xb5\x0f\x1aX\xdc\xfc\xa7"</t>
  </si>
  <si>
    <t>b'0K\xe0&gt;\x1c\xe2$S\x18\x84a\x8d\x84\xf1\x89D\xa6{\xc6N\xb3\x95&amp;\xc2\xdc\xc2&lt;`\xbe,;\x8b'</t>
  </si>
  <si>
    <t>b'#\xd6\xc7\xcb\xde[\r&gt;\xb9\x99\xbf\xe7g\x94\xf7\x15i\x00\x87!\x03\xe6\xb9\t\x84\xdc$\x7f$Mnl'</t>
  </si>
  <si>
    <t>b'$\r\xd7e\xc6\x1f\xb8\x1d\xab\x1a\xd1v\x19\x12\xd8 \t\x90\x1b\xa2\x83\x07Q\x99Df\x01\xdf3\xbe\xb1Y'</t>
  </si>
  <si>
    <t>b'h\x8bN8\xff\x12xa$\xbf\x86\xfcV\\B\xe0\x8f\x19 [/\xc9\xf2\x18\xf0\xfc\xd62]^7\xf3'</t>
  </si>
  <si>
    <t>b'\xad:Q\xec\xad\xb0u?\x9du\xf59I\x9c\xd3\x9e\xaa\xf8\x96$\xa6\xa12/\xf8\xa0\x96\xbf\t`\x03\xd1'</t>
  </si>
  <si>
    <t>b"\x1b\xd9\x1c'I\x0c%f\n\x0b\xac-\x9a\xa4\x14F-\xed\x98\xd6\x1f\xc7\x94.F\xe1G]\xdbp\xdfk"</t>
  </si>
  <si>
    <t>b'\xd1\xd5\xf4\x1cH\x1a\x10\xd8\xbd\x11V\xa6\xe4N\xd3\x1e\xac\xe7&lt;\nw5g\x13\xfca\xebd\x1a2;\xfe'</t>
  </si>
  <si>
    <t>b'\xb7\xa2\xacP\xad\xa1\x03\x02PX\xdf!\xc1|\xe5\\\xc4\xb6K\xd3\x08\xdb\xbf\xd4\xb8C%\xfa!d{a'</t>
  </si>
  <si>
    <t>b'.\xb3\xe6\xbf9n:\xd0n$,\x89u\x89\x8fQaC\xba\x1b\xcd\xb9\xc7\x90w\xbd^\x0eU\xc4\xb7#'</t>
  </si>
  <si>
    <t>b'\x82\xfe\x05\xf0\xac\\\xe4\xbf\x04\r2\xd1\xdeZ8\x84\xf5m\xb4\xf3\xf3\xab~-\x8c\x82\xe8\x95&lt;\x04\xac\xef'</t>
  </si>
  <si>
    <t>b'T^\xf6no\xba5\xc5\xad\xfdi\x16\xb3,\xa3\xbc!\x95\x00\xc9\xbby\x978F\x14\x83\x1c\xfe\xc56\x84'</t>
  </si>
  <si>
    <t>b'\x9d\xbca\xf5\x0f+u}`P!\xcaE\xf9\xb5\xe5J\xfb4\xa3\xa0\xe1\xb9\xd5\xdaa\xd8}\xb7\xb1\xb1\xea'</t>
  </si>
  <si>
    <t>b'\x92\x00\x7f\xaf\xdf\xf5\xa9\x06\xc6\x14(mm(j\xb9x*\x88]\xc8\xab1\xe13W\xcb\x84\xdc\xec\x1d\x84'</t>
  </si>
  <si>
    <t>b"\x9b]\xb3\xb2\xbct\x96)'\xa2(\xd0ng8RV\xc7\x01'\xffh&lt;\x0e\xf1]S\x18@\xad\xec\x8a"</t>
  </si>
  <si>
    <t>b'\xc6\x8b\xfc\x13\x82\xb3\xc7\xe0\xfe\xdb\xe4\x99\xf5\xec\xe3\xe1#;\x01w[\x19y\xfa"\x9f$\xd3\xac\xe7\x94\x17'</t>
  </si>
  <si>
    <t>b'\xc2\xddiZ\xf4V7\xb9\xb5\x980\xa7\xb6\x1e\x85\xceU\xab\xbc\xdcq\xe52\xc1\xe3\xd2\xe6G\x8a\xaf3n'</t>
  </si>
  <si>
    <t>b'\xa5\xb2\xa9\xaaq\x95\x08\xa5b\x05\x9b\xafr\xd0#&gt;\xea\xca\xb2r\x1c\xb1\xb6\xca\x84\xdc\xa3\x92,\x84\xf7\xed'</t>
  </si>
  <si>
    <t>b'&lt;!e\x00\x87\xb1!"L\xf7\x1f\x81\x11\xa08\x84 \xe4o\t\xcd\xf7\xf4\xd3\xe4[D\x11u\xa2\xcfy'</t>
  </si>
  <si>
    <t>b'\xe6\x88\x04\xbd.\xe6#\xd7\x18\xff\x93\xac\xd8m\xcc\xddx\x936K\xce\xe2Uo\xaaF\x8f\x1dC\xc7S\xcf'</t>
  </si>
  <si>
    <t>b'\x18O\x8f\xf6\x9b\xb3\x98:\xa7\xfd\x8c|c\x08S\x88\x05\x90$\xbe\xee\xc7Kd\x85\xbc\xa3Dh\x15\x08\xe9'</t>
  </si>
  <si>
    <t>b'\x1b\x9e#\xc7\xdd\x1a\xb7\xbc\xbd\xf1\xb5oX\xe5\x08\x16\xa7=\xcc\xee\xdd5\xf3Y\xd9\xd5\xae\xe4\x05k\r\x98'</t>
  </si>
  <si>
    <t>b'l\xbc\xe4\xfeD\xc5\xb6G\x03\x07I\xf1\xf8\xf6\xa4D\x88\xb4\xecX\x90\x1f\xee\r\x91y\xb55\xf6\xaf\x06C'</t>
  </si>
  <si>
    <t>b'v\x83\r\x1d=\x14D\xb8\xa8\xc5~\x00\xb2\x1f\x10\x1a\x97\xab\xe9\xafPf\xcb\x1dZ\x9f\xba\x18\x13\x99\x12\xb5'</t>
  </si>
  <si>
    <t>b"\xd9\x95&lt;'\xc3\x82;|3\x16\xb27\x8c,f\xacXE\x08\xb6\xda0@\xe0\x1e\x0c\x12\x8b\xf5\xb8\xbb\x10"</t>
  </si>
  <si>
    <t>b" \x0c\xf6S\xc8\xc2t\xb9[\x0c\x1e\x93'\xceM\x83\xcd\xbc\x17o\x0e+\xe3\xc9\xde5P\xecy\xa2l\x01"</t>
  </si>
  <si>
    <t>b'\x11&lt;nYfAS\xca\xa5\xdd)\x1dz\x98LB\xb1\x15\x05I\x11\x93LM\x1d\x94z\xa8\xe7O\xcb\xf3'</t>
  </si>
  <si>
    <t>b's\xe2\x0ch[\xa4\xf3\x97]\x1c\xc1\x13\xf2\x88g\xaet\x15.\xa5\x19\xe1x\xba\xb2e\x86\xf6\r\x97\xf2\xe2'</t>
  </si>
  <si>
    <t>b"*m\x14|\xeb\x15s\xc8\xdd6\x933`\xe3\xae\xbb&amp;\xda\x80\xbf'\xe5C\x10\x08\xd4\xbaN\xc7CA)"</t>
  </si>
  <si>
    <t>b'K6\x03\x11V\xe6\x83\xdd&gt;5\x0cE6\xb4htR\x7fhY\x14\xdf#\xa4N5\x18\xad\xce~S|'</t>
  </si>
  <si>
    <t>b'\xc0\xdf\x17\x1f\x0b3\xfe~\x7fgqS\x10\xd7\xa7\xa6\x80\x88\x152s\x91\xb7\x17\xd3\xad\xdd\xe6\x0e$\xfd&gt;'</t>
  </si>
  <si>
    <t>b"'k\x95?\xaaPi\xb4\xd4\xff\xeb\x84\x9f\x8c\x95.\xf4\xaa\xf7)\x19T\xeb*\x15\xf8\x0b\xaeLE\xd9\xc0"</t>
  </si>
  <si>
    <t>b'\x18\x04Eu\xfdsw\xaf\xdaG\x90\rGz\xb1\x11X0\x9b\x15r\x90D\xeb\t-\xf2\xcb\x8b\x98\xc0\xf2'</t>
  </si>
  <si>
    <t>b'\x00-TM\x04)\xe9P=\x900\x8f\xf6\x91\x94\xa6\xe2\xc9\xa9;\xd1\x7f\x1d\x041-\xd0\xe8\x8b\xa5H\xae'</t>
  </si>
  <si>
    <t>b'\xe8\x079\x94\xba`\xe6\n\xf5\xa3\xed\x04\xf1\x0c\x1f\xc2\xb8\xaf\xcc\xed\xc0!WD\x99\x06=\xf7\x02\xd1P\xf9'</t>
  </si>
  <si>
    <t>b'\xf7|Z]\x91\x98\xa4\xd9\xb7\xbd\xcf\x15S\xc6\x1d#\x05\x1b\xbd]\x93\xfe\xdf\xb4j\x9b\xd9\x0b\x8e\xcc\x8a;'</t>
  </si>
  <si>
    <t>b'.\xe6\x84\xec\x84\x97\x8c\xf3m&lt;&gt;\x80~\xd9\xb9\xe8\\7@\xad2\xa9v\xabn(\xdff\xa3E\x8dl'</t>
  </si>
  <si>
    <t>b'\xa8V\x11\xd6\xbaL\xc1\x1a\x03z\x90TZ\xb2\xb4\xd9Y\x01\x15\xa3r\xf7\x06z9\x85\x19\nz$Iu'</t>
  </si>
  <si>
    <t>b'\x1c\xe4\xc2\xcc/\\Kp\x8b\r\x00\xe1\xec*\xb9\x81z\xb5\xde#\xa6P\xe1@M\xc2m\x05\xdc9\xfe\x15'</t>
  </si>
  <si>
    <t>b'5uufV\xda{\x19&gt;\x87Y\xaf\xe9\xdf\x8d1\x96f^\x96n!{4\x00\xab||r\xb7o\xe8'</t>
  </si>
  <si>
    <t>b'(\xc2GRd*\xf5\xee\xea\x89z\x08\x9cWq\xac\xed\xc4\x97J\x05\xbbE\x93\x08M\xa7b\xbe&amp;\x07\x16'</t>
  </si>
  <si>
    <t>b"\xe8\xaf=.\x88\xb9\x1b\xf6\xe8\x0c'\xa5\x99C\xe0e\x83&amp;\xc7\xea\xc5\xae(\x96\x02\xf51\xf6\x8d\xe8:s"</t>
  </si>
  <si>
    <t>b'4\xd4&lt;\xc7y\xf7\x82\xdaK\x94lh\x82\xe3\xd9s8B8\x05&amp;5DoZN?\xcchI\xb7\x84'</t>
  </si>
  <si>
    <t>b'\xfa\x12\xeb\n\xda=1t\x94\xb1 S\xfb\xfa\xfd\x930\x08z)/f8\x1e\xce\xfdG\x00ksq\xc2'</t>
  </si>
  <si>
    <t>b'U\xe9\xb2\xda\x96b\x82v-\x8e\xfcf\x93\x90\xd4K\x8f\x8d\xc4\xda\xc2B\x03\xbf\xbf\xae0\xea\xcbG&lt;\xfa'</t>
  </si>
  <si>
    <t>b'\x9d\xd1\xc1&gt;I\x94p\xc0\xcc\xf0\x81\xd8\xe1\x83\xf4\x16\x15\xe0\x12\xa9\x85z;\xfb\xd5P\xc2\xdd\xf1+\xe5\xa9'</t>
  </si>
  <si>
    <t>b'{I\xda5\xa6\x144\xff$\x02\xdf\xe8[\xb8\xf4Y\x99\xcb\xcf\xa7&lt;\xd7\xa2+\xdd\x9a&amp;\x97^1\xb6\x84'</t>
  </si>
  <si>
    <t>b'\xda\tV\x99\xd3\xb6v\t\xe6r-\xdc_\x8e,\x0c&lt;g\xdf\x9bE\x82.\xf5\xfe\tB\xbdj\x1b\xac\x1d'</t>
  </si>
  <si>
    <t>b"\xef\xfe'\xfd\xd2\x97[\xa3\xefF\xc5Y\x88u\xb1\xa7\xbas\xd6Ti\x16\xbd\x84\xafk\xae\x18\xd4\xfb\xfd\xb0"</t>
  </si>
  <si>
    <t>b']&gt;\xc1\xdb\x92\xa6XR&amp;O\xf4\xc8\x02\xaa\xdf;\xd9\xd5\xeb\xee\xf7\xe2\x95\xf9\x15\r\x16y\xba\x84\x90\xa8'</t>
  </si>
  <si>
    <t>b')\xe5\xe3\xd69\xc1\xee`\xc0\xb6\xac!w\xf3]2\xe0U\xc9%\xd0d\x01\x8b\x8e.\xa2\x81\xb7C\x87\xfb'</t>
  </si>
  <si>
    <t>b'o\x84\xbbI&amp;\xe84F!\x88\xe0\xe0\xeb\xaa\x1c\x06s\x18[\x96\x8a\xd3\xd8F\xb0\xb3\xfe\x11\xcd\xa5\x93\x03'</t>
  </si>
  <si>
    <t>b'\x02}BX\x8c\x17\xdb\xe0_\x8f[\xb3s{\xe8E\xd3\x1c\xef\xaa\x83\xf9\xb3h\xb0\xce\xb0\x01\x89\xcb\x16['</t>
  </si>
  <si>
    <t>b'\xbb\x06nv:\x14\x00\x02h\xed\xbd?\xa0j=\x07&gt;\xf0\xc1\x0f\xb4*|5\xa2\x81\x80\xf4j:{\xfe'</t>
  </si>
  <si>
    <t>b'\xde\x8c\x1d\xfb\xf9\xff\xc3\xe3\x83\x03\x97\xca\x8d\x18\x03\xfc\x17\xd0\x9c/\x8b.\x9c\xf8\xb4\xfe\xee\xa4\x0e{|\xe0'</t>
  </si>
  <si>
    <t>b"\x06\xbcw\xba\xd6\x92\x8f\x91'\xd02\x9ax\x85\x1aZJ\x85\xcd\x97A]\x96\xe3\xe63\xc6\xe5\x90d\x18\xc7"</t>
  </si>
  <si>
    <t>b'f\xcf\xfby\x98\x01m\x1e\x1c\xff\xb7x]\x1b\xb4\xb3\x8c\x9b\xe3\x12\x99\x977b\xda\xf0\x13\xd4\xde*\xe3\x8f'</t>
  </si>
  <si>
    <t>b'\xb5 u\x9e\x0c\xc9 \xbc\xf4\x96|nn\xdf\xb4U\x9d/\xf4\xe4\xa0I\x08l\x11\x0fc\xf3:=]F'</t>
  </si>
  <si>
    <t>b'\xc6\x99D\xc3\xdb\x94\xfa_\x1e\x1d,,{\xb3\xf6A\x14\xa3 [\xf8\xcb\xca\xf2\xeaI"x)\xc9\xd1\x05'</t>
  </si>
  <si>
    <t>b'\xfdU2\x9cwi\xc4B\x7f\x80\xb6\x89\x88o\xda\xc5\x0f8c\xc8\x9a\xa6\xd8R\xb4\xcd\xb6\xe3\x99\x91A\xa3'</t>
  </si>
  <si>
    <t>b'\xa8\x06\x81\x84/m\x89\xbcS\x92\xfcVRQaX\x13\xc4:\xc8-\xf1,\xae\xda\x10~p\x85\xf1\xe9F'</t>
  </si>
  <si>
    <t>b'\x1b#0\xbe\xdc\xe0m\x07F3\xb3\xc8\x11\xdd\xe9M?\xa5\xfb\xd1\x17K\x1f\x12\xe6g\xe4?\xe7~w\x89'</t>
  </si>
  <si>
    <t>b'\xb9O\xff\xba-P4\x15|&amp;\x19\x18\xc0\xfdTiAy\x0c\x11N\x8bR\xe6\x84\xa5:&gt;l\x18\xa5\x03'</t>
  </si>
  <si>
    <t>b'\x06\xf2\'\xa9,u\xd7"D\xc0\xeewM\x10\xf9\xde`\x92\xc7%\x80B\xb3\xe1p\x8a\xa2D^\xa5\x05\\'</t>
  </si>
  <si>
    <t>b'ur\x12XB72\xdf\xfc\x94\xa7\xb7t\xf2\xf0-\xc7\x8d-7p\xc0\x06\xad\x04K\x80\xd8 \x01\x8e&gt;'</t>
  </si>
  <si>
    <t>b'\x14\x06\x1cQ&gt;Cj8)\x8b6&lt;\xd1\xaf\x92vjb\x04\xa4Q\xb5Z\xac\xa60\x8e\x9b\xfb\x1eS;'</t>
  </si>
  <si>
    <t>b'\r\x17\xa5\xb3\xbfV(F\xe95\xf7i\xe2\xbd\xd9y\x88,\x9dN\xc6O\x03\x91\xc6\xec\x9b\xe3r\xa8\xd6&amp;'</t>
  </si>
  <si>
    <t>b'\xb7\xfdf\xaap\xc0\x08n\x90\x1ch\xd9\\L\xbf\xb9po\xcd\x7f\x1dR\x809Gs\xab\n-\xd2\xef\xa3'</t>
  </si>
  <si>
    <t>b'"&gt;&amp;\xbfu\xd6\xcf-\xf7\n4\xf9\x98\xd1M+{\xf9b5I\x03o\x08\x16\xf1\x95\xdb\xa5l,\x13'</t>
  </si>
  <si>
    <t>b'\x96CN\x98[\xd6%g\xe9\x17@\x11gq\x0fn\xe0\x11(\xd36$&amp;D\xb8\x08y\xde\xb1\x04h\x10'</t>
  </si>
  <si>
    <t>b'\r\xdb\xed\x0c-\xfc\xce\x87\xd7\x95\x95z\x10\xc7\x00c\x0c\x88:\xf9iK?\xabn)\x87\x9d[\xf2q\xa8'</t>
  </si>
  <si>
    <t>b'\xa6\xef\xder\xc7\xfe@\xfex\xe8\xd9\xca#\xf1\x00 n\x97\x87\xcb.z\xe7R\xfb~\xc4\xfes"\x95\x08'</t>
  </si>
  <si>
    <t>b"o'\xaf\x9d^m&gt;\xe5\x18\xb78\x1c\xf9\x9c\xc8\xc0\xa2\xf3n\x8b\x83p\xa6h\xd5V\x19\xd0\xf0\xe1A\xd9"</t>
  </si>
  <si>
    <t>b'rV{\xc6\xc6L\xe2&lt;8dS\x82\xfeTnh\xdd\xad\xdb\xe9\x94\x89\xe6\xc2\xc8|R\xf3\xaec\x1b\x07'</t>
  </si>
  <si>
    <t>b'\xe0\x058\x82F\x15P\x00aJ\xb1&lt;\xd2\xdaf\xb0\x0cV\x16d!\x9e\x90~E\xfa\xffK\xdb\xc9\xe7\xcc'</t>
  </si>
  <si>
    <t>b'\xe7g\xc3\xe0N\xd8\xd1\x0c\xed\xfe\x02\xf4\x94\xc9\xe8&gt;\xec\x85#)\x0b\xed+Q\x12\xa0X/\x84.&amp;\xc5'</t>
  </si>
  <si>
    <t>b'\x01\x9b\xcb\xae\x19p\x98\x90\xa9\xb2\xea\x9d\xefB\x85\xa0L\x16\xa5\xae\xe7k{?\xbb\x97\xc4\x94\xfeb\x05\xb8'</t>
  </si>
  <si>
    <t>b'b\xa0J\x80\xf1\xbd~h2\xd3j8\xd7\xc1.\xc8\xec\x8e\x8b\xfcfN\x9b\xbe\xd0\xfbY\x93\x12\xb4*k'</t>
  </si>
  <si>
    <t>b"t]?\x1a\x94M\x88n'\xfc\x0c-\xdb\xcf\xef\x96\xd4\xaa\xbb\xc2\xfa6\x9e\na0\xd6\t\r\xc6\xdc\xaa"</t>
  </si>
  <si>
    <t>b'5\x86\x98SN\xaa9\x81\xd7\x85\x11KA6\xc18\xff_\xa5\xd6\x19\x12\x81\xc2M)o\xb8@J}|'</t>
  </si>
  <si>
    <t>b'\xde\x84&gt;i\x03\x02\xdb\x82\xb6?\xe5\xfc\xff\x94W\x8c\x06\xa7\xbaf\x05\xfa\xd0\xc3\xf2Yj\xef\x1b\xf0\xbd\xe9'</t>
  </si>
  <si>
    <t>b'v\x00t\x9d?\xd28YN\xc0\xf4\x8d\x0fW\x81:\x98Q+\xa3\xbf\n\xcf\x16-5\x08\x81,U\xa9d'</t>
  </si>
  <si>
    <t>b"q`'\x10\x82\xe0\x01\xe8G4\x98X&gt;\xf1\xd1^\xdf%r\x1e\x96\xa5\xe7\xebn\x99\xdc\x8f\x9du/\x1e"</t>
  </si>
  <si>
    <t>b"\xd4\xa0\x87}\xaf\x05.W\xbd'!\xb9\xd6&gt;\xad\x866KC^\xd4\xfe\xd8\xdd\x18b\xf7\x85\xee1!k"</t>
  </si>
  <si>
    <t>b'\x14\x1d\xd0\xd2\x93\\YG\xa0\xb4\xb1\xfb\x8d\xe5d&lt;V\xfa9\xce9\xf5\x07\x13\xb6I{\xb6\xe4_\xb0\xf6'</t>
  </si>
  <si>
    <t>b'9\xf1e\xb5\xed\xe0\x88\xfc\xe1\\P\xd7[OZ)\x82\x1c\x8b\xb4\xff\x1b~\xc2\xf4\xf8\xd9\x9f\xab\xcb::'</t>
  </si>
  <si>
    <t>b'g[\xda\x11*\xd3\xf0"!A\xaf\x11i|c\xdd~JR\xcc\'S\'2\xf0\xd6\x81\xac\xa3y\x8aq'</t>
  </si>
  <si>
    <t>b'\xb2\xb1\xd6\x8f\x07\xdb\xb3\x929T\x81\xaa\xa7\xcc\x14\xb9\x98\xfd\xc6\xe4\xddM\x19\xf8\x16\x06MT7\xee\xbf\x84'</t>
  </si>
  <si>
    <t>b'\x7f\x9dg\x19bO\x1a\xe6\xc7\xa5\x8b/\xb9\x011Qs\xa5\x1ej&lt;9[\xba\x8c\x0e\x99N\xc8M\x1c\xf6'</t>
  </si>
  <si>
    <t>b'wW\x15\xe2P\x99\xbd\xb96\xbbv\xba\x06\x06\xe9\x18\x1d\x04\xad|2\x84\x89\r\x8eH\xda\x1ev\xb3\xf6F'</t>
  </si>
  <si>
    <t>b"\x8c\x10\xbe\x1bD\x07\x99h\x0c\xaf\xf0\x16=k,\xf8\xed}H'\xe3\xd3\x04K4O\xe4\x8e+y\xc9\xa3"</t>
  </si>
  <si>
    <t>b'\x94\xcf\x8d\xddY\x85;\x1d\xfe*\xf6\xf0\x0c&lt;\xbb\x8bTfIO\x8d\xc9pS\xaa}\xa2\xb6^\nz\x03'</t>
  </si>
  <si>
    <t>b'\x90\x95\x1e\x1dt\xdaSk\xdbDv[\x1a\t\xea\x96\x02\x00\x964?\xaa\x9c\xf2D\xa0\xc4R\tI\xb5\xf9'</t>
  </si>
  <si>
    <t>b'\xd9K/D\x86\xe9;qC\x03\xc8"\x10\xee\rL\x17\x8eG\x11k\xa3B\xf6\x03\x0b\xd06Gs\xf4s'</t>
  </si>
  <si>
    <t>b'\x8b\x92\x0epy\x89\xc5E\xce{_*xr\xe8K\x00\xa8hm\x0c\xe8E\xde\x81]\xed\xd3\x15\x0cq@'</t>
  </si>
  <si>
    <t>b'T\xc3\x9b\x00\x15\x9a\x81b\x0b\xfba\xb6\x07\x14D\xf8\x8dm\xb0\xd3Y\xe5\xb2\xbc\nu\x0b\x14\xd8\x18\xcd('</t>
  </si>
  <si>
    <t>b'a2\x8c\x12e\x87\xdf)\x0b\x93\x0759\xa1-\r\x1e\xce\xf6\xfa\xdc\x94]q\xe7\xae\x9b\xe9@\xf94\xdb'</t>
  </si>
  <si>
    <t>b'8\xf2\x99\r\xa8=C\xd0k\x8f\xd5\x85\xa4\xeb\x98F\xdeG_\x1b\xed\x9d[BU\x8e\x1a\x1d\x15\xba\xf0G'</t>
  </si>
  <si>
    <t>b"+q\xeeW\x1eY\x0e0t\xbdx&lt;t\x1aSj'\xaa\xd3\xc7\x81\x1e\x1a\xc8\x07O\xf7\x7fA8\x06\xf9"</t>
  </si>
  <si>
    <t>b'N\x11$@\x90&amp;&gt;X*V;\x13\xa6K*\x8b\xe8\xc2\xe1\xd4\x95zk\xb4\xf4V\xd5[o"z\xaf'</t>
  </si>
  <si>
    <t>b"I\xd6\xcbS\x18\xdc\x89\xacYw\xf0D\x10\x81\x19\xf0\x7f\xbdA\xcf$'\xc4\x1d\xa6\xd5\x12X\x1e\xb6\x04\x17"</t>
  </si>
  <si>
    <t>b'\x1ajJ:\xf2\xd1\x0f|e*~\xbet\xe7{\x08\xdf;p\x03\xd0\xc5\xed\x85[\x91N]X\xc4D8'</t>
  </si>
  <si>
    <t>b'\x13\x04\x0f\x1f!\x0b\xf3\xfa\xcb!\x87\x19\xec]DO\xf0\x0f\x12!\xa7\x9e\xad\x0e\xf4\x8b\x18\xe4R\xa3P}'</t>
  </si>
  <si>
    <t>b'\x99\xb0\xe3/\xab^\x95\xa5+.\xc9\xefF;\x9b\xffk\x89I"\xee\xb0\xad\xcc\xe2$-\x94c\xc3\xcc\xad'</t>
  </si>
  <si>
    <t>b'\x11\x86[;\x9d\x1c:R\xa9\xe6]\xf0v\x7f\x1aD0\xd4\xe0\xe5%\xef\xfa\xb3\x81\xdf\xe0uT\xc1\n:'</t>
  </si>
  <si>
    <t>b"\r[\xde d\xb2\xca^J\x0f\x1d[\x0494'DF\xda\xcb-\xb0W\xf2\xfe\x11\xfdh\x8f\xbdH/"</t>
  </si>
  <si>
    <t>b'\xa4n\xd5\x0c}D0\xf5\x14\xdbT&lt;\xdc\xb0\xd3\xefX\n\x82;D\x86`\x10t\x87{Z\x91A\x0c\xa4'</t>
  </si>
  <si>
    <t>b'\xac\xd5\x11\xbe6\x97\xf7R\x9bP\xc9u[t2\x0fH\xb9zT\x16\xf1X,\x97\x95\xdf\xfeU[\xd9R'</t>
  </si>
  <si>
    <t>b'\xbff\xb7\xa0\x99\xc5\xbb3\xb2_g\x9c\xcc&lt;\xcd"\xa4\xb1\x0f\xcf\'\xb8Q\xe4\x9f\xe2\xc8Y&amp;)\xcav'</t>
  </si>
  <si>
    <t>b'[\xab\xf7\xcf\xe5}hWo\x16:\xc8[h\xf7\x08\xf0&lt;\xfd\xc4\xea\xe0Ud\x8dc\xb1\x92\x0f\x11N!'</t>
  </si>
  <si>
    <t>b'\x94%i\xb2\xcb\xd4j\xd0L\xe2\xa5\xe7\x9f\r\xa7\xbb\x99\xdd\xbc\xe4\xa4\xf9\xa9\xd5\xc7\xf3\xec\xda\xeb\x81\xd2!'</t>
  </si>
  <si>
    <t>b'\xc3%\xfe\xa0^\rn=\x14\xec\n\xa3\x0e#\xb1\xf3\xe3;\x86E\xf9.\xfb\xd9C\xdc\xd1(\xa3\xb6\x1b\x86'</t>
  </si>
  <si>
    <t>b',\xcf\x85\x91x\x9e;tV\xc8\xbc;m/\x84T\xb6\xe5\x04\tB\xf9\xc4i\xa5s\xf9\xd8\x7f&amp;7\xc4'</t>
  </si>
  <si>
    <t>b'\xc6\xbfh\xf6\xdd\xb1a\x0e\xb6#\t\x84&amp;XH\xc5\x8b&gt;\xc7\x939\xda@\xa2Ed[\xd9fP\xa8a'</t>
  </si>
  <si>
    <t>b"1C\x873U\x15&lt;\xf7\x1f.\xe1B'!\xc8\x9fo\xe1'\xbf\xbb\x87\x05\x1b\r\xfe\x97\xaaA\x19\x9f\xe1"</t>
  </si>
  <si>
    <t>b'\x91\xa6 \x1b\xe2\xc6\x99=\x9eXU0\xf7\xdeH\x85= \xdb\x03\x0fef\t\xee\x10Po\xde\x84&amp;\xb4'</t>
  </si>
  <si>
    <t>b'\xa18$\xac{]\xb7\x10z\xdf\xc7}F\xba#aHn\x85?4d@\r\x0cS_E\xf9$o\xfb'</t>
  </si>
  <si>
    <t>b"\xa0|5\xc5\xd8\x90\xd7\xd4\xf0'\xa2.\xaa\t\x08\xcf\xe5\xa7_\xdf\x03!\x89B\x9e]\xd8\xb9!\xe3_5"</t>
  </si>
  <si>
    <t>b'\x18#\xf3\x12\x81\x0c\xea4\xa2V\xed\xa4\xea\x03\x97T\x1a\xc5\x1a\x7f\xa7y\x9f\xffs\xdc\xc2\x02 \xfbA\x0e'</t>
  </si>
  <si>
    <t>b'\x90CPGS\xca\xde+M\x17[\x1dp\xf0\xe2\xd5\x95"\x06\x1az0@\xa9\xb2\xc8A\xf9J\xfe\xe8^'</t>
  </si>
  <si>
    <t>b'\xb7&amp;\xf4\xa5\x96\xc8\x18*\xf5\x0e\xb6\x91\x90\xc5\x95\x9d\xefQ\xbe\xab\xe15\xcb\xf6\xbb,\xfa\x0c&gt;L;\xd9'</t>
  </si>
  <si>
    <t>b'[\xcb9M\xdc\x9c\x1cl`\xd2\xfc^\x96\xa6\x8c\xf2\x02\xbcAX\x14H\xfb\x01\\~\xe8\xbe"\xa5c\xb6'</t>
  </si>
  <si>
    <t>b'T\xdb\x9bf\xfe\xb52Lc\xe2\xb3\x9dY\x10\xb0\x1f\x0f\xe8&gt;\xd6O\xa4\x07\xe8#\xd5\xc854\xd39\xfd'</t>
  </si>
  <si>
    <t>b'\x8a~\x04\xb2D\xac\xf8{$`\x1e\xb8\xbd\x00\x9c1l/hV\xec\xcb\x01\xcf\xf4&lt;\xbd\x8a\xe5:\xa8\xb6'</t>
  </si>
  <si>
    <t>b'\xea}\x02~\xbaOY\x8f\xa6\xf8z\xdb\xd6\xca\x8e\xffUX\xa7kI\x0b\x0e\xcd\x9e\x18\x03\x05\xfc\xccXC'</t>
  </si>
  <si>
    <t>b'\x95NJ.\xf6\x9e\x94\xee\xd7\xab$)"`\x01P\xed\x83A\x99\x8a\xbb\xdc\xf5\x05NJ+y\xc8\xc09'</t>
  </si>
  <si>
    <t>b'\x0e{\xc6\xfb\x0e\xce\xd3\xe1\xee\xc7\xc9\x12\xe2\xcad\xaay\xd7\xa6)\x13\xff\x10}\xf0 \xdeb\x97\xa19.'</t>
  </si>
  <si>
    <t>b'\t\xd4\xed\x01\x9c\xa2\xf3\x14gf\xde=\x1e~h\x9d\xf1!\xc6\x9e\xe6\xb8\xf4j\xcd\x1a\xdd\xf5p\x910V'</t>
  </si>
  <si>
    <t>b'\x99\x99\x15\xb3zl\x19\x9b\xa0\x0f\xad\x01\x19\x19\x82G\xf9\xd00\x99\x12pC\xea\xc5\xd3\xb2\xc1\x1e.\x06?'</t>
  </si>
  <si>
    <t>b'M\x1c\x11 x\x01]\x86\x1f\xe8)\x1b\xa15I8\x04\x1e\x00m\x9f\xc8\xf4\xb3\xbfL/3\xc4\xd3\xe6\xf1'</t>
  </si>
  <si>
    <t>b'\xba\x82\x9c\xf3\xd0\xcb8\x10(V\r\xe2p\xe2\xe9`\xae!?\xeeH\xce\x1b}\xa25r\xd9\x04\xb8\xa6\xe9'</t>
  </si>
  <si>
    <t>b'\xf0\x19\xafi\x82\xa3\xc7\xa5\xb7Z=\xcf\xe1yXF\x17q\xe3\xb0\x99\xa5\xf7\xd4T\xcd\xd2\xcf\xfd[\x0e\x17'</t>
  </si>
  <si>
    <t>b'\x8dQ\xac\xc7\xde\x9c\xb3nX{,{1\xff^\x82\n\xccha OE\xb0|\x9d\x931Tv\x06\x10'</t>
  </si>
  <si>
    <t>b'\x8e\xb3\xf6\x11\xe8\xcdh\x7f\x17\x16\x1c\xf3\xb7T\x816\x9a\x086\xdd\x0e\xa3K\xa6@\x07@d?HQ\xa8'</t>
  </si>
  <si>
    <t>b'\xb1\xce\x0fY\x9f\xc0\xa4\xffGc7\x1c\x1c\xee\x8b\x19Il\x04\x1c\x7fh\x06\xca%k3\xd0Z\xaf\x92\x81'</t>
  </si>
  <si>
    <t>b'\xc2\xc9@\x99c\x82\x89\xfe\xa5H\xc4\x13\x96W\x9e\xfa\x90d\xf6\xa5z\xb2\x84X[\xda\xe5\xf9\xbf\\\xf2\x0c'</t>
  </si>
  <si>
    <t>b'P\x06\xa8\x0c=\x90\x88\xd7\xc3&gt;\xb0\xb5\xec\x0f\x01z\x95\xbe`\xbb|h\x7fq\xbb\xac\x12\x16\x95S\xefu'</t>
  </si>
  <si>
    <t>b'\xfc\x81\xd70\xa1\x94\xc4\xe7\xd3\x8b+\x84\x0e{\x96\xc1@\x0f\xe9=\xf0\xde?\xcc\xac\xd5*Gx\xcc\x1c\xda'</t>
  </si>
  <si>
    <t>b'tJL&lt;i_}w\x91\xef\xd2\xc3\x89\xe2\xec\xb7\xf4\xdc\xf8:\x82\x9e7&lt;\x84\xbe[\x83\x15\x86\xb9A'</t>
  </si>
  <si>
    <t>b'\xccx\xd0\xaa\x04@a\xd6\x8c\xc2\xbd\xd4\x07\xbaQZ\xf0\xa9\x03\x86i\x89\xff\tG\xa1\xdd\xa6\xa4\xef\xa9\xbf'</t>
  </si>
  <si>
    <t>b'mTn\x9eG\x8f\xd50+\xb2j!\xd7\x1a.\xe1$l\xfd"em{\x04\xafN\xae\x8eU\x8b\xfc\x1a'</t>
  </si>
  <si>
    <t>b')\xf7\x84\xfc\xb1\xc5\xab#R\xd4\xcaj\xe0\x8bq\xe2\xed;\x99\xd5\x13`\xe4\xaa\x1f&amp;\xdd\x91\x1c\x9dT\xfc'</t>
  </si>
  <si>
    <t>b'\xf4\xce\x83\xd7\xdf\xa5\xd2P\xc16\xbf\xc2\x0f\x13\x8a\xf7\xc9\xf3\x802\xfdvA\x97H\xd8C\xebJ\x94Y\x9b'</t>
  </si>
  <si>
    <t>b'i\xee{\x8a1\nC\xf2\xe2\xf3\x80\xe6\xc5\x1e\x9f9c\xdb\x16Y\xbbATP_[\xe7\xc1\x839\\\xb1'</t>
  </si>
  <si>
    <t>b'\xe7\x9dc\x1f\xa6\xe6P\x0b\xfd\xd1\xac\xfb\xd3\xb0\xb05\xfayw\\\xb5\xae\x85\x98\xe3\xa6\xe5\x0b\xda\xda\xbf\xba'</t>
  </si>
  <si>
    <t>b'\xef\x82u\x7f\x0c$j\xe6-\x99\xfd\xf3\x81\x11=\xaa\xda\x8fq\x85n\xe6\xf9\t/\xf1\xee\x13JE\xa3k'</t>
  </si>
  <si>
    <t>b'p_\xe3\x19\x84h\xa8\xa9\xf86,\xf4\xb3\xf5\xe5b\xbe\xe71\xc4&lt;\xf5H\xd7\xc2&amp;\x89\r*\xa1*"'</t>
  </si>
  <si>
    <t>b'}G(\xb0\xef\xe4\xbdUx6\xf3\xa9\xb9\x90\x87\xc6\x1b.\xcef\xf6\xf5\xb0&lt;\x11&amp;:x\xadQ\xab\x9f'</t>
  </si>
  <si>
    <t>929xx</t>
  </si>
  <si>
    <t>b'\xb8z\xad.\xe1$\x03\xe0\x95\xc4\xb0d@F[\xee\x16\x0cb\x8b&amp;V\xc35\xd50\x11\x92\xd7(\xd1\x87'</t>
  </si>
  <si>
    <t>b'e\x8cMYf\xdfd\xbe7^\xa8Y\x8e\xe0\x15\x99\xa5]2v \x9e\x18\xc9:\xb3\x84M\x1d\x1a\xfbB'</t>
  </si>
  <si>
    <t>b'\xe6s\x90\x13\xbe6\x190\xd7\x98\xc8\xc1y\x81\x89R\xfb|\xb1\x01\x81\xb2\x16N\xc5OX\x17\x84\xdeY-'</t>
  </si>
  <si>
    <t>b'\x13\xf5\xea%Jq\xecV&lt;\xeb@\x92\xd9\x14\x93\x1f;\x95\xd5\xf3\xfa}\xda\xf5\xc6\xd7\xb3B\xe2\x01\xd7;'</t>
  </si>
  <si>
    <t>b"\xb1W\x01\xc5\xcef\x13\xc2\xbf\xea\xe1\xabB \xa4-P\xa1\xe1\xdf3\xd0|_\x10 \x1fMW\x1d'\x96"</t>
  </si>
  <si>
    <t>b'\xca\xb7\xa0j\x83\xfddCW\xb9y\x1d&lt;!\x1eKK?\xb6\xef\xc4\x8f\xc6n\x10\xec\xc4\xc7\xe0\xecB\xff'</t>
  </si>
  <si>
    <t>b"\xea\xb9\x01ZD\x8e'\x8b\xa6}D\x82\xe8v\xb2\xc8:\xf1V\xed+\xbd\xc0\x8e$\x86A\xd5h\x08\xd2\xce"</t>
  </si>
  <si>
    <t>b"\x8b\xfb\xe5\x1d\xdf\xc3B\xbe4_\xbb\x7f\xea\x91\x11\x07'\x98\xdd&gt;\xfc\r\xedv8\x9d\xd6\xaa\xf0\xca\xe8\x0e"</t>
  </si>
  <si>
    <t>b'\x00\xb8\xe0$\x0e&lt;\xb1\x19IYfgD\xb5)8t\xfc\xd6\xac\x97\xc5;\x9b\xc3n\xa5\xc3\x8d\xc0\xd0H'</t>
  </si>
  <si>
    <t>b'\x9dT\x84w\x1a\x10M\xc2c\xa7\x02\x9b\r\x86\xa7\xf3E:\xc6\x8c\x917\x9f\xe0SdW\xf8\xa1\x9bNm'</t>
  </si>
  <si>
    <t>b'\xcb\x93\xcf`\xa1\xa9\x05\xdbc`\xc0\x11\xf4\xe5r\x93U_\x8cT\x1c\r2\xf2+\x97f\xa7T\x1f\xac\xba'</t>
  </si>
  <si>
    <t>b'\xd2\xce\xb5\x81x\x17E\xdb\xe00w\xda\x8fa\xafH\xd6;\xd0\xf4z&gt;p\xe8\x0f\x12\x108\xf8\xb0\xe4\x0b'</t>
  </si>
  <si>
    <t>b"\xc6=lti\xcc2\x8e!\xe8;\xc3\xb0\x0b\xe5\xb9'\xadV\xea\xc9p\x01\x8ep\x15\xb2zAw\xb82"</t>
  </si>
  <si>
    <t>b'\x11rY\xaa\x15\x13v\xae\xa1\x86\xf7\xb7\x13\x15\xd3\x9d\xd8\xb5\x97K\xc2\xfd9\xcc\xab\x9c\x89\xe9\x83W\x1f\xaf'</t>
  </si>
  <si>
    <t>b'\xa7g\x83B\x15l\x8f\xca\xbeE\x8a\xc4\x07\x01\x8f\xb2b\xb1\x12zQ\xd6\x10\x17]\xc6\xe8\xbc\xfa}Hy'</t>
  </si>
  <si>
    <t>b' \xde\x1e\xfe\xfe\xb7\xa5\x08z\xd2\xc1\xc8\x1aG\xb0\x8d\n\xfaw-h\xac\xc8/\xcf\xdbt\xfc\xc5\xe6\xf2\xd5'</t>
  </si>
  <si>
    <t>b'q\xf9\x89R\xf6X|z@Q\xc1?\x11 \x03\x86\xd1\xb1[C\xa1\n\x0f\xc77\xa8\xd9\xe4\xeby\x8a\xe8'</t>
  </si>
  <si>
    <t>b'\x94\xe4\x05\x97\x08p\x0eR\xe2\x7f\xb7\xa8\xe4I$\xe8O\x7f\xfa\xf7\xc8\xe9\xb1Y\xd9\xed\xd52\n\x91\x0e\xb5'</t>
  </si>
  <si>
    <t>b'w\xfe\xa17\x00s\xed+~\x86G\x1dU%^\xb5e\x1cb&lt;\xe39\x98W\xc2\x80\xd0\x19\xd0h\xd3K'</t>
  </si>
  <si>
    <t>b'\xaa\xfa\xb9\xf5HZ\xe9\xde\xd7o\xf7R\xfb\xf9\x9d\xea1\xdd67Bk\xc2h\x07\x01\xaf`]\xa7/\xd4'</t>
  </si>
  <si>
    <t>b'^\xf2K\x90=-Q\x93b\x9f\xee\x1b2I\x82/Y/o\xccJ(\xdd=#X\x91\x86-\xb0\xa6\xae'</t>
  </si>
  <si>
    <t>b'X\xf6\xf5\x8a\\@\xf1R?\xf2\x81-QD8f\xee\xd6\xab\x99\x92\x17A[\x8d^@\xfa\x11&gt;\xd4\xf0'</t>
  </si>
  <si>
    <t>b'\xb2\xb6ac\xa7f\xe5z\xe2\x8b\xbb\x1aP*\xce\xb2\xf5\x05cJ\r\xf4\xf3\xc1\x9b"%\xc4\t\xb9{\x1b'</t>
  </si>
  <si>
    <t>b'\xfas)yJ\x17r\\)\x05\xec{N\'\x08\xf5I\x84H\xa7\xb7"0\xcc\xbb\x94\xf0Z\xd4\x12\x17`'</t>
  </si>
  <si>
    <t>b'\xd6\x1fBdF\r\xd0\x96\xaf\xaf\x00\x85Y}9\xbb\x02{\x08Lco\xdfCN\x1a\xc5T\xd2\xbc\xb1\xc4'</t>
  </si>
  <si>
    <t>b'\xec\xe9\x0erw-\x12\xf8c\xa3\xfb\xc5\xed+Q\xa1\xe6E/\xcbd\xb9c`i\xa6\xa0\x0b$\xc4\xfeD'</t>
  </si>
  <si>
    <t>b'\x0c\xebG\xd1\xf2m\x07\x86\x89+\xd6t\x07\x0b\x9f.\x9a\x1c\x0b* \xf3&amp;:\x11\xf2p|\x96\xfd\x11\x00'</t>
  </si>
  <si>
    <t>b'g\xdd\x0f\xef\xecw\xf3\xc0\xd7\x15:\xc2\xd8\xb0$\xe7\xa6\x99\x95\x08\xbe\xa74|1\x91\xd6\x9c\xcb\x88(\xb7'</t>
  </si>
  <si>
    <t>b'l\xe2\xefe\xce\xf9\xb59j\xa4@\x14Y\xb7n\x9a`7\x1d8L\x1b;\x85\x87Q2E\xda\x8a\xa0\xc5'</t>
  </si>
  <si>
    <t>b'\xa1\xca\xb4\xfe\xd9q\xb9\xee\xa5|tJ\x0f#\xbe\xc8\xf8\x81c\x99\x08\x98M\xa9~\xc8\xfd\x86\x9ey\xaf\x80'</t>
  </si>
  <si>
    <t>b"'8te\x95\x93|\x9fV_2g\xaa('5\xe0\x94\xa8\xb5\xd6\xcdF\xc9n\xb7Y\xc6\xfal8a"</t>
  </si>
  <si>
    <t>b'\xcc\xbd~[}v\x90=\xc1k\xa7\x85\xe6\xcd\xbb\x8f&amp;\xb3Oc]X\x82_2\x80\xbf\x83\xf8\xbb\xce\xf1'</t>
  </si>
  <si>
    <t>b'\\-),A\x1f\x9a\xf3a]\xbc\x16\x85\xb2\r\x9b\xc2l\xf4U\xd3B\x96a`\x14\n]\xdf\xc9\x85\xf6'</t>
  </si>
  <si>
    <t>b'm0\xf27\x1ae\xc9\xdb\xc9\xed\xb4(G(Yw3\xc8\xa8mQ\xdfX\x8c\xb5-\x86\xef\xf7\xbbr-'</t>
  </si>
  <si>
    <t>b'\xbde\x95+DK\x82\nf\xf0\xa5b\x9f\x80\xb2D\xb9\x1d\x9e\xfcux\x1dT\xe0\x8c\xc3_5Yl\x0f'</t>
  </si>
  <si>
    <t>b'\xda\xbc\x9fc\x11\x7f\x87\xa1\x16s\xe9\x14\xe2\xed\xc1a\x88\xad:\x8c\x1e\xa6GU\x98-%\xf0\x009\xc6\x04'</t>
  </si>
  <si>
    <t>b'R\x99\x0b~\x16\xee\x87K\x0eT|\x9d\xd7\xef\xa5\xfe!\xd7\xef;\xd8\ra\x8c\x1f\xb9\xe2Kv\xa64,'</t>
  </si>
  <si>
    <t>b"\xdb\xc7KVz}V8\x8c'\xbb\x90`D\xbd\x0e\xf4\xce\xca|\x04\xad\x00B:\x17U\xa9\x9c\tN\xc0"</t>
  </si>
  <si>
    <t>b'\xe0\x04n\x89\xeca=L\xa8\x81B\xaa\n9\x1f\x90\xbd?U{\xb8\xc2\x10HG5\xf3\xd44\x8dj\x04'</t>
  </si>
  <si>
    <t>b'\xcb\xf0o\x85g\xee\x8aI\xc9\x14b\x9b\x10\x1b\x1c\xcf&amp;6\x1d\x8a\xd7U\xb6\x8b\xa8\xac3J\x07\xc2\xff`'</t>
  </si>
  <si>
    <t>b'5\x97e\x93\x9a\xa1\x16\xed4 O`\xec\xfd\x0ejE\x1f\x15\xf6\x03\xd9\xba|t\x947q\xf4aa4'</t>
  </si>
  <si>
    <t>b'5&lt;\x80f\xfbe\x9b{\x83MM@\xd3\x81at\xd3H\xd83\xce\xb5\x7fd&amp;\x91\x11\x8a\xae:n\xe6'</t>
  </si>
  <si>
    <t>b'\xda\x91\r\xde\xc1\xa6\xb0\xb5\xae\\\xe4\xac\x9c\xeb\xc2O\xabk\x190\xe4Rc\xe7\xd8]\x8f\x93\xec\x03\xd0\x05'</t>
  </si>
  <si>
    <t>b'\xa3\xf2\x95}\xd0&amp;\xfa\xb9\x9f#=\x01m\xb9\xf6\xbd\xcdz\x94I\xa9@\xf1\xc7\x0f\x82\\?\xd8\xef`5'</t>
  </si>
  <si>
    <t>b'\xf7\x98\x9f\xa6\x11\xac\xf4BW\xe0\x10\xa9M \xfc\xbdF\xd9Q: |\x04\xadpQm\xf3R%\xfa\xd4'</t>
  </si>
  <si>
    <t>b'&amp;]\x9d\x12\xb2\x11`\xcf@&lt;\xfa\xf4-\xea?\n\xcd\xc0\x83QL\x07 \nnegiz\x11cf'</t>
  </si>
  <si>
    <t>b"\xa2\x1e\x06&lt;\x8d\xa4\xcc\x8aL\xbf \xec'\x85W\t\xea+~ZI\x9b\x93,\x8cQ\xe4GJ\xe0\xc0M"</t>
  </si>
  <si>
    <t>b'\x19\xdf\x91&lt;A\x1f\xb1\xc8\xe7\x18\xab{\xae\x97btYzw(\xd6a\x95\xb5\xc3O8:V\xea\x82\xfe'</t>
  </si>
  <si>
    <t>b'\xf9P\xe5\xb7,T\xabU\x08\x8334j\xe2\x0c\xa6(\'\x8f\xc8\xc1\xc5h]E\xa4M\xfb\x10`\xcc"'</t>
  </si>
  <si>
    <t>b'\xc2\x0c\x00\x8e\xfb{\xc0&amp;\xda\x1d:\xf5ug\x9c\x95\x9e\x13\x83\\\xfb!\xcf\xcf\xb5\xa8\xa8\x95\xfe.T\x0b'</t>
  </si>
  <si>
    <t>b'N\xe5M\xe4t\xf0\xa4z\xb0\x1e\x1f\xd8\x95\xe0\x154t\xff\xb5\xb0G\xc0\xa3\xc2f\x14w\x84\xa5\x07\x0b\x7f'</t>
  </si>
  <si>
    <t>b'g\xc7\x1cX\x9aD\xb7\xf5\x84\x0f\x0b\xfc\xebT\xb61]\xc2\xd1\x10\x8a\xf8h\xc4\x02\x06.?\xb4\xefD\x8c'</t>
  </si>
  <si>
    <t>b'Y\xe0W\x9dx;\x85f9\xbe\x84\x14%\x036\xc8\x90H\xe1)_W\x07\x13\x135\x06\x82S\xf3&gt;\x8b'</t>
  </si>
  <si>
    <t>b'v\x84\xcezk\x86Y\t7\xe8K\xd9\xdf\xab\x03\x1b*u\x9f3\x16M\xf0\x92\x7f"\xa1&amp;\x03w\xda\xea'</t>
  </si>
  <si>
    <t>b'\xae7\x82^\x18\xb3k\x97\xd2\xf5x\x12\xfd\xf5\xc7\xd6S\xc0D\x88\xdb@\xf6\xe2k\xd5\x82\x909B\xa6O'</t>
  </si>
  <si>
    <t>b')\xd7\xbe\x08\x1f\xf0\xb0N(5\xf8~\xf5\x0c\x8f\xe5\xc7\n\x8a*r\xdcr\xcd\x9b\xf4\xf0z\xe5!\xcf\xd6'</t>
  </si>
  <si>
    <t>b"'\xa4W\x87\xc9\xc0&gt;\xc3K\xd2KF3\x8b\xad^\x9eq\xaa=\xb9e\xf5\x1dJ\x9fU\x14\xa5|\xc3J"</t>
  </si>
  <si>
    <t>b'\x04\x18]\xe8\x0f\x1beR\xfc\x0b\xf7\xbdJKe\xa6S\xf5\x98\xaf\xf5#\xa0\x1c1\xf8\xb6%o\x17\xbc\xec'</t>
  </si>
  <si>
    <t>b'\x18o\x02XB\xb0Le\xff\xd9\xb75\xe2\xc1s\xac\xa0\xf8QF\xa24\x91\xed\x9eE\x9b\xb7X\xd1\xa3\xaf'</t>
  </si>
  <si>
    <t>b'}\x14}\xa3\x00\\\xc9f\\6\xa9\x8a|tD\x90\xd8\xb08)\xaeO;\x18\xd6\xbe\xae a\xa7V,'</t>
  </si>
  <si>
    <t>b'\tTgD|w\xb2^\xa9\x8c7\xae\x01\x16q\x15a\xcc\x00R\x9eu\x1e\xd3cm\x88W\x9d\xda\xfc\xfc'</t>
  </si>
  <si>
    <t>b'J\xd3\xde_A\x1dY\xda\x98:f\xa3W4\xe6\x0e\x9d6\x0fJ\xb0\xc9\x99\x10\xd2\x18\xdd\x19i\xd9QZ'</t>
  </si>
  <si>
    <t>b'\xc8\x0fW_\x85p\xbb\xf8\x96\x1av1\xfa(\xac=\x8e}\xd3)\x9d\xcc`\xc4\xe1\x93\xa2@K0\xcc\xf4'</t>
  </si>
  <si>
    <t>b'Y\x85\x96\xael&lt;\xbc\x963\xd4F\xa8\xefq\xd6\xd3\x9f\xf9Us\x0fu!\\\x83:[E\xc8O\xf8\xb4'</t>
  </si>
  <si>
    <t>b'\x03_g\x05-@\xa4GH\xfb\xd0\x98\x1f\xdcJ\xad\xadr\x1c\x01\x95Gt\x98\x0f\xd8\xe5\x16\x85"\x13s'</t>
  </si>
  <si>
    <t>b'\xf3\x82\x9a\xfb\xb6\xa0.\xd7\xabOB&lt;_\xcd5\x86\x8c&lt;\x8c\x14o3\xe8\x9f\x87\x1d\x81Sb\\\xf5\xd3'</t>
  </si>
  <si>
    <t>b'-\xe5q|\x11V6@PV\xc1\xe5\xce4b\x9c\xa90\xd5\x02\x08W\xfb\x847"\xd8#\x98\xb8\x98\x1e'</t>
  </si>
  <si>
    <t>b'\xf3\x8b\x80\x10F\xdf\xfa\xaf\xb1-`7*Mb\xe8\x93\x1d\xa2\x89\x08\xf0~\x1a\x04\xef\x9e\x04+\xd5\x90\x0f'</t>
  </si>
  <si>
    <t>b'\x8b_\xf4\xe1\x02\x1f\x0e&gt;]\xe9\x00|\xdaC\x97"\xc5\xa1\xd0s\x8c\xef\xf6y\xd3P\xddpH\xf2A\r'</t>
  </si>
  <si>
    <t>b'x\x88\xf6\xd8\xfe\xbdt\x1c\xe2\x88\xeb\x05\x19=\x98\xb7\x13\xb1\xbd0?L\nP\x0e\xbf]\xf0_R&gt;\xee'</t>
  </si>
  <si>
    <t>b'1\xe8\nW\xf2\xa5m@R\xad\xe4\xbd\xdc\xaf\x9e\xd7\x9c{vX\x99\xa8\x12\x16\xce\x1dG^\xa2\xa2\x07\x9d'</t>
  </si>
  <si>
    <t>b'%p\x13\xec=\x0f\xd8\x13A\xe5\xa2\xc2#\xa5!\x03\xf0&amp;\xf5\x14g\x0cX\x8cI\xe3\x9c\xd4\xdd\xbe\x1a '</t>
  </si>
  <si>
    <t>b'\x1e8\x94 \x9b.M\xb2&lt;)2"\xa1\xc8&gt;e\xca.,\xa5\x86pI\x85\xdf\xaa\x93\x82\x99\x0b\xdf '</t>
  </si>
  <si>
    <t>b'\x0e\xcf\x8f\x94 \x8f\xbd{$\x0b\x81\x81\xedz\xffg\x7f\x18a\xde\x14=y\x95\xc7\xa3$\x935s \x98'</t>
  </si>
  <si>
    <t>b'\x1a\'D\xe8B8t"XG\xe3\x83\x83ff\x99\xa7\x01\xe9?X\xbd\xdc\x1f\xe3J\x13%!^\x90\x1d'</t>
  </si>
  <si>
    <t>b'\xc5\xbcg\x1f\xcaS\x9a\x87O\x90\xf3k\x86\xa0M\xa1_\xf6\xa1=\xd8j\xb3\x80\x1cB\xef\x19\xc7\x12\xd34'</t>
  </si>
  <si>
    <t>b'\xb18n\xa5p\xcfl\xbd\xf4\xfe\xba\xd2\xd4\x17\x90\xb1\x03\x17\xee\xb0\xd3\xa0\xa1\xd7\xe6\xad\xb3\x82:h1\xc8'</t>
  </si>
  <si>
    <t>b'\xe7U\xf6\x10$cN\xbeKK\x95\x94\xea\xb0qgC\xd0G\xafcI\xc1X\x05\x90\xaf\xc2\x9ag\xaf\xc5'</t>
  </si>
  <si>
    <t>b'\x15\x02\xe8\xf7\xd3mN\xdb\xc4\x90\xa9?\xb9\xbcT\x16&amp;\xe0|\xde\xf7n\xa1H\x83\x0e\x00)lA]\xa9'</t>
  </si>
  <si>
    <t>b'\xf4\x98\\\xca\x8b\xf6el \xbcN\x94\x1a5\xafS\xa3\xd3\x17\x07G\x11\xbf\xa2\x0bf\x15 K3\xa1\xaa'</t>
  </si>
  <si>
    <t>b'\xd0Td.\xc0&lt;J\x97\x89\xad\xc8X\x02\xb9L\x87\x02\x9d\xe4c\x95\xd8\xa6t\xc7\xf8Y\xfaA\x15\x1aR'</t>
  </si>
  <si>
    <t>b'\xab\xdc7~\x8b\xb9\x92\xdf\x91\x12.\xed\x01\x8f\x17\x0co\x1d\x064NB\xb9\x9e\x8f\xae\xb7\xfe\xca\xd2I\xfa'</t>
  </si>
  <si>
    <t>b'\xf3\x14\xd0`L\xcc@\x9b\x1b1\x85\xf8\x8f)Y\xe6tI\x9e\x7f\xda\x17c\x9bC\x1f\x82\xd7c\x98\x86\x8a'</t>
  </si>
  <si>
    <t>b'\x97\x80`\x82`P\xfb$\xdf\xd3\xae\xa7/\x11A\xc6\xb2h\xdd\xebT5\x9b\xd4\xa6\xe0W\xd2\x00\xc4\x1a\x96'</t>
  </si>
  <si>
    <t>b'\xa2\xb0l\xd6\x82S\xdb\xc7\xb5\xdb\xba\x0f\xff\xcb8\x8b\x84\xc6JcaY\x8aDvk\xf5\x08}\x18\x0b\xab'</t>
  </si>
  <si>
    <t>b'\xadX\xd3x\xe5\xb3U\x15\n\xedc\xac\x80R\xb0\xdf\xb2\xd0Kb\x80\xcaS\x82\xf6G\xa9*o\x99\xf2\x84'</t>
  </si>
  <si>
    <t>b'!I\xf8\xfe`-\xad\xe6\xb5\xe2=\xad\xdb\x18i\x82\x0b\xa2\xa0\xab\xfa\x8bo\x171\x9a\x9fT\x19\x18\x01\xda'</t>
  </si>
  <si>
    <t>b'h\xd9\xafz}u\xfc\xefwU\x92|\x8f\xb1X\x90\xb6\xf8\xea\x83l\x86\xa1\xdfE\xa8\x15\x0b\xf4r\xc2\xeb'</t>
  </si>
  <si>
    <t>b'\xf8y\x03\xd7v\t&amp;\xbeu\xba\xaeo\xb3F\x13\xcf\xcfx\x18\x81\x9b\\)\xe2\xfb#\xe4\x85\x01\x956\x93'</t>
  </si>
  <si>
    <t>b'\x9a\xb9\x9b\xcf\x88\xd1V\x93\xe4B\x0c\xcd\x05\xb0\xe6q8\x14\xca\xfc\xc7(\xf2_\x91v\\\x8c\xef\xf0-\xf9'</t>
  </si>
  <si>
    <t>b'\x0f\xce\xd6\xd4\xb0\r4\x9fa\x17I\xab\xc13\x08\xd0\xf6\xf2\x85\x1b\xb7\xa0\xb7aA=\x9dB\xbc8F\xfc'</t>
  </si>
  <si>
    <t>b"\x94\x9a\xe3\xcb\x96=\x9f\xf3\x0f\xc2\xc4\xaa\xb9]M@\xc9'V\td\x8dQ\xf4\xe3e\x98t-zj\x00"</t>
  </si>
  <si>
    <t>b'\xb7\xdc:\xe9\xd6\x98\x9e\xf5\xd7N\x84\xcd\x86*z\n\xef\x13E\xadE\x1aPB+p\xeeS}\x1f\xb3\x01'</t>
  </si>
  <si>
    <t>b'\xcc\xade{\x07\x03\x7f\xdb\xb7\x16T\xcb\xc0\xfa\xb1\xef\xd4\xa1\x1d\x9d\xa8\x98 &amp;\xde\xc7\xc0\x9a\xa5\xbf8j'</t>
  </si>
  <si>
    <t>b'\xb7\xa1T\xc8A\x13P\x18E\x17\xe5._\xbb\x8d\xb4r\x9bi\x83\xda\xf4\x1c\x8fYP\x90\x85\xa9\xd8K\x86'</t>
  </si>
  <si>
    <t>b'k*\xa8\xeb\xa9\x8f\xafEv\xf1s\xc5\xa9\xe7i\x0c\xa0\xcb\xfd\xd40\xd2\tKX~\xdd\x04\x97\xf92\xb0'</t>
  </si>
  <si>
    <t>b'\xfb\x86\xb7E\xac\xdc\xc6\xe3\xfaH\x95L\x89Q\x9c\x85\xc7\xe32Z\\\xeb@\xee\xd4\xf2\xd5\x1a\xf7\x0b\x8b\x03'</t>
  </si>
  <si>
    <t>b'\xb2,\xa5\xb0\x0f\xfd*\xfd\xe7\x93t\x95a\xa2\x12\t|\xb7\x1a\x1d\xd4^\xc1J\x94{\xce\x16\xcf\xef\xd1\xff'</t>
  </si>
  <si>
    <t>b'\x81\x81\xca\xdf\x80_9u\x9bJ\tg\x98\xf5yd\x0f\x9a[\xba\xd0V\x8d=\x81\xfaf\x91\xcb&lt;v\xd6'</t>
  </si>
  <si>
    <t>b"\xf0&amp;\xdc\x9c\x15\x13\x9em\xaf\xc0\x89\xc8\x05\xfe\xc8\xfb\x8e\xbf2\xf3\xe0\x1d\xecUAA9\xa7'L\xed\x81"</t>
  </si>
  <si>
    <t>b'\x1d\x12n\xe0\xf0/\xcd\x1e\x8c\x0b\x89\x03h\xc3}%\x9dNs\x90\xcd\xa3\x045:\xd5\xb57DZ\x07!'</t>
  </si>
  <si>
    <t>b'\x89\x9c\r\xea\xd6\x9a\xc9%\xf9R\x1e\x18\x9f\xee\xac\xc2\xa7\x99@\xe3\x1b\xcb\xf5M/\n\x07D\xea\x023\xfa'</t>
  </si>
  <si>
    <t>b'\xa2`N2\x0e\xf2?\xf20L\x00/\x19\xa9&gt;\xf3a\xfa\x12;\\\x02\xc0h\x9c`\xa5\xf3\x12\x7fe@'</t>
  </si>
  <si>
    <t>b'\x03\xf4\x99\xc7]\xcc\x11\x91[\x13Z7\xb4\x10T\x9f,\xbd\xa5\xdc\xa2%~\x07J\x11\xf1a\x99-\xc1+'</t>
  </si>
  <si>
    <t>b"\xcb$\xbb\x87t;\xb7\xac\xc8\xaa\xbc\xccC\xf0-^\xf6'\xde\t\xd8\x00:y{\xd9\x025\xb2lZN"</t>
  </si>
  <si>
    <t>b'\x88%\x02\xc4\x82\x84\x98C\t0\x9ef(B\xf4\xfc\x80&lt;\xb0\x11;\xe5\xa9\xabK\\\xffT\t\xd4\xaeK'</t>
  </si>
  <si>
    <t>b'X\xe1*\x00e\xeb\xc7\x0e\xe1\xc6c\xb2y\xe1j\x9ad\xbc\xc3\x89Q\xd6u\xc6A\xf6\xaf\xb1G\xdf\xde\xef'</t>
  </si>
  <si>
    <t>b'I\xdd\xf4\x1e\xdf.\xa3\xf9\x90\x031\x1a\xd1{\x94\x18\xf4\xcb\x16\xa8\xe6n\xd5\xed\xf1R\x86\xbc\xcek\x17|'</t>
  </si>
  <si>
    <t>b'\xbe}\x86\xb4&lt;\xc1+h\xab\x8f5m8\xfa\x10@\xca6\xack\x99\x01\x9f\xdcm\xe2!\x90\x88/&lt;\x89'</t>
  </si>
  <si>
    <t>b'\xe0)O\xc4\xf2\x801\x89\x97Ta~\xa2\x9f\x03\x1d\xa0\xe2B:\xfb\xddA\x1d:\xa5\xcfBv\xcc-5'</t>
  </si>
  <si>
    <t>b'`H{\xebFN\x9bu-~\x16\xda\x19V\xa2\x81\xd6\x1b,\x85&amp;A\xc4\x86!\xd6\xdd@d\xba\x18\xe5'</t>
  </si>
  <si>
    <t>b"\x01/\x89E7=\x92'\x84\xede\x18!\xa0{\x02\xb8\xf4\xd5\xe6\x9c\x97?\x97\xde\xd7,\xabl\xb6\x0f\x17"</t>
  </si>
  <si>
    <t>b'E{M!\xfa(|\xbf\x1bZ5\x1a\xe01\xa7\x074\xf9\xe8)\xa28T\xe1\xd7\x1f3\x0c\x08\x13D\xf7'</t>
  </si>
  <si>
    <t>b'\x8b\xdd\x80I\x87\x9f\x9a\xed\x10\xcb\xfc\x81\x16Z\x87\xf2"\xfd\xb6\xab$\xef\xa6\xae\xfcM\x83G\x159D\xbe'</t>
  </si>
  <si>
    <t>b'6\x18Y\xfcU\xf3\xb9/\xd6g\xe3&amp;EHa\x12\xda\x12I\xea!\xed\xe7\x10\x8b\xda\x9c\x16\x18\x18\xd6M'</t>
  </si>
  <si>
    <t>b'\xe7\xe2\xabqJ\xbd\xbbCe\x8e\xd6\x12"pF\x07\x1d\x1c\x98\x072\xf8j\x8dP}&gt;\x05\xd8SA\xcf'</t>
  </si>
  <si>
    <t>b'y\xa3\xd3\t3\x0ej\xe4\xa7\xcbV\xcc\xf4\x0b}\xae\x1bl\x98."\xa4\xa1\xd7!\x9b\x0e\xe6x\xc4zJ'</t>
  </si>
  <si>
    <t>b'\x90\xb9\xab\xa4\x94\x7f\x05(a\x00\x02\x90RL&gt;_lqDk\xa0\x1f\xb95M\x1a\xe8\xe6\xbc\x0f\x91\x10'</t>
  </si>
  <si>
    <t>b'z@\x13\x14OH\x02}f\xfc\xf1\x0c-\xe2}\x14\xa6M\t\x7f\xf9\xear5\tQ\x96)\x10\x99D\xb9'</t>
  </si>
  <si>
    <t>b'\x19\x8et%F\xb4j&amp;\xd20\xea\xb2\x92\xb7\xc81}Re\xaed^V2;\xe6\xd7\x8d%L\x04r'</t>
  </si>
  <si>
    <t>b'\xe8\x1d\x12)j\x87\xa7\xeaD\xe8\x98We\xf3c\xea\x10:VZ\x9er]\xe1;\xfa\xbe\x02\xa3\x1b\xd9\xaa'</t>
  </si>
  <si>
    <t>b's_\x0e\xcd\xc85D\xe8\x97,}hY\x02\xce\x9eQ\xb3\xc2\x08\xe1\xfd\x07RlV\xe1+\x8e0\xf9\xd5'</t>
  </si>
  <si>
    <t>b'P\xe4\xadoS\x91\xa1\xdfo)\xa9\x84\x18\x1e\x98\xc7/X\xffp7\x15\xdb\xf6\xac\x80\x86\x18\x0c\xdd\xde6'</t>
  </si>
  <si>
    <t>b'TG\x1f_-$\xffC\x0f&lt;\xe9\x98wb\xed\x86wH\xa1S\x928\x8f\xa5\xc6\x15P\x04\xb2\xf3\xc2\xbd'</t>
  </si>
  <si>
    <t>b'&lt;\xf5H4\x1d\x14\xa40{g:\x1b.\x9b\x83\xec2T2\xc2\x0f\xe6!\x8a\xf9\xa5\\\xc3\xe5\xe8D\xc0'</t>
  </si>
  <si>
    <t>b'\x8c\x1b-N\x90s\x86Z??\x16\x83\xfa\xd09\xecJ\xdc3~\xd4&lt;X\x0c\xec\xc2\x85\x94\x8d\xdc\x10\x18'</t>
  </si>
  <si>
    <t>b'\xd0$\x13!\x9dI\xd4\xca\x8bl\x15\xa8#\xb3\x10H\x08\xe0\x05\xb0U@\x9d\x97D\x15\x17\xf0nC=\xc3'</t>
  </si>
  <si>
    <t>b'\xe9\x94N\x03b\xe1\xb2\x0c~ ^\xab]\xd9 9:\x96\xfe\xba\xd1\x89\xf7\xa7\xed\xd0\x8f\xb0\xfb\x81(e'</t>
  </si>
  <si>
    <t>b'\xb5\x95\x1d\xaf\xf1MS\x1c\x9fN\xe6yR\x9d\x99{\x1c\x1d\xf6\xe3\x067\xfe\xec!X\x1f\xa8zK\xa4\xe6'</t>
  </si>
  <si>
    <t>b'b\x94Q\xc43\xcb\x9c\x84\xd1-\xbb\xc7=f\xdc\x95\xbeg{\xc2\xa5\xd5\xca\x98D4_\x08\xd23/\xe1'</t>
  </si>
  <si>
    <t>b'\xdb,\xd7FR*\x1b\x05l\x1aw\xb4\xedf\x11O\x9cF\x0b\xee`\xff\x9f"\x0f\x9c\xb6\xa4\xa2q\x1d!'</t>
  </si>
  <si>
    <t>b' \x10\xaf\x94\x1d.\xac\xd6\x122\xc6\xb7\x91\\]\xfa\xce\x16\x18\x9d\xf5\\\xd4G\xad\xbfX\xe6\xe2\xb1\xbf\xa6'</t>
  </si>
  <si>
    <t>b'~\x94mbv\xe4N\xce\x10\x1c6\x9e,JN\xb9nz\xf2\xda\xc5\xe9\x92\x9c\xb9\xb5\x90\x8e\xf4D\x15\xba'</t>
  </si>
  <si>
    <t>b'\xf8\xc0C\xea\x97\x0f\x1d\xee\x8c\xaeZL\xa69{s\xd7\x00C\x1d%\x05\xfe\x83\xbd\xa7\t\xcdIa4\x19'</t>
  </si>
  <si>
    <t>b'Z\xa8(\xdfV0&lt;Sd"5\xe9\x08\xd4\x98\xad\xb2(\xa2\xfd2\x92\xd4\xaf\xed\x83~T21\xed\x1b'</t>
  </si>
  <si>
    <t>b'8\x1a\x99;\xeb\xe0D\xab\xd7,\xf4\xca\xab\x8b\xb5\xb6\x13~n\xcc&lt;\x8e\x9b\xae\x8bm}\x1bO\xb0\xc7\xfd'</t>
  </si>
  <si>
    <t>b'\xbd\x11\xfdn\xa4\xc1\xcbt\xa8\x94\x06\xba\x11:Km\xa4\xde\xb2\x83b\x08al\xe5K\xc7i\x90\xa6M\x80'</t>
  </si>
  <si>
    <t>b'\x89u\xb0d\xd7:\x0e\xbci\x8f"\x83\xe9v\xa26\xc3\x9c\xf9\\\xd5\xb2#:8#\xdb\xc8-\\\r\xcd'</t>
  </si>
  <si>
    <t>b"0\x97H\xa8\x1a&lt;h)\xaa\nJ \xfa\x0c\xc9[b\xc8_\xa1\xa5\x9e!\xd8'\x9e$kn\xb8\xd9\xf7"</t>
  </si>
  <si>
    <t>b'\x04\x1f\xa2\x01\xe2J\x08\xb0\xdc\xf6\x08$\xf4\xe5tKa\xfa\xc8\x03\x82\xc2Ho\xde\x9a\xc0"\xc4iv\xe7'</t>
  </si>
  <si>
    <t>b'$\xef\x86\x17_ \xcd\xda\xc3\x88m1\xe7m\x8d\xc5z\xa7k\xc9+p\xb0CU\xd2\x0fw&gt;md\xac'</t>
  </si>
  <si>
    <t>b'\xdcr\xcc\xfa\xdf\xdbl\xd4\x9f2\xa2\x9c\xd7\x81+IW\xbf&amp;C\x11\xc7\xebgY9\x1a\xe5s\xa0\x1bz'</t>
  </si>
  <si>
    <t>b'IV\x8eh\x1e\xbf6\x0e[\xff\xc7l\x96\xf2\xd6{\x19\xb8m\x8d\xad\xfd#\xfd!w\xbe\x8awHgg'</t>
  </si>
  <si>
    <t>b'+\x84-a\x15}92s\xb0\xccu\xcd\xf8V\xe3\xe1\xec\xc5\xa6\xde\nD\xdc\xe7Y:T\x91!\x84.'</t>
  </si>
  <si>
    <t>b'\xfb\x92VT/\xc9\x0cvRZ\xab\xba.\xe4[\x19\xae_t\x13\x9bndxS\xa0&amp;v|\xbc0Y'</t>
  </si>
  <si>
    <t>b"Brh\xeb\x03\xaf/\xe2Oi\xe1\xa1\xda\x9f\xa7[T\xc11n\xaf\x84#\x84\x19g\n'\x01\xf6\xd6\x1b"</t>
  </si>
  <si>
    <t>b'Nx}\x87\xb6\xd6\xcb\x03\x02\xe6C\x19\xc8\x86\xa7\xdc]I\xda\x82\xdbsD|{\x8fP\xfa\x0br\xd71'</t>
  </si>
  <si>
    <t>b'lD\xa3\xb7\xb85J2\xef\t$\x96\x0fc0\x00\xc7p\xc5\x1b\x0f\x1e\x0c\xa7JTi\xa6\xa8$\n\xde'</t>
  </si>
  <si>
    <t>b'\n\xa3\x11A\xe3"Zt\xcb\xa538\x82\x99\xb7\x89=\xc5\xe9\xcac\x8e\x8dZ\x15\x0eP\xb5\x81\xe8\xa1k'</t>
  </si>
  <si>
    <t>b'\xb2Y\xa7|\xd1\xbbs\xd38\x8f=\xbc\xb8$s\xae\xd3b\xfe\x19b\xde\xea\x8e\xfa\xdf\x0fN\xfc\xf0/\xb5'</t>
  </si>
  <si>
    <t>b'\x8bW\xc56\xd3*\xb9FX\x82x&gt;\x14\xc9&lt;\x17\xb6A\xde\xe9"@AS\x0c\x01:\x80D\x8f\xbe\x89'</t>
  </si>
  <si>
    <t>b'VT\x12t\x93\xa1\xdd\x874\x9bt\x82\xe2Nl\x10\x8e(F\x0c\xb0\xd9l\x03gQ2\xf0.\xba\xd0L'</t>
  </si>
  <si>
    <t>b'\xab\xe9\ty\xab\xc1\x8b\xd6\x9e|+\x9f\xc4\x12\xfc3\x0bO\x17\xcdl\xdaDQ\xfa\x84\xd5\xfd\x15\xbc\xf0\xf4'</t>
  </si>
  <si>
    <t>b'K\xbb\xb2\xda$\xea\xca\x93cb\x02\x1ca\x1dS\xc0\xe8f\x14Sm\xc1n9?\x1b\x19\x1du\xd7\xb3\x9c'</t>
  </si>
  <si>
    <t>b'\xd2\xb7N\x03\x18f\xfb\x8e\x80-\x9b\xb1zl\xa0%\x08\xa1\xc2\x97\xa29\xec\x8bQp=G\x00t\xed\xd4'</t>
  </si>
  <si>
    <t>b'\xbe\x05\xecn+\x8c.\xc0t\xa7$\xc6/\xee\xda\x1f\x7fq:&gt;\xac\x93\xfc|\xa2\xd2\x8b}\x12\xdb+"'</t>
  </si>
  <si>
    <t>b'\r\x8f&lt;\xfd\x85\x99\xb9U\xe1\xe0\x1e\x11\x1d\xb9\xaa\xe74N\x92?\xfd0\xe2m8\x00"\x01i\x0e\x18\xd5'</t>
  </si>
  <si>
    <t>b'\x94R6\xb4\xbc\x93\x0e\xd9C\x7f\xe0\x95\x80\xeeH\x14\n\xc6\x9f\x9d&lt;\x183l\xbcJ\xc9*t\xbcSj'</t>
  </si>
  <si>
    <t>b'[\xca\xa9\xac\x92\x81o\x14\xfa|\xb3|\xc1b\x1c4\x1e\xa5@\n5\x1d\xf5\xd7\x12\x8a\xf0?%\x14\xc6\x03'</t>
  </si>
  <si>
    <t>b'r\xeai\x11Q\xeb\xae\x1eI\x86\x84\xd9.\xa0\x0b\xb6&gt;\xed\t\x88\xea\xec\xf3\xc9\xe5\xc2\xcf"\xc3\x06@M'</t>
  </si>
  <si>
    <t>b'9\xf4\x1a\xbe\xb3eY\x9e\xf7:\x9fH\x9cM\x8e\x0c\xa0\xa2\n\xfa4\xb9\xbb\x80\xad\xf5.\x18\xb0\xb6\xb2\xf0'</t>
  </si>
  <si>
    <t>b'\xc9\xc5 1\x8f\xeeq\x0b\xdef[v\xee\xbf2\xfe\xef \xa7\t&gt;!\xea\xa5\xa7\xab\xdan\xb1\xd2\xcdn'</t>
  </si>
  <si>
    <t>b'_\xe5\x05uGd[\xd4\xa8\x94\xb8\xca@\xcc\xe1\x9e\xc40\xbb\xf9\t\xd7\x9f\xfdg\x93e#\xb9\xd3\xd1\x89'</t>
  </si>
  <si>
    <t>b')\xe9\\\x8c\xc7\xb6\xdc\xc2\xad\xc6\xeaS\xf2\x01e\x97B\x1bw.\xef\x0b\xe2?\xca\xab\x90\x1f\x80~C\xc0'</t>
  </si>
  <si>
    <t>b'\x96\t\xabs\xf4 \xdc\x8a\x92\x96F^B&lt;;\xa8\xab\xa3\xcf1n\xae\xfed7\x10\xc2\xd5\x8c\xc0BS'</t>
  </si>
  <si>
    <t>b'\x85L#\r\xca^\x89\xfc\x1f\x12\x7f\xe77\xcb2\xd3F\x7f-\xf8W\xbc\x8f\x13\xf9\x19\x91m\xe4\x83\x16\xc6'</t>
  </si>
  <si>
    <t>b'\xa6\xb4\x1b\xab\xcf\r\xd2\r\xe9\xd7c\x16\xf3\x82\xce\xcb\xfb\x95\xfaX~\x9f\x05g\xacW\x8d_1\xb67%'</t>
  </si>
  <si>
    <t>b'A\x06\xf5\x80\xd4\xdb\x10\x9d^\xf1\xa7Dd+`\xec\x16-#{k\xca\x14\x83b\xf9q\x8a\x8a\x89\xb9^'</t>
  </si>
  <si>
    <t>b'\x845S\x0b\x9b\xe3}B\xf9\xd3\xc5\x06a\xc9}\xff\xd6/\x9e\xe7`)\xbb\x0b\x8bW1j}\xc0o\xe8'</t>
  </si>
  <si>
    <t>b']\xe0F\x7f\xbb\xa68\x8b6=\x87\x1c\x01\xaaB\xaa8j3 \xd6r\xe6\x80\xa5\xef\x01t\xbat9\xce'</t>
  </si>
  <si>
    <t>b'\x04F\x91Z\x90\xf1\xeaR\xd6\xa4\xd8d\xfa\xbd-\xbb\x7f-X4\x9fO\x89\x14L\x0f\xf6Y\xbb\x1aFj'</t>
  </si>
  <si>
    <t>b'eO4$\xbc\x88\x8f]\x8d\xfd\x12\xce\xde\x80\xa6}\x9b\x16\xcb\xe8( 4\x12)\xf5\xc1\xcd\x92C\x8f\x96'</t>
  </si>
  <si>
    <t>b'\x95W\xab\x90\x94\x8f^\x85$\x95\xeb\x9flg\xbb\xf0\x10`T\xe9\xfa&gt;K\x7fq\xf2\x07\x93\x9e\xa4T\xc7'</t>
  </si>
  <si>
    <t>b'\xf0\x89\nh\xb5\xf4\x7f\n\x1e&gt;\x18}\x96Qy\x9d\x96\xcc\x12\x18\x14\xaf\xa9\xc4Za\xd0\xa6&gt;\xdb\xd7\xbd'</t>
  </si>
  <si>
    <t>b'\xc7X\x02x}\xbc\xabJ\xf0\xad\x06\xd6\x90\xb9\xdc\xf1WvpK5\x81\x93\xf9\xa6\xe8^\xda\xcc\x83\x15='</t>
  </si>
  <si>
    <t>b'\n\xda\x93\x11MC\xd8v\xb0t\x8aPM8D\x1d\x85-U9b\xd4^\xccP*\xdaK=\xa5\xb7\xd8'</t>
  </si>
  <si>
    <t>b'\x04\x1a\xffBA\x19\xf8\xca\x89\xc5\x9a9\xf6h\xa1\xd4\xde\x0c\xe3\xa0\x9f\xf5\xc0\xd9J\xb4\xa9-\x05\xec\xc0?'</t>
  </si>
  <si>
    <t>b'a\x98\xce\x9fO\xee~\x89\xe4\xe8\x80p9cD\xc3\xf9%\x7f\xc5\xdc\x9e\xe2\xeaC\xc3GF\xdb\x14J2'</t>
  </si>
  <si>
    <t>b'\x08Lz\xd9I\xb3\xb3\xc6\xaa\x89i\xe5\x99\t-p0\xbf}\xc7l\x9b6\x9d\xc6s\xf56s K\xfa'</t>
  </si>
  <si>
    <t>b'\x0b\x1b\xd4O\xf7\x99\xd6\xf6C\xa4\xed\x05\\&lt;\xdcD\xf5&lt;\x07/\x88\xe6\x9e\xb4C;\xf0[[\x9e\xf66'</t>
  </si>
  <si>
    <t>b'H\xd2\x11\x1bg?\xcc\xfdH\xc09\x08im!$E\xdd\x12\xbe,3\xf8P\x86}jmXny3'</t>
  </si>
  <si>
    <t>b'\x08h`\xa7\xf1\xa0\x11=o\x82 j5\xa7\xb5\xe0pL\xf3p#\x7fS\x82V\xc36\x1bD\x8a\xfa\x1f'</t>
  </si>
  <si>
    <t>b'\x88B\xff\x1e \x13\x0c\xa1/]\xab\xf0\x86\x83\xab\x92!\xef^t\x8b\x05\x8e\xa8A\x9d\xbab\xca\xb9\x94\xfc'</t>
  </si>
  <si>
    <t>b'0\xb2\xb8\xe7\xe9\x03\xc73\x8d\xf8\x19\xea\x1f\xc9\x80[\xfe\xa6\xec\xce\xd9)\x13Y_\x95|\xd9g\xd5\x14|'</t>
  </si>
  <si>
    <t>b'0\xbac\xf9\xedr\xd65\xa2e\x908\xbc\xe0\x9c.\xe9\x14]\xb0\xa8\xa0\xd2\x8f\xefA0f\x1a\xd5H\x08'</t>
  </si>
  <si>
    <t>b'\\m&amp;%p\xb6\xb0\xea\xbaP\xf6\nhxX\x17\xf8\x90\x1f\x87\x8e\x17*\xd8\xbbY\x9ey\xfa\xcab\xb3'</t>
  </si>
  <si>
    <t>b'Q\xbd\xf0 \xfb\xf57r\x03Y\xad%?za\xa0 \xf8\xa8\xeb\x1a\xe5\x8d+\x1d\xcdQ\r\xe8I\xf2\xe2'</t>
  </si>
  <si>
    <t>b'\x06~^\xb5Q\xcc\xf0\x94.!k\xea\xc8\x9bH\xe7\xf4%W3\x8b\xc40@{\xedG\xf8\xc5\xea9\x95'</t>
  </si>
  <si>
    <t>b'\x1b^\x08\xa6\xd1\x10v\xd41\xe2I\xc0%\x8a\xb5\xaa\x0e\x12\x1d\x0e\xbcf\xbb\xb8gA\x88[\x10D\xbeK'</t>
  </si>
  <si>
    <t>b'\xddC\x018\xe7V\x104\xc4\xea\x1e\x82j\xabP\x82f\xef\xc3\xbe\x10NlP\x8aYL\xe2\xf1\xad\xaa\x00'</t>
  </si>
  <si>
    <t>b'\x18\xca\x1f@-3\xb6\xbcP?\xc1L#\xac\xd4l\xd5\xcc\xa8\xf6vh\r\xf2@\x19\xef\x7f#\x04\xca\x90'</t>
  </si>
  <si>
    <t>b'\x9b\xef\xb8\xa7jn&lt;\xb0Y\xc9A&gt;\xbb\xd4lS\x0eJ\x97\x1b)\xe06BI\xcc\x07W-L&gt;\x91'</t>
  </si>
  <si>
    <t>b'e\x82\x89\x15\x10mq\xa7-\xd2Si\n\xf02\xc7\x99\x80\n\xf5\xc8\xb4\xa2\xe2?\xc5Vg\xbc\x9d\xba\x9e'</t>
  </si>
  <si>
    <t>b'\x87q\x90nO\x83\xbb\xb2Zgt\x16P\x80\xeaCp}\x90$\x88\x13\x07\xbek\xdd1\x91\xfc\xb7v\xca'</t>
  </si>
  <si>
    <t>b'a\x13\x00\xe8-\xf15\x03\xa9I\xda\x98\xa5\xf7AS\x14\x92+g\xfa|\xcf\xd6\x83\xa3\xd2\xf6\x90G\xe8\x80'</t>
  </si>
  <si>
    <t>b'#\xfb\xeai\x1e\x05\xbbT\xaf\x8bg-\x1c\xfb\x85\xbb(\xf9-t\xd0gJ\xabL\xe98\xcf\x88\xd9\xb3\xbc'</t>
  </si>
  <si>
    <t>b'\xc4\x0c`\xa4\x1a-H\x85.\x11\xf7%n\xb3D\x1ec8\x14\x1b\x93\xa5\x0fE\x96\xdd\xe2nsl\x82a'</t>
  </si>
  <si>
    <t>b")p\xdc\x9bqHlN\x0c\xdfi$\xecl\x17\x8b\x940'K\x12\x01\xa8\x91p\xa3\xd17:.\x837"</t>
  </si>
  <si>
    <t>b'\x90\x9c\n\x0e\x11\xd4\xe49\xd1z\x04\x10\xc1\x19\xa2\xfe\xf1a\xf3]\xc7\x91\xaf\x0e\xed\xf2]\x97o\x95\x14\x11'</t>
  </si>
  <si>
    <t>b'\xd41\x99\x0e\x9c\xf5l\xab\xd1\x0bX\xab\x0b\xd7\xcbZ\x19B\x92\xe5N}\x8bbh\x16fu\xc8\x12\x061'</t>
  </si>
  <si>
    <t>b'\x1a{\xff&lt;!Q\xa8\x10\xad?}0\x0b|\xe5&gt;*/\x14\xbe\x89\x1d\xd5\xa9~Z\x89\x04\x0c{\x8a\xc9'</t>
  </si>
  <si>
    <t>b'\xea\x1f\x93\xbf\xfe\xce\x0e6\xb1\x0eB\xfb\xcf\x03\xab\xaf1)\x1aIR\xb4\xef\xa86\xb4\x13\x16\xf4\xed\xfe8'</t>
  </si>
  <si>
    <t>b'\xf1vU\x80\xc9\xa4@"\xbd\xc2\x02q\x12-\x91\x0cI\x96\x10?\x87\xebQ\xdbec\x05\xb7}\x89(\x08'</t>
  </si>
  <si>
    <t>b't \x96\x1cd\x9f\xe3\xcc;g\x81\xb3\xa6\xdc\xb9&amp;\xc8\xebw\x97Z\x11\xf0\x9f\xd7fb\xcf\xcf\xa6\x1b\xda'</t>
  </si>
  <si>
    <t>b'n\xfd\xa3\xde\xa2\x85;u\x8a\xfcs\x1euL\x17\x86$\xc5,7\xa1\xc0\xaf0\x087mb@\xdf\xdb\x16'</t>
  </si>
  <si>
    <t>b'\xcb\xe0\xdc\x10\xa1\xb33\xba\xfa\x9b\xb2\xd8\x86i\x0f\xb0\xd5\x9d\x94\xb8tC\x87;P\x91u\x0f\xbf\x1b/6'</t>
  </si>
  <si>
    <t>b"\nh{\xc3\x8a\x88H\x0b\x9a\xd5\x87{'\x06\xee\xd8\x08'=&lt;\xb9\xad\xa4\xb6\x1dw\x01\\\xd4\xcc\xbf|"</t>
  </si>
  <si>
    <t>b'\xcdM\xa2\xc7D\xe29Y_\xc4\x04\x1do\xafz\xc9\xe0$\xb5\xc9\xd0\xd8\x16v_\xd8\x16;z\xff\n\x9c'</t>
  </si>
  <si>
    <t>b'n_\x01P&amp;\x94\x80 \xf7\x00\xf9$S_\xeb\xf31A\xffd\xfd\x0e\xe5\x8a\x1b\xa7\xd37\xb8\x8a\xbd\x9d'</t>
  </si>
  <si>
    <t>b'\xc8|\x96G:RU"G\x0b\xb5\xf9\xe0\xab\xc0[\xd1\xb5\x87\xeeKS\xe7B)\x81\xc4\xc2\x86\x9e\x98\x0b'</t>
  </si>
  <si>
    <t>b'\x01"\x11\x1e\xe2XG\x8cE\x08(\xe0\xe6Z*\xd3\x08\x1b\x85bv"y\xf7\x9f-\xe4l\xd5_\x1e\x0c'</t>
  </si>
  <si>
    <t>b"3\xab\xff\x15'ME\x85\x1d\x13\x12\x08\xbc\xb4+\x12\x80\xbf\xbb\xa1u@\xd0\xd5\x96\xe5S?\x85\xff6\xd9"</t>
  </si>
  <si>
    <t>b'\x01\xa7\xaa\xca\xa6\xea\xb2\xcb6\xd6:\x07eg\xf6E\xe0\xe1,A\xed\xc37SB\xd3z#\xf4\x9c\xf0\x88'</t>
  </si>
  <si>
    <t>b'\x99\x15\xb1er\x8b1\x87\xcc&amp;w\x1f\xbf[8\xe8;\t\xf4e\xf8\n\\6\x98\xc3~wJ\x13e\x8a'</t>
  </si>
  <si>
    <t>b'\xe4\x01N\x8d\x14\x07\xcc\xdc\xef[*\xb5\x93O0|\xc1kwX5\x8c\x92M4-\xe6\x84s\x8ed\xdb'</t>
  </si>
  <si>
    <t>b'\xb9\x7f\xaf\x8a\x81\x19\xd8\xc9\x98&gt;\xd2\xb4\xf8\x05=\xc6.0\xd0r\xf61\xe3\xfd\xb0 \x08\xb4k!I\x9a'</t>
  </si>
  <si>
    <t>b'Ca\x14\xa6\xe63sm\xbd\x94\xd5k\xbc\xeb\xf5\xad\x0e\xd2\xd8\x9c\x8e}e\xa2e\x13]\x0e\xf7\xa2&amp;\xec'</t>
  </si>
  <si>
    <t>b'6c\xe3FH\xe1\xcf0\xa0:m\x8f\xea\xdd!Lw\x9byF\xe0x&amp;\xb8\x07V\x1cB\xb7\x1c\xe5\x8d'</t>
  </si>
  <si>
    <t>b'\xdf@\xaa\xa3&lt;!G\x9e\xd9\x8f\x0c\x12\xfd1\t\x03\xce-\xee\xd4\xd9\xa1\x17\xa7\xa4\xfd\xcb&gt;\x1a\x90o\x12'</t>
  </si>
  <si>
    <t>b"\x86\x1f\x8cs\x93\xd4\x97\xcc\x88~\xf4\x84\xefY\xf3N\x19\xa99\xb2x\xca\x97+'\xa8c\xabM5\x98&gt;"</t>
  </si>
  <si>
    <t>b'w\xfb\x9f\x1a\xd0,\xc1\x05m\x9f\x1b&lt;]xDZ\x8f\xa8\x128Iy\xce\x9a\xf0\x1fEr\x1f\xbf\x91\xaf'</t>
  </si>
  <si>
    <t>b"\xfd'\xd9\x18\x15\x80\xbdX%K\x9b\x1d\\\xec\x89\xc2\xf9\t\x82(\x94\xb2\x83\xca\xe9\xeaI\xb0\x8c\xe1\x8d\xff"</t>
  </si>
  <si>
    <t>b'\xf5\xf9\x05WS\xa6\xeaR}\xc9\x107.\r_D\x04oef,`\x02d\xfa\xac\xb7m\x06;\xf46'</t>
  </si>
  <si>
    <t>b'\xdd\\\xbd\xfce4\xbe\xa1--\xddsP];\xe4\x83\x86\x13\x8b\xbb\xef?]\xa4\xe4\xf9\xd0\x07\x0f~D'</t>
  </si>
  <si>
    <t>b"\xef\xedc\xe2\xf2\x86w\x99\x973~[Q\x86\xfc&lt;'\xe1\xfd\xc9\xf0\x9cv!\x9f\x04\xa7\xdd[]\xf5\xfe"</t>
  </si>
  <si>
    <t>b'\x08\xd0_\xdc\xc4\xc2#\xbb&amp;7\xfb\xffA\xb8eB\x84?\xc9 nr\xd6\xdd\xd3\xd5\xc6\xcbv\xf7\x9a\x10'</t>
  </si>
  <si>
    <t>b'\xaaT8\x8f\x12{\xdb\x9c\x10\xd2;6\xbe\x9e\xe9}$\\\x9cL\xad\xc3\r\xff\xeb\xbc\tR\xa8\x81!\x9f'</t>
  </si>
  <si>
    <t>b' \xd7\x91G\xca\x14|\x84\x0b\xa7#\xbd;R\x96Ma\xf1\xf1A\x18\xac\n\xbf\x81 o^\xf1\xf4+\xde'</t>
  </si>
  <si>
    <t>b'z\x84~\xf1\x82X\xd3\x8a\x94\xeb\x92\x8e\x1a\xee&gt;\x96%\xa2\xfdg\xc9\x16T4\tr\x14\xdf\x08\xa9\xb5\xeb'</t>
  </si>
  <si>
    <t>b'\x8f\xe0,\x07\x06\x8e\xea\x92qH\xd1ln\xa4)\xf7\xc7\xf6\xc0eKp\x16_\xa4\x0f\xc8\x9a\xa75\xc3n'</t>
  </si>
  <si>
    <t>b'J\xcf\xb77{\xa4\xb0N\xebv\xbfgJ|p\xaf\xe2\xa6\xed\xa9\xa4M\x8586\xe0t\x9b\x9b\\\x02|'</t>
  </si>
  <si>
    <t>b' a\x94\x00\xec\x84(\xf6\x02\x0c\xda\xd0(a\xb2$\x13\x14\xbb\x1f\xe9\x16\xaf\x1b?\xe8S\xc1u\x13\x95f'</t>
  </si>
  <si>
    <t>b'\xa9\x95\x8fW\x17z\x86\x85\xce.JN\xe4(\x07\xaa \x96\xed\xf2\xbax\xe0,\x8b\x8b\xc4!54\xbd\x81'</t>
  </si>
  <si>
    <t>b'\x80c\xcf\x94\xa9\xca\x04\xb1\x9f\xffh#a\x14:\xe5\xb4\xd1%_TX\xf3\xed\x1c\xa8U\x07\xa4s\x87_'</t>
  </si>
  <si>
    <t>b'\xdac\x99\x905\xc2m\x90\x82\x9c2\x9e\xf7\xac\xa0\x9b\x00\xfb\x86\xf6m\xdfG\xafZ\x0c\xb7\x17j9L3'</t>
  </si>
  <si>
    <t>b'_\xa1E\xa6\xc2B\xe3\xf6\x86\x92\xb6?\x8f\x03!\x9b\xd6\x97\x93\x13R1\x1a\xcdx\xd8\xc1\xf0\x15\xc0\x8c\x82'</t>
  </si>
  <si>
    <t>b'cJ1h\xaay\xb6\x1cR\x07\xd9\xc8\xa9\x90\x15\xd2A\xc2f\x00\x030\xafC\x84l\xbd\xf64\x0e\xb5\xcd'</t>
  </si>
  <si>
    <t>b'\x16~\xfdG\xc3\x916\xc5(\xb5\xa9\x96\x07\xd4Jy\xfb\x027\xddX\xe8\xafj]\xea\xba\x82\x10\xeco\xee'</t>
  </si>
  <si>
    <t>b'\x04IL\xaci@$Q\x92\xb1\xc8\xc3\xe4M\xf3\x0b\x0bbO\xa1 w=k\xf0\xaa\xc99vo\xfe\x84'</t>
  </si>
  <si>
    <t>b'Z(7\x85\xf2aI&amp;&amp;\x97\xff\xe4F\xd2\xa7s\xe9\x00\xaeE\x8b\xb0\nK\xc2gKE\xd6\x05_\xd9'</t>
  </si>
  <si>
    <t>b"f4\x07s\x87\xb6}\xdc\x1b^\x8c'\x08\x14\x06\x19\xd5(\t^\x13JRFw\x12\xf0}5\xb2q^"</t>
  </si>
  <si>
    <t>b'\x9d&lt;\x13?cS\x84\xb4x\xce\xf7lV\xb6r\xdc\xa3\x83\xac\xbfEE\xc3\xb1U\x89\xda&amp;i\xfd\xb8V'</t>
  </si>
  <si>
    <t>b'\x10\x00\xd5\x1b\xc5\xa5?d6\x9f*\x85L\xfb\x86B\x8e|\x02\xa0\rtc\xe09n92\x9cU\xab-'</t>
  </si>
  <si>
    <t>b"K\xf1\xf6\xe4!k \x96&lt;\xd8}\xeb&amp;B\x1az0;\xfb\x98\xd2'\xc7_\x94\x0eU\xa0M\x0f\x1f\xed"</t>
  </si>
  <si>
    <t>b'\x8e\xd1qz/\xdc\x16\x9a"pcj\x8c&gt;\x1b\xfd&gt;\xfb\xa7\xa4\xda\xb0U:\x93W\xb4j&amp;\x95\xe2\x85'</t>
  </si>
  <si>
    <t>b'\xd5\xf1\xc1\xed^\x9f1\x13\xe3\xc0\x1f\xe3\x9f(\x1cn\xd7\xc1\xd4\x8b\xb8\xf2\xbe\xc1WO"\x15\xa6\xbb\x10\x01'</t>
  </si>
  <si>
    <t>b'r^\xf3"t\xa4\xf2\xee\xe5\xed\rRc\x13#\x864\xf33Y\xaf\x88\x1dx\x8cEo\xe2\xb7\x05\xd0\xb5'</t>
  </si>
  <si>
    <t>b'\x92\x8f\xce\xd5\x99y\x19\xf0&gt;/O\xcc\xc4K\x86\x9a\xedp\xc8e\xc9\x8f\xc7\xb7%\x0e\x9c`s\xa9\xe7\xf8'</t>
  </si>
  <si>
    <t>b'\x1e\xfb\xeb\xad\x04\xa9\xd3#\xf6\xb6\xda\xfd\x03\xcf/z@\xb3\xf7\x84\x0c\xde\x8d\xecK)\xd3\x1a\x8e\x8e\x1fW'</t>
  </si>
  <si>
    <t>b'c\xc3\xec@^\x07\xe0\x0e\xf7/z\xc5\xf5\x02huk4\x8bB\xf6U\xaf\xcd$\x8dN\xe7\x9d\x9f\x0b\xb0'</t>
  </si>
  <si>
    <t>b'\xcd\x9fo9\xca\x98\x84q,:\xef\xea\xfe\x114\xf7\xd2\x08\x13]\xbc\x9b\x13x\x99E\xef\x8f9\xcf\xc5n'</t>
  </si>
  <si>
    <t>b'\xf0\xe3\xdf:o\x93\x19\xe5EI`%\xae\xdb\xa9\x18\x18\x88\xcf\xc6\xf6"U\x0c\xc8\xb8]\xaaA #r'</t>
  </si>
  <si>
    <t>b"'\x83z\x99:[\x13\xb3\x9fL\xb5\xa7\xcan\x86\xf1\xf3\xa8\xa2\xce\xa4\xfb\xda\xee#\xa7\xee\x12\x01/\xbe\x05"</t>
  </si>
  <si>
    <t>b'@\xf6\x95\xe9\x951\xf8~\x89Osj\xfd\xd9?.\x06\xd2\xf5S&gt;\x19\xe4\x05\xad\x8a7\xae\xb3|uJ'</t>
  </si>
  <si>
    <t>b"\xdd\x9c\x8b%\xad\xef\r\xfb\xff'\xb6\x93\x15\x82T\x0b\xec\xd7\xbf\xe3R!H5\x10]%r\x12\x0b\x1cF"</t>
  </si>
  <si>
    <t>b'\x93D\x08s\xf8"+am\xc4\xcf\xd0\x9a\xc7\xa7\xb9_\xc1u&amp;Z\x95\xfc\x93\x94\x11J\xa4\x9c\x98\xa60'</t>
  </si>
  <si>
    <t>b'\x1bI[&gt;\x12\x92\xf5\x86\xca\x85\xe7SI{\xb3\x86IR\x81\x93m\xff\x88_\xab\x0e\xbf;cv\x04\n'</t>
  </si>
  <si>
    <t>b"Y\x89T\x97\\\xed\xd5\x8e\xe6\x8a_zc*\xb8\xa2Td\xe9\xc5\x8b\x9e'\x7fY\xf6\xe3\xfaAG\xcf\xad"</t>
  </si>
  <si>
    <t>b'\xa7\x9117~\x01!A\x17\x83\xfb9PCM\xcb\xa6w2H,\x1a\xad% \xa6\xa3\xd9\xf7\xa8\xd5|'</t>
  </si>
  <si>
    <t>b'\xb6Z\x93Q\xb8\xd7\xad\x07\xbet\x95\x87\xa1\x93z\xc9\x10\x02\x19&amp;\x8c\xf2\x99\xaf\x9e/\xfc\xe5\x80\x1e\xef\xf9'</t>
  </si>
  <si>
    <t>b'\x9ft&amp;\x96\xc8\x96\x04\x01F?\xc5\x80\xfeO\x13i\x9e/\xb7\xdc\xd1d\xc1\x0c\x94I,\x9b\xcc\x9f\x0eK'</t>
  </si>
  <si>
    <t>b'4\xe0\x1a`\xdc\xfc\xcc\xce\x96\x96\xbf4@\t\xc1\x04\xde\xb5w\xcb\xb6\xfb\xc5N\xa9F9\xc6\xc4\xb5%\xa5'</t>
  </si>
  <si>
    <t>b'K\xbfEy\xb7&lt;\rL\xeeJ\t\xd5\xb7\xdb\xa3d\xde0\x7f\xb58\xb6\x99\xabj\x90\x18\xd8\x1f\xc2\\\xce'</t>
  </si>
  <si>
    <t>b'\x07\xea\xd1\xecSr\x1f\xf4\x9a\x0b\x89\xa4H%{Vas\xa8\x86\x08\x03\xf5\x89r!\xd4\xcf\x88\xd0JI'</t>
  </si>
  <si>
    <t>b'\x0b&lt;1@\x1cz\x9d\xfb0P\x85Fgc\xf6a-\xf0r\x1c\xa2\xecn=\xdd\xcb\x1c/\xd3R\xaa\xc0'</t>
  </si>
  <si>
    <t>b"\xcai\x08\x9c\x07\x0b\xe9\xa2\xa6\n's%Y\x92e\x8e\xca\x0f)b\x8b\xa9'p\x98*\x0c\x00\xdd\xe5/"</t>
  </si>
  <si>
    <t>b'\xce\xff\xb0F\xee\x9e"P\xf1\xa32\xc4\xe8\xef%+\x8f\xc3.\x1a0\x01\xd9&amp;h\xee\x9f\xb8{\x9fH-'</t>
  </si>
  <si>
    <t>b'\xe9\x83K\x18B\x01\xd7\xfb\xcfWd-(v\xf5\xec\xf8\xd6\x1a\xca\xec\xd4\xca9."\xf5\xf6a07\x97'</t>
  </si>
  <si>
    <t>b'\xe3F\xa3$\x15\xf1\x99QCZ\xf7\xbcn\x13\xf3\xb5*\xecX\xfa\xc5\x06\xb2\x06\xeeG\x0c\xe4\x87\xcf\xac\xde'</t>
  </si>
  <si>
    <t>b'\x9cj\xcdCj\xcf\xf9\xdb\xfc\x018\xe1\x92\xf4tx%\xc9\x87n\xb2~\xa4\xf7t8\xa9\x8c\x19U.9'</t>
  </si>
  <si>
    <t>b'\x91\xad\xb6\x96vH\xa9E 3\x80co\xf7E7\x18\xa1L9`xO\x85\xe2\xc6\x88y\xd9l?#'</t>
  </si>
  <si>
    <t>b'\x11\xc1x:\xe4\xcf\x01\xdaN\x89s\xa1D,?\xfd\xb6\xb9T\x1c\x8cL\xe3d\xb7\xe5\xc3$\x9f\xdc;)'</t>
  </si>
  <si>
    <t>b'\xbd\xccK\x07\xa8\x97\xe2 \xf5h\xf6\xfe\xa8J\xe66\xb8\xc4\x91\x8f\xbb\xacT\x9d\x8b6\xd6z=\xd7\xaf\x91'</t>
  </si>
  <si>
    <t>b'ZzIB\xb0\x93\x174\x1clr\x04K\x8a\x03^1\xe2\xe3\xa2\xcf~\n\xd78.\x0e\x1eD\xf2\x0c{'</t>
  </si>
  <si>
    <t>b'(k\xe7p\x8a\xaf\xeb\x960l\xc1|\x8e,h\xb4j\x11\xfd\xe4\xb5\x8ef,\x7f\xcb\xd06G6\x18&gt;'</t>
  </si>
  <si>
    <t>b'\x1at\xd6\xa4T\xc7\x92\x9b\xf8#\xfc\xd4\xc1\x03\xa3\x86\xd1\xb3\x9c\xa5*\xd8,\xb9\xa8\xfd\x0c\xf9J6R\xe2'</t>
  </si>
  <si>
    <t>b'\xb5\t\x02i&gt;\xa0\x90\x0e\xff\x03\x81\xe4NFvR\xb3\xe93\xe0\xa6:2\x83r\x84":\xf2y\xa7\xc7'</t>
  </si>
  <si>
    <t>b'79p\xe5jIS\xb5\x8f\xa7\xee\xf0\xa5B2\xdb[\x01\xc3\x05\xb3\xcf6\xc0\xf1T\x00\xceX\xef\x984'</t>
  </si>
  <si>
    <t>b"\xfdD\xd2\xf7\xcd\xb8Z#\x85F\xbfp\xd08NG/\xe9\x8e\x97\x9f-\xce\xa9\x91\xd8'\xc0s\x0c\x88\x00"</t>
  </si>
  <si>
    <t>b'c\xeeV\xfbc\x1bn\x0b\xc1m\xd6\xd2\xee\xe61\x95\xb3\xee\xb1\xd8SEP2s\x03\xfd\xa9\xfb\xb5\xf0\xd3'</t>
  </si>
  <si>
    <t>b'\xc5?e\xaa@\xad\xa1\xc1\xf9\x0c\x14n\x18]\xeaa\xfeLw\xdb\x9a\xe9\xc8\xecf\xafM\x80\xf7\x05\xbd3'</t>
  </si>
  <si>
    <t>b'\x1a\xcb\xeb\x99\x94:\x9dh&lt;\xd4\x7fw\xbf7\xaeL\xff\xdd\x92\xd3\xa0\x98F}\xb1\xbbn\xd9\x0bx\xe5r'</t>
  </si>
  <si>
    <t>b'\x10\xb7J\xb2\xf1\x13\x96\x15\xc4\r}B\xcc2\x0e\\n\x05\xa3\xa1\x14k\x98\xb9\r\xd2\xf2\xf1Y\t\xe0\xc9'</t>
  </si>
  <si>
    <t>b'\\7\xda\xb2\xe0G\xc7\xf1\xe4=\x000\xed\x18\x10\xb6\x95V\xf8\x93no\x01B\x9c+\xfcj!\xb2\xdf\xaa'</t>
  </si>
  <si>
    <t>b'q\x04!\x9d\x98\xd1?\xdc\xd9\xba\x92\x1efX\xac\xab\xc5\x89i\xeeLB\x93[`\xaei\x81r\xd0\xad '</t>
  </si>
  <si>
    <t>b'c\xf7\x96\xc2yu4&lt;\x8c\xa2=\x88\xcdfg\xb9\xce\xa74\x8c\x93]pq#\xfe5\xa9\x85\x88\xb1\xb4'</t>
  </si>
  <si>
    <t>b'\xb1]5\xae\xb4\xb9\x93\xd4\xc9p\xc7\xbd\x88\xa2\x83\x1c\xb2\xca\xf3\x1d\x8f\xb9\xb7\x9e\xda\xad\xc7!\x88\x8e\x95\x05'</t>
  </si>
  <si>
    <t>b'\xa5\xf2\xa8_\xbdd-8\xa7\x1d|\xad\x0c\x8bg\x1a\xe0\x80\xf4lr\xe19\xf3\x9d\xaeo \x7f&lt;\xe9/'</t>
  </si>
  <si>
    <t>b'|$\xc0;\x83\xa43\x04\xaf\xbb\xdc\xe9z\xab\x0c\x13\xf3B\x1c\xaa/\xa1:AV\x86\xcd\xbe\xc3\xd0\xc0z'</t>
  </si>
  <si>
    <t>b'\xcdn\x0c\xb8$\xff\n\x83\xbd\x00\xd55\xde\x95cC\xfeY\xde\xdb\xb6\xfa\xc6\xb1 \x8cd\xa7-\x12*\x1a'</t>
  </si>
  <si>
    <t>b'\xf4I\xfe\x08\xa5n\n\x97\x80\xef\x14}\x13\xae\xf2\xac\xbb\x8d\xcf\x0c\xc2\xbd\xb9&gt;\xbct&lt;\xbe\xf7\xddl\x08'</t>
  </si>
  <si>
    <t>b'\x7f\x8c\x9a\xdb\x19\x8b3\xad\xe8A\xfc^\xa4\xef\x862\x96\x04|\xe2$\x03\x97\nO\xf0\xe6f$\x00\xff\x0e'</t>
  </si>
  <si>
    <t>b':\xe5\x84\x87\xe4\xa4\x089\x97\xa7\xbd\x08\x7f\xa5Q$@Q_Rw\xf4.\xd1\x03\x02\xafT\xb2)\r\xfb'</t>
  </si>
  <si>
    <t>b'\xa2\x1f+\xeb2\xd8\xd7\xb5\x14\x9d\xb8i\xd5\x88YB\x8b\x12\xe6ouFw\xb9\xc8O^N#\xcb,\xbf'</t>
  </si>
  <si>
    <t>b'C=\x1bQ\x1f\x8eH\x17\xdd&amp;\xa8\x9d\xa2\x94\xca\xc6j\xf2Y\x0c|\xcfbw2j\xebO\xca\xadp1'</t>
  </si>
  <si>
    <t>b'\xa2F\x85.\x19\xf5.c\xa9n\x0b\xda\xc7$\xb2o\x88Yj\xfd\xebkdm\xd7\xa0\xef\x7foM_\x90'</t>
  </si>
  <si>
    <t>b';E\x80\xa0\x1c\xd9\xa8zD\xdb\xbe\xdc\xb1\xfb&amp;pW~\xbe\xce\x1a3?\xad`P\x03\xc2\x08i\x10\xdc'</t>
  </si>
  <si>
    <t>b'eGW@\xb7\xb3\x85\x18\xb3H\x16Ek\x12\xb5\xe8+\xdb\x7f\x1d\x8e\xb4s\xb3\x04\x0c\x99\x94\xfe\x84\xa0\x1d'</t>
  </si>
  <si>
    <t>b'\xbb\x94\x01\xb8)\xf0d\xd0\xb1Yo\xdd\xef4,\xe0\xe0K\x85s\x19\xa4\x0f~\xfc\xe6a&gt;]\x8a\xeb\x9e'</t>
  </si>
  <si>
    <t>b'\xbb\xe8\xf49)H@Zq{\xc4\x1cZ\xc0\xdc*}j\xa9\xfa*\xcb\xc0C\x91\x1c\xd2\xa6\xd0\xe2\x8cf'</t>
  </si>
  <si>
    <t>b'D\x1f\xff\xfa\xb2#\xddS\x16\xd3\x9bVD\xf9\x83\xdb\x10\xbd\x08R \xcb\xdb\xe5\xc6\xee\xfe\xfb\xd0\x00\x15n'</t>
  </si>
  <si>
    <t>b'@\xe8\x91\x07\xa4\xbekY\xfbM\xc8~[ct\x9f\x8c\xf6\x88\x84*\xf1\xfdO\xe1K\x86\x92f-$\x8f'</t>
  </si>
  <si>
    <t>b"2\x14M@`[\x9bZA@\x1c\xcb\x16\xbbO\xac\x80'e\xd3\n\x0e\xd7\xd3z\xb6\xf5\xd8T7\x80C"</t>
  </si>
  <si>
    <t>b'\x86POg\x04\x0bud\x81\xc9\x89K\xe0+\tS]!\x91@\n\xf7\xe7\xa2U\xc2\x11\x81V\xe5y\xd1'</t>
  </si>
  <si>
    <t>b'G\xbbi6[\xbee\xf0\x07\xad\xeb\x0bt\xce\xca\xc3\x1d&amp;\xe2\xc0\x140E\x89\xef\x8e\x1c\x82M\xe0D\x11'</t>
  </si>
  <si>
    <t>b"\xab{pw\x9c/'%i\xe0\xb0\xaf\xe1\x90\x00\rK\xf7QcV\xc9\x0e\xf0H\x82\x0fRC\x88\xf8\xd5"</t>
  </si>
  <si>
    <t>b'8_P\xd4\xe9\x96\xf5\xb9Do,M\xec\xe27\xe8\xb3*\xd1\xbc\x1bG\xe5\xd8\xde\xad\x15$v\x14\xc1\xa0'</t>
  </si>
  <si>
    <t>b'H\xc7\xf3\xef\xef@u\xbb\xb8\x80$\xb0\x94W\x19\x95T\xa6s/\x89\x80-\xb4\xf7)\xe3\xee\xab5\xba\xa3'</t>
  </si>
  <si>
    <t>b'&lt;fAg\x14G\xe5\x9e\x87\xe6\xa2d\x827\xf4\x03\xc9\x13\xcf(n\x9b\x82\xcd\x12\x9e=5\x03V!t'</t>
  </si>
  <si>
    <t>b'L\xfa\xdbb\xb0-\x1cac\xd0\xc8\x04O\x93\xbc\xa6\xc3\x18n?i\xd1\xd6Jp\xa9v\x14p\x93\xde_'</t>
  </si>
  <si>
    <t>b"\xe4O.1k\x12'L\x1e\xe7A\xbb\r\x97\xf74k\xab\x02\x80\x17Et\x8d\xaby\xfas\xac\no\x95"</t>
  </si>
  <si>
    <t>b'\xde\xdd\xc3\xce)\xef\x1c\xfc\x80\x15\x87\xfei.)M\xcdhU\xb7\x97\xddy2\xfd\\\n\xd6\x1e\xe9F\xe9'</t>
  </si>
  <si>
    <t>b'\xa7X_|\x82\xb2\xdb\xf7\xc9\xbaMVC\x90\x9adPM\x82\xad\xd1=\xf0\xc0\x88I1V\xe0\xa0\xb9\xb6'</t>
  </si>
  <si>
    <t>b'\x84\xb8\x0bpx\x01\xd5F\x1e\tQ\xe7\xb1\t\xb5\x0e\xae\xf4GT\x95B[\xd4\x80O\x81\x18A\x02\xf3Q'</t>
  </si>
  <si>
    <t>b'\xe3\t\x19\'m\x0b\x9a[3#\xd2\x92\xab\x85)\xdb\x83\xa5\xf6!\x0e"0Y\xa2.*\x01\xf7X\xc3N'</t>
  </si>
  <si>
    <t>b'\xfd.\xfa\xdfO=\xc1?\xda \xf2~\x86S\xc5\x8f\xf7s\xfd\x17\xb8\x99\xc9Xd\xcc\xac\x02\xc2\t"\xe8'</t>
  </si>
  <si>
    <t>b'\x1a\xd3\xbf1\xf2\xef~\x0ePo\xd5S\t$tr\x95\x94\xe8\x0c\x14\xae\xcaYoU\xe5X&lt;\xaa9\x87'</t>
  </si>
  <si>
    <t>b"?\xc2\x1a\xd5\xb3G(t\x9f\xf8\xcf\xa6 c;\x95\x8e\xd9\xa5V\xaf\x1d\x16%-\xc4\xccc\x7fg'\xd7"</t>
  </si>
  <si>
    <t>b'\xab"\xa1\x982\xed\x12\xc5\x92E&lt;\xdd\xd0\xe6\xad\xb0:9\x83k\xd4V\x01kn4v\x8b\xb4\x93\xb3\xa8'</t>
  </si>
  <si>
    <t>b'\x9d\xdb\xb7-\xa5\x9e\xb9\xc07\x9f\xe5\x99#u\xa7Uo\xab5\xf5!\x8f\x7f3\x13={#2\xcb}N'</t>
  </si>
  <si>
    <t>b'\x9e\x81\x88\xc2\xc6\x03\x1a9\x12{\tV\xab\x93P\xa5\xa7\xa73\xa0\xf2\x1f\xb8\xf4dyu\x0f\xa5\x1f:\xcf'</t>
  </si>
  <si>
    <t>b'\x81\x88\x02\x19\x9cg\xdeX\x11\xaa\x15\xe7\x83\x83\xc0f\xca8\xd5\x1b\x04#\xf0\x14\xf1\xdd\xbcJh\x10\xf8\x97'</t>
  </si>
  <si>
    <t>b"\xc0\x14\xdf\xa7^\xb6\xc7\x91\xfbe\xcd\xdbW\xeb\xf2\x80'\xd1\xfb!\xa7\xfb'gt\x9d\x08F5\xda\xe8\xca"</t>
  </si>
  <si>
    <t>b'\x11\x85\xb1\xaad\xbbuuc\xbd\xa2\xed\xf8\xd1\xa3\x84\xb3\xed\x9d%\x06\x0cF\xae\xe5\x18=J(\xc9^\xce'</t>
  </si>
  <si>
    <t>b"V\xd9-L\xa7L\xea\to\x864*\xa5lq/:\x95\xca/p'\x90q2K\x18.\xa4\x0et2"</t>
  </si>
  <si>
    <t>b')\xa1\xf6G?\xfe,p\x98\x7f\xa8=~\x1e\xe1\x1f\x80\xe0\x917&amp;\\\xb6~a\xbf~\xb4+\xaaA\x9a'</t>
  </si>
  <si>
    <t>b'\xbd\x08\rO2t\xe4\x841\x94\x15\xf68\xeaw\xfb\x99\xf76\x8e\xfd\xb0V\xb7Hulu\xa5\x7f\xe8\x84'</t>
  </si>
  <si>
    <t>b'-\x8d\xbf\xeb\x1e\xc2$0\x8e7\xb2\x0b\xf5\xab\xeb\xe4\xb3\xd5fc&amp;_8\xd7\xa1\x18\xd67{\x18\x90\x12'</t>
  </si>
  <si>
    <t>b'\xceb\x98&amp;\xa4\x8c\x07&gt;\xfb\r\x95u\x92\x1b$\xce\x8ch\x17*\xbe\xb4J)&lt;\rG\x99\x86(\xf2`'</t>
  </si>
  <si>
    <t>b'\x1c \x98k\x95\x0fpZ_\xcbv\x13\xaan\x04(\xa4s\xcf\xa01; \x1dn\xf4F\x1b\xcb\x8b\xf0x'</t>
  </si>
  <si>
    <t>b"\x93\xae\xd5\t\x0f\x98\x8a\x9c\xa8\xadENT\x92H\x07;*D\xfe\x07\x81%*\xa1m\xfc'6\xc4\x1f\xcf"</t>
  </si>
  <si>
    <t>b'pI}C\xcb`T[\xd1S\xe0=\x15`5,"ac\\\xb2\x81{\xef\xf4m\x0eE\x8c\x0f\x0b\xb9'</t>
  </si>
  <si>
    <t>b' \x9e\x8d\xb6H`\x1e\x98\x160g\x1a\xd1\xd73\x0bt5U\x97\x07Q\xef-\xa97\xfcp\x80~9\xfe'</t>
  </si>
  <si>
    <t>b'\x9a\x16`\xd0-\xb4\xb1M\x03\n\x08\x0b\xc2p\xe5O\xf47\xa1\xf7\xbe\x06\xc7\xe4\xdd\x81\x81\x8a\xa3/\x0e\xd9'</t>
  </si>
  <si>
    <t>b'v\xb6H$\x11\xa7F+]\x08v\x83\xd3\xf2/\xcb\xf2"8\xdc\x9c\x026,7\xda\xf5\xc8BZB\xbb'</t>
  </si>
  <si>
    <t>b'6\xab\xfc\xa5l1c\xba\xb4\xae\xba\xfa\xad\xc4\xfe\x88\x87\xf1\x93\xa5\x81gRyI\xe1x\xc7\xe3\x03\xbet'</t>
  </si>
  <si>
    <t>b"\x19\xdd\xd6V\xc0\xe3\x9a\xa0&gt;p&gt;\\Y\xab\xed&lt;L\xabB\xd7\x7fH\x18'\xfa\xf5\xa1\xadA\xfc\xe90"</t>
  </si>
  <si>
    <t>b'\xf7\xa8;\xa7\xf6\xedg\xe0\xc7\x95\x88\xd0"\xdb\x9b\xfc&lt;k\xce6gh\xe7\x105\xa3\x02\xe9F\x86E{'</t>
  </si>
  <si>
    <t>b'k\xb4&amp;\xdb\x90w\x1e]\xe8\xea\x8d\xd1H\xdd\x92\xb8\xf0\xb2\x86\xe3\xcc\x96B\xb2\xca\xd9]\x8b\xce\xa8T\xc8'</t>
  </si>
  <si>
    <t>b'G\xdcm\xb5\x16J\xa5\xf7\\\x84\x8c\xc4\xc3\xd7\x83\xe5&lt;\xd7~j\xe3\xc3\x91_\x93)\xe1csn$\xf8'</t>
  </si>
  <si>
    <t>b'\xb0m\xe2\x1b\xb4pj&gt;\xcb1\x817?\xfa\xe2\xa2\x03\xef\x02\xc5X\x0f\xc2(\xd7\xb6\x19H\x14Rt\xf0'</t>
  </si>
  <si>
    <t>b'\x86\xc9\x0bP\xb1G\x87\xc8_\xe3Q\xe3j\xe8\xbb5\x035\xd3L\x12;|&gt;\xe8\xd9\xb4d\xcf"(A'</t>
  </si>
  <si>
    <t>b'GO\xc3\xa6\xb2n\x01\x0b\xd4\x1a\x07\xb7\xbdp\xa6\xd2\xdf\x16\x8c%\x04&amp;\x9b\xd7\x98\xdc\xc1\xa9\xbe\xcc\xf2\xa3'</t>
  </si>
  <si>
    <t>b'R\x01G~;\x87\xe5\xc3\xce-_Q\xed\xdb\x9bU.\xab\x8fx\x95\xd0\xa3\x0c\x08\xa0\xb1\xe5c\x8d\x82\xea'</t>
  </si>
  <si>
    <t>b'\xa9\x95\xe7\xd6\xb4\xb9\x8e\xd9\x9d4\xa9\xd4\x07\xe3\xa1\xeds\xcf\xc7,Z\x81M\xf0\xb0,:|\\W\xef\x13'</t>
  </si>
  <si>
    <t>b'\x97wP\xaa^\x8e\xb1\xf3\xd0\xcb\xcf\t\xe2\x10\n|@\x96\x01\x82\xc9g\x80u\x96\xe31\xaf\xdcqSm'</t>
  </si>
  <si>
    <t>b'\xde5{\xe4S\x15\x1czj\x0c\x00C^j\xd8\xec\x0f\x87L~\xee8x:\xd3\xd2u!b\x8c\xf6\x98'</t>
  </si>
  <si>
    <t>b'dt\xfa\xca\x95\xd9\xc9\xfb\xe0\xed\xb0\xc2\xa6\xcd\xfch\x83p\xe9\x96l\x01E\xf5\x91YN,\x1f\xbd\xb4b'</t>
  </si>
  <si>
    <t>b'$\xa3\x89\xb1\x00\xb2\xe6\x9a,\x8e\x03\x10\xd5\xb9\x87\xc4S^\xe0\xa7\x004\xf9\\\xe0/m&lt;\x83P|\x91'</t>
  </si>
  <si>
    <t>b'\x0c\xaa\xf5\x1a\x87Z"\xd9\xbd\x0e,b\x93&lt;\xcc\x87?\x11\x84\xf0K!\x9fM!^\xe3\xf5s~x\xae'</t>
  </si>
  <si>
    <t>b'A)\x82\x8d\x9dAfHkP\x96\x00\xf1\xa2\xfe\xd8\x9e\xb1\x9c\x18\xcay3\x84;z\xfc\xd7\x94\xf8N\xa2'</t>
  </si>
  <si>
    <t>b'\r\x12\xe0S\xc7\xd0\xb9=\x84\xf3T\x00\xfe\xad(\x83\xd6Lq\xf8\x99.\x0b\xb6\x0c\xbf\xb4\xf7\x9fa\xf6:'</t>
  </si>
  <si>
    <t>b'5\x90\xf77uiW@\xff\xe9\x83\xa2\x068\x97\xe7M{v\x90\xdf*\xb4\xb9eQ\xcc\xc2\x93\xea\x07Y'</t>
  </si>
  <si>
    <t>b'\xe8cm0i\xae\xe8Re\xb9\x9f\xe6 *vv_\xb9\xf0\x08\xdaP\x8e-\xcd\x8d\x05\x0c=\xf0o\xec'</t>
  </si>
  <si>
    <t>b'\xf9\x1c\xa2\x90\xdcZ\xe3\x19\xe4\tg\xa3&amp;\x1d\x91\x011\xeaG\xc3N\xf5\xf9\xd7vb\xb7\xf69\xbeh\x81'</t>
  </si>
  <si>
    <t>b'\x1f\xfe\xe1\xc1\xd9N^B\x84\xcf\x9b\xac\x92&gt;\xec\x991\xfd\x92\xb0\x84\x95\xf3\x80\xcd\x83\xe5\xb2\xb9\xf3X\x81'</t>
  </si>
  <si>
    <t>b"\xf7\xb5\x1d\xe7\xc89\xb9-\xaf#\xb3\xd5JQ]\x00m\x16]cI\xd1'1,\\!\xf5\x82\xa0\xbf\x01"</t>
  </si>
  <si>
    <t>b'S8&gt;\x19X5:l\xab{t\xe8\xc3\x8e\xe4\x01\x89PeB\x14\xa1\x91&amp;\xa8\xf2\xfbg\x0c\xc0=\x81'</t>
  </si>
  <si>
    <t>b'\xb7$`i\xdf\xc2\xf9\x91\xcd\xb2\x91v1\twNJ]\xcf\xa6\x15\xcf\xfa\xe4\x0b\x1ab]qjQX'</t>
  </si>
  <si>
    <t>b"\xcd\xd1(Da\x06\n\xaeD\xd0\xe6'\xb6\xfe\x8c\x98\xc8\xdbVj\x82\xe4\xf0gA\xa3\x89i\xe6 \x9f\x13"</t>
  </si>
  <si>
    <t>b'$\xa1\xa6\x17\x958\x96\x82\xf8\xc1j\xab\xe8\xf0\x8d\x03\xb5&amp;QwZ\n\x9c\xcb)\x81\x15\xfd6k7F'</t>
  </si>
  <si>
    <t>b'\xa4"P\'\xcej\xed\x1c\xf3p\x92\xd2@n\xb6\xea\xa0g\xfa%\x0e\xc3~\xa0o\x91(\xbb\r\x85Q\xbe'</t>
  </si>
  <si>
    <t>b"\xbb\xf2+\xc6\xbd\x10\xc2\xfe\x9a\x87\x1d\xcb\x18\xe8\x14\xf6~\xedS'6\xbaT\xe8u\xcfq\x10&gt;\xabU\xd6"</t>
  </si>
  <si>
    <t>b'\xca\xd2\xf5;\xaeB\x88\xec\xb5K\x0b\x98\xf5\xee\xd7B=eB\x87\xf4\x07\x86\xe8\x8d\x98\xb9\x99)\xc8/3'</t>
  </si>
  <si>
    <t>b'b`\xd0Y\x1dw\xe2\x0c\xc3Z\x9f\nDh\xa0\x86E\x97I\x93\x96\xd1\xd5\xbf)c*\xben\xb15\x8c'</t>
  </si>
  <si>
    <t>b'[\x88\x00h\xdb\x95h\xaao\xff\x94KQ\x99\x94\xb9\xc2\x0c\xf3\x84A\xf2\x0c#\xca2{\x8e\x9eX\xc2b'</t>
  </si>
  <si>
    <t>b'\xba9\x1c\x03\xe5\x80vwm\xb9\xf4\x1a\xf0\xab\xb3*FF\x0f\x94\xc6x\xd4K6\xe1\x9d;r7\xfeD'</t>
  </si>
  <si>
    <t>b'\xb93\x00:\x17\xfd\xbc8f\x1en&amp;\x06\x1e\xd3]4fM\x073\xf9E\xef\x86:\xb0\x84?&amp;(\x12'</t>
  </si>
  <si>
    <t>b'\xc7\xdb\xc2\xf7\x81\xc67\xd4L\xc3&gt;D\xef\x92\xc9\x0e\xa1\xa5R\x96T\xbeY\x03oWQ\xebe\xe9Q\x03'</t>
  </si>
  <si>
    <t>b'\x1a\x9bj2r-\xa3\xa4\x8cm\xac*\xa3YW\x93\xd9\x8c\x9bwm\xf6\xb0M\xd1\xe8G\x0ccmL\x9b'</t>
  </si>
  <si>
    <t>b'\x1d\x1c"\xcd:\xe8NU\xcd\xdc\xa8\x9cY*\xb0"}\x19\xa9e\xd8\x8a\xfc\x0e}rpZ\xad\xa72,'</t>
  </si>
  <si>
    <t>b"\x93\x83-\x8d\xe6E\xb3\x18\xb7\xb3\xa8\xa4\x05Z\no3~\x90\x8c\x0b\xef\x97'\xac\xef\x95N\xd8\x8b\xc8a"</t>
  </si>
  <si>
    <t>b'\x19\xa0\xbb\xe3\xd7K\xbc\xeb\xc7\xc5\x8f\xd4ho\xe1\xaf\xfb\x1c;\x87\x83\x9e\x0f\xf5\x83\xbe5\x83\xce\xee~\x83'</t>
  </si>
  <si>
    <t>b'\xd8\x1fa:\xb1\xd7Qg\xae\xdc=\x1dq\xf54h\x05\xdb\xe3\r\x191\x13| \xf4\xb2wA\x05x^'</t>
  </si>
  <si>
    <t>b'\x92\xca\xde\x95\x94\xf9\xd9\xea\xe9\xa9\x087k8\x14\x7f\xaa\x12\xa3j+n\x18\xf6\xf933\x1e"\x05\xf0\x8e'</t>
  </si>
  <si>
    <t>b'\xf2i8`&gt;\xda\x90\xda]U\xc0\xa6\xd1\x83\xfc\xf0\x9a\xf4\x01\xf2\xf4z2\x8e-Y\\\x80\xd5\x16c\x9e'</t>
  </si>
  <si>
    <t>b'q\xe7[&gt;x\x0fn\xa4\xb3\x90\xd2-\xa4\t\xfd\xb8]\xea\xb4Ct\xd6\\\xf7wMu}Jh\xf6\xdb'</t>
  </si>
  <si>
    <t>b'\x13\xae\\=v\xcfl\x9dZ\xf2B\xa5&lt;\x8dk\x1c\x12!\x88\xe2J\xf9\xa5\xc1`\xa1\xe0\xc4\xebSQ\xdc'</t>
  </si>
  <si>
    <t>b'\xaa\xedS\x0bg\xd2X\xdeG\x8c\xd2r\xe2`\xbc\x87\xfa\x82\xf9\x14\xf3\xa5Rc\xd9\xb8q:s~\x04l'</t>
  </si>
  <si>
    <t>b'\xa7\xdc\x0b/\xbf\xd0\x19f\xc4\xea\x05ry\xf6+\x85e\xd4\xa9\x8eimK\x89\xe8\xc0[\xb4\x9a_\xf1r'</t>
  </si>
  <si>
    <t>b'%\xf4s\xf2\xfa\xd2\xd6Qb\xc1\x88\xae&gt;\xdb\x1aV\xa6F\xb6\x069\x12b*\xe3\xe1(M\xca\xd8\xb6v'</t>
  </si>
  <si>
    <t>b"\xfa\n\x84L\x97l\n\xab\x0f1\x8c\xd9n\xb56\xb4\xe6B'e\x0f8P\xab\x0e\xaa\xc4\xa7+\x80\xa5\xf3"</t>
  </si>
  <si>
    <t>b'\x9c65\xc7\xc3&lt;\xa3&amp;\xa6q\x1e?\xde\x02\xc4\xdf)\x1a\x9co1\xb4\xf2\xbd5\xd2}l\x0b\xf0\xe5&lt;'</t>
  </si>
  <si>
    <t>b'A\x8b\xf7\x04\x0c!\xed\xd4B\xfaI\xd1\x06\x9c\x02\x08/\x1d\xb3\xec\nB\x89\xf8\x83\x03"\xb9\x83\xaa\xdaj'</t>
  </si>
  <si>
    <t>b'\x94\xf2\xc6\xf7\xa6t\x12\xcc\xaf\xce~\x8b\xf9G\x8a\xe9\x01|\xa1\xaf0\xf1y\xac\x13!T\xc0\xb8\x88\xde\xc8'</t>
  </si>
  <si>
    <t>b'\x06\x86\x7f\xd40\x1a\xf5%\\\xb9\xf7\xa2\xd0\xcf\n\xc4\xc2\x7f8\xc6UF\xd4m\xc3\xae0\xe1\xbc\xd7\xe2`'</t>
  </si>
  <si>
    <t>b'z\xd3\xbcS\xcf\xf0\xa5R\xa9\xf5\x1b\x12\xfc\x0e\x90\x9b\x11N\x1b[\x17\x07&gt;\x05\xd3yv\xbb\x14*\xcf\xe3'</t>
  </si>
  <si>
    <t>b'\xbfY\x99\x92\xca\xac\xaa\xa7\xb2\xb7\xdff\xde\xc2\xe8\x99\xb3d\xd7\x8f\x9cqf\x04!\xd3o\xc49u\xe0\x87'</t>
  </si>
  <si>
    <t>b'\x19\x07I\x07A\x81\xc6-\xcf\xb6\x86\x11\xaf\x0e\x887V\xb8\x94\x10\xbf\xd3NoCB5\x96\xdc\x1d\xc8\xd1'</t>
  </si>
  <si>
    <t>b'Q~\xd3u\n\t\x987\x07\xb3\x92\x05\x18\xf4\xff\xc8xw\x8aW\xe6\xd4=\xb4\x89\r\x83\xcc\xb2\xd2IH'</t>
  </si>
  <si>
    <t>b'\x88It}B\x9f\x16\x1c\x16\x7f\x19%\x8b/\xa4\xe2\x8f\x14\x9e^\x89\xb2\x10\xb8\x14rK\xd9_\x96\xab\xbb'</t>
  </si>
  <si>
    <t>b'J\xc9d\x17\x9f\xdc\xa7v\xf9#xR\xb8\x8c\x1a\x12\xea\x0f\xf7)\x9f)C\xa6\t!\xfeWn\xff\x87\x06'</t>
  </si>
  <si>
    <t>b'\x0654k+m\xa8\x93%\x98\xa9%\xa3&amp;\xb6\x0e\x06D\x08\x89\xe9\xe3t\xb4\x8e9,=\x04R\x96\x0f'</t>
  </si>
  <si>
    <t>b"\xcb\x0f\x9d\xd9\x93\x92\xe8Q\x1a\xbf\x89y\x83\x17W'S\xb6d\xb8i\x9a\xf0 \xc2U\xb0\x07\xf5\xd2\xca\xc5"</t>
  </si>
  <si>
    <t>b'{4\x8e#l\x96g\xa2F\xc34\x98\xecT \xb2x\x8c\xb6\x15\x1b\xeb\xf9\x03E\xf9\x16\x9cA\x03\xbf\xbc'</t>
  </si>
  <si>
    <t>b'Q\xecb\x86\xb29\x86\n\xa3\xc5\xccJ\x15\x83\xc1\xad\xde\xa0\xc3WmB\xd5}\xdat9oq\xd2\x97,'</t>
  </si>
  <si>
    <t>b'\x1f\xc4$\x03\xe1e\xbb\xad\x84\x8a\x1eo\xcb\x96\\\x91 C\x96\x9fzC\x0e\xbe\xd5\x10\xa2\x99K\xf2\xe77'</t>
  </si>
  <si>
    <t>b'\xb7;\xde\x1f\x07W:\xc8\xa7\x0e\x89\xf5x\x93\x8f\x80\xe7m\xaaC"\xb4\xe0\x9d\xb5;\xe7{\xc4\xb5\xb6\xfd'</t>
  </si>
  <si>
    <t>b'\xa7\x03\xb4\x1e\xe4f\xe0_\xaa\x88\x0cL\xa9H\x7f\xa3\x0b\xcb\xf4\xf1C\x9e\x16\x0be-\xb1\x16\x89L\xffY'</t>
  </si>
  <si>
    <t>b'\x91\xb5\xeeu3\xb5i"MZRr\xb3\x19\x05G\xdcH\xce\xdcC\x9aE_W9U\xcb F\x98\xc8'</t>
  </si>
  <si>
    <t>b'\xe6M\xcf\xa0\xdcfT\xbe\x0f\xa0\x89\x1a\xbf,h\xe8\xcd1\x9e\x11\xb3\x10\xf7\xadiA7q\x0f\xc6\x1f6'</t>
  </si>
  <si>
    <t>b'\xb1d\xb2!\xd7_JW\xe9\xb5\xd4,\xa0\xc2\xe8\x8dy\xbco)G\xb9w\xb6\xa2\xa5\xa5j\xbe\x0bE\x93'</t>
  </si>
  <si>
    <t>b'\x06\x08\x1as\xdb\x97\x90\x04\x96]\xc5\xe8\x02\xb7\xa2\xd4\xf4\x94\xdc\xb8\x8dP&lt;\x1c\xf3\xd0\xfe10\xbe!\x19'</t>
  </si>
  <si>
    <t>b'\xd5\xe3\xd0\x0fy\xc7\x13r*\xc6%/\xb5\xa4&lt;\x1a\x95\x9c\xabF\xe3U\x87\xbc\xd3)\xa1\xde\xd8\xfe\x04\xa5'</t>
  </si>
  <si>
    <t>b'n%\xdf\xc7b\xeap\xae\xe9\xf8=\xefz\x0f\xd7\x13\xfa\x1fF*D\xe6\xac\x8c\xe5\xdeo\xb4\xd8\xb6\xc1\x8b'</t>
  </si>
  <si>
    <t>b'\xc7\xa2\x89\xd3~5\xc6\x1b\xec\xe6P\xfdVN0\xe6\x86\xbcG\xd9F,\xc8W?\xbf%\xa4\xc9U\xc7\x8d'</t>
  </si>
  <si>
    <t>b'N\x8c\x81x\xba\xf1B\xca=\x1dV!\xc7!b\xe36\x8b\xe8\xc1\xbc\x9f\nQ\xa6W\xecB\xcak\x0f\xdf'</t>
  </si>
  <si>
    <t>b' \x11\xca\xf7\x83\xd3\x14d\x03Zv\xfb\xb2\xcep\x9c\xb3\xb2[\x13\xe5CY\x92UTT1\xc7`z\xd9'</t>
  </si>
  <si>
    <t>b'\xfe/\x0b93Q\xc8va\r\xba\x18Qq0^B\x04\x07\xd1\xe38C\x089y\xf7R\xc6t\xdfY'</t>
  </si>
  <si>
    <t>b'\x95_\xb5! \x88\xf1\xb8\x8d\x90\xfbz\xfd\xff\x02\x80\x9d\x8f\xe6{\x1f]\xce\n-#7x\xeb\xb615'</t>
  </si>
  <si>
    <t>b'\xd7\xa8\xd4inx^K\xc0w\x12\xe2RI\xc1/z\n\xa7\x1ee\xd1\x95vU\xb2\xbeF\xe9\x9bL\xbb'</t>
  </si>
  <si>
    <t>b'\xd6z\xd2\xd9\xe7J\x07\x9e\x1a\x19\xb4O\xcaS\xb0\xba\n\x87\xbdK\x85\xca\xed\xdc\xf0\xc5L\xfe#\xab\x94n'</t>
  </si>
  <si>
    <t>b'\x0f\xc3qN\xe9&gt;\xb7\xe4\xe69\x9f3\xcds\xd8d4R\xc7\x1f9Jyt\x90B\x88\x92\xf43\x0e\x17'</t>
  </si>
  <si>
    <t>b'o\xe3\x92\xc2G\x14\x04s!\xf2\xb5\x94\nv*\xbc\xf1\x98$s U\x90\x03f\xed\x99\xe15|\xbc\xc9'</t>
  </si>
  <si>
    <t>b'%\x13\xa8]\x82\xa3\xb9~\xb6\xc2\xc0\xc7\xd3dm\xd3\xae\xff=?\x06r\xbc\xa7\x8bH\xaf\xea\xf0\xf1\xf1R'</t>
  </si>
  <si>
    <t>b'\xab\xf7\x10\xb1\xdc\x05\t\tjgt\x1b\xb6%w\xe2H\xc8*\xef\xea\xa4\x13\x1f\x10\xf6\x19\x83\xcfV!~'</t>
  </si>
  <si>
    <t>b'\xa0y\x07Q\xb7\xc4\xdc\xaf\x0e\xd3\xd7\xf5\xb5\x1d]\xfc\xfd\x05-\xeaR\xbe\xb5\x94\xb9\x0c\x8a\x0b|\xef;4'</t>
  </si>
  <si>
    <t>b'\x8a\xde\xef\xa9\xe0\xe3aP\x98\xc8\x91R\xd5#h\xa3\\\xec\xb3\x1e\xcd\x91&gt;+\xb6h?\xfa\xdc\xa7\x83\xf9'</t>
  </si>
  <si>
    <t>b'\xbem@\xcap\xc1,\x9d/\xa2[\x9b\xe0\x9dd%J\x18L\x9a&lt;\x9b\xe3\x82\x9al\x9b\xcf\xd9a\xd1\xc9'</t>
  </si>
  <si>
    <t>b'\xce\x15\xcb\x8a\x18\xb7i\xc07\xda\xf4\xb2\xd5\x94_R\xa3W/w\x89E\xed\xe52\x9d\x19&amp;\xe4\xc2S,'</t>
  </si>
  <si>
    <t>b'\xfb\xd1E\x8f\xf8E-\xce\x13\xf5x\xb2\x8a\xb8\x99P\xb3\xf1{#U\xca\xa8\x8a\xb0(\xf3\xe2\xce\xd7\t\x9d'</t>
  </si>
  <si>
    <t>b'\xb5]\x05rY9&lt;(x\xb4G\xdf;\xcdQ\x18\xb7-?\x96^\xb2\x8c9\x04r\x95\xa4\xc8\xde\xa6i'</t>
  </si>
  <si>
    <t>b'\r\x9f\xa8\xae%\x8e\xf3\x0cx\x9el\x93\x11\x89\x17 \xd0\xb8\x98H\x1eTs]\x8f\xe1q\x9e\r\x87%\x1c'</t>
  </si>
  <si>
    <t>b'u\x89\xc9\xa8\xecu\xee\xcf$P\x12\xd4\xa1\x86\xf4\x0eKy\x1a\x1auB\x1d\x9a\x8f\xc1\x04\xc9\x01r\xfc$'</t>
  </si>
  <si>
    <t>b'\x1d\xaa\xbc\xe1\xddP\xe9\x91wp\xcd\xb4\xb0#\x06\xb0/\xce\xf5\xb6;\x948G\x08f,f\x12\xcd@H'</t>
  </si>
  <si>
    <t>b'\xa2\xe3\x1f\xce\xadW\xd6\xa2\x10\x9b5\n&gt;\xbcZ\xa3\x8d4\x95\xd8U\xe6T\x8c\xb9C\xc8\xa8\xa9!\xbc\xa2'</t>
  </si>
  <si>
    <t>b'\x1a\xdc\xc1:QrX|\xbe+\x1b~\x86\x15\x14Y\xc8)o\x83\x84\x83j(\xc9\xcd\x87\xa0\x12\xba\x1cP'</t>
  </si>
  <si>
    <t>b'\xae\x90\xea\xd1\xc6&gt;\x1b\xd2q^\xf7O\xd7\x9d\xc9\x7f3\x10+\xdb\xa2Z\xa4\xfc\xe9\x90\x05\x14\xec.\x90\xfc'</t>
  </si>
  <si>
    <t>b'\xf6\x89\x87\x92R\xc6\xcc\xaa\xf2\xe5\x1a\xc4IcS\xd1\x0c\xec\x11\x9d\xf78\\iL\x04v\x08\xb1\xef\xc8\x1d'</t>
  </si>
  <si>
    <t>b"\xf8\xe7\xa7\x89j\x9d\xe2\x0fq'\xf1\xbd\x07\x8e\xaf\xf0\xaahY\xbaEg\x05\xc6\xd5BH\xcen\x88Y]"</t>
  </si>
  <si>
    <t>b'\xd2\x14&amp;"a\xc4,\x8c\xe1\xdd\xddR\xe1\x1a\xd4\xff\x9a\x8a\\\x04\xe5p\x0f\x0e&lt;\x05\x1c\xdaP;\xd2`'</t>
  </si>
  <si>
    <t>b'u.\xd3\x8f\xb0R\xe5\xca\xcf\xcb&gt;\xb4{\x1e\xf8\xd1\x8e"\xab4s\x0ei\xc1Z\xeb\x1e)\x19I!\xf6'</t>
  </si>
  <si>
    <t>b'\x85\xbc\xe0\x93\x02\x0c\xady\xb3\xf5\xc0@\xa2b\x14\xac\xc9\xb4\x96\x94T\x1d\x83\xdd\x86oU\x08\xc1\x99\xb4"'</t>
  </si>
  <si>
    <t>b"4\xc8`K\x10\xbfkP\x02\x1d\xbc\x8b\xec\xa5\xfc\x84NW\xc6\n\xf7\x1c-{&lt;'IVp\xe2\xb1\xb5"</t>
  </si>
  <si>
    <t>b'}\xc8\xd9\xdf\xe0\xa9&lt;\x06\xbd\x9czT[r\xa08\xd8?\xdb\xa0\xdb\x9c\x1c\xf1\xab\xbd@]\x89\x00I\x1a'</t>
  </si>
  <si>
    <t>b"\x91\xd6\xd6\x96\x14\x1e\xb3\xf6e\xdd\xafqZ@\x83\x86\xa4\xfef\x08\xf9\x9d\xbb%\xcdm\xcf\xef\xa4\xa1\xe6'"</t>
  </si>
  <si>
    <t>b'\xe5\x8c\xe1\x8d\x8b\xf4;hN\xb3\xf3\x16q\xf8\x17\x05,M\xcai\xf2=E\xb5cc&gt;I\xf1r\xf7\xe5'</t>
  </si>
  <si>
    <t>b'a\x98\x8f]\n \x1e\xee\x9a\xd6\xdb2U\xaav2P\xf7z}4D5\xe5\xee2\xd1\x05\x0c\x86\xb8 '</t>
  </si>
  <si>
    <t>b"6'\xffT5\xf7\xe0\x0f\xca\xeeb\x01\x9a8+\xbc\x9eg~\xbb\x16E=\xbe\\\x9d\xb0! f'\xc3"</t>
  </si>
  <si>
    <t>b'7\xc4\x0e\x10\x05\x87ZF\x83\x1f\xb6\xe1\xbe\xfb\xce\x84k}\xb2\xa7\x9fo\xe3\xc9\x85E\xbbB\x82\xca\x01\xd9'</t>
  </si>
  <si>
    <t>b'\xcc\xe0\xd2&lt;B\xb7\x84\x15e\xc6\x1a\xdbb\x8b\xb11\xed9\x1c\xdd\xe8\xd0\x98=\t\x83\xc5\x12\xb6\xfd\xce\xe9'</t>
  </si>
  <si>
    <t>b'\x18\xdb\x16\x9c/\x83\x87\xc9\xd7hVc\xad\xe2\xd32\xc2\n\xadLx\xd40o\x16\xce\xb3$\x12\x87\xfa*'</t>
  </si>
  <si>
    <t>b'\xd7\xae\xb7~\xa1\x88%t8\xed,\x1b\x8a\xb6\xa4\xd90\x86\r\x1dR\xd2\xd0Hl\xe4r\x0cH\x19\xd1\xf1'</t>
  </si>
  <si>
    <t>b'\xb8O\xd3\xe1fGS\xd9\xc6\xd8\x80\xca%\xdcV}\xf3;\x88f3I\xda4\x19RY\x0b\xe9\xb8H\xce'</t>
  </si>
  <si>
    <t>b"\x11\xc2\xb9u\xe3\x1aL'\xc7 \x8036\x9a\x11\x1f\xb25\x9a^\x9c)*\xc8\x0b\xcf9(#*Aw"</t>
  </si>
  <si>
    <t>b'\xc4\xe3\x8d7\x8f\xf6@\x0f\x0c\x83\xbe\x99V\xaf1\xdaF\x90J\xa0\xe2\xb5V\xc7\xe4\xc5~\xc8\xccl|a'</t>
  </si>
  <si>
    <t>b'\xf57\xc2\xf7\x15\xd6iVUPF\xf8&lt;!\xfc\xd9\xdah\xba\xb3\xc7\xfc\xfcM03{\x9d\x86\xc9\xdc\xa3'</t>
  </si>
  <si>
    <t>b'\xd9l9\x06\x87\xc9\t\x1d\xbb\xe8\xd7\xaa\x9d\xeb=f\x81u[/\x12\\\xe0\xd5\x96\x1cZ(m\xc8\xc3I'</t>
  </si>
  <si>
    <t>b'\x1c\x98\xee}r\xc5n\x9e\xce\xf6\x1f\xde\xbcKQ4?\x810\x91[V\x99\xf5\xe8\x90\xa2\x17\xd4\xf5\xfb\xc6'</t>
  </si>
  <si>
    <t>b"\xb8y\x04\xaf/%\x17MZ\x1d\xc9\xf3\x88\xea\\&gt;l\x94\x93\x03p'/\xed\xb9\xc1\xdb\x96\xc8\xe4\x85N"</t>
  </si>
  <si>
    <t>b'O\x073\x93\x16NZ\xe6\x07`\xceU\x06\xe9&amp;\xac\xbc\\K-\xd3^\xfb]9Y\xbc|\x93\xbd\x95\x02'</t>
  </si>
  <si>
    <t>b"\x80H\n}g'\xf1\x1d\xafW\xda\xff\xa2\x06\xa17\x97dh\xe9\xe2BFkd\x85\xf14g\xe5\xb92"</t>
  </si>
  <si>
    <t>b'X\xa7z\x84\xd5\x14\x97\xf2\xc5\x96w\x85]\n\xd4U\xf6b\xc8\x05\xf76\x8b\xf5b\x8a\xbd\xd5/J\xcf\x16'</t>
  </si>
  <si>
    <t>b'\x8c\x8b\x1e\xf1)\x1e0\x13\xde\xb5h\x93y\xc3jY\xcf\x96\xf7\x15u\x0f\x8b\x8f\x9e\x96\xac\x0e\x81\xd9\x91\x1f'</t>
  </si>
  <si>
    <t>b'\x1e/$B3\x14Z\xb8\r\xa6\xa2\xe6\x95\xa9\x0e`\x7f\x0e\xce&lt;:z\xa0-`*\x15\x8c\xed;M\xbb'</t>
  </si>
  <si>
    <t>b'\x88\r\xd87\x0f\xff0?6b@,\xf1\x88\xe4`\x12j\xc3\xb5\xeb\xe17\xfb\xd32\xe97\xe6\x03\x17g'</t>
  </si>
  <si>
    <t>b'\xa8d\xbf\xd9\xf6|c\xd4\x96\xbf\r\xe1\\\x9f\xcc&gt;_=\xf0\x00\xbd\xe9\xc6Y\xad\n\x8c0=\xcf)6'</t>
  </si>
  <si>
    <t>b'.u=\x97u\xdb\xd5r\x81\x01&lt;t\xac/\xa4\xc0 \xb7kEd4w/:\x00\xb3\xe1z\xe1\xcf\x8e'</t>
  </si>
  <si>
    <t>b'mq$\x8d\xd2\x08\x8ftW\xb6i#$\x98%\xea\xc0hc\x9d\x8eW\xe7\xdfH\xdam\xffA\xd9\x8c\xb0'</t>
  </si>
  <si>
    <t>b'\xc6\xa2`F\x01~\xf0]&gt;L\x10\x8b\xadazk\xe7\x0c~\x14F\xdcX\xa8s6\xc7\xdf\xb7*O\xcf'</t>
  </si>
  <si>
    <t>b"\xbe\\\xbd\xf7\xc1R%+-\x9e\x0eq'\xdbt{m\xec\xca\xbc\t\x19r\xed\xed\xbd\x05\xe7q\x97FJ"</t>
  </si>
  <si>
    <t>b'\xd0\xc9\xac\xd1\x99$m\\\xc4\x08\xe6g\xa4\x954K&lt;\xd9\x04\x13\xe8[\x91TCn\xf3\xb6\x9d|\xbf\x03'</t>
  </si>
  <si>
    <t>b'\xdfJ2Mn}\x18\xd4\x9ei\x95\xd6Z;\xf9\x1d*\xea\x18\xbc\x156\xa9\x0f\x07\x98\x8d\\\xfb\x7fj\x96'</t>
  </si>
  <si>
    <t>b'\xe6\xb1\xb5\xa0\x8a\x8e\xfa_\x9e\xd5\xa0\xe1hg\x1a\x8b\xddw\xca\xd1\xda\xd3\x1f\xe56\xbf\xce\xd4\x9b\xa7y\xf8'</t>
  </si>
  <si>
    <t>b'\xe6,\x12\x16\x81r\x15cnk\xd4\xd7\x83(\xfe_i+y\x86U\xa2Ck\x8d\x9f\xc9h\x9c\x89I\xf9'</t>
  </si>
  <si>
    <t>b's\x817\xfaKW\xc1\xf8\xa4#U\xa11\xed\xd4\xb4\xff\x94^\xc4\xd7\x08\xa0\x8c\xaa)\xc3Z\x84\x96\x1f\xef'</t>
  </si>
  <si>
    <t>b'F[M\xc5n\x95\xfe5o\xe1\xc9\xcd\xee\xa4=\xf8\x813A"\xa8e\xdd0\xe7u\x190\xd82[E'</t>
  </si>
  <si>
    <t>b'\xd3\xf4\xde\x0b`6\xe3\x0ci\xc8\x85k\xc73}B\x19\xd3\xcf\xbckbq=\xaf3\x8d\x01\xba\xef\xfc\xcf'</t>
  </si>
  <si>
    <t>b'\xe9\xb1\xfd\x0c\x85e\xd7,t9\x1bDZ\xb6\xe3\xd9\x1e\xea\x8c\x10Qu%mT\xd8`b\xc6\xe2#\xac'</t>
  </si>
  <si>
    <t>b'V+c\x89\xb3s\x0f\x9b\xecB\xa4\x98\xe0\xc7\x16qL/\xa15 \xedf\xf5\xcb\xf7Y\xf3\xcb3\xb3^'</t>
  </si>
  <si>
    <t>b'c\xc5]\x108\xdco \xfa\xda\xbf\xb7\x1a\xbf\xb0,T\x8ae\xeffX\x92\xd8s\x1d\xd1f:\x8ct\x84'</t>
  </si>
  <si>
    <t>b'\xb1\x13\x0f\x9b\xf9rNRH.\xf4:\xa7Nw\xa6r\x14&lt;\xc7\x1d\xee\x81\x15\xd1\xf3\xf2\x8b@\x87\xbf\xe3'</t>
  </si>
  <si>
    <t>b"\xdb\xff\xeb\x85\xab'\xab\xeaF\xdae\x8b\x0c\xb5\xd0j\x1e\xe0Qi\xc1j\xdcM\x81\x0c)\x86\t\x90\xd5\x0b"</t>
  </si>
  <si>
    <t>b'P\xfb\xac0\xe4\x08\xae(v\xd5\xb9&gt;H\xd8\xadp\xec\xe8\xff8\xa5.\xf0\x0c\xddrbU\x053\xffI'</t>
  </si>
  <si>
    <t>b"u^:g' dU`@iF\xe8\xd17\x13\xd6\x0e\xa3,0-PW\xad\xf6h\xb0s\xb5|z"</t>
  </si>
  <si>
    <t>b'\x80\x80E\xb8"\xd4\x10\xd6\x99\x0e\xba\x83\x16+$\xd2\xa8\xa4\xa8\xd4\xc8\x029\xd6\x9eZF\x80\xb1\xb7M\xbd'</t>
  </si>
  <si>
    <t>b'\x869\x0b3&gt;\x7f7\xd9\xa5;\xeb\xbfa\x1aZF\x00\xa5o4IEQ\xbfY\xea\xdc\xb8\x12\x05@\x1e'</t>
  </si>
  <si>
    <t>b'E\xef\xff{\xc1-\x04`\x1cY\x92\x00P!I\x89y}1\xeez}mth\xf5\xe5}\xab\xdb\xb7\x9f'</t>
  </si>
  <si>
    <t>b'`\xc4s\xbc\x078\xdb09\xd4\xea\xe0VV\xcag\xf0(\xba\xce\x96)\x15\xc5X\xaa\xc7N\x90s\x10e'</t>
  </si>
  <si>
    <t>b'\x0e\xc8 \xd9a\x95^8\xc9\xe8\xd8\x8d\xf5\x87sV\xd2\xcf\xc5\xc9\xb6\x1e\xa2\xf2\x9e\xfbZ\xd9"2\xeej'</t>
  </si>
  <si>
    <t>b'AE\xf6\x95\xe1|\x8d\xb2\x18\x18\xbdU\xd9\xab\xf6T\xdd\xd7\xc0^$\x8a\x85k/\x89\x8e\xd9\xd2\x01p\x03'</t>
  </si>
  <si>
    <t>b'%\x850,\x95 \xd1\xac5\x84\xf6\x8bg\xe3\xca:\x1d\xc3\x9f\xd9O\x1f\xa6[\xc6\x198\xb9Z\xc2\xcc\xcc'</t>
  </si>
  <si>
    <t>b'\xa27\xce9\x8a:\xc7\xa9\x1d$\x00\xa6\xf9\x10p\x99\xbb\xfc\x19I\xba*\xc9\xa3\xc4y\xa8\x94_\x0f\xbe\xce'</t>
  </si>
  <si>
    <t>b'T\x1c\'\xd6\xbc\x9bh}}\xc4(\x17\x85\xcb\x1d;9N\x87\xc2g\x04\xf0\xc5\xea}\x81\x88"\x12\x15\xef'</t>
  </si>
  <si>
    <t>b'\xfc\xe9\xb6\xd8\xb0x\x94\xd9Q\xa2&gt;\xa5^\xa7\xf5\xab\xd2I\xccK\x8b\xeacP\xc6\xf3\xc3 \x89\xd0\x9b('</t>
  </si>
  <si>
    <t>b'*C\xc3i\xeb"\xfc|\x15}Z\xe3\xec\xd1\x9fE\x95\xfe&amp;G\xebQ\x93n\xf7\x82\xbe\x0cW\xbb\xff\xe9'</t>
  </si>
  <si>
    <t>b'\xd2\x07\xc4\xc2\xd7\xff\xeb\xbeo\xb9\xc1;\xe1\x94\xf6\xed\xe5X\xb8C\x07\x1f\x03\xe6\x0c\xa5;\xaew\xfbA\xe4'</t>
  </si>
  <si>
    <t>b'\x0f)\x97\xe6\xb1\x86[\xd1\xebM\x0ePp\x1c\x1f\x9471z5\x06u@\x8a\xa44L\xccO\x1d`\xf5'</t>
  </si>
  <si>
    <t>b'l`R\xf5\x00\r\xfb9U\x15\xba\x92\xd72\xc0tSET\xa0u\xa8\x1e\xc7\xd7\x81\xd8|\xd4\xc9\xe4\x03'</t>
  </si>
  <si>
    <t>b'\x10\xc1\x10\xf4G\x86\x0f \x04o\x08\xf1Xw\x0e@\xe7\n\xb2\xfd\xa5\xceb\x8795s\xe8v^HN'</t>
  </si>
  <si>
    <t>b'\x9f\xed\x99U\x03`F\xb6\xaeA\xc1\x04$\xfc\xbe\xd7\x901r%\x1d0R{\xa8C\xf8\x86\xc2\xce\xe1\xb6'</t>
  </si>
  <si>
    <t>b'\xfb\xa2SWx \xb8\xdcG\xc3\xf1\xba\xc2\xf2\x0e\x01\x8f\x01\xb4\xa2\xbcC\\\xb5\x9c=,P\xaa\x1bxT'</t>
  </si>
  <si>
    <t>b'\xd2?\xd6\xfb\xcf\x17\xe9K\xbe\xe3A\x90\xf7\xc6Z{?\xd5\xb0_\xd2\xe9\xac=\xbf2\x0fG\x87\xb5\xf7\xb0'</t>
  </si>
  <si>
    <t>b'\x92\xe7\x9f\xa9\xa7\xec\x01w\x99\xc0b\xda\xb0\xcf\xa4\xd8\xf9\xdb\x9d\xd2\x88u\xd3\xe9`\xa9=\x04\x05:\xfc\xd3'</t>
  </si>
  <si>
    <t>b'+\x9f\x89\tS\xceP\x93\xf7\x1bW\xeb\xd6\x83;\xe3\x91\x01\xaf\xc5\x08d6\xa4\x15f\x9a\xf6=\xf7\xfbg'</t>
  </si>
  <si>
    <t>b'/\xce\xfd\xc6\x08\xa3\x01d\xc0\xa2\x1d/3\xbd\xc2\xfe\xd4g\x9c\xfb\xae\rT\xeb\xda\xc1\x0f2\xcag:\xd1'</t>
  </si>
  <si>
    <t>b'Q\xcfn\x8f\\Q\x1a;\xe4\xcf\xa9r\xe3&lt;\x1eX\x89\xb3\xaf\xc5\x8c\xeb\xd03\xb34*\xad+\x08\xcav'</t>
  </si>
  <si>
    <t>b'PF\x17\xd9R,\xed\x08\xd7gZ\xb1\x1d\x9b\x0c\xb88\xf2`\x00\xd9v\x985\xa1\xad\x16cnS\xdcd'</t>
  </si>
  <si>
    <t>b'\xc6\x00gC\x11v\xd9P\xbe\xe1\x96\x90j\xa8\xfdm\xd5\xdf\x15\x83&amp;&amp;e\xaa\x00\x0e\x8a\x9du.\x9d\xd9'</t>
  </si>
  <si>
    <t>b'\xb2\x81 \x04\xfc\xd0\x0f\x9f\x1fn\x9b\xa9\xf4\x9f4\x8b\x1f,\x8d\x01o[\x97\x97F\x9e\x10\xdew\xdc$v'</t>
  </si>
  <si>
    <t>b'F\x0b\xb2ky\xc4\xe6U\xa8\xbc\x7f\xe8\xbe\xd8\xb5wB?\xc5\x1dV\t\xb2\xb7b\x1f\n%\x98\xca\xb6\xcc'</t>
  </si>
  <si>
    <t>b'o\xaf\xcc\x0b\x96O\xaf9&amp;x\xcb\x96\xa3\xffA\xdf\x05D\tIh\xd6\xca\xbc\xbb\xc8A\xcf\xb8\xd7\x1e\xe0'</t>
  </si>
  <si>
    <t>b'"\xac\xb3\xfe3\x81\xcdT\x1e\x05.*\xc1\xf51\xa5\xec\xf6k\x1bFp\x19\x0c/G\xd6\xe5\x9e\xee#m'</t>
  </si>
  <si>
    <t>b'\x02\xe0\x89\xe2\xe7\x00\x89u\x9e\xcc\xbf\xd0KU\x93\x13T\xb2\x90\xfb\x07\xf0 \x94mzP\x08\xfb\xf6e\xc1'</t>
  </si>
  <si>
    <t>b'K_\xa2E8tZ\xbaWE\xbd\xf1\xa2\xee\xdd\xdf\xf9\x96\xe4|\x84\xa5lz\xd3R\xc1u\xc3\r\x06\xdb'</t>
  </si>
  <si>
    <t>b'\xca\x89!\xcd\x80~\x9cG8\xee\x91Q\x01\x83\xc9\x1f\xa2t\xfc5\x96:E\xc2\x06a\x102\x0e\xdet\xd2'</t>
  </si>
  <si>
    <t>b'v=\x91\xdd\x92b\xc2\xc3$\xe0\xac\x91\x89\xe7\x12\x01\xd4Z\xbcu\x1b^\x0e\x88\xa4vno9|\xd9\xf5'</t>
  </si>
  <si>
    <t>b'6\xa01\x00\x05\xe3Y\xea\xbb \x82\x81\x9a\x18\xbfS\x98\x8dI\xfe\xb5\x10\xd8\xd4l\xce\xc5\xea\xbf\xac\xcb%'</t>
  </si>
  <si>
    <t>b'\x8az\xbe\x8e\xae5\xaf\x8dR\x80.\xf2\xe9\xa3\xdds\x98\xf5\xd0\x90\xd0\xbf\xf0\x15zo\xd4\\\x02\x93c\x10'</t>
  </si>
  <si>
    <t>b"\xa1\xc9\xef\xbeV\x92\xb4'\xcc\xaa\x8a&amp;\xb7\x8cA\xa2H\xde\xbf\xb0\x11\x1d1\x81\x84)\x8b\xc4F\x1e)\xae"</t>
  </si>
  <si>
    <t>b'\x04\x08\x97\xb4y\xcb\x05\x1d\x8d\x15\xa1K\x84\x89?}S\xc8\x99\x7fd\xaa\xa8\xa2Y\x85\xde\xac\xa2\xa1\xcd\xcb'</t>
  </si>
  <si>
    <t>b'3h\x83\xd0/s0\xd1\xea\xc2\xdc\x1d\xb5\x8d\xa2c\x13\x1b$\xe0\xbf\x1f\xf3\xd0`\xbe\xfbK\x97\xaaY\xa1'</t>
  </si>
  <si>
    <t>b'\xf7\xa9\x010\x86\xf7\xd7-\x98\x85\x1a4\xfaj\xe0\x0b\xc5t\xa8\xdc\xc2?\xa9I\xc3\xf9&lt;\xca[$\x0c\r'</t>
  </si>
  <si>
    <t>b'H\x89\x92\x1e@%\xe1\xc4y\xc7g od\x01|\xd0\xcdF]\xbf\x1c{\xff\xfb\x01\xd29\xd6c\xf9\xb4'</t>
  </si>
  <si>
    <t>b'\xb8"z1Ae\xaf%\xd8\xfdpV\x16v\xf4\xfb\xb2s\x83\xcb^\xe8\xf4b\xee0\x99\xd9#Oj\xc0'</t>
  </si>
  <si>
    <t>b'q_\xe4\xed\xe8\x91\xda\xd0\x00\x191\x7f\t\xe9\xef\x80\xadx\xb7|Z\xbd\x8f\x1c\xd6\x08Ew\xea\x1f\x9d\x9a'</t>
  </si>
  <si>
    <t>b'\x83\xf3&gt;\xeaV\xa3$\tq\xb2\xd8\xe0]\xf7\x90\x15\x15\x9b&gt;\xb3\xa1\xdde\x96\n\xbf\\\xe3f\x89\xff\xb0'</t>
  </si>
  <si>
    <t>b'^\xd9JX}\xee)Y\xf3\x10\xa3z\x1c)\xe5\x9fopW\xa7\x03\x12\xe6\x9c|c\xa9]M\x0ek\xd8'</t>
  </si>
  <si>
    <t>b'J6\x02\xfbD]\x96H\xc59@\xf0_\x9bW\x02*\xaf\xc5\x92\xbb\xba\xcb\x0c\xab\xaez]{\xa4\x9d\\'</t>
  </si>
  <si>
    <t>b'\xbc\x8cd\xa6\xa0r\xcb\x92q\n\x05\xd98Y\x1d\x89\xbfb\xd6\xdb\x8b5\xec\x87L\xea\xcb,\xca\xb1OP'</t>
  </si>
  <si>
    <t>b'97-\x9e\xe0\xb3\xa6\x07^M\x17\x8b\xa5!I\xb0\x04l\xf8\xb2\xcb9\x12\x11\xda\x08\x9e\x9b\x08\xa0\tH'</t>
  </si>
  <si>
    <t>b'\xf8\xc8\x00\xd7\xa7\xb9\xc6Hi\x90\xdfcB+\xbbP\x8fF\x99z$\xd9]\x12\x96We\x8e\x13\x8a&amp;\xd1'</t>
  </si>
  <si>
    <t>b'\xda\xbd\xdeTE+\xc7q\xd4yZ\xc6\x97fo8\xe3\xd0\xfc&gt;\xbf#\xf9\xbb\x1d&gt;\xce;\x18\xf0\xfe\xa8'</t>
  </si>
  <si>
    <t>b'\x9ext\xeevw\x8e\xe6r\xe7eS\xa51\x1e\xf3=\xc2\x0b\x0f?\x07K1+\xff\xebv\xe2\xb7\x90g'</t>
  </si>
  <si>
    <t>b'd!\xa5\xb2]\xec\x90\x82\x9a\x13\x98\x84\x9d\x18d\xa7\xbddX\x00\xf1\xf5\xccOek"\xa7\xde\x89\xa2\xe5'</t>
  </si>
  <si>
    <t>b'2t\xb5\x1fQN=\x94\xd18Et\x8f\xa6Z\xcdQ\xe8\xc0|\xd4\x80\x83s\x03\xe7\xb4Z\r\xa5#\x13'</t>
  </si>
  <si>
    <t>b'\xe0\xedu*\xcd#\x11)\xb2e\xefW;\xaf\x9cx\xc31\\\xe3\xba"\xabI\x8b&lt;\xeb\xdbx\x02\xe6\xea'</t>
  </si>
  <si>
    <t>b'=\xb0\xfc\xc59\xfc/\xa8\x05\xd5\x97\xb8\xe6TE\x0b\xc6\xcd\xc1\xfd@\x87_=[W\x8cY\x8e\xf2\xfbY'</t>
  </si>
  <si>
    <t>b'?\x10\xf33/p\xd9\xb0\xdd\xcdP\xdb+\xed\x0b@\xe1&gt;\xe8\xbbn:uH\x0b\x14\xaf\x04\x173\xe3\xaf'</t>
  </si>
  <si>
    <t>b"\t\xd41\r'R\xcb\xdc\xaawr\x89\x92\x83\xf8*\x0f\xf7\x19\x7f\xaa\xe4m\xd0\xf9&gt;\x88\xbeT\xc4\xabZ"</t>
  </si>
  <si>
    <t>b')\x89\x9c$\x95\xe2\x0b\xc7\x91r\x1f\xd8\xb8\xa5\xe4\xdd\xe7\xab\xf0\x7f\x86\x97+\x92\xed\xad\x89\x89\xc1/\x1d@'</t>
  </si>
  <si>
    <t>b'\x12\x1fM(\xdd\xd2tS^*E\xab\x87\x9f\x00_\x17\xf9]\xb5Y\xbaO\x13\x10\xe8Y/C,\xf1\xac'</t>
  </si>
  <si>
    <t>b'\xb6\xf1\x92\xc6At\x04\x99 Q\xfc\x93r`\xe4^\xa2"\x82\xe9\xd2\xc1\x10\xf5\xbd\xfc\x02\x8dn\xad\x15\x86'</t>
  </si>
  <si>
    <t>b'\xfb\x12=w\xa3\x8c\xfa\xc1W"\xd8\x98\n\x98\x8dM\xb6v\xe3\xc8X$\x06\xe8\xdf\xe6\xcf\x8e=z\x14.'</t>
  </si>
  <si>
    <t>b'U\x02\xc4k\xc0:\xf3\xccf\xe2?\xb0/$\x01~=g\xb8l)*\x95\x0b,Oy\xe6\x8d\xff\x00I'</t>
  </si>
  <si>
    <t>b'\xfa \xd7jH\xdaw\x9a\xb5\xa8i\xe7\xd4z7B\xd1\x811\xa8\xb9\x1c\xf3\x0f\x1fvcL\x0b\xe7]\\'</t>
  </si>
  <si>
    <t>b'\xc9F\xcdm\xb6\x0f(\x10\xeb\x8fs)\xeep\x96\x90yQG\xde\x88\x16\xc5\n\xc6\x8b)\xc5\xe4;\xfc\x12'</t>
  </si>
  <si>
    <t>b'\x7f\x88\x8a]\x17\xa2\x86}\x03\xa4\xa8:t\xc0a\x05\xef\xfc\ro\xdc\xcc\x9b\xf6\x89QI\xeeXYp '</t>
  </si>
  <si>
    <t>b"\x8e\x14\x9ay\xf2\x81K\xff\x9b7\x15\x118\x94\xbav\xc2\x1a\x01\x9d?\xd9\x06\x0b'\x9d\x992G\xf1\xaes"</t>
  </si>
  <si>
    <t>b'y\xf7\xc0jr2\xe4\xc5\xcb!g\xa8\xc8\xa8&amp;\x8e;\xf7\xa2D\xdau\xe1\xb1\xc5\x8d|\x86\xa4\xe7\x8bR'</t>
  </si>
  <si>
    <t>b'W\xa5\xbd\xf2z\xbc\x82\xc6K\xbfU\xa7xkMN\x89s\xa1\x821T\x19\xae\xe2\x00E\x9f\xdde\xb2\x91'</t>
  </si>
  <si>
    <t>b'w\xf9\xa29\xa8y\xc3\xb9K8\x16\xef*C\x84\xccNr\xf9\xb8?\xb5\x1ed_/&amp;\x9b\xad\xb3\x8f1'</t>
  </si>
  <si>
    <t>b'|\x8cux\x07\xfb&amp;yjz\xb4\x99f\xd3B\xc42\x0b\xa0\x88\x0e\xd6$+\x14i\x7f\x83k\xd1\x0f\x06'</t>
  </si>
  <si>
    <t>b'\xcb\r\xcd\x08z\xe0\xc3\x8d\xcd\xf6a\rr/\xbb\x88\xa7\xee!\xc9\xe8\x84\xf1[\xd6\xbf\x8a\xb2\xf4\x1f\xd4\xd3'</t>
  </si>
  <si>
    <t>b'@\x7f\xe2,\xf6I\xbc\xd3\t\xf9h\x7f\xeb\x84\xd8\xf6`\xf8 \xcc\xf4,\xa0\xb4\xd3A\xe26\xa8`g{'</t>
  </si>
  <si>
    <t>b'z\x80)\xa2&amp;\x0f\x8e\xe7]\xefT\xee\xbbWK\xfc\x06\x9aDzY\x89\xeb\xcd\x11A\xf3\xf4\xc6}\xb8r'</t>
  </si>
  <si>
    <t>b'\xe8\xa3\xdaw\xd1\xee\xb9fa\xd04\x14\xbf\xe0\x87q\xb6\xcb,A\xdfI4I&amp;\x05&amp;\xe0\xa5\xd5\x8d\x81'</t>
  </si>
  <si>
    <t>b"DAV\x95\xd3\xfc\xbe\xc7&amp;\x1f\x84\x03\xf7Q\xb1\x86'\x86C1\x1a1\x9a\xf2\x01\xe0\xb7\x19:m\x8fr"</t>
  </si>
  <si>
    <t>b'\xc7\xbd\xc3\xdc\xb1\xbbt\x9d\xbe\xd6YBcX\xc2e^\xfb\xea/\xa57\xc1\xb6jJ\x16C\xb5\xd5\xb0\xa6'</t>
  </si>
  <si>
    <t>b'p=AC\xf7h\xbbZ\x83\xd1\xb7%2&lt;\xd5\x1f\x0fvw\xceT\xe1\xc3\xba+1\x85\x10\x8c\xd8\xb9\xb8'</t>
  </si>
  <si>
    <t>b'\x9a\xab&gt;&lt;U\r\xc1\xc9\x93e\xe6\xe4\xaa0F\xe0\xbf\xb6|/\x01[lGI{\x06\xba\x84\xc9\x81\xbc'</t>
  </si>
  <si>
    <t>b':N\xda.T@\xcf\xa9X=F\x9fj\xab\x03|d\xb9E\tj\x8f\xe8\xa9\x96;0\xa3La\xcd\x98'</t>
  </si>
  <si>
    <t>b'\x9eq\xfd_\xc0\xc1f\xf49\x8d\xcc\xe0\x8bu\xde2\xb4%F\xd7R|\xc8\x96\x1fa\x94Y\x88z\xde`'</t>
  </si>
  <si>
    <t>b'\xf2\x9f\xd2/\xd4Z\xfa\xacrp\x18\x11fG~\xf6\xf2t\x10L\x8c.\xb0\xca\x80\x15\x9a\x1a9\xf9\x07B'</t>
  </si>
  <si>
    <t>b'|\x8b\xd2\x99w\xd9y\x14\r\x88e\x16h\x88\xa4t\xc0\xc6?\xa5\x9a&lt;Ub~dU8\xf7\xf7\xd5Q'</t>
  </si>
  <si>
    <t>b'{NR\x1a\x84g&amp;B\xcd\xfc\x8c\t\x11\x91\\6\x93?\t&gt;\xd7\xd8-\x81$\xa2\xae1\xbaQF\xda'</t>
  </si>
  <si>
    <t>b'\xc6w_\xc2Q&lt;\xa1\x89\xfe&amp;"8\xa4\xb9\xa5\x9e5\x94\xb7\xd7\xb6\xdf\x1f\xc0\xc9\xbf\x02\xed\xc3a\xb1F'</t>
  </si>
  <si>
    <t>b"J\xf7\x9e/\x19\xbf[.P.^c\x98T\x99\xa4\xba}\xb4\xb8\xdf\xb4\x17G\x89,'}\xc6\x1ea\xc6"</t>
  </si>
  <si>
    <t>b'\x91?\xec\xed\xda\xd9\n\x0b\n\xf4\xc6b\xfcL\xa2\x7f\xe7\xcd\x89,t\x9b\xa4A\xbb\xbc\x81\xa5\xc5\x8f\xc4\x05'</t>
  </si>
  <si>
    <t>b'p@\xc6\x08?~_\x85\x93?\xce+\x8f\xbd\x92\xf5\xb2\x89v\xcba.j\xe2,D\xc5\x9f\xe2a\xfb\xe2'</t>
  </si>
  <si>
    <t>b'\x1f\x83Az\xf5&amp;H\x9b\xd2\x92+L\xff4\xd9\x03\xf3\x8f:9Y\x17\xd2\xa3\xa7\xda\x99 \xf8;X\t'</t>
  </si>
  <si>
    <t>b"\xa1:\x1a\xe6\xc3\x16F\xf45\x1c\xe8\x1f/\xb90\x1c'\xff\xea\x12:\x86\xa7\xde\xe2`\x97=\xc4y\x13\xc6"</t>
  </si>
  <si>
    <t>b'\x8f\x8d\x15\xaeE\xa8\xf9\xc2\xda\xd5\xbc\x8fr\x16\\\xf7\x0c#\xfeD5\x89\x16\xd9\x86w\x9a\xc5\x8e\xbd!\x15'</t>
  </si>
  <si>
    <t>b'\xc8\xbd\nQD\x93\xf9,g \x8a\x13\xea3A\x1c\x968%\xbd72\x9c\xf3RoI\xf2\x98\xb9*o'</t>
  </si>
  <si>
    <t>b'[\x1b\xd5\xd9\xe1\xfc;\xf4P\xba\xc8\x907\x13\xd6\xf9\x8ev\x85\x87w\xdb\xe1m\xe5\xc2\x8d\x80"c\xb0q'</t>
  </si>
  <si>
    <t>b'\xa7\xfbs\xc3\xe5\xc8\xf2\xfd\xd7\x94\x8a\xfe\xb7RX\x92$D\xf8\x9f\x89wNxX \xd73\x1c\x1f\xdc\xe3'</t>
  </si>
  <si>
    <t>b'\xa2-\xe8\xeb7O\xc0XW\x9a"e\x15\x03\xcfX\xce\xf2\xe3\xbaB\x0cs\x03?\x05\xd8B\xed\x9b\x0f\xc7'</t>
  </si>
  <si>
    <t>b'H\x85\x89=\x10\xdcT\x9aZ\xd1~\xdf]pm\xb1\xecS\xd3Q\xbf\xc3\xe2\xd1\x08P\xa6\xe5\x18\xe7g\xab'</t>
  </si>
  <si>
    <t>b'\xa8\xb8-\xb2\x15L9\x89\x014\r\x85\xb5\xea5H\xf1o\xa0\xea\x962\xc5\x7f\xca\x0f_\x9dN3\xcb\x1d'</t>
  </si>
  <si>
    <t>b'\xe6\xd4qoqO\xbb\xdb\x0e\xea\x1b\xb3\xd8\xd5L\xaa\xac\xe4\x07\xadG\xdc\x1f\x93\\\x0f\x14J4*\x80\xd5'</t>
  </si>
  <si>
    <t>b'\xef\xdc\xce:\xb3\x0e\xa2\xa7_\x9e\x7fl\xb0\xcc[2vI\x80\x9d\x11f\xb9\x1b\xd2_\xc8\x88t\xf4\xbd\x15'</t>
  </si>
  <si>
    <t>b'\xc3&gt;T\xd5\xfc\xccI9e[}\x16Z\x805\x06\xb9\xf0\xf6\x07A; \xfd\xe8\xe3,\x0f\xc7XkN'</t>
  </si>
  <si>
    <t>b'\xc4\x95j^QB$\x8c\xa0\xadH\x1c\xbe(\xee\xe5\x99\xa7\xb9~\xaaK\xc9M\x80\xcd\xe5|\xda\xde\x95\x19'</t>
  </si>
  <si>
    <t>b'\xde\x94\x88g\xcb\x82c2\xcf{\xef%\x033\xb0\xed\xdf\xec\xa2\x004\xe0\xff\xa2`\xd2\x8c\r\x16\xec\xde\x9d'</t>
  </si>
  <si>
    <t>b'%p\x876\x83\xa4?T\x85\xedY\xe5\xa6\xe3\xa4\x99\x8d\xf4\xb3\x93\xf6\xdc\x8f\x84\xc2&gt;4+.\x18\x10/'</t>
  </si>
  <si>
    <t>b'\xa7\xc5\x00~\x9f\xebS\xd1\x02\x10\xb5\xd9-\x8d\xe7\\\x17pi\xd6\xe2\xd8\x860\xb3\x15\n\x1b\x90*\xce\xdc'</t>
  </si>
  <si>
    <t>b'\x80/\x1d0\x9el\xb2\xb0&lt;p\xe9\x9b\xfb\x0eC\xa9R\x1c \xa0|\x1b]\x00L\xb2w\x8f?\x17\xd0B'</t>
  </si>
  <si>
    <t>b'\xf3\xc2\xf1\xfd\xd3\x8b\xe7\x15\x13 oF\x12\x99xD=\x8e1\xc1\n\xc2\x92!\xac\t\x7f\xa5\xe7m\x08m'</t>
  </si>
  <si>
    <t>b'\xacR\x90\xcb{\xbe\x00\r\xbc]\xe4\xe7:\xb0 \\Q%k\x8c:\xec\x02%\xc0\x82,\xdd\x0b\x8f\xbf\xef'</t>
  </si>
  <si>
    <t>b'y\xfd\xc1\x19\x1b\xf4\xf7j\xa2\xc4\x02\x90C\xc7\x7f@\xd3\xdfJ_\x80\xdfA8)\x0f\x12\xc5\xd2\xc8\xc3\x8f'</t>
  </si>
  <si>
    <t>b'\xba+\xd6\x99\xfb\xb9\xde\xa2\xc1\x9e\xe3\xa0\xb0\x01\x1f{W\x84\xb8\x92\xee\x95\xed\x0c\xda\x05\xcf\x8eD\x9bo\x92'</t>
  </si>
  <si>
    <t>b'\x84y\xda\xd2\x18\xfd\xacY\xf5\xe5b\xbeE\xbe\xebhK\xb1\x00E\xaa\x92\x08\xf4g\x82\xa7\\\x8b\x7f\xc6\xda'</t>
  </si>
  <si>
    <t>b'\xc0\xa4\xa4\x98\xc9,\xe78)v:\xa3\xda\xe1A\x91E"\xa71\xbcz\xb5\x1a@tn\xa0v\xdc\x8c\xd0'</t>
  </si>
  <si>
    <t>b'\xaeH\xb5\xfc\xce\xa4h\x00\xa9\x9eo\xa1"\xb2\xc9y\nj?\xf8\xff3\xb4\xbf\x9d\xae/\xc3|\xe2\xa6T'</t>
  </si>
  <si>
    <t>b'\xc0\xb0Y\x8b\xb1%\xdd\xcb\xf3]\xc8!\x1bJw\xcfX\x86\xc9\x00\xb5\xa3]\xf3;\x03\xa2\xdd N\x0e\x0f'</t>
  </si>
  <si>
    <t>b's\xb1\xdb\x91W\xab\xd5\x90_\xe0\xc9\x0f\x19_\xd0\xc8\xda\x9e\r[\xb6\xe0\x1cz\xd4 U\xef\x8c\xed\x8a\x11'</t>
  </si>
  <si>
    <t>b'\xec\x05,^\xcd\x94&lt;e\xc3\tb\xad\xc2\xf9\xa5\x10}\xae\x0b\xa0\xc3\xb9\x05bf\xdd6\x16~+\xbf\x12'</t>
  </si>
  <si>
    <t>b'\x96\xfc\xe7\xb0\xcb\x06\x88\x08\x16$\xbf\x07N\xa6{\xe9\x82=\x1f\xa1\x15vjw\x95\xe2o\xf7\x03^;C'</t>
  </si>
  <si>
    <t>b'3/%\x7f\xa0~y\td\xd2x\x14W\xd3#\xa7:e\x85\xb5\xabL\x86*\x03\xf6\x1e;\xfb4\x1a1'</t>
  </si>
  <si>
    <t>b'\xdd\xa6y\xae\xf4\xfa\xcf\x1f\xeeMv*\xe8\x81kAa\x98\xa4`\xe2\x9a\xd4\xad@\xeb!*\xd8\xdf\xa8\xcf'</t>
  </si>
  <si>
    <t>b'\xe8T\xe0\xa0\xdc\xd3\xed\xb9\x95\xcb\xeb4@H\x05\x14z\xb1;\xe2\xf44\xc7W\x04iE\xab\xdbk&gt;|'</t>
  </si>
  <si>
    <t>b"\x95\xb9_\xd0@u\n\xa7\x00)\n\xab\xdf\xfaA\xc5\nw\xe0\xa0k\x1b\xbc\x97\x14\xa6'\xec\x1c\x00\x8c\xf6"</t>
  </si>
  <si>
    <t>b'U=\xaf\x01\xdc\xbfVm\x8a\x857h\x0f\xa7&amp;C\x1c\xee\xb0(\xb1\x86d"&gt;:\x1d\xb76\x0frb'</t>
  </si>
  <si>
    <t>b'D\x8c\xb0\xcdb\xaf\x02\xc4\x8c\xf5W\xc4\xa2\xf3\xc4\xf9\xfc\xe8q\xa5Z\x80/\xa8\x00\xf3\x9d|\xe4\xe6\xc9t'</t>
  </si>
  <si>
    <t>b"B\xc6SOz\x9f\x12\xcbf:\x1b\x01\x17\x07\xe8C'O\x979&gt;\x1d\xe1\x1b@\xf3\xa5\xd6\xebA\xca\xda"</t>
  </si>
  <si>
    <t>b'(\xbf\xc0[\x02\xf2\n.c\x92\xc3;\r\x16PKM\x98a.\xed\x10\xd9\x9c\xfba\x96\xbb\x94\x9b\x0e&lt;'</t>
  </si>
  <si>
    <t>b"&amp;2z\xd9\x8b\x12-7\x89\r\xc1\x84\x0f\xc1\x8cm\x88\xc4\x1d\xdb\x89\xc7C\xce\x82g\x1b\x8b'+\xc2V"</t>
  </si>
  <si>
    <t>b'2\xae\x8a\xfe\x07?\xe8\xce\xe7;\xa2&amp;\x11\x0b\xaa\x86\xf2\x9b\xf1\xb9\x8a\x9c\x9a\xc6+y\x96NG.\x84('</t>
  </si>
  <si>
    <t>b'\x95Z\t\x08P\x01+fF\xe9\x08 iL\xb8}\x16U\xca\xf9\x84]nch&gt;\xe8\xbf\xd2\x9b\x18p'</t>
  </si>
  <si>
    <t>b"DV\x0b\xe4X:@\x17\xab\x08\xa8\xefz\xc4PQ\xd4'UI-\xe1]x~]`\xbf#\xaf\xf5k"</t>
  </si>
  <si>
    <t>b'\xb4\x85@L\t\x1e.Ez\x89\'\xb0\xe8\xec" \x84\x01%e\x90\x06\x17\xb5\xea$\xda4\xa7\x16i%'</t>
  </si>
  <si>
    <t>b'\xba\x99\xe6\xb2X\x0f\x1eL\xc1\xf4\xfa\xa5\xbe\xe9\xb0&lt;\x84\x1902?\x1c\x8cC-\x9fu\xb5!\x1a\x12\x0c'</t>
  </si>
  <si>
    <t>b'\x13\xdb\xdb\x90\x9d\x87\x16Z\xd6\x10r\x7f\xcc\x02\x14s&gt;\xd5\x128\xcbF\x96\x80\xb4\xba\xa55Mu\xb7_'</t>
  </si>
  <si>
    <t>b'sm\x90\t5\xd9)b\xd5A\xfd!\x05\xe6\xfa\xf0:\xef\xf1R\x9e\xadQ\xc8\x15\xb5\xb61\xe7\x96\x1e\x8c'</t>
  </si>
  <si>
    <t>b"'\xc7X\x06\xf53\xb7\xa7\x93_0\xca|\xf2\xd7\x04\xba\xf2\xa9N\xaa\xd5\x87\xca\x14\x87\xce\xd4L\xe8\xe2,"</t>
  </si>
  <si>
    <t>b'\xb2T\xee\x94\xc5D\x7f\x83*\xf1\xae\xfd\x08f\x82\xfd7j\xc0\x86&lt;\xa8p\xf1\x8d\xd1\xf0\x8aXb\x80\x17'</t>
  </si>
  <si>
    <t>b'\xdc\xc2\x8em\x18\xb5eU\xfd\x91\xc9\x97\xfc\xea.\xe5c\xcdA?%\xec\xbe\xa2\xe2Y\xb8H\x02|-5'</t>
  </si>
  <si>
    <t>b'\xad\x18Q9\xc1\t\xbbE\xc2\xf1\x9eO\xaex\xb4\x87\xe9\xe4\xffE)C\xf4L\x8b\xb9\xba\x9c\x0b7\xf6H'</t>
  </si>
  <si>
    <t>b'L\x12\x018I\xfb\x8d\xb1\xea\xc9X3\xa6\x90?\xbaK\xca\x91\x9c\x98#z\xcb\xe8\x92\xe4\x03\xdd\xa0\x89\x1c'</t>
  </si>
  <si>
    <t>b'\x98\xea\n\r)\xa7e\xa9w\x0b\x85\xbc\xa2FM\x1d\x02\xcd\xd9\x1b\x83s\xdf \xa0\xfeN\xc4t\x8b"b'</t>
  </si>
  <si>
    <t>b"\x1f#\xc7\x00c\xad\xbdH\xcaI\xf4\xcdstd\x9c\x05\x9c!V\xc2 \xf6'K\xf2\xee\x89f\x91_9"</t>
  </si>
  <si>
    <t>b'7r\xa8no\xccy\xa1\xb92\xe9n\xd2\x85\xdfT\x8d\x10\xadaI&gt;\x8a\x0b\x9b\x85\xcc|\x8c\x18\t:'</t>
  </si>
  <si>
    <t>b']\xb6v\xe7nw\xf8\xf9\xe8Y\xc5\x14&gt; \x92\n\xfa\x99\xb5\x86\xe8\x04\xcd"\xcd\xe1\xf1.\xfc\xa5=}'</t>
  </si>
  <si>
    <t>b'7\x96\xd5\x8d\x89b\xd2o\xfd\xf2D\x8a\x8d\xf0\x95\xdd|\x9b.\xa8\xea\xa2\\\xde\xf4b,~d\x8e\xa9Y'</t>
  </si>
  <si>
    <t>b"\xf0\xe1\xb5(2\xd0{\x97X\x97\xebH\x19d\xc6\x95\r'\rn4X\xc9\xc3v\xaaT\x10\x12\x17z\xa3"</t>
  </si>
  <si>
    <t>b"\xdc\xc1qs\xdc'\xe1/Cz\xa43\xbc\xf5+\x8a\x94HmP\xf7\xdd\xe81\xd5\xf02\xbf\x1c|\xf6+"</t>
  </si>
  <si>
    <t>b'\xb4u\x8a1\xdb\x8c\xdbT@\x00\xc2g\x1c\xa6\xfa\x12\x9b9\x0865\xa7b\xd6B\x1a?%\xff\xd7U\xa9'</t>
  </si>
  <si>
    <t>b't\xf1I{\x9e\xa4\xe0\x88}acV\x8b\xc7\xa3+\x1e\x84\x8dG\xac\xea\x92\x19\xe8\x11\xf1x\xb7\x16\x8f\x93'</t>
  </si>
  <si>
    <t>b'+a\x87\x01\xa1\x8d\x12\x1b\xf7\x00\x08\x0b\xac\x87LG\xc22\xba7\x8a\xe7\x02\xd1\t\xb0\xfa\xbe\xc2(\xd6\x9e'</t>
  </si>
  <si>
    <t>b'\xab \x9c\xe1\x94\x80\xd9\xa3\xefE\xc9N-\x16?\xcf\xb8\xd3\xd2\xf9\xab\xd1\xd5/\x1c\xefa%5\xfd\xa4C'</t>
  </si>
  <si>
    <t>b'\x8fH^e{\xc7\xdc\xe4\x95W\xdf\x80\xb2\x16tI\x88\x1b\xb7\xa6\xa2\xeb\xdd\xfd&gt;\x8b\x915\x95m\xf5\x1c'</t>
  </si>
  <si>
    <t>b'M\xd4\x18\x07\x8d\xb6F\xe8\x03\x1bW`\x8c\xae\x06\x8cg\x8d-p\xd0\xd5\xd3b\xa8v\xdd5\x95\xb1\x9c\xe7'</t>
  </si>
  <si>
    <t>b"U^\xc6h$%\xa1\xb9&amp;1f\t\xd5\x0e\xaf\xbeG\xb3'M\xe1\x984r&lt;Y\x01\xea)\xb2\x1dO"</t>
  </si>
  <si>
    <t>b'\x10\x07G\xa5O\x86\x82I\x06PW\x858\xb4\xc5k\x90\x96jJ%\xbf\xd68\xeaH\x06\x02\x0e\xe7\\\x8d'</t>
  </si>
  <si>
    <t>b'@m\xa4\x144\xb6}Z+\xb1\x9fM\xb7\xd6\x86P\xc2j(s\x04=\xea\xb2\x18+\xab6\xa4\xf46\x9e'</t>
  </si>
  <si>
    <t>b'=d\xc6\x16\xef\x90\xa2\xf6q\xe5\xbc\x08To\x92\xe5\x9fI\xbc\xe0\xdd\x86\xff\xca\xbdC\xba\x96A\xd3\x9b-'</t>
  </si>
  <si>
    <t>b'\x06\xf4]\xf6{\xb9\xf2Gr2\xb8\x85\x17\xac\xed!\xe6*{7\xe4\x1ems\x8c:\xbe\xc5\xf1\xee\xa5j'</t>
  </si>
  <si>
    <t>b'\x85\t3-\xba1(d\xfe\x9dg\x89=\x1c\x12\x08=#\xb6n:(\xcb\xdeU\xcc\xb0\xfc\xa1\xd2\\\xbc'</t>
  </si>
  <si>
    <t>b'\x856\n\xde\x12\x83c("s/y(\xb91U\'\xc3;\x8cR+\x87\xa1\xd6\xb6\x01\x12\x0c\xb2&amp;X'</t>
  </si>
  <si>
    <t>b'\x18\x8c\xd5mUV\x0c\xd8\x8f\xad+dT\x9c\x89\x1e\xb6\x03|9\x91\x1d]-E\xd43\xcc\x12\xc5\xe9\xf1'</t>
  </si>
  <si>
    <t>b'\xc0\xc5\xde2\xa0H\xc8\x18$\xeag\xcb\xff\x0f{\xe6D\x99\xfbm\xdd\xcd\t\xb4\xbd\xd6\xd6\xde\xb4\x11\xbaR'</t>
  </si>
  <si>
    <t>b'\t\xef\x94dl\xf4h\xa63\xc3V=\xc8Q\xc6&lt;\x06\xb5\xd3+\xde\xc8/\xc1\xeb\xd7\x9a\xa53\xf6\x04.'</t>
  </si>
  <si>
    <t>b'\xf1\x8b5(\xc5\xcb\x8f\x82\xa4U.\xe62\xf1F/\x92Q\x9e\x0eY\xb4\xb7\xdf\xc2\x81g\xaeH%\xa1X'</t>
  </si>
  <si>
    <t>b"\x8cf\x0cs\xccP;\xe7\xcf\x8c\xd4\x94\x1aw'\x98\x0e\xe7\xf5B\t\x92m}&gt;\xa2h\xd4\xf7O\x05\xd5"</t>
  </si>
  <si>
    <t>b'\x86p\x83\xf319\xef\n\x0bZ\xfeyn\xec\xf8\xe4\x80=\xd4\xad\xa9\x9f1\x1cc\x16\x0e&amp;\xe8%\xe2Z'</t>
  </si>
  <si>
    <t>b'-\xf6-\xd4\x84\x15\xab\x19{\xa7\'="\xf8ya\xc7{\xec\x83\xe3\xd8\xcf\xce\xbcz\xbb\x06\x82\x9e\x8b)'</t>
  </si>
  <si>
    <t>b'&gt;\x87\xee\x94\x9d\x8f\xea\xc6\xe9\x8e\x9a\xdf!\xcdc\xf2\xb8^\x1e\x07\x12\xce\xd8\xe7\xf8\xc7aO\xc9\xea\xb9`'</t>
  </si>
  <si>
    <t>b'\xd2\x90\xa5YQ\xee\xd2\xb3L\xf9\x91\xca-\xc4\x1cHi\x8f\x17\xec,\xd5\x1eq\xd0\xbe\xd4u\xf6\xa6\xf8\xe8'</t>
  </si>
  <si>
    <t>b'\xa59\n2},\x01TT\xfb\xe8\xbc\nK\xc6\x8e\x135\xed\xe6R0y~\xf5+\x02\x96E\xa0r\xc6'</t>
  </si>
  <si>
    <t>b'46\xd9\xd7\xfb\xdf6\xc07\x99~\x05\x8d\xc9\xfeI|\xfcc\xf3\x0f)\xec`W\xd6\x886\xd9\xd2R,'</t>
  </si>
  <si>
    <t>b"\xdb\x12\xe2T\xc9\xe0\x10\xdb\x10\xb6\xbe\xa0\x89\xbb\x9a'\xf8w\x9bl\xb4\xa96\xe0\xafu\x93{\x9e\xd4\xf2&amp;"</t>
  </si>
  <si>
    <t>b':}{\xb7)\xc6\xfc\x1d\x1aws\xf5\xa2Fb\x9dp\x87\xd0!\xa9.,q#B\xa3\x13\xe4vz\x9f'</t>
  </si>
  <si>
    <t>b'&amp;\xd5\xe6C\xd2\x16\xa9\x934\xc0\xc3\x8f&gt;\xf0\xa9\xe1#JA\xdc\x85\xdc\x16\xb2\xbd4\xe4v$\xe1pO'</t>
  </si>
  <si>
    <t>b'\xe0\xd4\x8e6\x0b\x97\xca\xe54\xe9\xb4\xfef\x08X\xd6\xcf\x0b\xd7\xe5\xe5J\xc9G\xb9\x83,kXa\xc2\xa2'</t>
  </si>
  <si>
    <t>b"%\xdeW\x98\xe3~\xf3+\xef\xc8&gt;'w\xbc\xa6\x16\xab\xb3\x9ch\xc3\xc4\r\xcf\xaf\x1b~\xc2x\xed\xc4\x9b"</t>
  </si>
  <si>
    <t>b'\xc7\xa56\xf6\xe7y\xb4\x90\xc2\x8e\xc1j\xf4\x1aAF| \xca=9\xb8\x97\x1c\xf4\xc9\xcb\x0bQ\x8d\xfd@'</t>
  </si>
  <si>
    <t>b"\x87h\x01\xa3\n'\x1dE\xce\xa2\x81\xcbm\x86\x07\xfcU\xa0\x04(6\xca\xfe\xd6\xee\x19\xb0\x0e\xeb\xba\xa3\x7f"</t>
  </si>
  <si>
    <t>b'\xe3\xf8\x0e8~\xfb\xccO\xc6\t\x95\xf0\x1c\xc2b\xe3#\x82\xeb\xf0\xe9\x89"\x1d\xfc\xdfF^\x13"/G'</t>
  </si>
  <si>
    <t>b'\xf0\x9bb\x00\x84\x95\xe5\xfb\xd7\xca\xbd\x04\xfa4*}\x1e\xa5\xba\xb0C\xed\xd2\xa7\xe9\xf7\xffn\xa1a\xdd\xbf'</t>
  </si>
  <si>
    <t>b'\x11U\xf5\x8e\r\x83\x8a\x03\x8bk\xd1k-=\xac\xb3\xe0\xad\xaf\xe3\x84\xed\x96\x8a\x08\xe4\xc5\xef\x8d\x8db\xe3'</t>
  </si>
  <si>
    <t>b')\xcf2(\xa8_\x14%[`\xfb\x18\x0f\xff\xae&lt;np\xb4\xd5\x82C\\=\x03\x9d\x01\x82r\xfe\x00\x0f'</t>
  </si>
  <si>
    <t>b'\xf5\xa0I\xb2\xf7\xa4)S]\n\xfe"\x01\x08\xd7\x0e\x14\xb990\xb9\xe9\xc7\xd0\x9a\xc9\x0b/&gt;\xe7\xf0\xcd'</t>
  </si>
  <si>
    <t>b'\'p_\xdc[Gq\xe14K\xbd\x86\xdcL\x83\xc5\x9f\tl\xc2C8*I\xb9\xda\x0e}\xdb"\x1b\x83'</t>
  </si>
  <si>
    <t>b'c2\\\xcf3N\xf0\xb6#\x96\xe0%6\x81~\x07\x92\xe6\xd5\x1e7\xba`\xbd\nm3-\x88\xec\x1f\xc3'</t>
  </si>
  <si>
    <t>b'\x95\xa8\x074y2\xb9\x8ep\xecs1\xedM\x1b\xaeIv\xc5\xfb\x16\x00\x8b=\x88\x1f\xc1\x8d\xb0\x97\xfc9'</t>
  </si>
  <si>
    <t>b'\x13\x1fr*-"\xae\x83\x8c\xef\xa4\xca\x0fh\xd8\xa7\xc0\t^\x18\x02\xbdgl\x06i4=\x17\xcaoO'</t>
  </si>
  <si>
    <t>b'|j\x9dB\xd8\xbd\xebi\xa8c\x8f-\xee\xfd\x86`\xd0\xd9\xb3\xfcEs\x8a\x15\xc8l\xe8P\x18w\xd6y'</t>
  </si>
  <si>
    <t>b'b_\xf1\xc1l9*\xf3\xdbi\xa0\xa5F[\x0eAl/\xdb\xee\xa1TN\x83U\xca3\xb9\x19\x95U\r'</t>
  </si>
  <si>
    <t>b'm\xd1/_\x1b\x87C\x92f\xe9]\x04\xbeB\xe8L\xbe\x96Cm\xd8*K[\xda\x14\xf7\xb5q\xd4\xa9f'</t>
  </si>
  <si>
    <t>b'\xd9\xa2\xd3\xae\xe6t\xe2\xd6\xedWa\xfc\xf3{\x01\xf7\xac\x04\xf1\xbb\xde1\x04,\xf3\xbdPi\xcd\xd2K\xd3'</t>
  </si>
  <si>
    <t>b'p\x1f\x84\xec\xdbr8\xe4\x91\xfd\xae\xd3\x05\xa9J\x86\xa5=\x05\x1b\x96l\x9cfK!X\xaf?\x1f\xa1\x83'</t>
  </si>
  <si>
    <t>b'\xcf\xc9G\xb5E\x94\x8a\x00\x90\x81\xc7\xad@\xccY\xb6\x9f\xf6\xad\xff\x13?\x86\x02\xb3\x97L\xcc\x9c\xa3G\xcb'</t>
  </si>
  <si>
    <t>b'\xb9 \x17.\xdbx\xd1\xed\x1fg\x9f%&amp;6\xd4\x87\x8a\x8e\xec\x9d\x81m\x89\xe4\x13\xf9C\x98U\xdd;\xb4'</t>
  </si>
  <si>
    <t>b'\xe4\xdd\xa5-"\xf2\x18\xb8\xa5"B\xe8\xf2J7b\x92^\x8c\xee\n\xf6\xc9\xc0|\xf4\xb6V\x17*\xdch'</t>
  </si>
  <si>
    <t>b'\x13\x83\x19\x9aZl\x8dM\x82\x05\x01`C\xd1&gt;\xd3p\xebF\n\x13\xe2R\xe1\xb8V\x95\xbf6@\xf5\xf2'</t>
  </si>
  <si>
    <t>b'a\n\xff\xef&amp;\\\xbc?\x80\x84w\xbbN\xad\xcc\xc6*\xfe\x86\xa5\xca8\xb6\x900B\x8e\x0bg[\xdd\x1c'</t>
  </si>
  <si>
    <t>b'\xae\xb9\xed\xf1^\xda\xb9\r4\xbcBzi\x89\x10\xe7\xb3\x94\x1d\xe5\x17\trmM\xcf\xdd\xe58\x95\xc5\xc2'</t>
  </si>
  <si>
    <t>b'\x86\xe5\x82\xef\xbf\xa2\x1f\xa7\x1c^\xff\xa4\xad\x10\x84\xb1bm\xfb\xdb\xda\xa1{\xff\x18k\n\x86\x86\x19\x13\xb7'</t>
  </si>
  <si>
    <t>b'\xd0\xc6\xe0\xd2d3\x16E\x93\x7fL=\x86\x0e\xfb\xac\xf7\xe7KZ\x1c[\xdeF\xe0I\xf3%\xb1iAg'</t>
  </si>
  <si>
    <t>b"(u\x11\xd6s\xb4o\x1d)\xe5\xc3I#'h`\x9f\x12J\xbe\xb5\x1e\xbb:W\x19\x87:\x89I\x8a\x93"</t>
  </si>
  <si>
    <t>b"\xb0p@R+n\x1f{Th\xbd\xf7\xd5O?i\xe7\x08M3\xc9\xf28\xbb'\xcf\xaer\xf2\xfb\xb5H"</t>
  </si>
  <si>
    <t>b'91\n\xa7s\xf8g\xcc\x82\xd0\x16\x97&amp;\x1d7K%\nth\xf6\xf4&lt;\x80\xff\xa3\xfc\\F5\xec\x8f'</t>
  </si>
  <si>
    <t>b'\x1f\xf4^\xa0Z\xe3\x99-j;\xc5`\xd1\x99Uv\t&lt;u2W\x10\x1f\xf9\x9b[qXe\xc7\xd9o'</t>
  </si>
  <si>
    <t>b'\xb7\r\x8f(\xdd\xb6\xcc\xa0}=\x92\xd89\xffuib\xe5;\xb9\xe6\x9dP\xcf\x93p\xf7\x0bu\x8b\x7f\x0f'</t>
  </si>
  <si>
    <t>b'3\xb5\xc2Y\xce\xa8\x08\xd1\xbehJw\xde\x01\xe9\x85\xb4C\x0e)2\xf3\xfaK\xf0\x8fO\xa7\xe8.o\xb1'</t>
  </si>
  <si>
    <t>b'\xe1|/\xae\xecC\xdcz\xe2\xc2\x97\xf1+\xb0\x8a\x9d\xb5\xf0\xa0\xb4$R\x10\xb5\xccB&gt;\xc8\x06\x8e\x9c&lt;'</t>
  </si>
  <si>
    <t>b'H\x88qE[\x8e\x84\x87\xea\xa27wR+\xca\xb8!\xa3\xe9\xdd2m~,\x0f\x89&amp;\xbd9jb\xff'</t>
  </si>
  <si>
    <t>b'W[\xd7\\K\xc4\x19::~\xe5bq\xb9\xb0\x90\x85\xd8\x88\xf1\x19\x0c\xccv;\x19\x1e\xcc\x1fP."'</t>
  </si>
  <si>
    <t>b'\x17\x05K\xca\xd3&lt;4\n\xe6U\nb\xad{Q4\xdf\x1ae\xf4\x91\x08\xa7\xf4\xf4\xe6hSD*\xd3\x04'</t>
  </si>
  <si>
    <t>b'q\x95\x1c\xb9\x0f\xb2\x98Ve\x03y\xc8\xc6&amp;\xf9\x1ftUt\xda=7\xc0\xfcvP8(cH\x89\xcf'</t>
  </si>
  <si>
    <t>b"c\x15\xc7OQ\x13B\xe2\x8aB\x9c'\xc1\xe0P\xa1\x17\xa9\x12S\x05\x19\xa6\xbc3\xa5\x86U)&amp;\x1dT"</t>
  </si>
  <si>
    <t>b'\x1f~\x9e\x83\xe6\xa8A\x17\xd7\x07e\xa2\x9c#\xa0C\xea\xbf\x0b.\xc1\x9b-\x9a\xf1\x11+Hx\xa2\xc8\xd8'</t>
  </si>
  <si>
    <t>b'\xa0\xeau\xed\xf2!$\x91\xd7\xb8\x80e\xbf\xcc|\xe4v{c\x9e\xa9\xa6\xa2\xb2z\xad\xf1V\x83\xbb1\x8b'</t>
  </si>
  <si>
    <t>b'\xd4.\x1d\xd3\xc5\xb5U\xc3\xf2\xbc\xa7%\\&gt;\xbepe\xca\xd5n)\xcf\x8e\x0cy\x9a\xff\xd6\x06\xe3\xd7\xae'</t>
  </si>
  <si>
    <t>b'\xbd$a\x9aK\xa7\xbc\xea\x00n\xdaO.\xb0\xe2]\x07\r\x0c\x02RSl\xeb\xc8\xcf\xe2\x06\x13@\xf6\xf4'</t>
  </si>
  <si>
    <t>b'v\x85b\xf2\xdb\xd8\xf0:R\xbd}\xe2\x16\xb6\x8f\x80\xde\xcf\x89\x87\x0ew\xc0\x88\tu\x17\xe5Br\x9b\x80'</t>
  </si>
  <si>
    <t>b'\xa8\x1dQT*\x116+,\xc01S\r\xd2X\xc3\xa7j\x02\x10\xf6\xb3\xa8\xa4)\xcc\x05\xd3\\\xa3\xf3j'</t>
  </si>
  <si>
    <t>b'\xb9\xd3\xce5xJ\x12\x83\x85\xb1*&gt;= \xaffq\xe5/y\xad\x86\xab??\xb8\xbaM\xe1\xdb\xd4\xcc'</t>
  </si>
  <si>
    <t>b'xq\xe9"\x90@\x00\x96\x86\xd3\xfb\xe0\'\xe8\xea\x0e\xecKM\xa2\xce\xd3\xde\x18\xcc{ \x95\xb3\x0b\x8d\xf6'</t>
  </si>
  <si>
    <t>b'\xbfa\xfcD\xeb\xe4\x07\xfd\xa1\x01\x07\xc6H\x91\xe8s\x077/\\\x98H\xd1\x00\n\xe8Y\x1db\x1e\x05k'</t>
  </si>
  <si>
    <t>b'%`\xbf*\xe2{\xec2\xab\x7fw3W\x99\xaer--\xdcg%\xb3\xb1\x97r^\x96\xe8*[\xc7Z'</t>
  </si>
  <si>
    <t>b'`\xde[A]\x96\x1b]F\xdc\t\x87\xf6\xd6R\xdf\xd7\x95\xda\xb8\xc6\xda^\xe4\x11\x8d\xc6L^!@\xa5'</t>
  </si>
  <si>
    <t>b'\xa9\r\xb1\xcd\x18\xff\x0c\x05S\xbb\x12\x95r\x922vF\xd0\xe53\xbd\xc4\x8bX\x99\x95\xa9\x0e4\x95D\xdc'</t>
  </si>
  <si>
    <t>b'\xf2I\xd1\xa5D\xbf\xf8%\xaa=\xf8\xf4\xd5\xa8\x1e\xf7\xe8m\xde1l=\x98\xb0\xffF~\xcc\x9c\x1ci\x18'</t>
  </si>
  <si>
    <t>b'O,\xd4\xa1\x18o\x0e\x18N\xe2\xc75\xa7IF\xce\x07\xe0\x95Ngxe\xbf\x93\x19\xee\xd1\xf1\xea|\r'</t>
  </si>
  <si>
    <t>b"};\xa5\xd0IP=\xb2;\x87\xbbU\xf6H\xec\xb5~D_7|\x93\x97\xda\x8c'7\x87\xc3\xdc\x91\xb9"</t>
  </si>
  <si>
    <t>b'\x82$W\x90\x9e;^/V\xbcq\xa1\x10\x91F\x83Q\xb9.vL\xccp\xb2\x01.\x8c\x99q\x8a\xb2\x9b'</t>
  </si>
  <si>
    <t>b"\xceI,\xcd\xab)CM\x049t\xae\xd9\xb2R\xa4@'\xe8\xac\xc8nW\xdf!'\x7f5\xd4\xd3z^"</t>
  </si>
  <si>
    <t>b'5\xc2\x03\x071H\x08\x87}\xf4\xd8\x1em\xb4\xf3\xb8\xb7\xa4\xba\xc1d\xac\x96\x12G\xbe\xabeK\x12\x7fk'</t>
  </si>
  <si>
    <t>b'\xf6\xcb\x11=\x7f4\xa4\xe9\xd5\xc8!\x97,\xef\x97\x86\xdd(\xc2\xcf\tH\x8a,\xca\xb3\xf2\xf7\xc5\xba\x0e+'</t>
  </si>
  <si>
    <t>b'\xad\xe9:\x18\x03r)\xbfI"\xc4\xce\x8a\x0f\xb3\xbe\xcc\xbem\xb7\xb3VL{^\x8e\xfb\xb5/\xa9\xa1\x1c'</t>
  </si>
  <si>
    <t>b']\xc8\xe2\x11w\x14\x98\xb7\x89\xef\xd5A\x89\x8d\xeaL4\xee\xfd\xba\xd95\x10\xe2\x0e\x9f\x7f\xca\xd6\xdd\xedG'</t>
  </si>
  <si>
    <t>b'\xf9\xc8\x01\x14\xd6\xfel\x98v@\x16\x84\x15D\xa7\x11nh\xdb\xbe\xefQX\xd4\x94\xf2\xffR\xd7\x0c\xa8\xb2'</t>
  </si>
  <si>
    <t>b'\xf4\x85z\xaaQ\xb1*\xda"#\x87r\xe6\x81rw\xc8#\x14\x17\xca\xd5\xb4$\x1c\xf3\xa7\x886\xfdx\xe0'</t>
  </si>
  <si>
    <t>b'\x96\x01}2\x97-\x1b\x0e4V\xf2b\rn\xf9\xfb\xbe\xb2\x0b\xf7\xc3\x19\xa7\x8f\x1c\xaaF]0\xff\xebF'</t>
  </si>
  <si>
    <t>b'~M\x94\x9d{x\x06kl\xb97\xfa\xf6\xfd;\xa8\xdb\xea0d\xacF\x9b\\\xda\xe4\xe4\x85j\xfb\xb7\x8d'</t>
  </si>
  <si>
    <t>b'4\x11\xf1[\x84\x9c&gt;\xf6d\x91E\xbbS\x16\xbc\xdb\xf4\x94\xf6\xf3H\x86\ns\x13\xdb#u\x1b\x8dQ;'</t>
  </si>
  <si>
    <t>b'\xfc\x94\xe8\x0c\x04|\x1d\xc7\xc0`P\xef\x99/k\xbb\x15\xfe\x83\x0f\x1c\xa2Y\xf2E\xb8[r\xe7\xdf^\xba'</t>
  </si>
  <si>
    <t>b'\x8fh\x14qu\x82\xb2@\xa8\x12\\\xd7\x15\x92`"\x85Y\xa8\xf6\x1b\xcd:Y7A\xf4\x9e\x14\xfdz&amp;'</t>
  </si>
  <si>
    <t>b'~}\xe8\r\xe2\x8e\xdf\xbd1\xe4\x19\xe3\x9c7\x8b\n?__j\x0c5tfZf\xba\xdaaw\x02)'</t>
  </si>
  <si>
    <t>b'=:\xd44~\x96\xfcb\x08\xf7\xb7\xd4\xcc\x1c\x7f\xd5\xees\x9e\xc77\x94\x9a\xa5\xf1)O\xb2\x97\x1am6'</t>
  </si>
  <si>
    <t>b"\xc3\x91\n \x1aA9\x0b\xfa\xdd2\xe1\xf4&lt;\x12W;\xf4P#'n\xaeU\x8c\xdf\xd1\xb0j\xc2ou"</t>
  </si>
  <si>
    <t>b'\xe2\xcb\xc2\x13\x92Z@\xbd\x18\xd5\x0c\xcbW\x14\xc0\xda.7\x1b\xfb\xc2\xa6\xabqw\x12\x8a\x8b\xf3f\xedW'</t>
  </si>
  <si>
    <t>b'O%\x14\xf2\xb1\x81\xae\x99 \xb2{\xc5"\x9c\x85\xae\xf6#\xa2\x8d\xf6\x0c#\x97G\x1dn\xbaEf+\xe5'</t>
  </si>
  <si>
    <t>b'\x8f\x95o2\xb6\to\x99\xabh\xe2\x8b\x03S\xaf\x1a\xc6F\xee"\xc7"n\xe5\x90\x87.&gt;\x82\x1cK\xe9'</t>
  </si>
  <si>
    <t>b't\xd8\x1a\xd1#x%\xfc\xde$\xbefp\x80Y\x8d\xa9;\xab\xc2\x7f\xb0W8\x11rz\x00\x04\x16\x8f\xbb'</t>
  </si>
  <si>
    <t>b'\xfbK\x82\xd5\xcb\x0f?\xf6\xadZ\x1f\xe47\xae\xd8R\xb8\x1d\xcc\xe4\xcay\x07kT\x041\xa2\xbfyN\xaf'</t>
  </si>
  <si>
    <t>b'\xd1\xf5T\x9emMo`\x81\x05\x85\x15J\xeb\xee\x13\xc1p]\n\x89\x8b~\xaf\x9d\xc7\xe4\x13\xc9\x90\x01\x13'</t>
  </si>
  <si>
    <t>b'\x18\x17\x0f\xfdJ\x82X\xdbz\xd3\xbd^\xe3W\x02lq\xd00\xe4\x14(X\x08\xbe\xc3\x05\xd8q\x17#\xf0'</t>
  </si>
  <si>
    <t>b'\xa1\xc7"\xf0P\xda\x17\xf1\xf8\x9d\x02\x95R*\xf7\xf5u\xe6*~tE\xe3%\xaa\x17`\xe0h:\x1e#'</t>
  </si>
  <si>
    <t>b"\x91%\xf1'\xc9\x17\xb5\x8f\xc4\xbc\xab\x1f\xe4u\xdb\x05\x89c\xff\x9d0\xab\x1c\xdd\xe6\xde\xcd\xffa\xad]\x08"</t>
  </si>
  <si>
    <t>b'\xd5\x8b\xfc\x9b\xf2\x08i\xd2-\xaa\x81\xa4Z\xcf\xd1\xf6K^#i\xc7\xee\x8d\xd4M\x7f\x13\xe8\xf2\x07\xd2)'</t>
  </si>
  <si>
    <t>b'\n`\xe6?\xb3\x10\xf0e2\xe6\xa9\x9a\xf0`,\x88g\xb5O\x92\x1aR\x8a9\xed{\xbe\xc6\x8f\xdc\xae\x1d'</t>
  </si>
  <si>
    <t>b'R7\xc5\x06\xdb\xc7+v2@&gt;y\xf6\xd3p\x7f5g\\\x01\xde\x8d+\xebH\xa7]\xde(UP2'</t>
  </si>
  <si>
    <t>b'\x1a\xb5\xed\x1f\x19|\x8fC;\x9f\xf9\xea\xca\xe6\xff\x95s[\x03\xc2p\x97\x80\x1b\xad&gt;\xf7E\xf6\x9a\xc5\x93'</t>
  </si>
  <si>
    <t>b'1&amp;Dg\xfes\x9f_\xe1%k(\x8b\x14M\x96\xe0_\xc8\x17"\x19\xfc\t\xccD\xa0\xb2\xd80Ex'</t>
  </si>
  <si>
    <t>b"\x10\xf2\x027\x9b\xc6\x93\x98\xd0\xcar\x9ed'\x82n0\xfc\xc5\xa1tY\x0f!9\xb4\x83\xe8\xfb\xcf\xd5u"</t>
  </si>
  <si>
    <t>b"=\x13\xa7O\x9b\x02\xf7\x1b4'\x8a\xbb\x95\x80\\\xc7\xe0T\xec\xca\x9f\x99\xcb\x9f\xad\x17\xf6\x10\xc7\xa4 \xc9"</t>
  </si>
  <si>
    <t>b'\x0f\xac&lt;$M\xb1Oo\xd5\xe1\x851l\xd0A\xcd\xf5\xb4bM\xcb\xde\xcc\x88\x08\x0f\x84c\x04lj+'</t>
  </si>
  <si>
    <t>b'\x00\x7fu\xb7\xd7\xf5\xd8\xcf\x888o\x8eyJ\xa5\xe6X\xb6EAV\xc6\x96\xa8a\x84\xe3@\x19\x06\xba\x0e'</t>
  </si>
  <si>
    <t>b'\x1d)\x17R\xf6\x8b\xee\x92}\xc0\x8d\x90-$r\x1d\xb1\x86\xfa\xa0\x9c\x0c\xec\xe3D\xa5&amp;\x88\x85S\xfa\x06'</t>
  </si>
  <si>
    <t>b'z\xf8Czs\xeb[\xea\xec\x8b\xe9Nto=\xf9\x91\xfe\xd6\xc4\x17z\x80|\xea\x86\\\x0c\xb0\xa52\x0f'</t>
  </si>
  <si>
    <t>b'\xf0j&lt;$\x16\xb5[R&amp;\xb8\xff\xb1\xb9\x98 v\xfa\x82\x17\x9b\xcd\x88\xe9&amp;\x1e\xff\x1eoq"m\xa6'</t>
  </si>
  <si>
    <t>b'QPq\xe0\xe6\x10\xf2\xd2\xe8\xe6F1f\xf6\xc7}4F{\x13\x16\x01w\x9f\xfb\xb2\xa8S.\xd0t\xaa'</t>
  </si>
  <si>
    <t>b'&gt;\x88\xae\xb8\xec-\xd7\x87\xde[\xdb\xd4\xaa\xad\xd5v0\xe3) \xa9\x997(q6\xdb\xa7=\xef&lt;q'</t>
  </si>
  <si>
    <t>b'"\xd1\xc8\x12\xeb|\x86\xaaf\x99\xa9M\xfaY\x18.{\xc4\xd0\xc4\n\x13\x02\xba\x18\xf07\xc3\xa5"\xc9\x0e'</t>
  </si>
  <si>
    <t>b'\xeb\xf0\xd4.i\xd5\\ms\x9ey@\x93\x0c9\xc8P\xc8\xf7\x9a \xe1\xa7\xd4\x1e\xd7\x94\x96\xdd9a4'</t>
  </si>
  <si>
    <t>b'~3\xc1\x92\xd9\x16A\xe0\xb4?\x90\xa8=d\x83\xc5cu\xa0N\x01\xaa]E\x1fV8\x1e\xdd\xf0\xceV'</t>
  </si>
  <si>
    <t>b'u\xd09?0\xe4\x86\xda\xf1\x08\xa0\x97W\xfb\xcb\xd5\x8b&lt;\x7ft\xd9\x87\xc4e\x08)\x88\x7f$\x80\xb4X'</t>
  </si>
  <si>
    <t>b'\x80\x9f7K\xf7\x18CcZ\xef`A\xe9\xf5[\xfd\x87`kP\xfa\xef\\\x80\x97zp\xb2\\e\xb2\x12'</t>
  </si>
  <si>
    <t>b'\xfe\x02\r\\\xc4\x1e|\x8f1\xd1\x9eG\xc1\xe1vi\xa9\x17\xdc\xb8\xe4\xa7\x98\xefa\x92Of\xb1\t\xefE'</t>
  </si>
  <si>
    <t>b'\xbf\xd5\x04\x94lZ?\xa5&amp;&gt;S-\xb1\x17cf\xd2\xdei\xed9?\xfdd\x89\xde0\xc9)\xacUp'</t>
  </si>
  <si>
    <t>b'N\'K-^\x03\x9c\xd8\xc4\xc9R\xe9\xf6S\x9d\x14\xae\xf8\x0e\xe73\xe6J\x93\x02\x81\xa1\xce"\xc8\x0fn'</t>
  </si>
  <si>
    <t>b'\x9a{*\x16t\xbf\xad\xea\x94\x9b\xff\xc2\xb1\xb4\xf3\xce~x\xc65\x87\x7f\xadi\x82\xc5\xbb\xca\nU\xed\xca'</t>
  </si>
  <si>
    <t>b'\x1c\xaf\xc0\x92\x83\xa7\x95t\x0e\x03\xba\x84@\x02V\x01\xb1_\xc2\xd7\xc5\xe6\x105\xb9\x8f\x06\x13p\x00\xae\x05'</t>
  </si>
  <si>
    <t>b's\x1c\x95]\xce\xe4\xbc3\x1c{\x99y\xbe\x86\xa0\x0f\x8cT\xccPt\xde\xeb\xbe-1\x11F\xb7Q\x89\x07'</t>
  </si>
  <si>
    <t>b'\xe5\xb5\t\\\xa2\xf37Cd\xb5\xaai6\xccWNG9\x9e\x04\xc4\x03\xbf\x1fp)\x9d\xe6\xfa\n]\xf1'</t>
  </si>
  <si>
    <t>b'\x0bV&amp;\x91\xc5\x80\xff\x0e\x1b \xed\xbdE\x85:\x89\xfa\xae\xc2\xd3D;*\x8fH\x9cpG\x07\xa6F/'</t>
  </si>
  <si>
    <t>b"U\xcfEd\xd0v(\xad_\x85\x18\xd6Rc\xd1'E\xc8\x84\x0c\xe6O\x0bi\xec\x88\x8b\xb4\xfc%\xeae"</t>
  </si>
  <si>
    <t>b'R\x8a\xd7Y\xa3\x0bu\xaf\x07\x0e/\xcd\xdcf\x844"\x0eG\x96\xd0D\x94\x9a\xc4\xc6q\xd9\xf3_!\x02'</t>
  </si>
  <si>
    <t>b'(\xf4\xd7\xdb_\xccY\xd0\x01\x13N\xc9\xa8\xba\xc9\xf2\xb8\xe9Z\x10\xa7\xea\xd7\x86z(,~\xecvA\x1c'</t>
  </si>
  <si>
    <t>b'\x92\x054l\xd7\xd0\xe6\xe4\xb5\x87t\xa6\x1cHi\x18\xf2\xb8%PC\x9fS\xba\xe93:\xcf\xb8\xf6\xd6\xac'</t>
  </si>
  <si>
    <t>b'\xc3\x84\xdaS\x10\x94@\xe5\xd3l4d)\xffiVV\xe7\xa6n)\xdc\xa0\xaek:\xccpU\xcc\xdd2'</t>
  </si>
  <si>
    <t>b'\x86E\xd1\x80\xe9~\xc2J"u\x9a\xe5\xb1\x1a\x02\x89\xae\xcbh\xac\x9d\x95J\xea#\xe9\x0by\xdc\t\xfa\x91'</t>
  </si>
  <si>
    <t>b'\x8f&gt;\x19\xe0\x81\xab\xa1\xe4\xe0\xe7\x8e\xa1&lt;\xe1\x141\xe7\xe3\xb3}\xc0z\xc6\x82\xe0\x13\x03r\x07\x1b\xb2*'</t>
  </si>
  <si>
    <t>b"\xa2\xd2n\x81\xbcD\x92\x9e\x89\x1f\x1f\xb9y\xd6\xc1l\xdbH\xe4\x88\xdcwaV'\x7fG\xc07\xe7\xcf\xfe"</t>
  </si>
  <si>
    <t>b'\xc4\x18y\xa4\xd1\xd91.\xd2;\x80b\x93D\x9b\tm\xb4\xa9\xd4\xb2\xe6\xca\x8ano\x14)\xdd\xbc\xcb\xb0'</t>
  </si>
  <si>
    <t>b'\x9a\xe4R\xdd\x1f\xaf&gt;Nt\x8c\xadr\x93\x8e\xfc\x93\x06\x03\x8c\x80\xe2\xee\xc1\xcd\xc8T\xfb\x03\xeat\xb8C'</t>
  </si>
  <si>
    <t>b'\xef\xc4&amp;*c\xe2\x08\x0c\xcb\x96\x11(\xb4\x8d\x90\xa8\xa8\x06\xbb\x16\xfc+\x0e\xd50\xdeJ\x08\xb2]\x97\x8e'</t>
  </si>
  <si>
    <t>b'\xca9\x1ei\xfb%\xe8\xc8\xb3+\x9e\xd1\xa6\x06G\x86,\x0c\x87\xcc\xc4\xc4\xb9v\x02\xa8\x1d\x00\x9b\xed\x06\x1e'</t>
  </si>
  <si>
    <t>b'7\x08k\xe3\xff\xa2\x89\xef\x8e\xed]\x8d\x1cbgR\x9c\xf3\x9b\xe1\xaf\x19\x07\xaa@\x94\xc8&gt;4\x10\xc6O'</t>
  </si>
  <si>
    <t>b'G\xec\xdai\xa0\xb2\xa8tJ\xb5T\xf1l\x0c7r\x81\xc2\x08\xbb:\xef\xed\x82\xfc:.\xbfO?L\x88'</t>
  </si>
  <si>
    <t>b'\x92\xd1(\x07\xddV\x8d_\xc4\xc0m36\xde%P\\\xf8\x04\xb9\x0e\x0ci\x18\t&amp;\xd0\xb4r\xc8\x933'</t>
  </si>
  <si>
    <t>b"?n\x88\x92\xea\xbb\x87\x06\x1f\x943\xbd \xa8\xecL\xfe\x11\xd3~\xb6Bt)\x99\xa5\xb0\xf6?i'\xbe"</t>
  </si>
  <si>
    <t>b'\xf86\xfc\x8d\xb5b\xd59\xe5\xeem\x8d\xad\xf7YLV\x9d\xb5?\xb3\xc6"\xedh\xae\xe3\xec\x9fJ\x82+'</t>
  </si>
  <si>
    <t>b'D\xcb/\xa2\x05E\xc1\xd5\xe0V(\xca\x03\x14\xf3\xa6Vtz\x7f\xaf\x18\x9b)\xdfh\rt\xce\xf3\xa4\x99'</t>
  </si>
  <si>
    <t>b'\x9e3{\x04\x1ap\xd9s\xd5\x8d\xd3\x15\x14\xdf7\xd9\xcd-\xba\xb7I\xb6H;\xdc\xaa\x15H\xc1\xd4\xc7l'</t>
  </si>
  <si>
    <t>b'\xd5r\xaf\xea\xb0ZL\xf7\x19_o\xac\x97O\x8d\x89\xe3c\xcaN\x01\xab\xa6\xd2\x9e,n\xe0[(\xf5D'</t>
  </si>
  <si>
    <t>b"x\x11\xce*\x8c\x16'\x98v\xe9\xd7\x8e\xc6\xca1\xa5e\x1aN\x81\x8bb\xe2\x8c*Y\xec6f\x9d\x7f\t"</t>
  </si>
  <si>
    <t>b'\xb3o\x0eW\x89CB\xbe[)y\xa2\x7f\x11t\x9fH\x14\xba\x94u\x97+\xdf\x90w\x7f.\xa3D&lt;J'</t>
  </si>
  <si>
    <t>b"\xb4\x93Gwi\xb5\xd2&lt;\x04\x88'\xcc\xa3Z\xd8\xc0w\xbf\xd9\xf27\x9b\x9a\xddWgu\x0bW\xf6cU"</t>
  </si>
  <si>
    <t>b'\xfa\t\xb6\xf0Iq\x05U\x19\x88\xda\xc0\x1f\xa1\\\xf5\x81\xa2 \xdec\xed\x98\xac\xff\x1f\n\x96\xa0\x05zs'</t>
  </si>
  <si>
    <t>b'\xc1GwcH\xcc\n\xc1\xa7]\xceSaE\x17\x88\x9a\xf3\x05\x99\x9e\x1aw\xed\x1a\x9dP\xfa\xa3{\xf9\xfe'</t>
  </si>
  <si>
    <t>b'\xa9+\x9a\x84\x9dD)3\x17X\xa5@\xd5\xb4\xa4\x92\x8a\xf4\xc5\xffd\xbd\xe8\xca\xa5\x87\xd6\xef\x03\x14#j'</t>
  </si>
  <si>
    <t>b's\xf0p\xd4Np\xf0\xf2A\x82\xf2=!\x06\x80v\xe4\xc4\xfdk\xdb\xd7\xde\xc9\xb0\x90\xd4\x94\xe2i\x95R'</t>
  </si>
  <si>
    <t>b"\xe1\x02/\xf9\xa3T\x0c\x1d\x97\x93b\xc6\x88\xa7\x8d\x0c\xd4\xcd4\x04\x9b\x9e]\x14\xa1\xee\xbf#'\x95%0"</t>
  </si>
  <si>
    <t>b'\x8ex\xb67\xb0R\x82\xb7\xbf\x18\x00\xc5\xe9$LjR\x1c\x88\x03\xe6\xf0\xf5X-i\x98\x0b\xd1\x16\x18~'</t>
  </si>
  <si>
    <t>b'\x80\xdf\xac\xf6Dj|G6\xa5X\xf6\xc2\xe44f\x12I\xd6}b\xf9\x0f\x9e\xbd\xc6\xd5#\x0cG(7'</t>
  </si>
  <si>
    <t>b'R\xc4\xc2\x07\xb1\tnNh\xd90\x19\x9e\x1f\xce\x9a\xed_A&gt;F\xcd\xab\x7f\xb0"\x8f:U\x01\x0b%'</t>
  </si>
  <si>
    <t>b'\xca\xdc\xf8 &amp;\xcf_v\x85\x9f\x8e\xbf\x10\x84\xf0\x9f\xa9*\x12:\xb5C\x9b\xcf\xf3\x03vh\xb4\xa2\x01\x97'</t>
  </si>
  <si>
    <t>b"t\xabJ\xa9\x83\xbb\xac`\xdf\x15\xbak\x85\xd1\x80'\xf2\xb6I\xfe\xf3\xba\x02\xe2\xb6\x88\x19\x9d\xf4U\xf35"</t>
  </si>
  <si>
    <t>b'\xbe\x97Z \xf1n\xbalt\xda\x98\x017`u\xcaJn\x05e\x1d%\x8f`m&gt;~\xd0\xb5\xeb\x823'</t>
  </si>
  <si>
    <t>b'\xb6\n:\x07n4\x83\x1c\xff[\xab\x99{\xf5R\xa5\x9c\x1c\xefCJ\x8c\x17\x15\xf0\xf3\xf1p\x9c\xb3dp'</t>
  </si>
  <si>
    <t>b'\xda\xa7\xa2\xd0\t:Sz\xf4\x8bk\x1bkC\x0b\xa6\xac\x02\x86\xe6\xad\x19&gt;\x81f%\xc3\x00@\xba\x82\xb0'</t>
  </si>
  <si>
    <t>b's\x94\x94\xa3M\x94\x8b\x9bF\xcc\xa1\x92,\xfc\xc3g\x9e\xac]\xbb\xf4\x92r\x9bM\x9c?\xf8\xc3\xfe\xa3\xae'</t>
  </si>
  <si>
    <t>b'q\x87\xf9l\xba\xe2\xf7\xee\xd5\xe6\x85G)6{F`\xe2\xfa\x93\xfd\xa6\xfc|y\x0e\xb023\x01&lt;\xe3'</t>
  </si>
  <si>
    <t>b'\xfa\x85\xc6Y!\xefMp087A\x13?\xc2\x80\\\xc3\xd1\x1e\xc5y\xea\x9b\xe6VR\x8c\xfb\x13\xab\x12'</t>
  </si>
  <si>
    <t>b'\x08hX\xcaWlY\xcb\xe4\xcd\x82\x85\x15\r\xb54\xe6\x9c\x90\xdf\xee\x1e\x02t\x18$\x08\x83\xca\xe9\xeal'</t>
  </si>
  <si>
    <t>b'E\xa7\x07\x1aJ\xec\x96\xe8Y\xb5MHu\x120\x13\xac$\xa7\xab\x07G\xc4\xae&amp;\xef\x80ga\xfa\x88\xd5'</t>
  </si>
  <si>
    <t>b'\x03\xd1\x0f\x00\x05D7~&gt;n\x8b~Y\x9b\x0e\xa5\xd2\x84\xe0nqlm\xc0\xef\x8dV?A;Y\x1f'</t>
  </si>
  <si>
    <t>b'C\xf7\x85\xbe\x9c\x0c\xcbBZ\r\x1b\x8ci\xcd\xe4\x8f&lt;\xc3)J\x9b,T-\x9dom*:R\x1a}'</t>
  </si>
  <si>
    <t>b'\x9f\xfa\x1e\xb1FC\x91\xb2#\xad{\x80h\xe9\xe3\xf1\x8a\x07\xce.\x86\xfd\x864\xe4pg\x18\x18T\xf28'</t>
  </si>
  <si>
    <t>b'\\\xab\x94\xd7\xc1[\x92AY\x0f\x97\xe2\xb1\xf2Q\x01e\xa6\xe4x,\xc5K\xdb\xbb|ow\xed\x12\x18\x12'</t>
  </si>
  <si>
    <t>b'\xcb\xbdO\x02\xd5\x15\x9b\xf2\xce\xef\x15TU;\xba+\xf6\xeclX\xfb\xa7\xed\x1d(1\xa3\x84\x8a\x1b4\xeb'</t>
  </si>
  <si>
    <t>b'\xd0[\xf2\xa6\xa7\xcd\xaf\x99\xd8&gt;\xacJ\xd9\x1e\xd2\xed\x9c1\x85!\x11\x96\xca[\x8b\xbe\\\xd1O\x83\xc6\x80'</t>
  </si>
  <si>
    <t>b'N\xe6\xd1Wa\x1d\xc4f|\x8b\x02\x11\x98:\n\xa1S[R\xf0K\xa7\xe9\x7fu\x8da\x9cD\xef\xbc\xaf'</t>
  </si>
  <si>
    <t>b'1W\xad\xdck\x87\xb2\x14\xfd\x8c\xe7\x13\x7f\n\xf4^\x9cLS\\\n%W\xcbX\x08\xff\x00\xb0\xf6\xcdg'</t>
  </si>
  <si>
    <t>b',\xe3\xe0@\x8f-\xf2\xf2!\x00U\xb4N?\xfe\x98\xc0\xe6Y\xc0\x7f!G2\xf0#\xaf\xa6\xd1=7\xf7'</t>
  </si>
  <si>
    <t>b'j\x1a\r\x0e\xa0\xe5.p\xafP\xae\x19\xafo\xc6!\xb0a\xa4n\xbb\xbe\x80\x9d\xc6v\x8b\xfbT\x00l\xfd'</t>
  </si>
  <si>
    <t>b'\x04\x85o`\xfa\xed\x90\xf0x\x95\xeb\xcarh\x98Ld\xd5&lt;\x02Y\\\xc7\xb6\xb4\xe3\xbc\xb6\x1dKz\x06'</t>
  </si>
  <si>
    <t>b'&amp;[EGY\x8cD\xcd;\x1b\x1a:\xc6\x03tp\xf9#\xce\xfe\xed\xa1w\x80#\xd7l{|E\xa9\xd1'</t>
  </si>
  <si>
    <t>b'\x12\x07x?-\x83\x97\xf9\x02E7\xd2\xc6\x17\xb9\x98\xc6\x80\xc1b\x0c\xf8\x07\x86%\x12\xd0\x95\xf6tm6'</t>
  </si>
  <si>
    <t>b"\xf7F\x16;_'\x88\xba\x1f\x12Ij\xd8r\xdc\x8b8\x1dEh\x95\x85\x85{\xef\x80\xf9\x92\xa2\x8b\xc2H"</t>
  </si>
  <si>
    <t>b'\xa2\xb4RS\xf2\x9byd\xe8u\xb0,]\xb3!d\x92\xce\x17\xa9\xa2\xe8\x13\x16\xb8\x85\xe2$\xbb\x10\xb8,'</t>
  </si>
  <si>
    <t>b'\xd3\x84k&lt;\x1a@\xf6(\xb6W\x07U\x19v\x0b\xeaVb\xc0\xc6\t:\xd8\x91q\x9e\xe9\x16\xd2\xa8d\xcd'</t>
  </si>
  <si>
    <t>b'\x94I\x9cVg\xcf\x83v\xf7\xf25\x80C\x7fqC\xb5!\xd4V\xd5@\x16\xd4\xd30\xb3\nb\xd4~\x16'</t>
  </si>
  <si>
    <t>b'\xa4\x96\xa7\x99\x06a#\xd5\xad\xa7C\x81\xbb\xf6\x91}\xd2\xfc;\xdb\xa2\xe9\xa8\xf65)\xf9\xddP&lt;R!'</t>
  </si>
  <si>
    <t>b'\xdb\xb083\xa9\xc0mY\xcfn\xde\x8b)\xf64r\x93\x14\x19\xa3q$6c\x16|\x826\x12 \xe1v'</t>
  </si>
  <si>
    <t>b'\xe6\x04fW\xd0Y&lt;U\x8aN\n\xb7\xc7o\x8a\x89\xbfZ\xda4\xcax\xec\x16\x9c\xc5\xbc\xb2\x10\x04\xf7\xd3'</t>
  </si>
  <si>
    <t>b'u\xe2\x9e\xc6\xf3\xe0#\x0f\xd7\xc8x\xb9\xc9|\x08\xdb\xbe\xca\x86C`\x0b\x0ch!\x9eV\n\x8bqK\x11'</t>
  </si>
  <si>
    <t>b'nhK\xfax\x95\xe2\xb21\xbem\xdd\xa5\xf2\xeeN\x0e\xd9H\xe4\x1f\x14[i\x80\xc8\x8d\xc57X"+'</t>
  </si>
  <si>
    <t>b'#[\x9a %&gt;\x8c0\x17\xaa\x0e6\xdd\x83Q/\xe9\xdd\xf4E\xd4Y\xa7\xd1\x962\xb3m\xa74ui'</t>
  </si>
  <si>
    <t>b'2\xe8i+\xebTuc\xea\xd6\xe9\xd1\xdc\x8d5\x86\xfdp"\xa1\xef\x8a\x88x\xb7k\xe3\xa0\x03\xff\xae\xa1'</t>
  </si>
  <si>
    <t>b'\x1fP\x92\xfeW\xb3\xcencuH\x9c\xe6\x17\xa7\xa4\xff\xaa\xd8\x0b\xa96i\xe5h\xbd\xbd\x80A\xba\xc8\x88'</t>
  </si>
  <si>
    <t>b"^\xad\x84\x18\x95\x98\xcf\xea'\x87\x9b\xbe\xf1\xb7;\xe7\x11\x9d\xdf\x1d\x1c\xde5\x89\xa3\xdfj\xd2h\xee\xad\x03"</t>
  </si>
  <si>
    <t>b'\xb3\x03\xd2n\xaa\xaf\xc2\xd1\xafM\x81*5\xec.\xa8\xfdJA\x02\xfa\xbcG\x99\x0c\xf7\xf5\xbb\x94\xc3\xdf\xf5'</t>
  </si>
  <si>
    <t>b'\xf1O\xb2k\xcc\xf4\xca4\xa4\x8e5\x1di\xb3\xa7\xca\xef}\xe4\x85O\xe3\xa6\xcaKd#\xf61RA\x02'</t>
  </si>
  <si>
    <t>b'H.r\xde\xc7\xe0D\x83\xf4b\xb1U\x03jd\x14\x12J\xd0\x0f]\x8b#\t\x9b\x94\x91\xdc\xe0!\x83['</t>
  </si>
  <si>
    <t>b'\xb0:y\xca1\xcc\xa8^\xff\x8b\xb59z\xf1\xab\xf1Q\x06\xc6J\x85\xb9\x1a\xe4\\\xf9}q\x8e\x18}\x07'</t>
  </si>
  <si>
    <t>b'\x0c7\xe6\x96n;g\x95A\xb9\xf9\x0f\xd4\x8d\xe5f\xfa[\x9b\xb6\x8b\xa2\xef9\xbf\x82g\xbft\xda\th'</t>
  </si>
  <si>
    <t>b']F/$\xd8\x06Z^\x13\xbc,\xea\xe1\xf7\x04\xa9&lt;\xed\xb3NmX\xfdh\x12\x19\x00./\xdc\xd2='</t>
  </si>
  <si>
    <t>b"'\x0e\x1ai1\xf5\x16y\x07l\x7f\xe3&lt;\x05L\x1c\xaf9N`.G\x026\xad#\xe7\xec\xc0k\xbb\xd7"</t>
  </si>
  <si>
    <t>b'\x90\x95,\xef\xc6Y\x12(\xf6\x01\x95M\x91"\xc2:\x19\xbb7\xda\xd9r\xa3\x8d\xd4\xec\x0f\xd1X\xbfm\xe1'</t>
  </si>
  <si>
    <t>b'\xaa\x7fX\x94\xcc!J\xa7Z\x10\xb3\x07|\xab\xd1\xc3\xa7#%F\xcdG\xfdc\x07\xaf\xeeH\xa6\xea\x83\xf0'</t>
  </si>
  <si>
    <t>b')!3\xf9+\x9f4@l\xa4\x9e\xc6\xe6\x168M\n\xd71C\xcd \xd6\xcd\r\x02\x14\xc7 \xc8\xc2\xab'</t>
  </si>
  <si>
    <t>b'\x8b\x17\xe3\x92F\xf9\xa7\x84&lt;\x92d[\xec\xc1\x88\x9a\xa6\xf3G\xe7\xdd\xd7\x11\x14\xfe1\xc0?{\x10\xafU'</t>
  </si>
  <si>
    <t>b'\xa5\x0e@\xc6H,\xb6\x84\xd9\x93__s.*\xca\xacv\x8d\xda\xc1\xb5\xa4\x1aQ\xfaQ\xef\xccn\xa3!'</t>
  </si>
  <si>
    <t>b'[\xaeh\x8f\x80\x06\xe1*\x1d*Qe\xc0\xb0\xb4\xe2\xda\x89\xc3\xf8\xca\xee\xe2\x8e\xfeT\x80\x9a\xbb|\xed\x10'</t>
  </si>
  <si>
    <t>b't\xe9p]\x8d\xfc6l\xa38!C\xb7\xa7\xaf\xfd\x99\xf2&gt;N\xbe\xb9\xd0\x82\x02\xb2#\x0f{\x1dA\x18'</t>
  </si>
  <si>
    <t>b'\xc4Z4l\xa3\xc3=\xedqA\x80\xd5A\x92\r\xee]\xbc\x11\x89o\xdf3\xf4:(7f\xd5\xdfD\xf5'</t>
  </si>
  <si>
    <t>b'\xde\x1e:\xfa\x9fZ;\xfb\x94\xbeH\x0f\x9bf\xf4VA\x0e\xa1\x9f$j\x8b\xaa\xa5\xa69\xe3\x10!\x05\x06'</t>
  </si>
  <si>
    <t>b'\x03\x08\xd4R\xcf\xc3v\x97\xb6q#\x99\xb4\xb88\xd9\x19\xd9\x04\x8c\xeb\xce\xff\xbd\xe6"\xf1\x99\xf1)\x1a\x17'</t>
  </si>
  <si>
    <t>b'\xc8\xb7?kLP\x7f\x14\xb1\xc0\x01z\xcc\xa44\xae\\#\x04\x831Nf\x18\xd0\x99\xee\xc3z8\x1bA'</t>
  </si>
  <si>
    <t>b"p\xc2+|\xbb\x06v'X\x9c\x86\x96s\x82\x91\xd5\xc7d\xb4\x16\x1b0\xa9\xe94k\xa7\xe2\xbe\xa2&lt;0"</t>
  </si>
  <si>
    <t>b'.9\xf2o\x9c\xba\x14\xe7\x96-L\x8b\xefv:\xb8\x9f4a\xdd\x8a\\\x06G\x0c\x18\x90X\xa5\x11\xb6c'</t>
  </si>
  <si>
    <t>b'\xbeL\x8f\x9a\xa3\xb8\x83\x13\x927\xe9%\x1c\xbe\xc3\xcf\x184\x04\xee\x1b\x0fR\xde\xd6\x1d\x1aP\x1a\xb4\x8f\x0e'</t>
  </si>
  <si>
    <t>b'\x91\xb5l\xa5\x87\xad\x08\xfb\xf4@\xea\x19B\x1e\xdf\xa7:\xf7\xdc\xac\x04,lv\xa2\xd2\x9em\x87"\x9f9'</t>
  </si>
  <si>
    <t>b'\xcb\x8b\xd6 L\x1bP\r"\xf0\x9e\xb7\xef\xfd8\xd1\xe4\xa4a\xdeMi\x8a\xb0I\xf4\xeb\xd9x]3\x9f'</t>
  </si>
  <si>
    <t>b'D\xf1\xf6\x1f\xa3u\xe5\xdc\x9e\x81\x1dN&gt;\xb1\xaf\x98\x7fi ?\xcf\x95@|\x0c\x89\xaf\xa8&gt;\xbf\xd4N'</t>
  </si>
  <si>
    <t>b'\xfa\x9c\xf5\xa6\x05\x83!w&gt;\xa9p{\x1e9p\xe4ds\xf9\xba\xf0\x94P1W9\xc2Q\\\xc0\x08\t'</t>
  </si>
  <si>
    <t>b'\xa7\xe6&amp;8\xefs\x04\xa8\x14:/h\xf6\xf4L\x19\x06\xff\xf2\xcdi8#\x89\xb1e\x16\xafq\xf2G\x7f'</t>
  </si>
  <si>
    <t>b'\xda\xa0&lt;=H\xc1u&gt;7\xd1U\xfa\x8a\x93\xbfS\x99\x99Q7\xd0\x11@X\x14\xef\xfd\xe0\x97\xd0\xeb\x91'</t>
  </si>
  <si>
    <t>b'^\x05!p\xf2\xacE\x14\x9e\xb3\xc9G\x9e\xa4\xae\x98f\xf8\xbd\xa0V\x01\xd3\xce\xdc\xe0\xc9&gt;\xacc\xb1\xce'</t>
  </si>
  <si>
    <t>b'kBD\xe7\x19y\x1al\x81\xed8\xa5|\xe5,\x9d\xe7~k\xb0\xd5~\x97\xcfK5\x9c\x12\x8a\xe2\xff\x1e'</t>
  </si>
  <si>
    <t>b'\xfd\xea\xd7g\xcb\xb2L\xbf\xd8\xb4\x11\xddR\xe3"\xadU5\xea\x1f3:N2cS\x94K\x9a\x1c!\''</t>
  </si>
  <si>
    <t>b'j\xfdi\xdb\x92\xac?\x7f\x84\x8f*\xe86\x90\x98\xf8 3\xd3]\x8b\xae\x07hp\xdc\xd8\x8d\xa1\xe7\xca\x04'</t>
  </si>
  <si>
    <t>b'\x1d\x11\xb4\xd3&gt;l\xa1\xdf\x9d\x8e\xd2\x07s\xe6E\x0el\x86\x14\xc6\x9bZ\xc2s_09\x93\xecy3\xc0'</t>
  </si>
  <si>
    <t>b'e.\x9a\xe2t\xf3c\xb9\xf6\x15\xfaz\xed\x0fG@\xe0\x04Q\x02\xaf\xe8\x8b4\xe8T\xdeP\xa4\xa9O&lt;'</t>
  </si>
  <si>
    <t>b'\tmz\xf2\x9f\xc9\xe7\x032\xd9~i\xddJ\x04\xe3\xb6L\xa2\x92\xec\x15\xfadm\x9d\xba\xaf\x96\xf0N\xfc'</t>
  </si>
  <si>
    <t>b'\xb6\xe2\xfdj\xd7\xbc\xa9z&lt;i{\xf1^#v\x13\xe6\x9f\xbdrM\x9a/\xf6\xc9i\xd4\x8f4\x13\x8dO'</t>
  </si>
  <si>
    <t>b'\xd6\xcbX\xd2\xe9|\xb0\x05u\xb3\xc2\xbfe\xce\xca.\xc1.)\x92\x19\xe1]\xc7\t\x0e! \x14\x8c`\xe4'</t>
  </si>
  <si>
    <t>b"\xf0x*\xe1\x88\x16N:x\r\t0W*\t:\xb9\x95P\xcedF\xc5d\x1eph\x83'R\xe9u"</t>
  </si>
  <si>
    <t>b'\xb3\xbb\xad\x84\xe9\x81Z=F\x89\xd0\xf73\xad\xcc\xd5B\xda\xf4\x00\xdc\xf9\x91\x04\xd5]i8\xfe*ag'</t>
  </si>
  <si>
    <t>b'\rb[\xee\xd2\xc4\xac:}\xd0\xa97\n-\x88jg\x1b\xb0+\x83\xca\xd0=\r\x9c\xf4\x9d\xb8W\xce4'</t>
  </si>
  <si>
    <t>b'\xd0\xd4\x97\xad\x98L\xa1\x05\xfa\xa2\x00\x15\x9eA\xce\x88}]\xe2\xcf\xc8p\xe1\xcd\x17p`G\xa5%-\xd7'</t>
  </si>
  <si>
    <t>b"\xf4:\xd6\xe1@Q\n6`\xbc\xbb\xca\x16%\x18\x9a\x18\x93f\xaa\xacaa\xde\xfa\xab\xdd+_'bN"</t>
  </si>
  <si>
    <t>b"\x16\xe9\xd6\xda\x81\x895\x04U-'\xe0\xc6=\x88\xd9\xe5\x84\x0f0\x93\xb9Y\xe7(7\x08;g\xf1\xfc\xce"</t>
  </si>
  <si>
    <t>b'\xb4\x11\xc4\x978P\xc8\xc4\x85Y\xf8\xea*\xe5f\xabu\xf2\x08\x01\xb3\xd3\xce\x8f\x17\x05;\xb4\xa8\xede\x83'</t>
  </si>
  <si>
    <t>b'M\x85\x81\x90\x02\xdd\xee\xf7\x15\xb6o\xf3V\x1b\x7f\x14\x0f|\xeam\xb1\x9d4\x8a\xfbmu N\x94dX'</t>
  </si>
  <si>
    <t>b'!\xaf\x1b"K\xf8\x96Y\xfcQ*%\x85\x01 4[_\xb1\x1e\x8c\xfd{\xbf\n\xd1|B\x85U\xa0\x04'</t>
  </si>
  <si>
    <t>b'\x0bLz\xaf\xfa1\xd0\x87\x01(\x1dsV\xa4\x7f\xd0\xcdr\xc1\xd1\xa8\xc9\xa3q\x037a\xa3\x15o\xf2l'</t>
  </si>
  <si>
    <t>b'\xd9\xf5~\xaa\x8f(\xafS\xec\xbc\x9e\xe5]\xa5.!#\x96/\xbaY\x08\x8cP\xe9\xb7\xaaO\xa5\x12\xee\xfe'</t>
  </si>
  <si>
    <t>b'h0\x9ffG%\x91\xbf\x9f\xce\xa0w\x1c\xe2\xdf\xae\xc4)\xe2\xc6\xab\xf7\xd8~\xd7\xabJ^N}\xc1\xd7'</t>
  </si>
  <si>
    <t>b'X\xddK0F\x0b\xcb;p\x02g\xf4\xfa3\x08$\x8c\xc7\xd4\xb76\xcb\xeal\x114\xf8Z]\xff"\xc5'</t>
  </si>
  <si>
    <t>b'\xa0\x17\xaaf\xd2H`-\x8d\xf1v\xba\xe3\xca\x1a\x8d:\xe5w\x07]\xa09\x81!0\xc2\xfd\xc9t\xbf\x97'</t>
  </si>
  <si>
    <t>b'\xb9z\xf5--8\x9cR\x95G\xde\x1d\xfc\x91\x96\xcb*\xdb\xa9z\x7f6Ai)\x8c\x19\xfe)`\n\xfb'</t>
  </si>
  <si>
    <t>b'\xa5\xc0K\xa7\xf1\xbed\xd2\x1f\\\xf2Ah07\xa9\xd2\x94\xa6L\xde\xec\r\nK&gt;\x87]\x82\xd4r\x8a'</t>
  </si>
  <si>
    <t>b'\x1do\x12\x93\xd7\xf8)\xa2M\xc5@Am\xf2\xe7I\xa3\xd3\xc4=Nzb\x864B\x19\x15)\xccx}'</t>
  </si>
  <si>
    <t>b'.w"9\xc4\xc9\xa8~\xaa\xb6\xf6\xd8\x13\xa9K\x97\xee\xc4\xdb\xe4\x8f\xda)bH"\xef\x8c\x0e\xba,\x90'</t>
  </si>
  <si>
    <t>b'fzJ\xb3\xefx\x96\x9b\xd1\x8b\xb2\xcc\xca8z\x19\xedS\xe5\x99\x8e\x81M\xf8Jv\xd8\x9cR\xfc\x0c\x0f'</t>
  </si>
  <si>
    <t>b'\xb9\x1e\xf9\xce$\xd7 E\x88\x17\xdd\x82\xab\xdb\xe2\xc5\xfaV&gt;\x9c\x15\xfaH\x11%T)\xa2Z&gt;c\xba'</t>
  </si>
  <si>
    <t>b'T+V@\x8d\xdb\x81\xdaY\xc3M\xea\xd8r0\x98\x03\xb1\xe2\xaf\x1a\x03\xa4P\x08\xf6\xc7u\x06Ou\x0f'</t>
  </si>
  <si>
    <t>b'\xef#\xbb\xf1\xa8.QE\xf9\xa4\xbe\xecE\xc6\xfe\xb0\x91\x89[\xe0\xc3\xf2h\xb6\x99w\xec\x12\x15\xc9\xcd\xfd'</t>
  </si>
  <si>
    <t>b'\xbb)\x13\xbd4\xd9\xd8e\x89\xf6\x8f\xd8\xff\xea\xed\x94\xb5\xfex\xb5N\xb1\xaa\x81\x92\xff\xff\xf6\xe8\x9b\x13\xaa'</t>
  </si>
  <si>
    <t>b'\xddR]\x9f\xb3\xb2\x8eWY\x10h\xcf\x82\x0f\xbc\x9f\xfc\xcb\x97\x15,\x8a\x1c\xabF&amp;\xb1m\xd8\x0e\x10C'</t>
  </si>
  <si>
    <t>b'\xbcN!\x806\x99SPf\x0f\xcdgX\x02\xca\xb9%\xd345\x8d5)\xc3\x0c|\xe5\x90#$\x8aZ'</t>
  </si>
  <si>
    <t>b'1\x96\x9c{\xbd\x07\xb8^\x9c5\xd5\xcd\xdb\x98\xf6?\x0c}\x1d\xb5{9a\xd7N\xcagm\x0bp\xc9c'</t>
  </si>
  <si>
    <t>b"\xceG\x8f\xf3\xbf\x8aWU\x8c\x0391\x86\x9a\x11\xe3\x8f\x9fs'O\xe88\x87\xc8xl\xb0\x032\xdd^"</t>
  </si>
  <si>
    <t>b'*\x9b\x02y)}\xc1$|j\x8d\x9e\xe8\xa4\x88 b\x08=\xc8\x93\x8b\xc6\xf9\xa1\x99\xa5\n\x1f`H&gt;'</t>
  </si>
  <si>
    <t>b'\x0c}\xa5p\xe9\x88v\xd5\xa83\x81\xad"\xa8\xaf\xf7\xdd2P\xb1\n\xfb\xee\xc9OG\xe0&lt;\xd4\xa2]\xf6'</t>
  </si>
  <si>
    <t>b'-r\xd4\xd4\xf2\x87\x8e\x1a\xf6\xf3 8\x07\n\xe7\xa5\x1dK\x10\x05\xb8F\x86\xa7\x1aQ\x0f\x06\xd2=\x10F'</t>
  </si>
  <si>
    <t>b'\x89yz\x81\xb6\xfa\\\x93\r\x06\x04{\xdc\xe2\x03\xc9\xd3\x88w\xebe|\x1a\tr\x93K\x0c\xa4\xe7\x81\xe8'</t>
  </si>
  <si>
    <t>b"\xec\x9c'\xf1\x8c\x00\x18Gd\x97+\xb8\xc7'\x04\xc7\x13s`\xa5\x15\x85\xc8\xb9\xf6\x8e5B\x8b\xe6\xbcU"</t>
  </si>
  <si>
    <t>b'\xb5u\xd2\x8db\xf4\xcaMK\x87\x1c\xb4\xc9M\x86\x83\x0cvV&gt;G-\x0e-\x9e\xd2\xd2\xf0\xe5q\xba\xba'</t>
  </si>
  <si>
    <t>b'u\x12\xcd\n\x00\xa8\xe6N\x03\x9b\x84\xfdG6\xda\xec\x9f\xf6\x8a\x96\xc0i\xd5\x15 \x06.\x8a\\\x98\t?'</t>
  </si>
  <si>
    <t>b'\xabH\xf0A\xd1\xbd\xa5\xf2\xdb\x1cH-Y\xcf\xb8\x16;\xdcE\x0e\xd27j\x02\xa9\xb7\xe8\xf8;\x80\xe3\x1c'</t>
  </si>
  <si>
    <t>b'\xc3\x0c\x86\xe3\x7f\x13\xbc\ng\xc9\x18x\twq\x86\xe2\xc8\xf8\xadX\x8ai\xc3}qc\xf8Ew\x820'</t>
  </si>
  <si>
    <t>b'\x97\x04\xfa\xe9\x80\xa96U\xd6z?\xce=\x14\xda\xbe\xfb\xe9\xc9L\x92\xee\x0f\x04\x18\xa1\xdb\xd6\x93\xf8*\x8a'</t>
  </si>
  <si>
    <t>b'\\6\xf8\xaf\x04tM\xfc\x1e(#aq\x84G\x98\xfd\x03\x1fKI\xdf\xb2\xfe\x8e@g\x8c\xd7W\xa7\xa4'</t>
  </si>
  <si>
    <t>b"\x86\xe8u\x95\x18\nyW\rm/\xfd\xd5\n\xc0\xab\x8d\x0b\xac\x06\x9e\xa7L\xd9\x82\xe9\xd5\xb6\xc5\xf9\xca'"</t>
  </si>
  <si>
    <t>b'G\x11+\x01\xd7q&gt;\xff\xa7#S`\xb3\xe8\x96\xb3\x1eo\xebt\xf2\x02T\x96\xc8\x8b\xbf_Fm\x9d.'</t>
  </si>
  <si>
    <t>b'\x95\x96\x8a\xfc=i\t6\xf8\x1f\xad\x08.\xb9\xed\xea\xf9\xe9\x81\xd0\x00\x863\xdd\xc0~[\x1b\xce\x85\xd4\xda'</t>
  </si>
  <si>
    <t>b'\x1d\x99\x15\xf6\x9c\x1e\xff\\\xdc\x98D\xb9\x8bG\xb6=9S\x9a\xfeW\x91q8\x1aHK\xae\xd7y\xa7\x03'</t>
  </si>
  <si>
    <t>b'\xdb\xbd&lt;\x13\x89\x89_\xe6\x88\xd7p\n\xefZ\xe7\xf2g\xd6w\xd3?\x95\x03\x1b\xc2\x13(\xf6Q\xd8\x12\x80'</t>
  </si>
  <si>
    <t>b'\x02-k\xe2\xe5=\xf6/\xca\x94\xa0\x8d\x89(\xdf\x9b,n`R\xf56\xaeK\xa77\xbca\x8d\xe9\x95f'</t>
  </si>
  <si>
    <t>b'C\xcb\xa2\xaf\xdb\xd8\xf6D\xef#@[\xc99\xfa\x12lN\xd8\x18^\xf2\r\x8e\xd7`&amp;\xc1F\xe0\x12\x84'</t>
  </si>
  <si>
    <t>b'\xa7\x86\xf70\x0eD\xfc\x81\x80\x00\xa2\xc6\xeaA\x98r\xe1x\xe4\xe0\xf3\x0e\x96\x8d\xf1u\xc3\xa2\xc4\xde{\xc7'</t>
  </si>
  <si>
    <t>b'\xb7\xf7\x02\xf1E\xe3\xe7\x99vn\x06\xa8\x0e\xca\x82\x11f 1r\xa3\xaa\xa1\xc4\x86\xb4\x1f\x1as\xa0\tL'</t>
  </si>
  <si>
    <t>b'\xa1\x9c\xd8b?\xeb\xa4D\xbd\xe7\xb3\x1b\xa1=\x92(\x86lk\x81\x82\xa7H\xaf"( \xe1$\x7f8\x85'</t>
  </si>
  <si>
    <t>b'\xd9hh\x88\x0c\xa3u\xde\x08\x8e\xdb\x1a?\xd5\xaa\xb2\xe8\x12\xb5 \x06\xad\xadPb\xea\xa2\x98\x05M\x03\xc2'</t>
  </si>
  <si>
    <t>b'?\xbc\xb5C\xd6\xf3\x99X#QT\x01\xa79re|DQ\x14\xa3^-\x08\xad\x99oo\xbd\x04\x90\xc0'</t>
  </si>
  <si>
    <t>b'\xe4%\xde\x03\x80Ep\x0e\xf4\x0c\xaa\xb82L0\xd7d!5\xb5I\xe7\xb4\xa1\xa1\x1f\xbf\x11M\xa4\xe0`'</t>
  </si>
  <si>
    <t>b'|ZE\xfe\xf5\x19\xb9x\xc1\xc3\xe8#S[\xca\xc2\xef\x14\xa6DI\xcd\xe7\xc7\xdf\xc1\xed\x8a\xd9\x99\xc5h'</t>
  </si>
  <si>
    <t>b'\xc7{\xde\x14q&amp;\xef\xea\x8d\xd9\x92\tC7\xc5\xdcC\x89\xe1\xd1\xc2e\xc4A\xcf\xe3\xf7\x7f"@?['</t>
  </si>
  <si>
    <t>b"9'&amp;\xa1\x07e\x95\xb1\x804\xb2\x0b;\xfc,\xef\xddTL.\xda\xe6\xd45\xa3\xf3\x04\xb4\xf6!\x81\x15"</t>
  </si>
  <si>
    <t>b"\xb2~[\x1a\x18\x01\x96\xa0\x86\nR\x1e3e\x1e\xf0\xf4&amp;\xe0\x9eP\xd2\xca'M\x0c\xef\xbb\xea\xe8L$"</t>
  </si>
  <si>
    <t>b'P)\x80Ie+\x0c\xc5(\x88(@\x0c\xf7~\xee\xa4\xdf`&lt;Jc\xd7\xdfU\xa0\xba\xb4:\x8e\xde\x13'</t>
  </si>
  <si>
    <t>b'\x02\xc7\xf4U&amp;d\xf2^\x01]\xe2\xdd\xf5(N53#\xeb\xd7\xdd\xfa\x82\x86^\x169\x16WC\xd5\x13'</t>
  </si>
  <si>
    <t>b'\x85"\x8c\xc5\xe2\x88\x89\x8d\xfef\xc9O\x95wa|!\x88\xbe\x85\x13\x94\xb4\xb6H5d\x9e&amp;;\xa78'</t>
  </si>
  <si>
    <t>b'\x93\xa8\xf0\xcf\xa9V\x11\x04\x8a\xa3V\xaf\x02\t\x82\x98\xbc~\x15\x96Q\x08\x18\x15\xfd\xbd\xcbI\x85\xb2\xe2Y'</t>
  </si>
  <si>
    <t>b'\xf5\xfal\x1e\x0b\xff\xc7\xd8e\xed\x0e\xe8\xe1\x13)\x8b\x88\xbf\x04j2p\x81\xb0\xf6&amp;\x1dd\xf1\x0c\x875'</t>
  </si>
  <si>
    <t>b'\x1c\n\x1b\x1aL\xd4\xbd]\xe9\xad\xa1\xbea\xaa\xda\xa2b\xc2\xfflF\ne\xf6}\xbf\xa3\x18\xd98\xc1\x82'</t>
  </si>
  <si>
    <t>b"\xf8\xb0\xdf\xe41\xad\xa7\xd7\xd0I\x07mq\x92{M\x9a\xcd\xc6$*S\x17\x1c\x9c\x07\x1d9'\xf8\x04\x16"</t>
  </si>
  <si>
    <t>b'\xadK\x9eC\x87\xca\xc1\xc8]\xc7M\xceH\xbf\xe2\xdd\xda/\xff\xfc\xbe\xe5ZK\xd2\xf9^\x10\x8d\xd4\xf66'</t>
  </si>
  <si>
    <t>b'\xb8\xa5c\xea\xec\xca\x01T\x90\xb4\x12\xa8\x1a\x0cY\xbd\xdfZ\xec\xe5\x90]\x159\xe0[\xc6\x1f\xe7Y\n\xff'</t>
  </si>
  <si>
    <t>b'\x0bcd\xe6\xec\x1do#\xd1DJ\xac\x81\xc3\x19[\x00\x15\x13n\xb0\xc1Zy\x90/\xa9\xeb\xb6\x1d\xa9\x97'</t>
  </si>
  <si>
    <t>b'\xa6\xda\xadHtz\x04\xd3\xbe\xd6r\x8d!\x1e\x98y\x89\x8a\xac\xa4/\x03\x8c#\xf3\x19:\xdc)^\x86\xd4'</t>
  </si>
  <si>
    <t>b'\x8d&amp;\x87:\xf8\x94fU\xa9\xdf\xed\xe2A+W\xc1F\xafp.\xe1\xf20\x00\x7f\x80\xb3\x05\xaaS@\xcc'</t>
  </si>
  <si>
    <t>b"xHI%Sv\xfeNv\x9a\xa1\xd4\x8c9?\x95'\xbe\xb7\xec\x81Jr\xfe\x05Y\x8fw&amp;\x1a\xc7P"</t>
  </si>
  <si>
    <t>b"\xfaH'\xb6@\x13c\x06\x1b\xfbI\n9g\xef\\\x8a\xa2\xad\n\x05\xcd\x98.\x1e\x049\x83y\x82\xf9\xc5"</t>
  </si>
  <si>
    <t>b"M\x07\xe3@\xc7\r\x8d\r}\x05\xbdbR&amp;US\x1f\xe0^\x95\x19\xdc8\xb6\xa2#b'\x9d\xbc\xe1\xdc"</t>
  </si>
  <si>
    <t>b"\xdbE\x13\x16\xfe^\xad'rwc\xfe#\xf7\xa6\x15\xef\xedMV\xc2\xc7\xb5\x80S\x11$\xc6i\x88\x1eC"</t>
  </si>
  <si>
    <t>b'#e\x90\xa8\x000\xb5\xe17\x12\x0b\xe7\x04\x1fM*\xb7E\x1b4\x01j\xd8_\xe0eH\x15&lt;m)\x90'</t>
  </si>
  <si>
    <t>b'\x99\xd2S\xd8\xe9\x8d\x06\x1d\x98\xed\x00\xbca\xd45\xfc;\xa2\x1cE7\x7f\xf9g\xf1\xf1X\xc3\xf5A\t+'</t>
  </si>
  <si>
    <t>b'3\x08U\x80\xedH\xf5\xcf\x07\xe2\t\xf7\x17Lm\xc6\xaa\xe1\xe9]\xdb\xf2\xac\xb7#C\xfd\xac\xa8\x8d\xc7H'</t>
  </si>
  <si>
    <t>b'\x10\xd6\xa4\x92#\x86\xb3)\xf0\xb7f=\x9c8\xcc\xaf:\xd0\x9f\x97\xf5\xc7\x9d\xb0e\xb1\xa3|9\x8ebd'</t>
  </si>
  <si>
    <t>b'\x90L\xfe\x95\xe5\xe2\x1e_T\x80KM W\x99\xe0\x87S\xbf\x04\xd1\xe1F\x10\xe6\xe5\xb1\xeaN\xb9\x98\xd9'</t>
  </si>
  <si>
    <t>b'\xcd~\xcd\x9dM\x8a\x90\xd0\xab\xbb\x839 \x959\\$k\x97d\x83\xa9.\xe8\x0e\xbb\x8a\xcfR^\xddo'</t>
  </si>
  <si>
    <t>b'\xdf\x1d\x85\xbe]\x84\xca\xee\x86p~\x9b,\xc6\xcb\x976\xd2:2mm\x89\xa7j\xc6\r\x03\xa6$\xbe\xcd'</t>
  </si>
  <si>
    <t>b'c\xb7\xc6\xe4r\xe8\x90\x82\xbd\x1d\xff\x7fi\x96\xc5\xbfZ\xa4\xde\x94G7s\xca\xfdJ\xcf\xe2\x85\xd2\x85\x08'</t>
  </si>
  <si>
    <t>b"\x12\xe7\x0f\x08\xa7C0\xcd\xf8\t\x9a\xdb;\xc9\xafz\x05\x81\xe7gG\xc0\xfc\x16\xb4j\x8e'M\xd9\xa2\xe4"</t>
  </si>
  <si>
    <t>b'\xe0\xcb\x04\xe9\xa4\xe8\xed\x8c\xea\xcctc\x95]\x19w\xe9ua\x7fhE^\xc4$\x15]\xddm\x08\xf6z'</t>
  </si>
  <si>
    <t>b'l\xe8q\x91\xf3\x81\x05\x14U\xcb=\xad\xe8\xe9\x8e\x8f\x81\xfau y\xb97\xf70tC\xee\xe4\x7f\xab\xec'</t>
  </si>
  <si>
    <t>b'\x8d\xa83DT\xda\x80h\xb6\xc44J"\xe5\xb4\xa2\xed\xd6*y\xae\xb7\xb0\xc6\xed\xd5\xcb\xfdF\xe1\x9a;'</t>
  </si>
  <si>
    <t>b'N^\n\xad\xf8K\x1fHA\xeb\xbbj\xbb\xeb\xcbH\xbd\x7f\x01\xe5\x8f\t\xcdi\x9b\xf91\xa9+\xf9\x80\xa5'</t>
  </si>
  <si>
    <t>b'oo)\xdf\xd9Z\xe5\xddPh&lt;^\x1c\x84Cv\n\xac\x85\xfa\n\xc6\xb6\xaf\xbb\x17\x93\x13\xb6\x85\x7f\x8b'</t>
  </si>
  <si>
    <t>b'\xc0\x89!#/\x9e\xf3\xe3\xa4\x08\xa6&lt;\x19/\xe3+\xe6R\xa0\xdd\xb7\xf0&lt;\x07\xf2\xa2\x94K\xe6\xcd\xd5\n'</t>
  </si>
  <si>
    <t>b'\xe8\xd3\xfd\x7f\x8d\xe81\xdc\x19\xf2\xd7V\xe3\xba&lt;\xdb\xb7\xde=k\x93Z\x9b\x9f\xe0\x0e\x0f\x92\xa8\xff\xc2L'</t>
  </si>
  <si>
    <t>b'J-\xb3"u\xec\xa5t\xf3\r\xee(!\x8e\x07k\xd5\x82\x9d\xa9\x99\x1d\x84\xc5Zn}\xf8\xbd\xea\x94\x05'</t>
  </si>
  <si>
    <t>b'p\x1d\xd8\xf9,\xc0`\xbc\xde\x85?\xc4z\xca\x80M&amp;d\xe1\xf4\x1d\xdez\x8a\x12\x11"["\xa2%f'</t>
  </si>
  <si>
    <t>b'\xe9\xeb\x07#&gt;l\r\xf1\xc1G\t&lt;\x84E\x19\xbdn\xc4\x10\xe4ax\x85\xb1\xa7\x9b8\xe2\x02V\x92\x9c'</t>
  </si>
  <si>
    <t>b"h'\x80\xc1\xb4h\xe7l\xc6O\xeaZ\xbe\xe55\xd3\x94\x89\x88a#\xfa\x17\x10\x04\x93\xee\xe0\x8d!\xec\xe6"</t>
  </si>
  <si>
    <t>b"\xce\xca*\xa5\xe0\x07\x99\x03' aO\xa2\x13\x18}fe\x0e\x11\xe8\xd3\x92\x02c\x1c\x07\xb2\x1d\xe4s\x8e"</t>
  </si>
  <si>
    <t>b'\xd4\xad\x0b\x83T\xf2\xd0\x88\xe5Fg\x943Q^\x81\xbe\x9f\xf6\xd5&lt;;\x15\x1b\xd8\xc6g\x15\x12\x89\xf8?'</t>
  </si>
  <si>
    <t>b'a=\xcf\xb7c\x18\xb5wlR\x82\xc5\x1e\x7fRY\x1c\xd4H\x90\x84z\x14\x83\xdc\x034\xc6\xf9A\x12-'</t>
  </si>
  <si>
    <t>b'R\xd8}KTQ=\xcd\x94@\x0f\xe7\xba\xd9r)\x87\x1b\x1c\xa5\x17\x16\x9dE\xa8\x03\x9a\x9f\xf1\x94W\xc5'</t>
  </si>
  <si>
    <t>b"\x86\xa5\xea\x03sM\x050\x8egW\x16\x87\xb3i\xda#\xd5\xa2\x8eQ#v&lt;K3\x96\x8a\x0b^'d"</t>
  </si>
  <si>
    <t>b'MI\xe8\xe16\xbed{om!\x18&amp;\xf2\xc1=\xcd^\xb7u \x06\xda\rk*\xd9\xaeK\x0f\x8e\x01'</t>
  </si>
  <si>
    <t>b'\xe0\xb4 \xc1\x885\x02`\x0f7w*\xc3\xf0sm\xfc\xca\xc2V^\x17|z&lt;\xf3X\xaf\xb5\x0b\xab}'</t>
  </si>
  <si>
    <t>b'/\xfd\x1d\x8c\x00.\xde.\x0c\xa8a\x8a\xa4\x12\x99f\x96IC\xc1\x16\xbe\xa4e\x0ff&amp;\x8b\xea%0\xf2'</t>
  </si>
  <si>
    <t>b'\xa5\x0cyz\x1b]/\xe8\xd2\xafK\xc8`E\xb9\x02\x8a\xd0\xdd\xe9\xe4\x84N\x1d\x1cP\x0c\x05X\xdc\x95\x06'</t>
  </si>
  <si>
    <t>b'\xfeQ\t\xe7\xa0\xca\xbdz\x80\xdf\x1d\xe9[(\xa3\xba\x0f\xe0\xbb\xe1\x9d\x80\xd1=;\xbb\x82\xd6TQxR'</t>
  </si>
  <si>
    <t>b'\xad\x11\xd0-\xc3\x02_\xd6\x1d\x8a\xda\xdeo\t\xef\xa5\xa4\x99`\x1e\x14N\x88}&gt;\xd0\xb0)tc\x0bw'</t>
  </si>
  <si>
    <t>b'B\xe6\xee\x18\xb0\xcb\xda$\x06\xc2\x83\xd8\x8e2\xa2Z\x06\xb00);\x18\x8f\x062c8\x10\x14\x19vv'</t>
  </si>
  <si>
    <t>b'P\x85\xda\x8cpy\x03\xe8\x86\x8e\x10`\t\xb7\x99\xd9\x01\x93\xd8!\x89I\xac(gb\xae\xaehU\xd6^'</t>
  </si>
  <si>
    <t>b'{,j\xba\xaf\xd8:\x18(\xe2\xbb\xba\xd9c\xb8\xe0\xaco\xc8\x0f%\x01\tC\xe5n\x91\xd3o\xbc\te'</t>
  </si>
  <si>
    <t>b'\x1e\xe1\xb4,\x85\xe3\xbc\xac;\x8d\x13,Hs\xc3\x8c\x83\xf48\xa6\x88\xfa\xe2up\x90\xf4\x17\xe1\xb9b`'</t>
  </si>
  <si>
    <t>b'\rA\x01I/m`dt\xebJ\x13E=\x18\xb9\xa7\xf5\x8attc)N\x83\xd9\xf9\xd6\x8e\xe3\xee*'</t>
  </si>
  <si>
    <t>b'/}\xe8.he\xcd\x03\xd8\xe6\xb3\xd1D\xa1\xd0$\xd0&amp;s\xd9o=\x83\x19\x83h$\x19\x1f\x02\xc9\x1d'</t>
  </si>
  <si>
    <t>b'\x18\xaf\xa3N\x0b\xdd\xfb\x9e\xa0\x04\x15\xd9\xc7\xf0\x9a\xc3\x7fH\xc8o\xd4n&gt;\x8c\xee\xa4D\x085pmZ'</t>
  </si>
  <si>
    <t>b'\x9b\xfd\x86\xafvM{\xad\xf1\xe6Y\x93T,e;]\x80\rH\x8bcY\x8b\xf1\xc7\xd2\x10m7\x84\xba'</t>
  </si>
  <si>
    <t>b'&lt;\x12@}\x16a\xdbs\xaan\xb6\x87\x00:\x1c\xd4P\x13\x08\xd8\xc3\x87\x8a\xe3\xa9\xf5\xcd\xdf\x873\xbe\x81'</t>
  </si>
  <si>
    <t>b'\xa6\x1b\xeanCP\xc4#\x07\x80\x171H|\xc0}g\xf5\x8c\x19F\xcf\xa3\x9b\xda\xa2K=\xda\x97\xc1\xf3'</t>
  </si>
  <si>
    <t>b'5\x85_\xa4&gt;\xfe\x9c\\\xf3\xac)\x9b\xcdaC\xc2\x8d\xbeVo\x91\x89\x05\x04\x8f\xc0\xd8\x0e\xd4\xd2[m'</t>
  </si>
  <si>
    <t>b'\x87\xcfX\x18\xe8\x97~\x18=\xf8hc\xe0~\xbe*\r\x88 7q~\xd5G\x15\x9a\xfc\xa97av\x95'</t>
  </si>
  <si>
    <t>b'\x95\x1d\xa1\xb4\x04\xa7&gt;\x8f\x11\x15\xd6\x1c\xca&gt;,\x18}\xc3E[K\xae\x13`c\x01\xb6\xdd\xef\x89\xb46'</t>
  </si>
  <si>
    <t>b'\x14HuQ\x84!%\x96\x17Pia\x94IaG\xd1\n`\xe4\x1b(\xf0v\xd1s|\xed\xaf\x90G\xa3'</t>
  </si>
  <si>
    <t>b'\xc4\xdenX\x87\xee\x96\x16\x0e$\xe4\x84\x89\xfc\xdb\xf8u_#.\xdc\xdcg\xefO?\xba\x98z\xcd\x15\xa8'</t>
  </si>
  <si>
    <t>b"M\xba\xd6\xfd%\xd3?\xbcc\x809\x05\x86\xf6\x91\x0c\xd5\xf0u\x0f\x9e\xcd\xe0\xc3\xb9\xc2\xd5\xe38\xbb'/"</t>
  </si>
  <si>
    <t>b'\xc3#Es\xcd\x84\xd6\x8b;\x9c*\xa4\xb1\x02\xd0^\xde\xf46^Q_k\x89\xedO/\x9ex\x93\xa6,'</t>
  </si>
  <si>
    <t>b'\xb7J\xc0\xfdU\xd2@RrZu\xbd&lt;\x08,\x1c\xab\xe9\xd1m\x00j\x17d\xbd9\x19\xdd\xf1\xbd\xd23'</t>
  </si>
  <si>
    <t>b'\xe0(\xac\x99K\xd7V\xfdD\xe7\x8a\xe0\x02\xd2R\x8bX\xcb\x012\xbd9\x148\x045lB}\xd8F\x01'</t>
  </si>
  <si>
    <t>b'\x1c\x9eu\n+\xc3jR\xd6T\x9a\xdb\x8b99\x91\xff\xfc\x1c\xb7\xcf\x8b\xa3\xb6\xf5\xe1x\xc3@-f\xa0'</t>
  </si>
  <si>
    <t>b'\xcd\xa8\xd8\x17\xbe\xb6-\xb7\xe3\xd2\xed~v\xd0\xb4\xa9f\nG\xba\xbb\x0b&amp;\xdd2\xdfT\x7f(\xfa}Z'</t>
  </si>
  <si>
    <t>b'o\xb65\x16&amp;R\xc5\\7\xd3Kk\xf2\t\xe7\xf9\x86&lt;^\xda\xd9\x95L\xd8/t\r\xd4Bi\x97e'</t>
  </si>
  <si>
    <t>b'\x04\x90\xa4\xd1\x8d?g\xebD%tK\xfe\x9f\xdbiee\x08\x01\xfcf\xba.\x1c\x9a\xa2yE\xf3\xfc\x9a'</t>
  </si>
  <si>
    <t>b's\xcb\xe9\xe5\xfdn\x00+`\x1f\xcd\xde\xe9\xbc*s9\x89y\x85\x98\x7f\n%J\xbf47\xb3B)\xa4'</t>
  </si>
  <si>
    <t>b'\xa2\xae\xd2\x15\x18\xca\xad\xf9\x04\xba\x18\x11m\x15\xd6Q\xc5e\xab4\xf7w)\xa6y\xe1\xc6-CE\xc3\xf7'</t>
  </si>
  <si>
    <t>b'\x85k\xc0\x1a\x0c\x9e@\xef\x18\x13\xa5\xd6~\xf4\rq\xba,4CE`f\xc6\x95g\xed5\xe8\xcci\x9b'</t>
  </si>
  <si>
    <t>b'\xd1v\xf9$\x0bD\x97\x8f\x87Qjb\xab\xc7\xe0p\x1aQ\xed\x00\xcb\xd1\x1c\x95ML\xdfP\xb7J\xcc\xe0'</t>
  </si>
  <si>
    <t>b"o\xda\xef\xf8\xfe'\xa4\x8c\x14\x84\xab\x96w4z\xb2#\xc5M\xb3\xc6b\x7f9\x85n\xc7\x9dSWa?"</t>
  </si>
  <si>
    <t>b'\xa2~\xe6r"\x10L\xc1\xe3H\x92P9\x00\x8a\xed3\xc0\xb3\xcep\xb8\x93\xbc\x16C\rl\\\xd9\x87s'</t>
  </si>
  <si>
    <t>b'\xdd,\x05o\xef\x10N\xe4/\xff\xb6lf\x83\xca.\xf2\xe0Z$\x90\xc5\x9a|\xec\x81\x872\x19\xd6AK'</t>
  </si>
  <si>
    <t>b'J\xe6\xed\xa6^\x08\x04\xd1\xdb\xa7d\xb7x\xd1\xa3 J]\xdf\xc6\xf9\xa8\x13V;u\x12\xc7\xd3\xc9\xda!'</t>
  </si>
  <si>
    <t>b'\xaaF=\xc7-\xd0#\xb87viF\x16\xe8\x02\x90DI\xd0C@\xb6}A\xd7\xb2\xc1\x9fm\x8c\x14\xd3'</t>
  </si>
  <si>
    <t>b'u\x01\xc1\xf9\x0ex\x9f\xae\xbac5\x9d-\x10\x0c\x0b\xdbR@\xda\xb7\x19\xbb\xa8\x9enU\x89\xd3\xc8\xeb\xe5'</t>
  </si>
  <si>
    <t>b':\x81\x11\x92\xda\xba\x05\xde\xc5\x1bY\xa6\x04g\xee\x1dZn%\xe7\xb2R\xc0\x97\xa57\xde\xb4\xa8\xcfl0'</t>
  </si>
  <si>
    <t>b'x\t)4\xc1\x18J\xb9f\xfc\x13\xa1\x14\xbba\xd3\xd8\xcbf@\x0f_\x06B\xa3\xfe\xb3S\xbd[\x81\xe3'</t>
  </si>
  <si>
    <t>b'\x07\x15\x91d\x88\xd1+6\x91\xf8\x033\xc3\xd6\x97\xb1\xca\xef\xa7\xdc\xe8\x95\xf3M)\x81\xb73\xc1\xcfU\xac'</t>
  </si>
  <si>
    <t>b'\xc3$"V\xcb\xd9}\x18u\xba(Tl\xf9"De\x07s\x12\xdb\xf0|V|\xd6y\xa1=bT\x94'</t>
  </si>
  <si>
    <t>b'QR\xcf\x8fI&gt;c\xdd\x05\x86\xf3\xebZ\xdf\x1b"\x04\x8e+t$\xda\xf8b\xc7\xda\x90%\xb5\x1a\x1b\xb3'</t>
  </si>
  <si>
    <t>b'\x86\x9f\x83\x1c\x85\xec\xdeE&gt;\xc6\xec\x12\xdd\x9e\xe7H~\x99$\x99\xa5\xa6\xdb\x8a\xf0\xd1O\x08\xb1\xcd\xed\xd3'</t>
  </si>
  <si>
    <t>b'\xfc\xee\xf6\x88\x90A\xc4#\x0b\xed\xb7Mt\x9d\x90\xd08\xe0\x11 x\xe2\xd9]\xac\x94\xe6\x86du?\xca'</t>
  </si>
  <si>
    <t>b"$\x16\xe1\x8b\xfc\x02;\x9a\xfb'l\xf0\xc2!]\xdd\xe1u\xe3\x91\xa1\xf2nZ\x1b\x97G/Q(Q\xec"</t>
  </si>
  <si>
    <t>b',\x07bZ\xf6\x8a7a\x9a\xe2\xc4\xc7\x1d\xcaM\xa9\x9c\xecn@\x82\x10\x11tzL\xf8\xc9I\x1b\xf3('</t>
  </si>
  <si>
    <t>b'\xf8f\x14X0\x03\x86\xcbo\xd94\xb3\x8e8\x1f`\xd2\xd9KE\x91\x88@\xd4\xd4g\xf0\xc7xC\xa4e'</t>
  </si>
  <si>
    <t>b'+\xd0\x00\xe9"^\xb8^\xeb\x97\xda\x1e\xa2\xf1\xd1\xf4\xef\xc7\x86\x81\xbfXd\xfaN\xfb\xdc5\xc0\x9fA\xf6'</t>
  </si>
  <si>
    <t>b'\xf36\x88\x04\xca\xd4\xb1\xf2\xd1\xaa\x03\x99\xbeHK\x14M\x18S\xbb\xfe\xc1\x0f\t\x9c\xf6TR\x92~\xe3\xd4'</t>
  </si>
  <si>
    <t>b'XF\xd9\xa11\xbfG\xc7m4\xb1]\x1a3o;Q\xefX\xcd}\x97\x01\x9f\xa5&gt;a\x12\x82m\xea\x15'</t>
  </si>
  <si>
    <t>b'9@\xd1\x15\xa2/\xcaq\xa0\xa9\xb6\x9f\x06\xa9\xf3\xe6"\xf6\x03,\xafJ\xe0u\xe2\xfd\xad\xe6;EL\x14'</t>
  </si>
  <si>
    <t>b'_\xb9\x04\xb6\xee\x91\xbe\x02\xe4\xe8\xf9\xb0\xba\x98qvf\xb2\x16\xd2\xfbrV;\xa8hh\xab 4\xf5\xfc'</t>
  </si>
  <si>
    <t>b"0\x0e\x99\x0f\x14\xb6\xa6\xce&lt;\xd1\xa0\xddLiL\x0f'\\S\x0b\xd44\x92\xf8\xado\x0f,\xcf\xa7Q\xba"</t>
  </si>
  <si>
    <t>b'\xfc&lt;\x9f\x05\xeb\x1a\xe6\xfcO\t\xe3\xaa{\xf3ADs1y4a\xd3@\xb9\t\xdf&lt;W\x93\xd9\xde\xe7'</t>
  </si>
  <si>
    <t>b"\xe1%R2\xd9\xffm\xe1V66'~\xd7\x1a\x84{\x01\xfe3!\x1cz\x94\x14\xbb\xc3eG\xf78E"</t>
  </si>
  <si>
    <t>b'R!\x19\r6\xfb\xb9`\xc9$\xa3\xfa\xe3\xeb\x14\xaaY\xf5\n\xd0\x82\x04\xab\xfetY\xc3\xe8\xf5p\xc8^'</t>
  </si>
  <si>
    <t>b')w\xe0\xb9\xd0\xb4\x05\x02M\xd4\x86x\xd2\xf6U\xf2\x83:\x94]\x88\x86\x1d\xf5\xcb\x1f\xb0r!\x00f\xe3'</t>
  </si>
  <si>
    <t>b'\xbb\x03\xb0~\xb7\xf8\x93\xbc4s\\\xc7\xbf\x8d\xe29D\xfdt\xe4\xf2^gV\x0c\xff\xed=\x8f\x98\xbe\x0b'</t>
  </si>
  <si>
    <t>b'\xbcV\xccG`=R\x89\x06\xd4|\x9a\xb2\xf7\xac1\x92ff\xe0:\xfc\xb6f\x00eA\xbdN\x8e{\xef'</t>
  </si>
  <si>
    <t>b'\xa5v\xbd\x80\x8d2\xa5~\x1d\xd5\xae\xb3\x9dt\xf4\x1d?\xe0\xf8\xb4\xf9bTHs\xa3\x0b\x92\xe5\x87}/'</t>
  </si>
  <si>
    <t>b'\x9f\x8c\xa6R\t~\xe4\x174\x97\xfe\x98\x80\xce\x94\xfd\xb7\xea\xf2\xb1\xfa\t\x0b\xd2P\xebw\xf6\x9f@\xa9\xa2'</t>
  </si>
  <si>
    <t>b'\xb4y\xdd5\x0e&gt;m6\x90\x85\tI\xad,&lt;\xa0\xac\xe9\xa9\xefp@\xfbI\x03l4E\xdf\xbd]\xcb'</t>
  </si>
  <si>
    <t>b'\xa3\x057\xbf\xaf\x96\xb9\xf4Y*\xa5\x92\xb1EG\xff\x02#\x86\xc0\xb6\x15%\x10\xdbm\x9b\x87\x91|a\x1a'</t>
  </si>
  <si>
    <t>b'O\xfe\x99~8\xd9"\x84)\xb31\xa5\xa1"[\xb7\xc2\xe7\x9f[\x02\xa2\xae\xfa\xe2\xd5\xfd7\xc2c5\x99'</t>
  </si>
  <si>
    <t>b'rE[I\xa5I\xc5\xac\xc1\xd1\x97\x1b\x18\xd3\xf6y\xe6\x0e\xc0l\x0e+`\xd0HbL\xa9}Y&lt;\xe3'</t>
  </si>
  <si>
    <t>b"Q]\xd9M\xd6\x8b7E\x91#1q\xfe\x11m\xe4\xef*\x1f\x19\x18\xf3,2'\x9e_\x9bl,\xfb\xa3"</t>
  </si>
  <si>
    <t>b';\xf2[h\x17\x01#\xfc\x9b\xbbi\xad#\x94\xd7\x81\xd1\xd5\x10Q\xb8\xbaB\x93Fe\xf5\xc0\xf1xi\x98'</t>
  </si>
  <si>
    <t>b'A\x13`&amp;\xcbB\xcb\x84\xb478\xf1\xbb\xc2\x18\xcb\x8cj\x05T\x05\x978\xa9\xbe=\xc4f\xae\x9a\xa6k'</t>
  </si>
  <si>
    <t>b'M\xaf\xf9\x11\x91J\x17\x17\xd2\x9f4gn\xef\xf8\x1d\x96B\x9cM\x84vx\xc5\xc4\xfb\xf1\x0b\xa9+\nt'</t>
  </si>
  <si>
    <t>b'\xb0\xa4\xf9\xb7\xf4+\xdf\x01\xdc\xa0\xef\xbf\xcco\xe4%\xa15^\xa6\x02\xe8\\\x8a\xb1I\\P\xc7\x04\xebT'</t>
  </si>
  <si>
    <t>b'H\x17\xd3\xfe\xdf\xc8z&gt;3\xc7\x8f\xdd7\xa7\xc8sAY\xc7\xbc#T\xea`\xfb\xaa\xf5f\x80\x82\xdc('</t>
  </si>
  <si>
    <t>b'\xbaR%c\x0c\xc0\xc8\xc2\x0c\x8d\xbd\x14CF\xcc\xf6/\xd7\xb9\xe3\r\x84\x94#\x8f\x12\xec\xfd\xfa\xff\xad\x8b'</t>
  </si>
  <si>
    <t>b'\xfa\xbb@i\x10\xed\x8dH\xf4]/\xcd\xd6\xdf\x10\x0b7\xadQ\xe3\x16\xaee5\xa4\xa9\x0b]j\x83ym'</t>
  </si>
  <si>
    <t>b'`\x92\xbb\x9dJ\x86pv`\x87\xd1\x9e\xdc\x05\xff+\x93Pb\x9d\xda\xbd\x95\xc6\x9do-\xa0\x926A\xbc'</t>
  </si>
  <si>
    <t>b"0\xb2\x11\xcfY'\x07\x15\xeb\xdd]V|5\xbd\xc1lz\xf6!\xea\x97\xf4\xfcW\xf6\xe5\xfd\xe0\xb1\xdd\x07"</t>
  </si>
  <si>
    <t>b'\x06&lt;\xea\xbc\xb3\x05\x98\xc2\xe8\x17\xc4(g\x0c*\xc67\x9c\x95.\x90\x9b\x8f\x9dZ\x9e\xd7\xd5\xa2\xbb\x06\xb0'</t>
  </si>
  <si>
    <t>b"\x98iK\xbe;w\xbb/\xbb\x18\xd8)P^Q+w\xb8D\x15\x95em\xc6Th\xa1\xac\x0b'\xa3\xc5"</t>
  </si>
  <si>
    <t>b'B&amp;\xb1s\x11\xdf\xacnqc\xce\xeb\x9a$h&lt;\x1bmB\xea\x8bl\x80\x8d\x1f\xb2\x8dx\xfdeO\xdd'</t>
  </si>
  <si>
    <t>b'\x11[\x8b\x89-\xa47\xe5\xb9\x958iBPF\x9a[K\xef\x84\xdb\x1e\xe5\x99\xab\x9f\xc7\xfa\x07\x11\xe1\xe5'</t>
  </si>
  <si>
    <t>b'\x06\xaa\xd1\xe4\x0b\x98\xb3\xf9\xe3By~\x0e\x0b4\x03\xb7\x01\x8f\x89Y=}\x06y\x8b\x11\xb3\x808\x11\x0b'</t>
  </si>
  <si>
    <t>b'9\x87Y\xa3WO\x9eO\xf3R\x02{m7\xefy\xf98\xb8\xfd[\xb0\x9e\x96\xb2\xe6\\&gt;\xc3\xc7\xcb\xae'</t>
  </si>
  <si>
    <t>b'\x083+\xa8\xcf\x8c\xa2\x9d\x990i\x85FN\x04\x18e.\xec\xf6\xe8\xed6\xe8\xf1b\xcf\x0c\xd3H\xf4\xfa'</t>
  </si>
  <si>
    <t>b'vy\xd9\x10J\x9d*\xe0\xc9\x8d\xe7\x15\xaeF\xf0\x866\xf9D\x815\t\xb8\x8c\x03\x9c\x85@:4\xc5\xbb'</t>
  </si>
  <si>
    <t>b'\xc349E\xf7\xcfA"\x8di\xe3\xfa\xe4\xb0\':Uy\x1b/\xad\x88"\xd5A\xcd\x85\xe9\t\xfe"\xdc'</t>
  </si>
  <si>
    <t>b'\xfd\x86\t\xae\x92\x93\x991Te_s\xe0\xc6\xba\xd8\xf1R\xd7\xbf\x02+\xeb\x97\n\xda\t\\oh\x84R'</t>
  </si>
  <si>
    <t>b'\xecp%0b\xf3\x9c{\x8c\xfa\x00c9\xcb/\xef\x92\x983j\xf2\xcd\x17\xeb\xb2\xbf(F\xc1I\xab\x9e'</t>
  </si>
  <si>
    <t>b'M\xb7\xcf`\xd4\xda\xca\xe1\x01\xdb\xec!\xae\xbfj\xb3\xb7\xa5Wv\x98\xb4\xbd+^S3^\xe4\x01\xb5y'</t>
  </si>
  <si>
    <t>b'[sW(\xccP\x0c\xe9\x04R\x9f\xebB\n\xf9\x8f\xad\x05\x11-SY\xc5\x91\xd6\x0e\xb6\xdf9\xff\x1c\x03'</t>
  </si>
  <si>
    <t>b'X\xa7\xe4:\xe3xm\xce\xe3\xdf\xa0\x13\x7fo\x81\x9a\xac\x04K@\xc7\x92#B\xbf\x0f\xe6\xf9\xf9\xe0Fz'</t>
  </si>
  <si>
    <t>b'-\x91\xfe,\xa0E\xf5\xe5!\x12\xc3\xd9\x9e\xa5f|Z\x9e\xa8b\x9b\xd1akr\xb2`\xd1\xa0 \xed\x0e'</t>
  </si>
  <si>
    <t>b'P\xf5\xc4\xa7\x8d\xdb\x0c+\xd0\xcdy\\\xc4\x1beGU\x93\xae\xac\x8aXek/\x92\xa5&gt;c.\xb1\xce'</t>
  </si>
  <si>
    <t>b'\x0f\x8f\xed|\x8a\xab\xc8\x1e\xa3\xd7x5\x8e\x18\x9f\xa1w\xdc\x1e\xb9d\xe5]:[\x0f\xd6m|\x0f\xac\xdf'</t>
  </si>
  <si>
    <t>b'z\xcc\x8fW\xd6\xcej\xb8\xc9\r\x02P\xb1\xb3i\x16\xdd2\xffn\x90a\x18\xfc\xe1\x10\xd6\xb1\x9e\xda\xf8\x06'</t>
  </si>
  <si>
    <t>b"\xdf\x99\x12\xda(bY8-\x9aut/\xf7b:\x05\xfb\xdf\xbb\xc4\xdd\xa1'L\xa5zdS 67"</t>
  </si>
  <si>
    <t>b'\xdf4\x1f\xd5\xd9\x0e\x00\xc2\xfd3\xa1d\x85&amp;(\x85\xdf\r]\x15\xa8\xe8\xa0`\x864\xad\x1dE&lt;j\xdd'</t>
  </si>
  <si>
    <t>b'\xdd`\x8b\xd6\xc4\x169\xffq\x10L\xc5GU\xcb\x87\x98,\xa2T"f(\\\x19\x8fe\xe5B\xabD6'</t>
  </si>
  <si>
    <t>b'\t%\xf6\x1c\xe0\xc4\x99\xbf\xc3\x1c\xd7u\x8fHt\xc1\x06\x0b\xdd(\xd2\xd0\x13\x00&gt;L\xe3k\xfd\xfa\xa6\x04'</t>
  </si>
  <si>
    <t>b'M\x10^\xd8\xc5H\x0c4?l\x80P%x-\n\xbc\xc8\xf1\xa9\xcb\xf2\xbc\xc9w\xec\x97E\x94\xdd\xfc.'</t>
  </si>
  <si>
    <t>b"ls\x8f\xa1\xce\xd7\xf2'#\x1e\xd7of\x87x*\xf5\xa6,'\xf1\x17\x9da\x10\x8br\x89\xcc\xef:\x0f"</t>
  </si>
  <si>
    <t>b'o\x06;\x92\xa45\xf0w\xb9t;\xe6;\xeb\x01?Kn\x191\x9b\xdb\x16\x8d\x12\x97\x19\x8fJ\xfd\xf8\xba'</t>
  </si>
  <si>
    <t>b'\xb7\x9d\xcaJ\x7f%2\xb7\x9b\x9d\xce\xb6\xba$1\xc4pL\xe7\xbae\x86\x89\x88\x12\xae\xf2\xb1vT\xe4\xb5'</t>
  </si>
  <si>
    <t>b'\x9d\x8f5\xb9\x889\x1aZ\x03\x1d\xdc\xb8Q\xeecB"\xa0\xb7\x9c5u\x1a\xd1\xcag\xc8\xe8\x86\xc4\x080'</t>
  </si>
  <si>
    <t>b'\xb6z\xd6\xfc\xe1\xf1\x07$\x82\xf4\x82\xcd\xe0\xdb\x1e\xa3k\xec-@x\x9f\x0e\xe4@^\x1ef\x89\xdc\xba\xad'</t>
  </si>
  <si>
    <t>b"=\xee*@M\xe9\xda\xa6;\x90\xcd\xc0E'\xd3K\xb1\xacI\x16\xbc\xd85X\xf0\x90D\xad\xe7\xb9\xf1\x04"</t>
  </si>
  <si>
    <t>b"\xd3?\xb5\xb5t\x03\x95s\r\x12\x8d\xe2~'@A\t\xf1T\xc7\xe1\xdeN\xef\xce,o\xd9\xf9\x032X"</t>
  </si>
  <si>
    <t>b'"\xcd\xcak)x\xb5\xeb.\xa4\xa2\x92}#/\x84&gt;\xe2C&gt;Sv\xa1\x94\xff\x9e\'\x13\xdd\xd8|\xbc'</t>
  </si>
  <si>
    <t>b'\xbc!\xc4\xd9An\xcb\xb3PivD\xba\x84\x95\xe9\xfc\xa1a\x95=\xe9\x9b\x12\xd4~\x15H"\xa0\xc5\xce'</t>
  </si>
  <si>
    <t>b'\x82\xca\x83\xfc$\xf3K\xc4\xbbQ~\xaaZ1\x1d\x05A\xfe\x1f\xa6:\xce\x96\xef\x17\xcc.\xe7\xd9\xcbZ\x94'</t>
  </si>
  <si>
    <t>b"\x93\xa8\xaf\x93\x8a!\xff0\xd8\x0b\xfb:] U\xc9V\xd5\xf3\x05\xb2\xd8|\xab.\nb\x94\x83\xc1'\xaa"</t>
  </si>
  <si>
    <t>b'\xafg\xfdQ\x82p\x89\xf0\xa1\x05\n\xc7:\xba\x8fN\xc1Ke\x8c\xdc\xc4A\xda\xc93\xc9\xdf\x1f\x16\xa1\xf4'</t>
  </si>
  <si>
    <t>b'\x01\xec\x81E\xeb$V4\x0b\x94\x04\x19\xdc\xdd\xf8\xfb{\x95&gt;\xda\x98\xef\x94\x10\xfb\xd11\x04"\xf0\x13,'</t>
  </si>
  <si>
    <t>b"\x8c\x83'\xdf\x17\xd6\\\xda\xc5\xfd\xab\xa6\xbf5\x99\x94b[\xfa6\xe4Q\x14/\x8c\xb4^$\xf3\xb7\xfe\x97"</t>
  </si>
  <si>
    <t>b'\x06p\xbd\xdc\xbe\x1dY&lt;\x81q\x0b\xe1w\xce9$p\x91UW\x1f\x8c\xeb^\xd9a\x16\xe7\x96\x9e\x05n'</t>
  </si>
  <si>
    <t>b'\xeb\x82y&amp;\xd3\xcc\x02&amp;\xc8\x8b\x0b\xe8\x84&gt;\xd9\x82vr\x1d\x0c\x95~\xf5\xdb5o\xaf\x1b\x91\xad%\x9c'</t>
  </si>
  <si>
    <t>b'#\t\xbbq\x85\xa5*\x89\x85\x06\xd9\x15\xa2\xa3+\x86\xbc\xcfJgt\x88S2\x84\xc7\xae]\x9f9\x97\x03'</t>
  </si>
  <si>
    <t>b'\xa7\x97r\xf0\xd7\\\xbb^\x96\xae\xa7dI\xf9\xa5\x02\xca(]\x90SPk\x92:\x12i\xe8\x05\x18D\xd4'</t>
  </si>
  <si>
    <t>b'\x80\xd7\x031w\xe4!\xf9\x9d8\xf1\x08j/~\x98\xfc\xfa\x9a\xe4`A\xb4\x945\x1cmY\xeaD\xd2d'</t>
  </si>
  <si>
    <t>b'\x89s\x99\xb0\xa9O.\x85\xeeY\xa1\x0b\xe88\xd7\x12:I\xb4\x9aZ\x80\xd9\xcdk\x12$\xc2\x08\xb5J\x8f'</t>
  </si>
  <si>
    <t>b"\xa1\xec\x06\xd7\x0c\xe3\xf3'\x82\x00_3Ngk\xbd\x0eS@_\xeczY:\xce\xc7\xf5A\xfa\xfb\xb1\xab"</t>
  </si>
  <si>
    <t>b'/\x80\xda\xa3\x06@\t\x9eb\xdfG\xe2\xdd\x16\x0c\xcc\xfa4\xf2:\x84gL\xf4\xfc!kco)\x91\x10'</t>
  </si>
  <si>
    <t>b'Of\x82!\x8e\xbb\x89\x0b\xa5B\x8f\xc3\x9d\xc9 BthK5\x9e\xd9a?\n\xcd\xaa\xf1\xf2{\xa9\xf3'</t>
  </si>
  <si>
    <t>b'jQ\xe4\x13\xc83k\xb9\xc3\xbej\x0b\x12s=v\xd45D\x01\x06\xb3=\r\x10\xc4\xb68\xfe\x0e\xaeB'</t>
  </si>
  <si>
    <t>b'A\xb3&lt;wM\xa8\x0c;c\xef_\x9d\x17*1*W\xde:bBp\xa3\x17\x032\x1aD\xd7/~U'</t>
  </si>
  <si>
    <t>b'\xbc\xfd\xbd,E\x88\xa1\x99,"\xff0\x03&lt;\xc3\xb5\x8f3\x8b\xb7\xc5\x8cz\xd0*`\xb4\xdd82!{'</t>
  </si>
  <si>
    <t>b'\x1e-l\xef\xda\xf9\xbc\xa4^\t\'|\xe2K\xa5\x8a\xb8\xdd[5\xe1x"|\xd1~"eG\x9f\xech'</t>
  </si>
  <si>
    <t>b'\x18\x04\x16\x0c\x14\x17\x90\x91$\x01\x90\xab^\xd5\xf5\xe8Plq\x9df\xc2\xb5\xceC\xfbG\r\xf0\xd7\xe6c'</t>
  </si>
  <si>
    <t>b'\xc5y\xd1\xd3\xe6\xe8\xfc\x909\xfe0F\x91\xd2y\x1cxp3\xe3\x81L\x135J\x80fs#\xa4\xe5\xeb'</t>
  </si>
  <si>
    <t>b'v\xdf\n\xa1V\xbd\xbb~P7\xa9\xa7\xe0\x81\xa0uz(\x90\x05\xa0\x10\xb48\x1d\x84\xcc\xdd]L\x01\xad'</t>
  </si>
  <si>
    <t>b'\x99k\xc9\xe5,\xe4\xafyp\xc8/sR\xebiMR\n\xd499 \xad\xe1e1s\x0f.l\xc9\xa6'</t>
  </si>
  <si>
    <t>b'uK\xd8\x16\xa0\x18\xb9\xba\xf7D\xf0\xf4\xa6\x0b\x03\xc6\x08`\x8cF\x89\x7f\xb5\xd9\x9c\xef(2\xa5+\xcb\x8a'</t>
  </si>
  <si>
    <t>b'=Z\xcc\xb3K\xec\x8b~_oJ\x11Y\xbb\x04\x00\xb6fk\xf1t\x92G\x19\x99\tW\xdd\xb3U+\xa8'</t>
  </si>
  <si>
    <t>b'\x99\x9a.s&gt;G\xc8\xfcC\x94n\x830\xc45\xca\xb3\xaa\xf5M-}\x99\x96\x8aD\xb0\xb1 \xfb\x95\xe2'</t>
  </si>
  <si>
    <t>b'\xf3\xabJ\xe0\xab\xf0f\x18%\x16\xb0\xc4\xb7\xff\xcc&amp;\xf6hs\xa5m?!\xb0\x1c#\xd8\xaafi\x8f{'</t>
  </si>
  <si>
    <t>b'G\x18\xab)\xd0\xf2U\xc6m\xd1\x9c\x957\xa9\\d\xa1\xcf\xed\x89\x99\xec\xc1\xe6V\xba\xdd\xf5\xfe)V\x8c'</t>
  </si>
  <si>
    <t>b'\xe1_\x12\n=3&gt;f\xb7\xa5\xb8]f\xf35\xb2U\x94\xa3\x1d"L\xebc(\xf4\x1d&lt;/u\xa3\xd3'</t>
  </si>
  <si>
    <t>b'\xfb\x96\xec&lt;e[@\xae-fo\xd5\xf9q\x0b\xd9\xed\xf2\xdb\x0b\x01\xf1+q\xb4\xd4\x1dy5"\x18\xa4'</t>
  </si>
  <si>
    <t>b'\x16\xe6\xe3\xbd:z/\xe1\x80\x827\xc3\x82\xe289\xab\xa56b\xce\x00\x1dC4\xf1\\d}z7\x04'</t>
  </si>
  <si>
    <t>b'\x052\xe3\x88H\xb3\x83n\xd8\x8b\xb5\xfe\xd7\x1d \xd8W\xc8\x8b\x8a\xe8\xad\x94,\xde\xb8#]\x0b$\x11\xa6'</t>
  </si>
  <si>
    <t>b'\xfa0\x18\x9f\x86\x1e?]\xaa}\xd9\x97\xb5\xf4s\nJ\x10a_\xa4Y\x80\xfdz5I\xe5}\xd5\xfbI'</t>
  </si>
  <si>
    <t>b"F%8J\xf9\xf2XE0\xc9/'\x9f\xd9\xeb\x9d\xbc\x91\xd4Wj\xa5\x85\xeaYT\x19\x81\xc8\x9b\xc0\xaf"</t>
  </si>
  <si>
    <t>b';;\x81\xb6\x93&gt;\xa0\xc1\x0c\xe3*G;\xf7)\x0bRZ\x94\xe5\x8fO\x17L\x9e\xe3\x87\x97w\x8e\xd45'</t>
  </si>
  <si>
    <t>b'\xd0\xaaN\xf1\x02\xe5\xdc\xb0*\x99\x99\xfa\xd8~\xe7A\xa5\t\xb5aI\xf8eykk\xd3{\xcb!\x7f\xea'</t>
  </si>
  <si>
    <t>b'\x94\xceyJ]r\xf4\xab\x80\r\xedu\xeb\xb22h\x10&gt;\x8c\xf6\xb1\x8dq\xa2\x1b\xc3x&amp;#\xf3"\xb5'</t>
  </si>
  <si>
    <t>b'\xb7&lt;L\x15\xeb\xa5\x95$P\x96\x00\xb1~\xcc\xa8k|$&lt;\x1biA\xfd\x93\xa8\x94L\xc3\xae\xf6b\xb7'</t>
  </si>
  <si>
    <t>b'\xaa\xfa\x9b\x96\xa7p)\x91 \x87\x13k\x9d\xa3\x86\xad\xd8\x1aq\xe0wK\x88\x9aMt\xd7\xcb\xc1\xe9\xf2\x8e'</t>
  </si>
  <si>
    <t>b'\xda\xeaw\xb9v\xb3%\x1c\xa6\x96".&amp;\xeek\xa2\x92\xf1\x0e\x87e\x0c\x94T\x0fMSC\xf7\x0c!\xb3'</t>
  </si>
  <si>
    <t>b'VN\xff\x87\x16\xe0m\xaa\x96\xb7\xfa\xe4M\x85\xf0\xfb\x8d\xbab\x0f`\xb9x\x08Q\r7\xae\xc9U\x95\x82'</t>
  </si>
  <si>
    <t>b'\xb7\xcfv\xc6}\xbf\xef\x9b\xdf\xact0\xfc\xfcH&gt;IX\n\x9a\xf1\r\xbf\xaa\xf9\xb5\xba\xb9k\xb8f7'</t>
  </si>
  <si>
    <t>b'\xfb\xd3kd\x93\xaa\xe5kI%^:E~\xec\xb4\xec\x8e\x89\x00\xd9;\xd2\xc2O\xaf}\x0e\xac\xa6\xc8!'</t>
  </si>
  <si>
    <t>b'7\x064W@\x1c\x1c\x94\xf5\x8e\x1e\x93\xcb\x16Zu6\x0eNi\xe5\xe2hw\xe9FW5#\xabq\xad'</t>
  </si>
  <si>
    <t>b'\xb9z\xa4\xf7a\xd1\x84\xe4\xcc\xda\xa5\xfd\xda\x1f\xeeB&gt;\x8b\x1a\xe5\xf1qc\xf06\xcfcPL\xe7\x19\xf2'</t>
  </si>
  <si>
    <t>b's\xbd\xe8\x800\xa2\xf7\xfd\xa0|c^\xc2\n\xe2w\xb8\x87\xbc\xc44z\x8ei9\xf6#T\x96\xed\xce\x14'</t>
  </si>
  <si>
    <t>b'*\xd6\x88\xcd\xb2\x98K*\x91\x93\x03\xf37\n\xbc\xf6\xe2\x1b\x11\x8c\xf7\xaeY3\xb8\x93\x88H=\xda\xbfm'</t>
  </si>
  <si>
    <t>b'R\xd9\xe1\x92\x84\x99f\xb9s\x0b\xca\x00\x1d\xa5Md\xab\xa8\xd3\xc1l\xef{\x04&lt;_\xb4\xb9\xfd&gt;p\n'</t>
  </si>
  <si>
    <t>b"\x83$\xa5\xd5\xb6\x89\xec\x8dM&gt;k]\xc8\x8dM\xaeq=\xda\x18\x03l\xa1`\x0f\n\xab\x80zB\x8e'"</t>
  </si>
  <si>
    <t>b'b\x03mC\xcbG\xae\x01\xe41r\x9c\x1d=!\x11\x9e\xd7_\x12s\xd4\xd0\x05\xcfb\xd7D)\x809c'</t>
  </si>
  <si>
    <t>b'\xdb\xa2\xb7\xd4\xbe\x07\x10\x13\x0e\x19\xde\x89\xab\xd4\x13?l\x9aeno\x99t\xd1k\x06\x92\xd2\x1ax\xce\xbd'</t>
  </si>
  <si>
    <t>b'\xf3\xc8\x9eZ\x8d\x94\xf5\xb3ax\xe8\xf9^y\xb9\xf2\xfbaR\x89\xc2\x87b\xfb\x964\xee\xac\xb3\x90\x90\xd9'</t>
  </si>
  <si>
    <t>b'\x03\xa9\x91b\xe6.\x80\xb0]\xbb\xe8\x90K\x19\xb2\xa4,\xfe\x8b\xf7\xb4\xa7\x14\xadNz\xf3\xff\xde\xde\x8aI'</t>
  </si>
  <si>
    <t>b'{\x89&lt;\x10\xae\x86\xc7\x83\xe0,\x82PU*\x06\xa0$\xab\x07[\x85\x0b\xb9\xe9\x81\x8c\x1b\xd7\xb0eJ\x9b'</t>
  </si>
  <si>
    <t>b'\xfcM\xcb\tlb\xcc\xee\xc4\x07!-\xc6\x80\xe6\xd1AIw\xde\x9cl\x1d\xec\x8d\xbf\xbd7\x01\x13\x14\xd8'</t>
  </si>
  <si>
    <t>b'x\xaa\n \x19\x1f\xaa\xb6\x8a\xbf\xa2(\xfd\xc2I\xea\xdc9\x83\xbf\x0e\xe4\xe4\x96\xa9Pk P|\x87\xf9'</t>
  </si>
  <si>
    <t>b'\xda,\x89\xe5\xbe\x8d\xa6A\\\xd6x:Q\x93\xee\xa6\xf1\xe3\x1aX\xac\xd3u\x1cw\xfb\\\x8c\x0bO\xb3='</t>
  </si>
  <si>
    <t>b'^@\x95"\xbe\xff\xad\xc8k\r\x15\xa8\xb6a\x9dq\xcf\x10\xdep\r&gt;]0\xd5s\x00b\n\xae\xbf\x19'</t>
  </si>
  <si>
    <t>b'f\x92\x1df=\xe9z~Q\xd3M\xab\xa5,\xb2\xfbd\x19\x1e#\xf7p\xf0N\x12^\xa3\x96\x14\x08\xa0\r'</t>
  </si>
  <si>
    <t>b'\xdeC\xa34\xc3s\r\xbe\x90\x7f\xffi\x08?7!\xf7\xac\xe6\x1aX\xbf0\xa3G\xe4\xa9\xd8\x0eY(h'</t>
  </si>
  <si>
    <t>b'R\xfb\x95Sf\x92giV\xecP,\xadp\xb9&lt;\xf2a\x87\xab\x05\x8f;]\x89n\x84}\xd3\xcf\xccn'</t>
  </si>
  <si>
    <t>b'\x7f`\xcc\x88r\xbda\xb5\x04[\xeb\xbb\x80d\xc4\xa0$\x8b\x89\xc7\xe5\xdc.\x98\n\xbe4\x97?\xf5\xc0l'</t>
  </si>
  <si>
    <t>b'\\\x8e+\xb1\xbb\xd7\xf7\x9d\xec{\xa7\x1aO\xe2+T\xd9A\xf7\x83\x04,\x0b\x06H@(\xa2:H\x8a\xdd'</t>
  </si>
  <si>
    <t>b'+\xc0z\ta[N\xc8c\xd051\xe3\xf2\x7fE\xa3\xd9;\xdb\x07\x98\xe1 \xfa\x97\x93\xaa\xb1\x08c\xbe'</t>
  </si>
  <si>
    <t>b'\xc9Oq\xb0sY/=\x1c|\xceOw$\xa6+;\x1dL\x10\xdc\x16\xbcr\xe7j\x94\x00\xf3&amp;\x1bV'</t>
  </si>
  <si>
    <t>b"\xc6k\xa9\xf1\xd0{y\xa6o\xb1D\x1b\x81U\xbdML\xe9'\xaa\x8e\x14a\xcf\xa1=c\xd5\xb1\x17\xa1A"</t>
  </si>
  <si>
    <t>b'\x02\xd6\xb5\x93\xe0a\x84\xc9"E\xab\xf2\x10k\x96\xef0g\xa4\x91\xbc\x85\xeaP/\x91\x0f#\xef\x1f\xeby'</t>
  </si>
  <si>
    <t>b'h\x80b\x02\xdfY\xb7L\xfe\xb23\xa8&gt;\xd2\xd1A\xb9\x1f\xf0\xf3h+\x91\xb3\xdb\xf8+o\xd0\xa8\xa8\x86'</t>
  </si>
  <si>
    <t>b'\xee\xf1\xce\x06\x889\xf7\x91P%E\x16\xd9\x82\x17g \xcc\xb1\xdd\x1c\xaf\x9d\xdeK3BR3\xd9\x1ea'</t>
  </si>
  <si>
    <t>b'\xe2\xd2\x1a\xfb\x86\xc2\x90}n\xd7y\x12\xe6\x8e\xcf\x8e:\xeb\x1d\xf4\x02Q\xa4\x9e\xa2\xd69\x15\x95\xe7U_'</t>
  </si>
  <si>
    <t>b'D\x80\xea\xc4t\xb3\xf9s.1\x12\x85d\x0eY\x02\xab*\xa2T\xdc\xa5_q\xdd\xff02)G\xe1;'</t>
  </si>
  <si>
    <t>b'\x03\xc9M_\x1b\x97\x19;\xa1\x9a1h\x9a\xfd\x02\x82p\x84sr\x9d_\x1c\xa0LE\xd7N\x00\xe1\x18\x0c'</t>
  </si>
  <si>
    <t>b'\xbd\xfa\xfb\xaa,\x8e\xa5\x12\xac\xd4O\xfb\xce\x04\xc6\xb5\xd7zl\xe4\xa8\xef\x13\xdcw\x1eQ\xda\xd6[qx'</t>
  </si>
  <si>
    <t>b'\xea#\xbb\x80\x7fc\xa2M^\xc9\xd2M\xfc\xb9y\xc9\x16+\xbf\xac[\xb9b&lt;l\ro\xb8\xeb\x9bL\x9c'</t>
  </si>
  <si>
    <t>b'z\xac\xact\x80\xcf\xe8\x02\x9f\xe7]\xe4\x1b\xa2&gt;\xa6\x9a\x9b}\xa2p\x87\xe4\xed\x95\x95\x18\xd5\xb1\xa5o\xa3'</t>
  </si>
  <si>
    <t>b'T\xda\x106\xbd\x83\xb0^\x9b?U\x96\x92-D\xd0E\x1e\xac\x90(\x8d\x8d\xa2S7\xbf-#o\xdf\xe1'</t>
  </si>
  <si>
    <t>b'r\xf0\x95\xc5h\xbb\x06\xea\x8f\x88/\x12\xc2W\xc0\x8c[&gt;\xfd\xf4\xd38\x90d&lt;@\x0f\xf0\x8b\x06K*'</t>
  </si>
  <si>
    <t>b'se\x9e\xe9oo_\x97[\xec\x802\x86\x03;6\xf1g\xe2\xce\x029N\xb5|\xd7&lt;\xd8\xa9\xdcu\xf5'</t>
  </si>
  <si>
    <t>b'tw0\x17\xe8\xa4f\x07\x02%\xcd\xc7\xca\x8d\xae\x88\xf8\xf8\x80\x86{\xcdH\x03\xd9\xbf\xee\xb2\xbf\xf0\xc4\x92'</t>
  </si>
  <si>
    <t>b'\x99\x1b\xdd\xeb\xa0v\xba\x13\xe6c&gt;\xda\x83\x02\xa8\x00\xe5a\xc29\xe20m\xc3:cm\xb7\x15\xc4\xcb\x1e'</t>
  </si>
  <si>
    <t>b"&gt;\x12\xaf\xe1\x8f\xc1b!\xf2\xba\n\x8f\xe5\x00dL\x17?=t#K(\x10R\x8a\x9b'\xe4\x01)C"</t>
  </si>
  <si>
    <t>b'\xd0x\xf5\xa0M\xbb\xc4qw\xba\x95\xa6\xe0\xa4\x06\xec\xa6\x03\x928aP2\xa9\xc3\xad\xb0p\xb6\x0fh)'</t>
  </si>
  <si>
    <t>b'@\xa2\xfa\x14ouC\x15w\xa0\x98\xfa=\xd4\xf1\x08\x1f\xb3\x1e\x81ID\xa9t\xfd\x06p\xe1\xa8\xbc\x85\xef'</t>
  </si>
  <si>
    <t>b'\x91A\xa9\xb7]\xfc\x86\xb8\xff\xbe\x9f\xf21\xbf\x00\x99v{\x0e\t\xb9!\x0e\xeb\xef\x89\x18*\x8d4d\x9d'</t>
  </si>
  <si>
    <t>b'\x04=6S,\x1e\x8a_K5\x89\xe2\xc5\xaf\x1e\xd0\x86\x1a*;S\xbcW\xd1\x1d\xfd\xb8\x87\xf2\xca\x8e@'</t>
  </si>
  <si>
    <t>b'\x11e\x15\xb5\x86{G\xf5\x89\xf9\xe0\x91 yH\xd3wHKayo\xb8\tQ\xb2\xafD\xef|&amp;V'</t>
  </si>
  <si>
    <t>b'\xdf\x94\x81\x03GYy\xe1\x07\x97IV!\xd19v\x02-v\x1a?Z8xf\x1c7\xe5\xf9$\xedp'</t>
  </si>
  <si>
    <t>b'j\\\x8bQb\xf4\t\x86\xd2b$.\xf8\xe1\x8eql\x99q\xb1\x02\x89\xda\xaa\x92\xead\xf4-\n\xec!'</t>
  </si>
  <si>
    <t>b'\nk\xfd\xbcj^\x98\xbc\xae\x18\xd9\xb7\x87\xa1\xc5!#\xd5a~N\xb2\xcc\x0b\x88\x80\xbf^\x01b\x05\xbf'</t>
  </si>
  <si>
    <t>b'\xee\xf8\xde\x8dv\x08\xbd\xe5\xe6\xa9\xac\xecg4\x12\xf1\xea\xe8\xe5u\xecD\x8f\xc2\xdf~NJ\xf5z\x9b7'</t>
  </si>
  <si>
    <t>b'\x8fc\xc3\x81VFR\xfcV\xf2\xeaZ\xe3\xf8\xe4O\x89&amp;y\x07\xda\xee\x17\xdf_\xc5mp~\xa8\xf1\x11'</t>
  </si>
  <si>
    <t>b'\xa7\xa2u\x1f\x9a\x10ge@\x9dsz\xe0\xdco\xe3\xce\xaa\x83\x87\x13\t\xa9\xed%\xb5\x16\xb7\xb0\x84$\x80'</t>
  </si>
  <si>
    <t>b'$!\xc9g\xfe\tr\xfa2\x8f*\xd5\xf4\xc6&gt;\xdb\x0b\x92\xea\xe9=\x05wdur\xf6\x84E0C\xd8'</t>
  </si>
  <si>
    <t>b'\x9d\xea\x03j(\xf1\xb4\x8coDj\x0bT\xf8\xf0\x8e\x17\xc1\xfe\x17P\xdb\x89\xed4\x85%,\xd3S\xb8\x99'</t>
  </si>
  <si>
    <t>b'\xeb\xcd\x97\xc5\x9f1\xf3\xbcbY:)\xf0\xe3\xe6;\x930\xd7S\xc0?\x93A)\xe3\x0b\x132J*\r'</t>
  </si>
  <si>
    <t>b'\xef\xf0\xf9\xda\xb6\xc0\xd2#||(\tW\x02O\x97\xfe\xbc\x86\x83\x83\x10\x8e\xe6\xf9\xdffi#db\xd7'</t>
  </si>
  <si>
    <t>b'qC\xd6\xa9l\xc0\x10o\xb6\xc5H]\xc8\x80\x9c\'d\xe6\x87\x17\x17(\xa4?"&lt;2\x99\xe3[\xdfA'</t>
  </si>
  <si>
    <t>b'\xbb#\xd3(XhMG+\x95Z~H\xa7U\x14v\xcf\xf4\x9aXh\xa4%aC\xb3\xb9\xb3\xf6\xd5('</t>
  </si>
  <si>
    <t>b'\xcc(\x08\x9azk3,\xe5\x11\xdd\xef\x87&amp;\x8c))\xed\xff-\x16\x898\xe1\xb5Md\x1f\x90R-k'</t>
  </si>
  <si>
    <t>b'\x8d\xba\xfa\xe0\xdc\xb2\x08;xf\xe9s\x08\xba\xdd\x01\xbd\xa2\x8a}\xa9\x19\xe9\x9b\xb6\xabW!\x15\xc5\xa3\xf0'</t>
  </si>
  <si>
    <t>b'E\xfc\x1d\x16\x10a\xefNei\x90Th\x03\x1b\xe8\xb8\xbd%\xbe+{f.fd4\x07\xaf_%!'</t>
  </si>
  <si>
    <t>b'Wm\x8b\xcb\x05\x95\x1fj9\xddM\x0b\x9a\xb7\xa0\xf2\xd8_\xf1s\xeb\x02s\r\x8a=\xd3\x1bT\xb8\xc0\xf9'</t>
  </si>
  <si>
    <t>b'\x03\xd0wha\xc8\x19\xed\x8c\xac\xbeP\\\x14\xf4\xfax\xd8\xf1\xd7\x06\xda\xde\x8131\xb8O\nV6,'</t>
  </si>
  <si>
    <t>b',2\xaf\x01\x1fW\xb0:\xc8J|I6@\x02\xa6F]k_\xe2+L\xe8\xcdu\xae\xb2\xf2!e\x9a'</t>
  </si>
  <si>
    <t>b'M\xab\xfa\x15\x1e\x0e\x8b\xe3)\xd1~\xad\xb1\xa3}W\xb7\xa7[\xa6P\xe6\xa7\\\xf1\x9b\x86\xa1\x1e\xb6c\x9f'</t>
  </si>
  <si>
    <t>b'R \x1d\xb7\xb8s\xfd\x93\x19r\x9d\xf5(\x166\xb0\xc4\xea_\x92\xda\xc1\xee\x16\x7f\xdf\x9f\x17I=\x98\xc2'</t>
  </si>
  <si>
    <t>b'#\x95Qa%\x0b\xc6\x13\xc4N\xc3/\xe9\x89\x8a\x0b\xea!\xd2qZ\x05\xd7\xcb\x08\x9d\x94\xd7\xf0*\x03\x0b'</t>
  </si>
  <si>
    <t>b'T3x2\x11\xc9\xa1\xf54\xcd\x1f\xf8v\\\xe24v&gt;\xf2`x\xc8K\x81P\xcc\x86\xf9\x97H:\x9c'</t>
  </si>
  <si>
    <t>b'\xe4\x03m\xfe\xc6&gt;\xa4\xc9\xb0\x1b\xd0\x9bU\xdd8;\xc0O\x97\x99\xbf\xbb\xb2\xdb\xdb\xae\x11\xe1\n\x90\\&gt;'</t>
  </si>
  <si>
    <t>b'\x84\x86\xf9\x07\x98[d\xc7\xa3\x1a\xc5\xf8\xc9g)\x04\xc8.\xb7\x89\x95\x889zZ{\x1b\xdc\x9et[+'</t>
  </si>
  <si>
    <t>b'\xdcAxk|\x99\xa0}A\x0f\x0c\xe0N*\x1c\xbd\xd8b\x1a|wB\xf5\xc9g\x1f\xecv\xf8\x9d\x02\x0c'</t>
  </si>
  <si>
    <t>b'Rw\xbe\x11[_\xdd\x93&lt;\xe4\x8d\x98\x93\xc1\x95Zn\xba\xc3\xdf\x84I\xfb[`\x07\x93\xcay:\xf0\xdc'</t>
  </si>
  <si>
    <t>b"\xbc|4a\xa0\xf0\xdc\xb9'\x8d\xba\x9f=oH`\x87pmo=m\xa6\xfc\xd6\xe6\xeb\xa1\xb6\n+g"</t>
  </si>
  <si>
    <t>b'\xed\n\xbe\x8720\xcc\xd0\xc1\xcen\xdeN\xf4\x92\xabN\x8c\x03:\xf3\xcd\xce\x80L\xfc\x12\xad\xa6\xd4J,'</t>
  </si>
  <si>
    <t>b'\xb2A\x12lF\x16\xd40\x89\x99\x88P5\x8b\x8b\x06\xad\xd0S\xecMa_\xd7\xeaoWp{\xd0\xee+'</t>
  </si>
  <si>
    <t>b'\x063`\xe93\xaa\x1f\xd5f&lt;\x01\xed~\xca\xb1\x1a\x9b\xc0\x82!\xd9\x19V\xa4C\x8b\xfc\xf2\x88B\x06r'</t>
  </si>
  <si>
    <t>b'\xa3s{d\xf3id6\nL\xef6\xa6\x17\xaa\xeeq\x14\xf4\xa9OJ5SwD\x1f\xe3\x85\x9f\x1d\x0b'</t>
  </si>
  <si>
    <t>b'\xd9\x11\x12\xdbj\x17\xbf\xc3/|\x11\n\x03|\x04\x85,\x9c\xbb\xb0\x8cH\xedr\xdbW\x18\xe20\xf5Yd'</t>
  </si>
  <si>
    <t>b'\x8f\xe0\xdf\x83O\xbc\x9a\xc8\xcb\xeajO\xda\xd0\xdbXI\xdb\xcc\x03\xbe\xfc\xad\x91\xb4\x12VA+6\x1d\x0f'</t>
  </si>
  <si>
    <t>b'\xc1\xd0\xcc{\x85\xc0\xa7\xe4\xd8\xb9\xef{\x9f\x96\x0e\xb4nP\x8e\xebI\x9e\xeb\t\xe2-\xd2\xff\xf4\xe5\xa3k'</t>
  </si>
  <si>
    <t>b'h\xbe\x18\xbe\xb9\xc8\x96b\x0b\xe3\xcel\x96\xf9\x8f\x0e\xc2fI\xc6f\xb0M\x14o4\x80\r\x9e\xcf\x82\x08'</t>
  </si>
  <si>
    <t>b'\xe7\x94\x18\xd3\xaa\xf3{\x9d"\xff\xce\x05jc\x05&gt;\x19n\x935\xf8\x9a!\xcb\xbb\xae\xb2R\xe2\x84\x895'</t>
  </si>
  <si>
    <t>b'\xb9\x11\x03\x0e\xfa\xbd\x1d\xa7r\xb1\xa52\x99\xcf2D\x9a\x9e\x83\xa1Lt%+\x03{\xe3\xa1\xd4e\xb0\x13'</t>
  </si>
  <si>
    <t>b'L\xec%\xb9\xfd\xe2\xe0\x1a\xe2]\xfa\xfe\xf4\xc6\xb9\x02P\xef\x12\xd8C;\xe5@\x0e Gy\x0e\xf7\x86Z'</t>
  </si>
  <si>
    <t>b'c\xc5\xedL\xab]\xf8\x14\x86\x95?\xf7\x7f\xf5\x8f\xafNx\xe2\x8e\x0b\x86}&gt;A~\xf7\x10\x01\xfc\xb6\xbb'</t>
  </si>
  <si>
    <t>b'\x0fk\t\xdd\xda\x02\x18h\xbc!3\x1b\xf5\xc0}ibV\x80\xe1\xbcT\x94\xe9WV;\x04\x10\x84\xfc\xfc'</t>
  </si>
  <si>
    <t>b'\x81\x86\xf9\xcc[\xf6\x0e\xee\xf9\xc4\x15S\xec\x98Nx\xcb\x82\xb6\x88`\x13\r\xda\xa9!F?x\xe3u\xde'</t>
  </si>
  <si>
    <t>b"*\x99\x9d\xf4\xea0\xf1'\xeb\xe8\xbc\xbf\xa2h\x07\xcc\xd5\xe9\xbeY\xfc\xae\xccX896&gt;\xadC\xe8\xf5"</t>
  </si>
  <si>
    <t>b'\xad\xf1\x18=\xb4\x8a\x0c\xa8\xbc/\x1c\x1a\xe2k\xdbV\xb6\xf5\xe2\x17\\\xd3\xb3\xa7\xd0G\xc6W\xeeU/W'</t>
  </si>
  <si>
    <t>b';\xcdy\x17\xed\xfe5B\xec\xbdm\x19pMcN&lt;"\xa2(\nr_\xe1\xaau\xa7\xf3\xae\xe7~D'</t>
  </si>
  <si>
    <t>b'\x84D\x93n\xfd\\\xb4\x86^z&gt;Lg\x0b\xa0\x88\x93\x97\x94&lt;%\xbd\xd9\x14\xbc\xb8\xa1XU\xf5b\xae'</t>
  </si>
  <si>
    <t>b'&amp;e\xbe\xc3\xbf\x9d~\xb3\xec\xc2\xaa\xa3\x9aXO\xe6J1i\x07\t\x81\xecl\xa8\xa9\x1b\xbc&amp;X\xca\x7f'</t>
  </si>
  <si>
    <t>b"\xf9\n\xe0H6\xc8\xc4\xfb\xf4\xb6'S7\xa6Y|\\\xda\xd6\xd3n\x05\xa7\xc1\x91\xea\xa6\xe61\xa0\x19\xd9"</t>
  </si>
  <si>
    <t>b'Sd\x0e#\x85\xc1O\xdd\x9cP\xe1\xbeK\xb0\xb0\xd9\xd2\xa7c6\xde\x98\xbfx\x81\x19\x1a\xbc_#A\x99'</t>
  </si>
  <si>
    <t>b'\x07\x90&gt;\xc7\x8c\x9dFd\x8b\x01_\xaat\xb4H\xc0\xfe\x08c\x81q\xd7\xf8/{\xfd\xa6\xbc\xe7\xca\xb4\x98'</t>
  </si>
  <si>
    <t>b'M\x12\xea\xddZ\xe9\xc4\x9d\x96\xa1\x1f^f\xc9\xb9\xd0rm\xe6M\x9cM\x85L\xb1\xa8\x93\x82Dc]\x97'</t>
  </si>
  <si>
    <t>b'\xd8\xb6\xd8\x10\x08\x15U\x08\xc2\x97\x88G]\xb2d\xbb\x03\xc85\xf0u\xd1Y\x89\xf0\xf455\xd9+e\t'</t>
  </si>
  <si>
    <t>b'Y\xf2\xa3\x04&lt;\x0f\xf9\xd6\xfb\xc9 /\xd3\xcb\xd7*%\x80\xba\t\xda\x06\xf6\xde&lt;w\xcfp\xe5\xb4\xe1\xb6'</t>
  </si>
  <si>
    <t>b'3(\xbe\x96\xba2*W\x04\xb1\xdeG\xa1\x13\x17\xea9/\xf4\xf1"\x85;\x0c\x87\x9d\x12\xcd\xf0\xec\xc9#'</t>
  </si>
  <si>
    <t>b'\x07\x17GF\xe6e@v\xfe\x17\x1d\xb0\x05q\x94\x86p@\xca\x16\xa7\x91\xef\xb4\xa4C\xbb\xd6\xb2\xce\x96`'</t>
  </si>
  <si>
    <t>b'g\xccd@\xf8\xef"y\xc4iB@)\xe7k\xe3\xe5\xde\x82\xebg\xc7\x05\xac\xa6WP\x05v\x84\xc6\xa6'</t>
  </si>
  <si>
    <t>b'\xd2|\xaeJ\xcc&gt;\x80\xd6\xe9\xbfF\xb2-Sl\xa9\xedu\xf10U\xb2\x8f.\xb1"P\xd4\xa5*z\xea'</t>
  </si>
  <si>
    <t>b'\x02F\x1d\x01l\x88\x82k\x1b\xdbj{\x8c%z\xccg\x99\x08\xb87\x93\x08\x95\x80g\xe9\x92\xf9u\xd6/'</t>
  </si>
  <si>
    <t>b"1\x83\xed\x9a'E\xe2k\x7f+g\xd5\x93\xfc\x02\xea\x8b\xe9\xb9\xb0\xa1\xdd\xb3-\x91,\x9eZZ9\x17\x98"</t>
  </si>
  <si>
    <t>b"\xb4\xd3'\xd8o\x1d|K\xcam\nC6\xd3\x9e(\x12\xcf\x8d\x80%\xe6CF.t\x8ai*\xe6\xb7\r"</t>
  </si>
  <si>
    <t>b'|h\xa4\xa2`2#\x98\x16\xe2d\xb8\x84\xc1`\xa4\x15C\x02hf\xc9?\x07\x82\xe3I\xb54\xf6\xd5\xc6'</t>
  </si>
  <si>
    <t>b'1@\xbdq\x8c\xa2\xb1M\x03\xa4\x04\xd7\x1d\x92\x7f\xac\xa1\xbc\xb8\x1c\xaa\xf0\xd3\xc3d\x02&amp;\xae\xca\xd2T\xe7'</t>
  </si>
  <si>
    <t>b'\xdbb\x8fX\xc7{V\xc8\xe8/\x98\xf5\xa5\xfbi\xb3\xb9\x18\xa4pR\xfc\xa4\x00\xc0\xb0q{A4\xea\xf1'</t>
  </si>
  <si>
    <t>b'e\x02o q\x97_\xd1\xa4\xf8\xc1\xc4\x00)\xa2\x0f\x10\xbe\x8c\x98;\xc0RM\x91J\xab`\x9b\x05\xf5\xb1'</t>
  </si>
  <si>
    <t>b'\xc8\xbb\xb4\xd2e\xe2\x14\xf7\xd9;\x85\xdd\x04i\xb7\xfe\xf8\x1c\x9f\x83\xe1]\xb2*VjN~%\xd5(K'</t>
  </si>
  <si>
    <t>b'\xd5%A&amp;\xbf\xab\x13\x82\xf8\x98\xcd\xc3\xa1\x9b\xda2\\\xc3[B.\xe2[\xe9\xa9\x1e\xcf?\xd4A\x9e('</t>
  </si>
  <si>
    <t>b'\x0c\xafxW^\xd9b\xd69\xc7M\x9e\xee;\x8b\xceH@]5\r%nq\x0f\xba\x9dC\x7f\x9a\xc2\x05'</t>
  </si>
  <si>
    <t>b'\x8c\xa6\x95\xcf\xd5)\x02\xde\r\xf9\r\xe5l\x84\xc9\xcf\x1b6\xd1\xe6\x86V\x94\xe8\xedT\x81\x836\xb5\xc4\x9c'</t>
  </si>
  <si>
    <t>b'\xaa\xae\x9d&amp;\x95 \x955BS\xcf\xfaa-4\xa1L.I\x9e\x1e\xda\r\x18\xeb\xb8\xefj\xf9\xc9}\x13'</t>
  </si>
  <si>
    <t>b'\xbe&gt;\x82\xb5\xfd\xf1\xf4\xf0\x89S^R\xe6\xbd\x1c\x1a@\xce2\x99\xa7\xe6RE\xbf\xfe\x11\xfa\xf6i\xce&gt;'</t>
  </si>
  <si>
    <t>b'\xf1\xd3\xf6\xf2\x7f\xc7\xdaA.e\xac\x87\x14,j\xf4\xce\xff\x9c&amp;Q\xc3v \xbe\xc8\xe8\x98\xc5e8\x99'</t>
  </si>
  <si>
    <t>b'\x8fm\x8c|E\xfa\xf0n\xdc3B*\x84\xa3M\x10M\xf9+1\xae\xc2{Kz\xf7\\\xaeE\xb1S\x9b'</t>
  </si>
  <si>
    <t>b'\xf3B?\x88\x0eG\x9e\xf5?\x02Ok\xd3\xaf\xd8\x91\xf3\xb4l\xa0\x03Q\x90\x00EvB\x08\xc5|\xde\\'</t>
  </si>
  <si>
    <t>b'\t`:\x98\xa8\t\t\t\xb5\xb9\xdchT\xefS\xff\xcae\x1d\xfex\x0b\x95\x92\xd4\xd7G\x06\xfdK 6'</t>
  </si>
  <si>
    <t>b'\x98G\x93\xa8\x12\xed\xe4\x92\xf5\xad\xf9\xebK\x8e\x97\xf6\x98~\x03\xfc\x00\xf3\xbd\xe3\x1e\xd1}\xa9\xd3\xffh\xf1'</t>
  </si>
  <si>
    <t>b'r\x9dSh\x93\xb8\xcb\xc8%\x98\x18\x97\x926\xdc\x9c\x0eUw(\x98\x87\xe4~7\x95=\xa7\x97\xa0\xe5\xd6'</t>
  </si>
  <si>
    <t>b'\x1aH\xae1\xad\xb9\xfb\xa9\xe2+h\x8b\x82\xb6m\xfd^\xa2\xbe)\xb7\xd9\xab\xe7R\xb56)!\xd0T]'</t>
  </si>
  <si>
    <t>b"\x88\xbb|\x87\x8e5}0\x1b\xab''\xf3\x88&gt;[\xfc\x0c&amp;-\xb1S.P5\xe6\x8c`\xe5l$|"</t>
  </si>
  <si>
    <t>b'#\x11\xb3z\xdagM\xd9\x08\xd3\xc0qSl\xeei\xdd\x8e\xb7\xc4?\xc1\x93\xd0\x1cOL\xa9\xceG\xac?'</t>
  </si>
  <si>
    <t>b'\xfbO\xef\xe1L\x1c\x80\x05\x1d\xcd\x8cJ\x11+\x13$*j\x86\x9bt\x93\x92S_\xaa\xe2/\xd2m\xf8z'</t>
  </si>
  <si>
    <t>b'\xe4\xa3\xc0m\xa0\xb9LB Hp\x17u\x82XDR\xe2\xf5\xbc\xac\xbb\xf7\x0e\x12e\x85cq\x04R\xc3'</t>
  </si>
  <si>
    <t>b'\xc4\x9c\xcd.\xc4\xe5p\xed\x1d\xccz\xf7\x9e\xc5\x8d=D\xa8\xc5+;\x8c\\8\x19\x11"\xf4\xdcd&gt;\xd4'</t>
  </si>
  <si>
    <t>b'8\x02\x9a\xc2zMU\x8b\xca6,\xcdA\x13\x06\xb8\xf6S\x8a\xf0\xee\x1d\xd1\x8e\xd8\x03\x06J\xeaX\xde\xa2'</t>
  </si>
  <si>
    <t>b'\xe0I\xbe\x9f\x83\x96\x18\\\x80D\xe3\xa7\x01\x0b&amp;V\xd7\\N\xa4e\xbf\x88\xa4 \xd9\xfb\xaa\xb4/\xf3\xa9'</t>
  </si>
  <si>
    <t>b'\x18sa\xeeE\xed@\xd9:\x00\xf4#\xee*\xd4\xabf\xc2\x1egn\xecx\x98\x7f\xfb\x1e\x85\xcd\x05=\xb5'</t>
  </si>
  <si>
    <t>b"J\xe6\x06{\x11\xfc5}\xa3\x1f\xa8\x18\xb1\x10N\xdc\x9a\x86Q\x07`\xd5j\x90\x94\x95\x04'@\xc6V\xe9"</t>
  </si>
  <si>
    <t>b"\x12ew\x89\x0b\xd2\xaa\xfd`\x08$\x82O\xc8\xaa'=\xaf\xaf\x9f\xf5\x97\x17jCc\x04\xdax\xaaz\xff"</t>
  </si>
  <si>
    <t>b'0j(\xb5\xa2\x11\x98\x85\xafd\xd6^f\xf0\x0c\x03\x87f_\x8f\xeev\xda\t\xb0\xe0\x96-Z\xff.3'</t>
  </si>
  <si>
    <t>b'S-\xedp\xd6\x7fZq\xc7VV\xc6D5\x7f\x03\x9d\x18\xe3\xe7H2\xea]\rO\\]SK\xaa\xbc'</t>
  </si>
  <si>
    <t>b'\xc2J\xe2\xfc!\xbe\x8f\xe6X\x91\xc3:\xf0]Zxi\xd4@UO\x94(\x83G\x9d\xc4\xa8\xe6\x9b\xd6\x89'</t>
  </si>
  <si>
    <t>b'g\xfb\x1e\xedbn}JYi\x94\xe6\xcb\xad\x7f2_\xa4\xdd\x873\x88\x08\xf6\xa2\xe8\x9d\x18\xf2\xc4\x82\xa7'</t>
  </si>
  <si>
    <t>b'\x1d\x00M\xa8\xa7\x832\xdd\x82\x9b?\xc9,\x96\x06\xf56\xc5\xe0w\x8e{\x86|\xb1\x92\xfd\x10\x03\xbf-\xec'</t>
  </si>
  <si>
    <t>b'\xf4\xed\xad\xd5\x08\xc9\x15\xee\x18\xc6\x06\x10\xa3/[\xbe\x80\xe3\xe7j\x17\x968\x9c5\xf8Z\xcd\x14\xef\\\xc2'</t>
  </si>
  <si>
    <t>b'\xbb\xd7\x1c\xd0b\x85\xae\x15\x0fF\xd8C\x8a\x9fwZ\x9a\x16E\xdd_\x87(\xc9x\xdb-\xff\xb7\xf1D\x07'</t>
  </si>
  <si>
    <t>b's\x90\xe4\xe73\xcb\x9b1\xdb6v\xddy\xa2\xf1j\xef\xfa\xe6\xddil\x97\xab\x8eV\xd57\xf0\x12\xa3\xca'</t>
  </si>
  <si>
    <t>b'_\xbb\x07n\xfbur9\xc5PS\xb4q\xd90\xb9\xd8\xb3M\xae\x12\xbb\x8a\xc7\x14\xa5\xd5\x9f\x11=^\x89'</t>
  </si>
  <si>
    <t>b'\xa2\x0bJ\xab\xc6\xdd\xf9R|\xf2\xe6\xfb\x91k\x14\xcc\x10v\xa9\xb2\xc2\x82P\\=\xe9\xc6:\x18\x8f\xf4\xda'</t>
  </si>
  <si>
    <t>b'\xee\xa0\xa3{\x1elXM\x1a\x8c\xab~xy\xc4\x84\n;\x8c?\xd4\x1e\xc6\xa6\xef*\x81\x90H\x1d~\x9d'</t>
  </si>
  <si>
    <t>b"\xe4\x84\xbf08\xda\xb5\xbd&gt;\xf9\xc5\x84\x18\x05\xf8D\xd1\x93C\xd2\x02\xa3\x01\x86\x9bI\xfeD'y#\x0f"</t>
  </si>
  <si>
    <t>b'F\x16)}0\xd9\x9c\x01\xc1\xd0\x8c:\xf2\xd26m\xednS\xca\xfa\xad)8\xb9\x15\x08,\x81\xdfz\x1c'</t>
  </si>
  <si>
    <t>b'\xaf\xb5 \x8d\x99\xe3V/8\x98\xb3@\xbb\x99|NJi\x0b~\x89\xe9]\x97B\x8c\xc7K|\xbfn\xd3'</t>
  </si>
  <si>
    <t>b'\xda\xe8y\x80\xbb\xfac\n\xbf\x12\xf2\xe7\xcapo\xf0V:\xdd\xbc\x04\x88[\xb1g\xf8\xbe\xcd\xac\xfe\x9d_'</t>
  </si>
  <si>
    <t>b'y\xfc\xe7C\xcb\xec.\xe9fM5\xf3\x08\x03\x00\xcc\xa8p\xc0O\xb4\xfb\xdej\xcf\x1e\xe0\x13\x99\x81\x90\x16'</t>
  </si>
  <si>
    <t>b'6!\x92&gt;\xe4\x9am\x86(\x1eg\xba1T\x93\xe3\xd2\xe4\xdb\xff\x0bd\xf2F7\xe9\xd5\xec\x10-\xd6\x18'</t>
  </si>
  <si>
    <t>b'\xf0\x0b&gt;\xf9\x9c\x96\xf9\x1e\xf6\x810\n\xd6\x96\x11\x83\x02\xd5?\xb8L\x9e\xe5\xe4\x8b\x8f\x96\x13\x99T\x94\x7f'</t>
  </si>
  <si>
    <t>b' \xc6\xa0$\x93\xdeTS\xc9ri\xd2\xfd&gt;\x05\x12\x16\xa5\x13\xc3q\x00\xc4\x99}\xb7+L\x93\xfb\x1d\xb8'</t>
  </si>
  <si>
    <t>b'/\x9d\xbb2FP\x9a\xd8L#\xb4\xe55\xed\x9e\x97\x9aj1\xcat\x1bI#\xd9W\r\xec\xe7\x99\n\xed'</t>
  </si>
  <si>
    <t>b'\x10\xa5u)4VJ\xb5.\xd4|\x82\x98]C|#@\xf3\x1c\x9a\t\xd0\x87M|/\x0bK1-\x92'</t>
  </si>
  <si>
    <t>b'\xe2J\xe5{z&lt;R\x12\xfd\xc7D\xe8\xd5E\xd2\xf7\x95\xf5F\xa4\xf5\xe5\x04?}\x03\x94\xbd\x18Gem'</t>
  </si>
  <si>
    <t>b'\xf5\x1bxk\xb3!\xa3\x8e\x14\xf1E\xf8\x14\xd4\xf0y\x14\xb2H\xa8\x9cx\xf7/D\xb7/\x92\xda\xa6k\x1a'</t>
  </si>
  <si>
    <t>b'\x96\xa5\x98\xb0\xa1\x15\xbeq\x96\xea\x91\x8a&gt;\xcc&lt;\x90\x03\xa3Qe\xf8\x18*\x99\x83\xa9}w\xde\xd1Z7'</t>
  </si>
  <si>
    <t>b'\x91(\x99\x86\x1a\xcb\x83\n\x0c\xbd\x9a\xb6\xc4A7\xbc+\xae\xeb\xce\x05^\xc6\xa0J8\xbd:\xd0I\xf9u'</t>
  </si>
  <si>
    <t>b'\xea\x96\xfa7O\x1e\xc2\x81\xd32\x8cV;\xb4O\x9c/kZ\xae]\xfc\xe69\xdc\xb3\x1a\x11\x9aM\xe0)'</t>
  </si>
  <si>
    <t>b'w&amp;\xd3\xeb\xd3}\xdaW\xb7\xeb\x16x\x8c\xc5\xfd\xa1\xe8\xdb%`\xf7\xbd\n\xe7Z\x8du\xf8\xb8\xbe\x8f\xc6'</t>
  </si>
  <si>
    <t>b'd\xe4\xb8\xa1c,\xf6\x85\x81\x1e\x8e\x03\xbe\x89-\x9er\xc7\xb0\xa8\t\x99&lt;W\xe0N\xa8\xb0u\xa6\x05\\'</t>
  </si>
  <si>
    <t>b'\x81\xbc\xaa\x91\t\x00s\xcf\xe3\xc5"v\x85\x00\xa3\xc3\xf21\x1al\xd5y\xd1\xb6\xfb:\x92+P\x0c\xc9\x91'</t>
  </si>
  <si>
    <t>b"c_I;\x10\xbb\xb4\x92|\t\x98'\xb1\xda\xc0m\x86\x8d\xff\x9e\xed\xc1\xbb\xe0\x91\x9f\x04g@4\x00K"</t>
  </si>
  <si>
    <t>b'\xe4\xedX\xc9GX]&lt;\xcd\xa6\x01\x03\xf3\xd2\x90jQ\x86\xea\x8aO4\xe1\xf0\xceH1\x0e\xaa\x17\xdc\x10'</t>
  </si>
  <si>
    <t>b'\x8cD\x82&lt;\xb0\xc0\xf4\x84\xa4JB\x01\xd7$\x04\x83\xed\xe3\xa0\xd8\xc9\x93\xe8\xb1:\xa9+K`\x14\x17B'</t>
  </si>
  <si>
    <t>b'\xd5\xa7\xe8h\xee\xae\x8d\x83\xce\xd9\x88\xa1HM_\x12Mb\x16\xaeoW\xc8=\x84./\x0c6\x08\xd4\x19'</t>
  </si>
  <si>
    <t>b'@uiW\x9dSb\x9b\xbe\x04\xab\xa5\x96Q\x85\xd5\x7f~\xc0\xb2\x90!K\xcb"R\xd5\xc1\x93.\x89\x84'</t>
  </si>
  <si>
    <t>b'ZW\xd4$\x08e%Sre\xb3\xeble"\xd2wE\xdd5\x9c\xb4\xfbv\xdd\xc6j\x8ei/\x9c\xaa'</t>
  </si>
  <si>
    <t>b'\xed\xc4\xb4?\xe0Ct\xd1GL\xb2\xf9\x84\x03?\xa8\x8f\x12\x9f\x87=\xf2a\xc4\x87c\x1f\x18\xb6\xa5\xff]'</t>
  </si>
  <si>
    <t>b"\x9f\x89\xa5\xd6[\x9dwpv\x81\x8fB\xc3Oz\xc8\xdd\xcc\xfc'f\xc5\xd6y\xb32\xa1\xf8\x14\x14\xfaF"</t>
  </si>
  <si>
    <t>b'\xc2\xeaM\x86\xed!\xa8\xff\x19\'y\x8c\xd1{m2\x9b\xb7J6\x021"vv\x9a\x8eTa9\x18\xbd'</t>
  </si>
  <si>
    <t>b'\xedGe\r\xeba\x12$\xdb@\xf0\xa7\xcc\xe4\xcc\x14\xd9\x80\xdb\xe2eY\x96E}\xfdi \xfc}+3'</t>
  </si>
  <si>
    <t>b'\xaf\xf3`\xa7lP@ 8gGa5h\xcf\xdd\xe6\xdb\xc0B&amp;\xec\xa79@j\n\xf6\x9e\xd1\xf2['</t>
  </si>
  <si>
    <t>b"\xfe\xe8*\xeev\xa1\x04\xd9\x03=H\xfd\xe7\xcfRJq\xc6\xa2\xba\x90\xe7P\xe6\xecyX'T\x01\xe6\xb0"</t>
  </si>
  <si>
    <t>b'&lt;^@\x9cJ\xcb\xa7\x80GJ\xf2H\x8eo!\xac\xc7;\x0e\xb9\xb9\xa5\x84E\xad\xc1\x19=\xabOm+'</t>
  </si>
  <si>
    <t>b'/\xcb\x7f&gt;\x17\xd8W\xd5\xc3\x0cM\xdb\xd10\xf3U\xfc\x7f\xdd\x80\xb1Rf\xa2 \xc8}`\xf5]HS'</t>
  </si>
  <si>
    <t>b'\x066V\xafN\xda\xe0O\x16\x9f\xae\xaf\xf10C\xd1\xeb\xc1\xba\\\xe9\xfe\xb9\x0b\x8bm&amp;-\xd1G\x98\xaf'</t>
  </si>
  <si>
    <t>b'\xa6/\xb1\xf0C\x8dBDpKL^$]\x08q\x0e\x12\x124HY\xe4\x999\xdb\xcb\x07\xce\x8d\x02\x82'</t>
  </si>
  <si>
    <t>b'\xdb\x05\xc4\x87\x10\xb7w\x86\x91Gq\xc0\x05\xbe\xcb\x96\xc9\xc6V\x9b]\xf8\x17\x81\x94\xc5\x00c\xe0\x805\xd8'</t>
  </si>
  <si>
    <t>b'E\x80\x8e\xe4\xc2\xfe\xf4\xc6Ey\x8f\xf4\xf7\xf89\xf4\xea0\xef\x94\x10\xdd\xbe\xa1\xfc#\x97\x81\xcdY]\xa5'</t>
  </si>
  <si>
    <t>b'\x1e\xfcY\xf2-W7A3-\xaa\xb8I\xf8\xca\x1c\\FO\xa5l82\xa8nk\x8b\xd4T\xcaZ\x94'</t>
  </si>
  <si>
    <t>b'\x13S\xb4\x9a\xf67l\xa7\x92\x06&amp;Q\xe5\x0c[\xbe\x82\xb2\x9a\x17\xacG\x95F\xcc\xb8\xa8I\x0c\xfb\x9a)'</t>
  </si>
  <si>
    <t>b'\x1e\xb4oX$\xbe\xf9\x85N?g@\xa5j\xf9\xb6_ \xaa&lt;\xa1Q\xb8\x86L\xeb\xc1K\x98@\xeaJ'</t>
  </si>
  <si>
    <t>b'\xf5\xabr\x8e\xb0v\xb0\x19\xe8\xb4\x0f8}0\xd9%\x85o\xf2\xe7\xe6P&gt;R\xb4\x0e\xd1[\xad\x00\x94G'</t>
  </si>
  <si>
    <t>b'\xa1V\xfa\xbe\x17M\x93\x8c|\x97\xeb\xd3Z\xb6\xaa\xe8\x07X\x95X\xd9\xe3S\xa0\x0e\xd0\xbd\x15\xf7\xcc\xbd\xe9'</t>
  </si>
  <si>
    <t>b"\xf5'#\xf9}|L\x01\xd3\n\xde{V^R\x02\xa8\x1c9\x8c\x91\xe7`\xd8\xd9#\x0c\x9eq\x03d\x8b"</t>
  </si>
  <si>
    <t>b'\xddI\xee-Z\x17w;\x0f\x16\x7f\xc6\x03\x06\x83\xcb\x9f9j\xa3\t]\xcbel&amp;\x81\xf8a\x96\x9b\xef'</t>
  </si>
  <si>
    <t>b'rn\xe0%$g\x0c\xdd3\xfc;\xc4\x9e\x96\xcd\x17\x01\xd9\x95\xa3H\xc7SC\xbc\x89\x8e\xb4\x91\xdb\xd6\xaf'</t>
  </si>
  <si>
    <t>b'\xd0\xa7\xd3\x18\xf7(\xc7\x10nk\xe9\xb0$"\t\xa2E(\x89\xd5\xb1\xb7_\xd8:y\xb8\xd7\x81\xb7\x83\x1c'</t>
  </si>
  <si>
    <t>b'n\xcb\x98\xcb9y\x81Z\xbd\x01\xe6+\xd2\xda\xc6\x9a\x1e9\x9e\x13\x00\xb6&amp;u!*\\\xba\x90*\\\x90'</t>
  </si>
  <si>
    <t>b'\x1cj\xb8g\x1b\x03b\x9e\x05H-\xde\x85\xc8\xc4\x1c\xaa;\x1cf2\xe1?\xf7H\xa5d\xba\xe2+\x92\x05'</t>
  </si>
  <si>
    <t>b'\x11\x1b\xab!0\x99K\xeeE\x81\xc5P|\xc2\x90\xd9\x95_\xb6=3c\x92\xf1EL\xf9\x7f\x13Sm\x88'</t>
  </si>
  <si>
    <t>b"8\x1d[\xcf\xd7\xf8X\x94\x9f\xed\x91\x88,C \xdbB'\x84g\x1b\xff#\xb0\xa2\t\x85\xf8\xe9\xeb&amp;\x0b"</t>
  </si>
  <si>
    <t>b'\xe7\xf0\xdb\x9f\x99\xdb*\x07\xc9\xe5:.\xf6\xa6\x01\xe5\xec\x11ah\x02\x11\x11v\'\xa3\xf8i\xd6\x9e" '</t>
  </si>
  <si>
    <t>b"jL\x9b\x95|\xd8}\xa7\xbb\xb7\x08\xb8\x9a|'\xad&gt;\xa7F\xb4\x0e\n\x8bk0uY\x16y\xed\xe6\xcd"</t>
  </si>
  <si>
    <t>b'\xcfkR\x01iM(\xa3t\xd8\xd6\x87%z\xb8@\x1fbXq\xb6[\xcd\xecj~\x92_\xa7\xae\xfd\x99'</t>
  </si>
  <si>
    <t>b'\xd8^B\x0f"t7=\x9d\xf4\xf94\xce]\xc73\x11\x94\xb8NC\x96#\xeaD\x90\x87\xe6\xb5\x03=\xf3'</t>
  </si>
  <si>
    <t>b'\xe7:H\xaa!\x0b\x1d\xe3EZ\xb7g\xf2\xc0B\x1c\xfa\xdd|\xc2\n\x9e\x0cP\xc5\xc3\xf9V?U\xea"'</t>
  </si>
  <si>
    <t>b'\x97\xf1\x07\xe8Xr\xb7&amp;3q\xdf8%\xe2w`\xbbr\x13~\xc6\xe2\xc9a\x8f\xf4\xef\xe8\x0fR%\x9f'</t>
  </si>
  <si>
    <t>b'Ry\xe2[\xc9\xc6\xec\x80\xfe\x02\xee\xda\xce\x18G\x11\xa7EFQ[\xd1\xc8PC"]\xe4%\x1bE\xb1'</t>
  </si>
  <si>
    <t>b'\xf7\xd3\xd4W{&gt;\x9fX\xdc\xedq!@is\xbe\x03\x8e\x91\xdc\n\xc2h\xf63\xf0?\xf1\x7f(\xed\xd2'</t>
  </si>
  <si>
    <t>b'\x9d\x9d\xb4\xbd+\xb4smjW\x9cq&amp;\x19\n\xeeT\xae\x17_\xd5\xc9s/\x01\x8c\xc5g0\x1b\x15\xb3'</t>
  </si>
  <si>
    <t>b'\x9a\xe3l\xff6Ht\x10L\x8f`6\x94*"ku\x1d{\xf4\xeb;\xa1\xdcO\xdfSZ\x9e\xa9\xa7\xb9'</t>
  </si>
  <si>
    <t>b'\xbc\xfa\xe5\xba\x13e\x97\xa1\xae;\xce\xfd\x90\xe3\x80\xda\x8f{}\x8c\x99\xacF\xa3\xd0`)\xd5w\xa7=@'</t>
  </si>
  <si>
    <t>b'\xdf\x1aCM\xdd3\x1e\xf2\x92\xc9\xd4\xaf\xb4= \x85\x9a^\xab\xc5\xb6\xc1S\xb2@\x167Lp\x85R\xc7'</t>
  </si>
  <si>
    <t>b"\xbe\xe9\xe8\x87\xd1'\x0e\x867\x87D0\x94\x95\xc5\x0f\xb4\xea\x04\x02\xbfU\x97\xcd\x1b\x8b!\x07\x9b\xcd\x13\xc9"</t>
  </si>
  <si>
    <t>b'\xcb\xeb\x90\x04\xf4\xa8|\x1dY\x1f\xb98\xe9\xb8%e\xae+\xdcUb\x89\xf1\x92&lt;&amp;\xefw\x96\xcfL\n'</t>
  </si>
  <si>
    <t>b'\xd7\xa6\xdfxM\xe8~H\x05\xbc\x01\xf3@\xa1\x9f\x19jC!\x93`3!\x8f\x9d4\xc4\xa0\x93\xc2\xd7='</t>
  </si>
  <si>
    <t>b'\x12\xd3\xca6\xa8Y\xc6+\xbf)\xd9\x98f\xfc\x1d\xa3\xf2M\x83\xfb*&lt;&lt;\xdd\xf3wj{.\xeb\xe4\x8b'</t>
  </si>
  <si>
    <t>b'b(\xaf\xb7-\x16\xf1\xc7\x1d\x99\xb5\r\x95\xb2\n\xb1\xa7\x014\x01\xcc-\xbe\xd8\x15"2\xf4\x17}k\xd0'</t>
  </si>
  <si>
    <t>b'\xf1\x9d\xd4\xcf\x8a\x026\xa3\xff-\x91\xb7\xd6\x01\x93\xb0\xc3\xd1u\xa380\x9a\xe8g\xdf\xfe\xb6\x16\xa7W\xee'</t>
  </si>
  <si>
    <t>b'~9Vh$\xf6J%\xa8\x86\xd9K,\x83Ruo\xec\xdd\x98\xf9\xcbX\xc3G`\xd7\xf2\x90\xe5\xb1\x08'</t>
  </si>
  <si>
    <t>b'\xadajJE\x15\xc8!\x84n\xaeT\xe1LGT\x91\xef\x1c?\x08\xbc-\x0eD0{\x9b\xe6\x1d\xf5\t'</t>
  </si>
  <si>
    <t>b"K\xafqQ\xad\xe9\xbe\xfeAb\x83\x95\xa35\xc2\xf5#R\xb9\xaeT'\x94\x1f\xdca\xd1\xecn['\x97"</t>
  </si>
  <si>
    <t>b'\xff\xf7N\xc5\x12\xd2\xaa\xcd\x01\x17\x11Z\xe6\x1dX\xd1\xde%\x0c\xa9\xca\xd4\xabY\xaf\x8b\x87F\xf2\x9c\x89\x1f'</t>
  </si>
  <si>
    <t>b'\xf3B\xa4\xa8\xf3\xcd\xa6\xdf\x8a\x936\xfa\xd34X\xb8kz8\x85\xf8/]\t=\xe6m\x87$\xe5\x93\x1b'</t>
  </si>
  <si>
    <t>b'r\xe2\xbf\xab\x17F\xab0\x0b[\x7f\x15;\x07\xde\xa0\xd2\x8bTL\x8d\x07\xc8MN\xcb\xd7)\x01.\xdb\x91'</t>
  </si>
  <si>
    <t>b"'Yf\r\xc6OV\xf5\xa8\\\x9f\xbbo\xff\xa1\xd6c&amp;\x03\xe4kaqd\x84W\x87\xa6\xc6p\x01\x8a"</t>
  </si>
  <si>
    <t>b'\x1ej\xc8X;S$\xa6\xaa\x9b\xc4w\xc3\x95\xe1aA\xc1nbw0#\xd6!k\x12\xddz\x86\x83\xea'</t>
  </si>
  <si>
    <t>b'\xc4IrG\x0cg\xb1\x90\x8d\xf0{\xeb\x84\x0f\x97HrS-\xaa\x8b\x87\xbfP\xe3a\x84\x045;\xbby'</t>
  </si>
  <si>
    <t>b'\x13Kg\x1b\xc0\xde\x17;\xd1\xeb\xf6\x1c\x15a\x99\x15\xce\r\xe7\x03a\xad\xee\x9b\n\x9e[\tJ\xd7\x0f\x94'</t>
  </si>
  <si>
    <t>b'e\xc1\x8c\xae\x86)\xcc\xf3S\xeb\\\xc2\xc9\xacw\xe2\x8f\xc4\x01\x8a(\x0f$\x84\xd7\x0b\xf0\xa2\xabMSr'</t>
  </si>
  <si>
    <t>b')\x89I\x8eq\xa5J\xab\xe7\xfbZoU?\x18DOC\xa0I\xc8\x11\x1e\xb7:\xcfG\x17\xd1F\t\x15'</t>
  </si>
  <si>
    <t>b'\xf6w\x05\xac\x01oYG\xac\xbf&gt;\x15\xd1\x8b\x9d\xc0\xdd\x9f\xcc\xd5\x0b|\xaa\x14\x07\xc9\xa2\x7f\x84;\xeb\x04'</t>
  </si>
  <si>
    <t>b'S!S$\xf2L\xf6B,\x0e}o\xce\x8a\xb1\xd7\x9e\xb4\x12%\xd0\xd2\x08\xd7m\x84R\xe5\x98j\\='</t>
  </si>
  <si>
    <t>b'=?\x16r(n\x1a\x83\xae\x10o\xfe\xb2\x86$\x1d\x98r+\xb3\n\xe0\x1b\x0b\xb1/}:\x99-Jg'</t>
  </si>
  <si>
    <t>b'V\xd1N\x01/\x12\xe8s\x1e\x01g=\xeb&amp;4\xd9N\x13\x99\xa6W\x97\xea\xae\x0fsH\xe6h]\x1fH'</t>
  </si>
  <si>
    <t>b'\x80,\xf1;\x90Z\xbe\xc8\xa6A\x93\xcc\xc4\xc4\xfa\xdb\xa0\x92\xe4,\x0c\r\x82&lt;x\xf6\xaf\xa6\xa7\xe4[\r'</t>
  </si>
  <si>
    <t>b'P\x92l^\x85\xbfF\x05\xe0\xd5\xe8\xd9\x02\xf8\x80\x9eB|\xc7\xd2ou\xf6\xb1#\x99r\x87\x98\x87b\x95'</t>
  </si>
  <si>
    <t>b'\xf4\x89\xcc-\x1b7k\xfcY\xb8\xbf\xab2l\xe4\x05\xbe\xbb4\xf9\x1d`(l\x14\xb6\xc1\xa2\x00[\x1b\xea'</t>
  </si>
  <si>
    <t>b'\xfe\x0bQ\x93\xcb\xfdA\x13\x83B\x03\xa1i;\x00\x1d\x94S\xe7\xc7H\xd6\xdd\xa7:\xab\x19\xb9\x83\x05\x03\x98'</t>
  </si>
  <si>
    <t>b'A\xd5\x8eY\xaeg\x0bN\x05\x14\xec\xac2\xf78\xc3K\x89\x06\x18\xdf\xc8\x1e\xbe\xef\xe3\xbcs\xb5\xab\xe4\x94'</t>
  </si>
  <si>
    <t>b'1\x9dGj\xbd\x80\xc5\x1d\x9c\xce\xca\x81\xfeWu\xd1\xf8v\xf0\x923.\xe4\x1f\xe6\xfc\xe0{\x18\xebl;'</t>
  </si>
  <si>
    <t>b'K\xcb\xdf3\x0f(\x0f8\x82u\xf3\xf34\x07\xdeJ\xfcZ\xb9LC\x19%\xb0\xb5j\xe1\xe3\xd1\xb5\xc0L'</t>
  </si>
  <si>
    <t>b'\xb8\x04\xe4\x15\xf7\x94\x86?\xd4\x80\x88\xfb\xa3\x1c\x0e\x8d\xe43hA\xe6u|\xd8\xac1\xa2-\x04]P\x03'</t>
  </si>
  <si>
    <t>b'\xbf\x101\xd2A\xc1\xb5\xd6\x81\xff-O\x959\xff+\xa1-\\\xc11L\xad=HVm\xc4\xd1{\x18N'</t>
  </si>
  <si>
    <t>b'Of\xea*\xec2H\xb9F(\x94\xf6T\x15\xde\xe9\xc0\x8d5\xdf\x949\xc1F[\xe1\x97b-\x84-\x17'</t>
  </si>
  <si>
    <t>b'\x82Q\r;\x93\x9erZ\x02-[Tg\x8bASE\xc7s7\x8f~J\xa4 ^\xb5\x19\xc9\xabZ\xb4'</t>
  </si>
  <si>
    <t>b'\x9d\x15\x91\xd4N,\xc3r\x12\xf2\x14B\x9f\x83\xb2\xf7\x88\x97\x87\xfc\xb1\r\xf5\x01\xb8\x19JWu\xd9(\x13'</t>
  </si>
  <si>
    <t>b'\xb8\xa3\x08_\t"s4\x8f*P\'\x8c\x85V\x07\x11\x1e\xf3[\'#qn\xb1J\xb6\xc6D,\x15\xaf'</t>
  </si>
  <si>
    <t>b'\x99Cm\x05{p\xd3\x14\xeev\x7f&gt;\xe9\xda\x9eB&gt;\xdf\x9dK\x83\xe8\xac \x142\xd9\xceH\xdf\xfa\x90'</t>
  </si>
  <si>
    <t>b'&gt;\x10\xca\xdc\xa8X\xff\xbf\xadx\xa8\x82\x81\x1e\xa9\xb3\xa9K\x8aR\x87\xf9\r\xd4x\x84W\xb4\xdd9mY'</t>
  </si>
  <si>
    <t>b'\x9d\xd5\x07\x9a\xfa]I\x00W\x13\xcb\xc7#@\xfd\x03B\xf0\xd0l\xef\xddm\xa4\x9b\xa1=\xc1\x93\xb6\x03d'</t>
  </si>
  <si>
    <t>b'\r;\xbf\xfcN\xdeD`\xe0\xcb\xd56)|z\x03\xc2\x1b\xfc\xb6\x9c\x83=+\xe4\xa1F\xc5T0\xa1&gt;'</t>
  </si>
  <si>
    <t>b'R\xfdn\xa2\xe4&lt;8\xbc\xf5\x1cg\xee\xea\x14\x02\x99\x85\x1e\xde\x87\xe2X\x07\xcc\x1b\xb2YP\xc2\xcd\xf6}'</t>
  </si>
  <si>
    <t>b'\x10&lt;\xfc\xef\x92\x84\x14\xbe\x96\xa5S\x06\x80\x0bY\xf5\x81\xc2\x0fnDOvM\xfdR\xf0\xf9\xbc\xf0\x05\xce'</t>
  </si>
  <si>
    <t>b'\xbf\xb1\xfb\xb4\x88\xfb\x03%\xbe7q\xd5\xd6\xbe\xf8\x83\xe0\xc3\xb3\xf5\xf0\x1f\xa7\x16\x047b,\x1e\xb3\x00\x8d'</t>
  </si>
  <si>
    <t>b"^7\x9f\xac\xc5i\xba\xded\x99P\x1f\xf2m%'\x9d\xff\xfe\xa3F\x92\x9b0\xfd\x8d\xca\x1f\xc3\xc9\xee\xc8"</t>
  </si>
  <si>
    <t>b'\xa02W0\xd3\x13 c\x13\x0fM]\\o\xb8\xd9\xce\xa6b\x83\xaeeW\x9c\xc6\xa7O\xaa\x10\x8f\xb9|'</t>
  </si>
  <si>
    <t>b'\x0ev7\x92)\xb7\xca\x13\x92\xcf\xca\x0b"}FIw _\xb8-\xcf--\xed/%R\xcb[\xdda'</t>
  </si>
  <si>
    <t>b'!\xd3\x8c\x0ehP,\xbe\xb3t\xb7\xaac\xee\x03FAr\xa1\x88\x87w:Vw\xd4\xba\x9d?\xd4S;'</t>
  </si>
  <si>
    <t>b'O\xdb\xb9\xa3\x12c\xecxN+\xe8TX\x9d\xb3\x9d\xb2l\xf1vF;[\xc3+Z\x88u\x06\xd0\x03\x89'</t>
  </si>
  <si>
    <t>b'\x8cA\xe8\x87\xb9\x96\xa05\x07M\x06dD\xa0`\x02\x89\xeb\xc3\xb6\x8ap\x8b4\x80\xedf\x88\x0b\x8d\xf1\xa8'</t>
  </si>
  <si>
    <t>b'\x01\x8c\xfd\xaf\x91\xf3\xb1\xf0\xc7Z\xb2&gt;@Ji\xef\xe19\xb8\xe9NIv\xe9\x13i\xc5c\xdeR/Z'</t>
  </si>
  <si>
    <t>b']H`\xda}\xc5\x05\x93\x0f\xd2\xef\xb8@\xccH\x8a&amp;-^v\xb7k\xa3js\xccM\xce\x95r\xbdq'</t>
  </si>
  <si>
    <t>b'\xe0\x12r\x97\xf4o\x8ci2\xf6+0{y\x99\xc4T\x85T\x86Si\xda\xdb\xe8\xb5\xd9\x06ih\x0c\xbe'</t>
  </si>
  <si>
    <t>b'\x194\x8c\xfcUA\xc8\x15]/\x99\x1e\xbb\xcbw9\xc7\xe3Q\x0b\x11\xc2\x01\xe0\xd0$*\xf0x\xe4\x10\xcf'</t>
  </si>
  <si>
    <t>b'\x01\xd7[\xc3\x15~\xe3AW\xd9\x99\xcc3Qza\t\xe1\xe4t\xf9\xf6\xac\x80\xf7)\x9cZ\r%P\x0b'</t>
  </si>
  <si>
    <t>b'T\x91\x18\xcc\xd7\xeb\xc7n\x05\x1b\xebc\xff;\xaa\xee\xf4\r}\xb5\r\xca\xc2Pu\xf2\xacs\x92:\x99#'</t>
  </si>
  <si>
    <t>b'\x9d\xae\x02\xd4\x03F\xb0/\xdd\xa0\xe7+\xd4\\\x83\xcd\x18\x9f\xec\xd2\t\x17\xa2\xeb\xe8U\x7f\x02\x92\x97B\xab'</t>
  </si>
  <si>
    <t>b'&gt;\xb0\x9e\xa9k\xd2\xec{\xdf|~\x00\x955\xf9|\xa5\x00\x0f\xac4\xf5I\xd8p\xf4\xf9\xf1\xb2x\x93`'</t>
  </si>
  <si>
    <t>b'k^\xe9\xd2)\xa7TC\xc6\xe1B\xa39\x95(EP+j\xf2%\xcd8\x178\xf1\xf0\xa9L#\xc6\x11'</t>
  </si>
  <si>
    <t>b"m\xbd\x14\xe66\n;\xef\x00\x1a\x8c0kL'/\xc4\xcf\xcc\x0c)\xbdD\xa3\x11\x17h*K\xa9\xe38"</t>
  </si>
  <si>
    <t>b'\x94\x16\xa2\x7fF\xfb\x9e:\xf8SI\xf8\x9by[\xec\xe7\xdfz\x8c\x91M\xdb\x05\x80\x00M\xfe\x0bW\xd5\xc8'</t>
  </si>
  <si>
    <t>b'?\xf2\na\x88\x17\xe2}\xaf\x103p\xb2\x1aO5\x0f\x99\x01\xf8\xc6E,\xef\x80\x19c\x10M6\xf3\xd3'</t>
  </si>
  <si>
    <t>b'YpR-0X8\x81l\x0e]\xcc|RV\xe9\xac\xeb\x1e\xbe"\x930\xe5\xd7\xd0\x8c\x85\x0f\xafZ\x90'</t>
  </si>
  <si>
    <t>b'\xe6\xed\xa43&gt;6\x10\xeb\x15v\x18P^O\xde9\x87\x03\xa9)\xdc\x07\xb5\x82^fPgGV\xb0\xd8'</t>
  </si>
  <si>
    <t>b'\x9c\x88\xff\xb6\xb1\xb84H\xa1\xa5\xb5\x9c\x16,\x89{^\xd8\xb2\x907e\xa3\x17\x8e\xb5\x0c\x98\xb5\xd2@\x88'</t>
  </si>
  <si>
    <t>b'\xa4M\xc7\x19\xe0\x01\x12\xafi\x16O\xfc\x1e#\xff\xeb*\xcb(x\x0b\x95\x02o\xa12y\x1c\xb1\xf7Z\x80'</t>
  </si>
  <si>
    <t>b'Z\xd4\xfau\xaf\x98\xf4\x84\x0f]\x86\x9e\xd7\xdc\xf6\n\xd7!x\x1d\\B\x07\x84\x10u\xf8\xa4\xf3\xba\x0fv'</t>
  </si>
  <si>
    <t>b' \xbe\x01N{\x10\xb2\xc9\x08c\xd4\xc2\xc4\xd7\x97z\xdb*,:\xdd-LU\xa6\x05q\x02@3\x8e?'</t>
  </si>
  <si>
    <t>b'\xd8\xa6\xca\xaeL\x93F$\x8a\xcd\\\xe3\xa5\xa7\xf4\xaa\xaaj\xb1y\xf90\x86\xac\xafKvbda\xff\x16'</t>
  </si>
  <si>
    <t>b"E\xdc\x17n\xf6rXH\x80\xc1\xf5'5mV\x14x\xee\xe9\x8f\xb8\x0e\xca\x85v\xf8\xc4\xb0\xd4 U\xa7"</t>
  </si>
  <si>
    <t>b"'Xq\x87\x9e\xdc\xd4\xf0\xe6 Z\xf1\x8d\x93\xa8J\t\x07y\xfdM\xfd0\x7f\t9z\x0bj\x17\xfd\xd6"</t>
  </si>
  <si>
    <t>b'\x8aR\xbd4p\x18R\xcb\x89\xf4\xe1\x90\xf8d\rQ\x18\xfa\xe2\xdac%u\xab\xfe}\xa2\x87IU\xd8\xb5'</t>
  </si>
  <si>
    <t>b'\xf8\x99\xd0\x17\x1a\xa0\xba\xae\xea\xf2g\xb1c\x8c\xdd\xed \x00&lt;%`\xef\x91\x14\xe1\x94I\x17L\x9a\xf1\x08'</t>
  </si>
  <si>
    <t>b'\xdb\x8d\xd9\xe6\xc7\x8aD\xfaDon\xda\x99heu}\x15\x1aP\xaa\x1d\xabN\xb0\xf0,|\xb7X\xc2\xef'</t>
  </si>
  <si>
    <t>b"\xc7\xe4c]E\xdb\xf0 \x8eb5n\xcf=s\x94&lt;u\x19'X\x13l\xc2na\x9aZ8\x90y2"</t>
  </si>
  <si>
    <t>b'W\x93\xd2\xa9\xbal\x97\xd72\x9e\xd5\x7f\xf9WL\xa2\xf69\xff\xf3\xd8\xd4\x9c\x91\xbd\x87\xafW\x0e\xe1\xe9\xf4'</t>
  </si>
  <si>
    <t>b'\x1d\xf6\xfc\xe3\x93\xb1\xa2\xe9\x01\x00\xaai\xb4\x9f\xcaC\x0e&lt;\x89\x93`\x86\xaa,\xa5\xe7\x97\x8c0i\xab\xc8'</t>
  </si>
  <si>
    <t>b'\xa2\xb4g3\x01\xc6\xf5\xf5\x07_HZ\x88\x8c\xe5\xdfdb-\xce\x0b\x00\x18O\xeaN\x85\xa8\xe6\xd5=\xc5'</t>
  </si>
  <si>
    <t>b"\xac\xbf\x9a\xfd\xf5h\xba\xc2d\x1e\xac\x85\xfa\x8d\xa1\x18\xda\xc6&lt;\x8f\xbf:L\x1a\xf0'\x91\x8a\xad\x05\xe56"</t>
  </si>
  <si>
    <t>b'j\x1fK\xfe\x1aP\xfb3\xe2_#\x94~\x16\xab{[\x96 \x06)\x13\xd1\x8e\xa2\x85\xcf\xfa\x19\xd0\xb9\xa7'</t>
  </si>
  <si>
    <t>b'\x1f1?(\x92\xe5F\x8eI*\x0c\x92(&amp;P\xc6\xb1\x98\xd2\xc5\xf2\x83P\xbf\xe5\xadCj\xc9\xf8E@'</t>
  </si>
  <si>
    <t>b'\x80Z\xbd\x0b\xdf\xd2\x03w4^mR^\xd6&gt;1\xc9\xda\xb4\xeewg\xdeF-/AK&gt;\xf3\xe8\x1c'</t>
  </si>
  <si>
    <t>b"\xbf3\xcb\xd7\xe1\x1c\xc1\x98\xd4\x8fa\xb1'0#uz\x93\xc7#6\xfc\x81\x9a|q\x12t\x92A\x0eJ"</t>
  </si>
  <si>
    <t>b'\xfb\x1e{.,I\x89\xe7Dl\x9d|\xa3\x92\x91a\xdd{\x86|L\xf4\x91\x81\x82J\x04\x82\x9bn&amp;\xec'</t>
  </si>
  <si>
    <t>b"\xb1\xd1\x0b^\x86\x8f\xad\xbf\xd2R\xf9\x9b\xb7\xcd'g\x8c&lt;J\xf7a\x18H=\xae\xff\xe3\x7f\xf3\xf0\xaa\xb0"</t>
  </si>
  <si>
    <t>b'\xb1\xd6\xf9\xd2\xbee\x1fW\xe0@\x80\t\x02\x1a\x1f\x94B\xb1\x91\x17\xe6\xe6/nM\xae\xbf\x8a\x1a)/\xa2'</t>
  </si>
  <si>
    <t>b'C\xda\xc5\x8au\xde({\xcbI\x05\x0bN\x99X\xdb\xee\xc3\x16\xc5\x15?\xcf)\xc9j\xaf\xbf\xba]\xb8\x88'</t>
  </si>
  <si>
    <t>b'\x1f\xb8\xb5J\x0e#J\xf2NI\xd7R\x8cQ\xb05\x14\x15\xd08@\x9d\xae\xac5\x02\xa9"\xbd{\xe6v'</t>
  </si>
  <si>
    <t>b'0\x81`\x96\xd0\x0c\xe5[V({\x88\xed\x9f:\xcd\xbd&amp;X\xad,#\x83\xe7`Qx\x01\x96\x91@\xf1'</t>
  </si>
  <si>
    <t>b'\x98c\x9e\xc3d\x02\xf1"\xd5s\xe6jM\xcf\xfd\x90\xb9\xb8\x84\x1f\xcc\x01\xf8\x1f\x0eW\xf0\xab\x1e\xe4aV'</t>
  </si>
  <si>
    <t>b'.\xa5\xa7\xdeY\xd9M\xc9\x81\xa43"r\xcf\x03\xc6&amp;\xa8}\xe1\xb7\xf8\xc0\xda5\xcbg\x83\xc3\x9a`\xf7'</t>
  </si>
  <si>
    <t>b'7\x07\xcer-\xcb\x9d6Q\x05r\x9cP\x08\xc0\xb3\x98\xc3_~\xe4\xc3\xea\xdf\xe4?\xa6\xcalFVN'</t>
  </si>
  <si>
    <t>b'\x05\x9e\x94\x12\x1f\x80\x81\x9d\x13\x9cN\xc30\x8dt\x92\xf3\xf1\x00\x9d\xff\xdf\xd2\x8f\xd4\xf0\xb4\xd50(\xf3\xac'</t>
  </si>
  <si>
    <t>b'&lt;\xeeIF\x19uQ62\x0bY\xf8b\x8cb\x8c\xf8s\xfc\xa1i\t\xe0\x8f\x82\xa8\x15~\xfd4\xc3\x82'</t>
  </si>
  <si>
    <t>b'\xe33\x1b\x81\xcd\x16t[c\x07\\l\x1a\xd9\xfdX\xc2\x128L{\x15\xc1#\x16\xd8R\xac!\x9d\xbe['</t>
  </si>
  <si>
    <t>b'\xb3`yK\xc5\xcf\xcd u\x08\xb8^\xd9\x92&amp;\nqTO\x80B\xa7d\x06\xf5\x19\xbdo\x83\x8a0z'</t>
  </si>
  <si>
    <t>b'{\xe9M\x12\x90\tA\xc7\xd5[\x9c\xec\xb5\xfc\x979(4SFN\x81\xc9T%/O\x1a\xc4O!B'</t>
  </si>
  <si>
    <t>b'\x839\xa6\x88\xb7\x14\xc2}g\x19\xe1f9#\xf0\xa0#\xab\xf5/\xa2\x00\xe9\x11\x98\x11\xc3\xf3\x85h*\xe6'</t>
  </si>
  <si>
    <t>b'\x89\xe3\xe1"\xca(\n\x12O\xc3\xb7\xcdN\xe2\xb6\xee\xe0=`d\xaa[\x94Pi\xb62\x88B\xb5h\x03'</t>
  </si>
  <si>
    <t>b'I.\xa5(]B\xf4\x1d:d\xb0P\x1dI\xe7\x18~\xd0\xe57\xa6s6\x10\xe0\xc2k\xf0b\xf6\x89Z'</t>
  </si>
  <si>
    <t>b'\xd5\xa0^?9k\xcc\x9c\x02*\xa1\xed\r\xbe\xc6\xc4\xf2\x99\t\x06\xb2\x8c\xf2\xcb\x1e\xec\xc9\x9a\xfe\xc0\xc0\xd6'</t>
  </si>
  <si>
    <t>b"{\x1b+!\xe8\xf2\xc5\x06\xd4L`wL\xf4k\xe3\xc4\x1f\x038\xb5`^`*5'\xbd\x91\xa7`\xff"</t>
  </si>
  <si>
    <t>b'i\xf4 \x92\x90\x14\x1e@\xbb\xff\xebq)\xc1\xed\x0f\x0f8%\xc7O\x112\xdd\x89`sP\xa1z)+'</t>
  </si>
  <si>
    <t>b'\x11(\x85(\xaf1\xd5\xa2&gt;\rQXM\x87\x95^\x80%\xdb\x16\x9eB\xd3\n\x08\xf2\x93\xfc\xb0}\xb1@'</t>
  </si>
  <si>
    <t>b'T\xcd\xfb\xb8\xe0\xf1\x1d%\xe2\xa4+{\xd8!F\xed\x1c\x80\x06\x87\x1d\x05\xef\x8b\xdda\x15b\xa2$)A'</t>
  </si>
  <si>
    <t>b'\x86/\xab\xf6:\x94u\xa8\xfeo\x90+\xf9f3\xca\xa0H\xf8\x10\x9a\xb9\x027AFi\xe4\xe0\xf6m\xb0'</t>
  </si>
  <si>
    <t>b'&lt;&gt;\x8a\\V\x13\xc0\x1d\x94\x9f\x83*+\xe5\xcei\xd3\xf2`t\xc1=&amp;\xa5\xc4\x13\x847\x9f\xaf?)'</t>
  </si>
  <si>
    <t>b'V\xaf%V\x1cC7\x8d_\xd4\xfa\x0e\x96\x93Ts\xc9\xbb\xfd\xc2\xd7\x04\x1f7\x05r\xf8\x17U\xa7\x9dI'</t>
  </si>
  <si>
    <t>b'\xcc\x1eU\xd5A\x03fjY\xac%\xc7?\x97\x98\xfa\xe9\xee\xe8\xaa\xd2\x17\xa3\xed\xc4\xdb\x13\xae\x0e\xda\xf45'</t>
  </si>
  <si>
    <t>b'\x8a\xdd\x9fu\x9bz\xd9\xc4th\xdde\xaf&lt;)\x98\xa0D\xaaf@\xa5\x9a&amp;\xa3\xb7\x03n p\xa8\x89'</t>
  </si>
  <si>
    <t>b'\xedx\x04\x1f\xf7\xb1BO\xcf\xa9\xd4\x11\x95\xb7\xfcm\xdc\x93\x95\xbf\x04\xeaAzh\x8fO\x1e\xfau\xb8b'</t>
  </si>
  <si>
    <t>b'\x1e\xb9$\xe3\xd6\x02\x82\xeb\xdbC\xa9Bp&lt;\xe4y;\xbb\xc1V\xe4;y\xe2/\xd8\xfeK\xaa\x1a\xde\xc5'</t>
  </si>
  <si>
    <t>b'\xb1\xba\xecZ/\xb6\xd7\xc0\xb2\x95K\x1c\xe6`\x7f\xff\xb3kN&lt;y\x06(\xce\xe66qV\x88b\xfa*'</t>
  </si>
  <si>
    <t>b'/\x98{M\xf4\x19\xdf\x02\x8dgQ\x8c\xd8s\xf1\xe8{exF\x04@\x97\xad\xed3\xcd\xdc\x07\xa3\xa2v'</t>
  </si>
  <si>
    <t>b'\xad\xd3O\x9f\x07\xadc\xa5N70U^x\xa7\xce\ng\x00Z\x8e9\xad\x8d.&gt;\x08\x8e\xb0\xed\xa8W'</t>
  </si>
  <si>
    <t>b"[\x07\xcf\xd4\x1b\xc1[&gt;2\xee\xfd\x92\xc9\xef\xf1\x12)1\xd4t:\xdf\x18'W\xa7\x7f\x94\xdc$J\xab"</t>
  </si>
  <si>
    <t>b'@\xc2\x94 \x9bI\xd9\xca\x8d\xcf$EFgx\xba\xd2\x10\xdcA_\x14\x96N\xa1\xdb-\xd8\xf9\r\xcc('</t>
  </si>
  <si>
    <t>b"\x03\xa6\xd6@\x0b\xce$=\x9c\xe7\xefW\xc5\xe6\xf0/\xd9\xe3n\x13T\x81\xa1]\xb3a'&lt;Q-\xa5\x87"</t>
  </si>
  <si>
    <t>b'\xb2\xd9\x99,\x9f\x19\x1e\x14\xbfR\xaf\xc3\x11;M\n\xc1\x95\xe5\xa9\x91\x92U\x19:|\n\xb7b\x17UK'</t>
  </si>
  <si>
    <t>b'\x19\xfe,\xd6A\xd0\xf8\xcd\x901\xce\xe0H\x96&lt;\x15\x10l\x87o\x81:\xba8\xe8\xac\xca{@0\xff\xb8'</t>
  </si>
  <si>
    <t>b'\xa172\x96\x97\xf4h7]\x98\xb7\x16\xda}a\xcc\xd9\xfaPjo\x8a\xf4\x12B\x08\xea\xf4\xe6f\xd2\x0c'</t>
  </si>
  <si>
    <t>b'\xe92\x84py\x86\xf0z}\xe1(4_t\xd7\xcd|\x98gMq\xb3\x12\x946\x10\xb5A\x17*]\x8f'</t>
  </si>
  <si>
    <t>b'\xb8\x86m6\xa62\xf6\x8d\xec7\x17\x8cu\xc9\x08SwO\xbd\x92"\xdfIy\x0e\xfbk\xf6\xe7\x7f\xbeg'</t>
  </si>
  <si>
    <t>b"\x1b=\xaeW\xbd}\xcaP\xe9\xf6\xdb'j\x86\x06\x8f\x92\xcd&lt;y\x84m\xc7,\x929\x81\xed(\xf5\x82y"</t>
  </si>
  <si>
    <t>b'\xceU\xaf\x08lj;\x17\xb5\x87*\xc3\xda\xac\x07\xa8\x07^\xc0\xb4bE\xb0A\xb9\xea\x0c\xa5L6\x85y'</t>
  </si>
  <si>
    <t>b's\x81\xdf\x97\x96]\xf2\x95\xc98\xa3$\xd0\xd6\xca\xc0\xa5\x9b\xea\x90\x828\x92_\xc3\xa2\x84\x00?\xba\xe12'</t>
  </si>
  <si>
    <t>b'#\x159\xeb\x13\xdb\xd2\x91\xf6b\x93h\xeb7\xa8\xd6\x03\xcey\xe35\xccFpe\xd1\xe1\x96\x8a^\xb3\xce'</t>
  </si>
  <si>
    <t>b'`sK\xe8\x07W\xff\x8c\xad\x0e0S\xe5\x1e\xd1\xb0\xa2\x10\xdb\xf8\x8d/\x04\xc3\xbc\x87\xfcB\x8a\x0c\x87\xbb'</t>
  </si>
  <si>
    <t>b'\xec3\x95\xdb\xce\x0b\xfa\x12{6e.\xb0\xc0v2\x1a\x8f-\xf9\x9fI!\x05\xf0\xe3a\xf67\xc4\xd1?'</t>
  </si>
  <si>
    <t>b'\xa6]&lt;\xa5\xf4\x97\x92\x08\x08\xdd\x91\r[\x978\xba\xe0\x0f\x81T\x82&lt;5\x94&gt;\xbbQ\x8f\xf1"R_'</t>
  </si>
  <si>
    <t>b'\xe6\xeb\x0eGEz{\x9c\x01}G\x85\xad]\xae\x9b\xcb\x84\x9e\x947*WX\xc3\x9c~+\x07\x13\xc6\xcd'</t>
  </si>
  <si>
    <t>b"\xfa\x9f\xb5h\xb7\xb2\x08\xa2\x82\xd5c\xb9\xafw\x98\x1a'\x93&amp;\x8b\xac\xde\xf681Yf\xae\x8bn\xa7\xc8"</t>
  </si>
  <si>
    <t>b'\xd0\xbd\xbb\xe7\xe0\x9d8\x0f\xe7L\xa4\x11\x1b\x89\x1e\xe0\xa6\xe8N\x8a\xba7\xd8w\xac\xcd^,\xed\xbcu\xef'</t>
  </si>
  <si>
    <t>b'\xadS[\xd0\xfe\xfe\x11c\xd8\x1e\x9d,\x19\xd8\xf0\x9d\xe3&gt;\xfc\xcd\x94p\x92\xd2zy5\xe1\x9a\x05\tL'</t>
  </si>
  <si>
    <t>b'w\xeb\x1ehi\xc5~4\x92\xae\xf6\x92\x1b\xe3\x95-T\x87\xab\xb4\xe5\xc2C\xb4\xa6\x1aKG\xf9~\xf3\xd9'</t>
  </si>
  <si>
    <t>b'\xda\xd6*B\x814\xc7~o\xe9=\x7fr\x9bg\xec\xc8\x9c)\x89\xf7\xd7\xaa:\x03\xa8\x919\x18f\x85\x19'</t>
  </si>
  <si>
    <t>b'D\xbfc1\x1f\x99\x05\x88\xa7\xf3\x14\x8296\xd6\x08\x85]\xd6\x03{3\x03.\xdad\xeb\x95\xab*O\x9e'</t>
  </si>
  <si>
    <t>b'\xc4\xe0\xad\x8bG*?\x11U\xbc\x7f\xb6\xc2.\x8d\xa2\x97\xe9\xc72\x9a\x03\xde\xc6\x16@k\x84L\xb3\r\x1f'</t>
  </si>
  <si>
    <t>b'\x95@\x94\x14y\xeb\xf7\xd7\x0eRu\xe9\xbc\xe0\x97\x16\x0b\x9a\xd6\x96\x91\xfe\xd9I\x07!\x88p\x0c\x97\n\x81'</t>
  </si>
  <si>
    <t>b'\x90qi\x90\xca(V\xb3\x16M\x8fk\x9e\x04\x03\x8d\x81:Dd\x88\x07me]\xa6\x8f\x85$n;8'</t>
  </si>
  <si>
    <t>b'+\xe3\xa2#,\xb2\xc4h1\x8b\xeaT7\x08\xbf\r\xde\xd2\x98\rV`\xbb\xf69]\\F\x14Hu\x1b'</t>
  </si>
  <si>
    <t>b'\xceI\xd7\xa7\x89z\x1d\x8b\n\xebX\x9a\xac;Fr\xb2\xa0\xca\x90R\xf1\xbf\xca\xa3&amp;\xd1\xe9M\xe2]%'</t>
  </si>
  <si>
    <t>b'=d,\xc2\xd1y\xdb\xcf\x7f\xc2P\xc7\xe1\x99W{\xce\xb7Y\x0e.b\xd2\x07\x01\xe5\xa32\xf9\x15Xw'</t>
  </si>
  <si>
    <t>b'\xe6\xf4\x1b\x0c\x14\xdf\xb9[\x1b\x1c\x17\x9b\xd8\xf0|\xa5\xdb\x07\xe3\x07\xff wq\x9fK\x16\xa8\xd5\xef\xe3\xf9'</t>
  </si>
  <si>
    <t>b')^\x8d3\xae\xdfO\xc8\r*\xc1Z\xdbT5\xec_\xf0\x90\x0e\xc3\xe9\xc8\x89\x15\xfan\xe3\x81:L\xc9'</t>
  </si>
  <si>
    <t>b'_\xd4}\x04\xa3\xb6\xcb\xd1Grr\xa1Q\x19\xd1\xe63\xf4z\x84\x83\xa0\x9a\xbe7\xd2\x07KL\xf2O@'</t>
  </si>
  <si>
    <t>b'\x7f\x7f\xf6\xc6\x1f`2\x0c~\xdd\xc9\x1dOb\xa8\xe2zz\xd2\xc9F\x98\xf56\xe1&amp;r\xe7\xbaL\xc58'</t>
  </si>
  <si>
    <t>b'\rZ\xe5\x9c\x15\x19\xfb6\x92\xcc\xf0\xf0&gt;\x08\x02)K\x87\x88\x9a\x87P\xd9F8I\x910\xc2\xb8!\xe1'</t>
  </si>
  <si>
    <t>b'_\x83\x1fkm\xbdvD\xd6\xe7k\x91Q\xea|\x01\x0c\x11\xb1H\x7f\xb4\x86c\xc2\x8fP&lt;\x1b|AN'</t>
  </si>
  <si>
    <t>b'\xef\xb0\xd7\xbd\xb2\xfe\xffd\x84M\x0c\xf0\x1b\xf7\xe9=d\xbbw\xfe\x92\x13\x04\xb9\x8c\xd3\xf1\x0c\xb3\xc3h)'</t>
  </si>
  <si>
    <t>b'\xaf2D\xe2\xe2v"\x8aq\xb2\xd4xQc\xcfDB\xefL\xd2\xb3\xb2\x90\xe4a\xdb+y\xdb\x14\x13\x85'</t>
  </si>
  <si>
    <t>b')(#\x10\xf1\xcc\xb5\x04-\xf5/\x10M\xea\xf8\x878\xc1\xafui\x87\x0c\x9al\x05\xa8\xdf\xc8 K\xf8'</t>
  </si>
  <si>
    <t>b'u:zw\x05\xa1F\x15\x1dd\xb8\x0c\x1d\xfd\xb4,\xfc\xe4#*F\xc0\xc9\xe0)\xfb\x9cK\xdf\xeb\xff\x88'</t>
  </si>
  <si>
    <t>b'\x18/R\x01K\r\x95\xa1\x0b$ \x8d\xcaN\rv]\xbc\x83j\xcblb\x06\xcaB\xc3\xc7\xb46\xca\xab'</t>
  </si>
  <si>
    <t>b'/\n\xe8R\xb7^el\xe9\x17\x90\xfb\xcf\xa8NH\xf7\xe2 \xe4~\x92\xe9\xab\x85\xec\x9aP,\xb4\xbc`'</t>
  </si>
  <si>
    <t>b'\xb3j\x10\xdd\xa5\xec\xe6Z\x11\xd1\x17\x194k"\xb1T\xdd\x8d\xe7LK\x81\x8fM\xf3\xaeE\x86\xb2)\\'</t>
  </si>
  <si>
    <t>b'\xde?\xf9\xb7\x1b\xd6m\xe6\xf2\x8f\x00\xec6\xb1\xddl$\x0cN\x8b9: \x84s\xb85#8m\x13a'</t>
  </si>
  <si>
    <t>b'\xfa\xff^2\xf1\x88-\x8f\xa1k\xd2\x99~ct\xe4\x05\x19\xab\xc8\xee7\x07\\\xb5\xd9j.8;(='</t>
  </si>
  <si>
    <t>b'\x0f\xb8\xdbm\x13\xc1\x8a\x8c\xe1\x8b2\xfb\n\xe1tZ\xc5\xccqR\xb8\xfbv\x06\x91wG\xdb\x81\xed5G'</t>
  </si>
  <si>
    <t>b'\xbc\xa3\xd9\xbb&amp;M\x11\x01:T\x8f\xf1\x95\xd0\x8c\xf0\xe4\x98\x8f\x18\xc7&lt;\xd9:\x02\xfd\xe8\x16\xdd-\xe8S'</t>
  </si>
  <si>
    <t>b'\x0cQ\xf1h`\xfb&lt;\xe4\xfdX\x06u0\x0e\xe3r\x19\x1a`\xa8\x14)\x91\xdbs_\x032\x12\r\xfbK'</t>
  </si>
  <si>
    <t>b'e\x00g\xda\x98\xd9\x1b\xe4-\x1d\xcf\x19{\x92\xce\xc9\x02 Z\xc6\xb5\x93\x10\x99\x16\xce\xeb\xd2\xd4,xO'</t>
  </si>
  <si>
    <t>b'\x999\x99\x88&gt;O\xd3:\x07\xf6M\x99\xddm\xa4\xbc\xab\xba~\x8e\x95x\xf2V\x88\xfb\xfa\xaf\x99\x0c\xe0\x00'</t>
  </si>
  <si>
    <t>b'3\xb3\x9f\x07\xf8\x86W\xf3\xdb\x9a\xc5.9\xcc\xf4\x19GX\xe1\xea\x19\x0fo\x0b\xd0\xb9\xbc\x84g\xc4\x98\\'</t>
  </si>
  <si>
    <t>b'\xdfIND&lt;\xf23\x14{\xaf\xc5&amp;\xc6/\xbaF=\xa3\xdbL\x9b\xe6\xb1\xdc\x0eCN\x85N\xbc\x8e\x10'</t>
  </si>
  <si>
    <t>b'\xf6h\xd6\xc7\xad\xd0\x89)\x86\x13\xd4\xe0|\xeah\xd8&amp;\xe5`\xb7\xcd=\xbb\xcc-\xec\xe5\xcd\xc6\xf1\x80\x98'</t>
  </si>
  <si>
    <t>b'MM\xe7\x15\xdf\xbbf\xaf\x8d\xd7yo\x17g\x87Q\xaf\xb9\xf0\x7f\xe9\x03\xf7\x021\x1a\x0e\xaa\x1a\xd4\x96\xea'</t>
  </si>
  <si>
    <t>b'O\x84\x1a\xd8\xb1-B\xc2\xc0\xf5\x87\xf7p\xd5\x1a\x1d\xa3\x9a\xfc\xa8j\xca\x05\x1a\x1e@\xf0\xdc\x94^\x07\xe9'</t>
  </si>
  <si>
    <t>b"\xbb\xf69\x98\xbcm\xd3\x9a\x03e\xd8\xb5?Q\xd2\xe4\x1b%y\x9a\xb7\x1c\x06'\xfb\xe8_\xb8\x99\xcd\xfel"</t>
  </si>
  <si>
    <t>b'\x1b\xe1T\xc1,\xa8\xb9\xd8\xca8\xc7u\xec\xeab)_\xf6\x9cm\xb2\x9d\x19\xde\xc9\x1a\xc9\xb4\xf6^w['</t>
  </si>
  <si>
    <t>b'\xec\x1a\xf2\x8bm\xc7\x19\xc2\x06Oa\xce%\xe7&lt;\xe7._@%a\x82.\xba\x8d\xed)0F7Q\x98'</t>
  </si>
  <si>
    <t>b'\xd4\xfe\x19\x9e\x95Py\x7f\xberv.\xbc\x1be3\xa5\x0b\x04D\xceA\x14\xcdX\x14\xac\xd8\x8c\x91\x94\xe5'</t>
  </si>
  <si>
    <t>b'G\rC\x01R\xec!4\xffe\xd4\xfc\rF\xce9\x03\xbb\nv(\xaa\xef\xc8p\x12\t\x05eB\xe4\\'</t>
  </si>
  <si>
    <t>b'\xc2\xa3$6\x98\xb3p:\xca\x01\xbe\xd5\x89:#\x8e\xcd\xb8\xb8{\xd9V\x02T\xc4\xa3!\xd22{X\xe7'</t>
  </si>
  <si>
    <t>b'.\x9e\x92V\xa8\xef\x06\x17\x9c!!\x85\x8b\x1dFl\xa1\xfc\xdc\xafy\xbb4\xe1\xb3&lt;\x88\x05qH\x8d7'</t>
  </si>
  <si>
    <t>b"i\x14\xec\xb1\x91\xb2\xf6\xf1J'\xa1\x8c\x95y?@ \xcf.\xc1'\x93\x11&lt;\x03\xb0\xe9\xaa\x17\xe6\x81\x8e"</t>
  </si>
  <si>
    <t>b"h\xa5\xa4\xc3\xd9\x0ch\x97\x8a\x80\x1d\xd44\xc4!I\x18_'\xc7 \xa5\x1a\x0f\xe5\x07m]Ye\x8c\xc7"</t>
  </si>
  <si>
    <t>b'\x9f%Y\xafa\x0fd\x8a\xe5\xd9 +\xf0\xb3\x1f\xb6\x10\xc8\x90\x0f\x81\xcd\xacP\xb1\xe2\xf1C\xf0s$C'</t>
  </si>
  <si>
    <t>b"c\xdd\xe8A8\xc9~H\x1e\xa5Q'\xaa\xa27\x1a\x81\x06\x9d\x9b\x18H\xef\x80\x0f\x9a\xd8\x19n\xee\xd9r"</t>
  </si>
  <si>
    <t>b'C%dP\xd6\x9a\xf8\xa2\x94\x1a\x06\xf3OV7{\xe0\xef\xb0^\xebq\x9a\xd0\xdf,\xd8:T\xeaT\x9e'</t>
  </si>
  <si>
    <t>b'q\xcb\xa9\x95\x1e\x99o\xb7\r\xe6\x91?TJ\xae\xf8\x9e"\xd0\xdcT\x14\xe3\xfa=\xd2\x825\xbf\xdc,\xb5'</t>
  </si>
  <si>
    <t>b'=w\xa5?\xd6(\xec\xd0]\x9b=\x0b~\xff\xe7\x1b\x14Q\xa8\n\xee\xfa~+B\rU\x94`\x96*\xac'</t>
  </si>
  <si>
    <t>b"1\x0e\x9f\xd7gV\x9a\x89\xc3s\x850U|7W'\x01\x98x*\x810\xd9Y\xf2\xa3\xcc\xa9\xfe\xaao"</t>
  </si>
  <si>
    <t>b"-\xe7+\xac}\x9fT\xc8\xb9\xc2\xd3\xe8`\xd3\\\x13\xb6?~|\x1b\xcc\x03\x0b\x00P\xa0\xe8&gt;$Q'"</t>
  </si>
  <si>
    <t>b'$\x16\x07%\xb3\x1bOc\xc4A\xf5\x9b\x81\xcd\xc1\x0f\xcd\x1b\xbaKr\xa8\xb2\x15\x1b\x1b\xd0~m\xd18R'</t>
  </si>
  <si>
    <t>b'-\x87\x03\x9a\xf7\xb0\t\xec,kG&gt;\xe2\x0bik\xca\x07\tc\x8f\x05\xd5\x00\x19\xd1\xc2\xdb\xdc@\xd15'</t>
  </si>
  <si>
    <t>b'In\xb6\x0c\x99\xd5\xa3\xf6"\x95\x86\xed\x1c\x1eF@PaM\xf5\x1d\xfd\x9d\xcc\x90\xd4\xc4\xf8\xa1_\x8d\xf3'</t>
  </si>
  <si>
    <t>b'\xf3\xc4\xd6\x80J\xeaXS\xc0W^\xecyN\x98Os;!\x9dF]k\x91\xb1\xcf!\xb2^; \xa6'</t>
  </si>
  <si>
    <t>b'x\xa8\xfe\re\xebZo\x92\x83\x92\\a\xf7W\xb2M\xaax\xca"(Y:\xc1n\x8c\x8a?\xe1J='</t>
  </si>
  <si>
    <t>b'\xea\x88\x8e\xd4P\xac\x94\xf7\x8e\xd1e\xdfi\xbb\xd2\xc4\xe7F\x81?\xd0e\x18\xa6\xe0\x85Ats\xa4\x87\x03'</t>
  </si>
  <si>
    <t>b'w[\xe1\xec7\x92\t\xedm\xdc0\xa9u^\xb2hw\x94 \xf6\xcf\xa2_\x96+\xc0\x92*\xd3+_\xfb'</t>
  </si>
  <si>
    <t>b"\x9f\x80\x05\xf1L\x8c\x9e\xa5\x05L\x86\xe9'\\S\x96v\xe6|X\x1e\x13`\x0cv\xf0\x84\xe7\x9eA\\\xad"</t>
  </si>
  <si>
    <t>b'\x89_\x92\x92\xfe\xb5k\x14\x82\xe3y\xbdO\x1a6\xa7\xb5\xa1\xe9\xc7\xf4A\x99\x01\xc3\xeb\xa2\x9e\x1c\xdd1B'</t>
  </si>
  <si>
    <t>b'\xf4\x07d\xcc\\ \xd6\xfe\xe5\x17X\x95Q\xd9\x02\xec\xb9~\x94\x12\xce"\x18\xe7r\xb53\x97\x83\xb3\xee\xfd'</t>
  </si>
  <si>
    <t>b'\xa2:m\xfef\xbf&gt;X\xa7\xcf\x97\x1d\x912\xd9\xe0\xd6\x16mQ;\xaa\x99\xbe\x9f`\x9b\x99x\x07\x01\xa9'</t>
  </si>
  <si>
    <t>b'3\xb0\xa8\xac:\xc1\x9d\xaah\xa0\x89\x19\xe8\x98~\xd6\t3\xb8u\xf8\xae\x92\xa3=en\xae\xfaM\xe2\xcd'</t>
  </si>
  <si>
    <t>b'n\xa2\xa0B\xf5\xd2\xaaIZ\xa5v\nnt\x08\x85%\xaa\xe6\xa1V;\x92O1\x84\x1cc{W\xc5w'</t>
  </si>
  <si>
    <t>b'\xa3\xe4\xe3e\xda\xb3\xe8W\xf5\x96.\xcbi\xfc&gt;\xd2\xca\xe9\xb4\x1a=j\x12\x93\x11x\x13S\xa3\x13\xb4\xb9'</t>
  </si>
  <si>
    <t>b'y\xba\xc2\xfc}I\x9c\x92\xed\xa1\r\x1f\xb6\xf5W%\xc8\xe2H\x00M5dq\xf8\xac}]qj\xeb\x08'</t>
  </si>
  <si>
    <t>b'\xadw\x19)\x9a\xc8\xafV2\xb3\xa1\x88/\x91$"%(\xd1\xbe\xbbO\xa2\xce\xc8\xce\xa1&gt;\xa1N\x19\x11'</t>
  </si>
  <si>
    <t>b'{r#st\xd9\x08\x0e\xfd\xd2\x1b\xbc\xc4* l\xae\xf9\xf0i\x95\xee\xf9\x81{\\Ye\xa4] &amp;'</t>
  </si>
  <si>
    <t>b'\x96\x1d\xb0K*p\x9a\xeb\xe9\xf9Y.\x98\xd6Rp2\xa0\xb0\xf0\x16\xf8\xbc\x11\xdd\x99[\x9a\x03\xea\x8ad'</t>
  </si>
  <si>
    <t>b'&amp;Y\x85p:W\xb3\x90\tQ\xfb&gt;\x1f\x15/H\xd3\x1e\x96\x06&gt;3\x9c.\xa9`\x0fX\xe5\xc8\x0c\xcc'</t>
  </si>
  <si>
    <t>b"eO'\xe3\xcbB\xea\xc5\xd3\xc9\xa3\xf3cW\x8eL\x91-\x17'\x9eB\xf2\xcdv\x12\xa3\x97\x1f\x12bj"</t>
  </si>
  <si>
    <t>b'\xc4\x07\xf3\xa5\x0b\xdco!\x90\x80s\x91\xceM\xe4S\xc5H\xb1|m\xb8TCj \xd4\x80:\xc04"'</t>
  </si>
  <si>
    <t>b'\x08\x19A\xe6M\xa5\xaeE\x1a\xe9\xc6\xd6\x8fj"\xad\xe21\xe1\x98C~\xc3\x98\xac`?\x13\xdc\xd1\x91\xa2'</t>
  </si>
  <si>
    <t>b'\xac\x16\xb4\x13\x10\x94c\x02ci\x86f\xbfn\xb0\x89\xd3i\xa0P!\x00\xff\x0f\x0fT\xe4\xfb\xbcn\xc5\xc2'</t>
  </si>
  <si>
    <t>b'\x10\xe2\\`\xca3\xdc\xbf\x10K\xb4Y\xf4\x8d\xa8\x97RQ\x1f\x82\xa9{\x9b\x9b.*:\xffT\x87#\xda'</t>
  </si>
  <si>
    <t>b'!\x13R]iqm\xe3V\xa5\x9f\xa8\x04N*w@\xd5\\\x19?\xd5\x99?\x8d[\xbe\xdf?\xe4BP'</t>
  </si>
  <si>
    <t>b'\xb1\x91\n\x8a\x90\xc6\x1a[\xf4\xe7\x0b\xa5\xab\xc6\x1b\xd6h\x9a\xe4\xa7*\x9d\xa3\xa6\x81\xb1\xe4\xa3}Z\xe7P'</t>
  </si>
  <si>
    <t>b'\xcb8\xc5\xaco\xb4\xad\xd3=\xb0&amp;\x8b\x8a\x98(|\xb1[\x16[B\x11\x05z\r-&lt;\xfb\xcf\x17\x8d&gt;'</t>
  </si>
  <si>
    <t>b'\xdf\xe0\xd0;\xa9\x0bA1\xa9\t\xdf\xe1\x93=\xef\xb6,\xaa\x0e\xff\xfe\xc0\xa6\x0e\x80-\xa1\xb4w\xcc&lt;u'</t>
  </si>
  <si>
    <t>b'\x984+Hk*\xf1*\xef\x84\xf4\x1d\xd0\xa21\xcbY?x\xc9n\x17\xa8n\xac\xdf\xc0\x13Z"\xc5\x18'</t>
  </si>
  <si>
    <t>b'\xff s\xe2\xbb\xbb&gt;\xf0U\x8cj\xa6 \x03\xb0\x13\xeb\x12\xa6\xef\x8dX\xaa5%\\j\xb2\x13|=\x1c'</t>
  </si>
  <si>
    <t>b'\xe7\xeb}R\xef\xact\xfdRF\xe0\xc3&gt;\x1f!\xd4\xa9\x8e\xda\xe9\x9e$\xb0F\x04\xbf\xe2\xe5fDu-'</t>
  </si>
  <si>
    <t>b'\xf0(.\xb2_\xd9\xa7\x01\x9a\x80\xdd\xf2\xf0v\x10\x08\x15\xff-\xc3\xeb\x95\xd9\xe3\x7f\xfa\xe7dD\xd1\xb6B'</t>
  </si>
  <si>
    <t>b';\xf7y\xb48i\n[\xca\xc3\x8e\x0e[\xa2\xfe\xdbo\xe9\xb9\xc2\xbdQ{#\x8d\x00F\xc7\x0f\t\x96\xe8'</t>
  </si>
  <si>
    <t>b'\xb5\x06vB\x00\x8f\x19\x05*\x8b\xd3gQ\x0c\xdf\xa0\xe9\xc4\x83\x97\x13\x1d\x86\xd2\x01@O5\xe0\xee\xde~'</t>
  </si>
  <si>
    <t>b'J\xc9v\xf6j\x94\xc5^\x9c\r\xe3&gt;\xdb\xb6\x16\xec\xa6Q\x86\xb8\xc6\xd9\x9aqn\xc0\x1d\xb7\xcc\xe0\xde&lt;'</t>
  </si>
  <si>
    <t>b'\xb5B\x80\xad\x81\x00\x01\x13\x81\x03\xa5\xb8\x8e=\xf3F\xcd\x94\xb9\xab\xd1!\xcd\xaf\xcf\x8c\xf7&gt;vq\xd4\x14'</t>
  </si>
  <si>
    <t>b"\r\x02\x9c'P,\x01\x1d\xea\xf2\x04\n\xcb\xb4s\x85\xcc^\x8c\xeb\xb8.\x9f\xb3w=\xb6\xd3\xef\x0e\x07\xeb"</t>
  </si>
  <si>
    <t>b'j\x89\xaaXkD\x1d\xa1\xdbY\x08L\x00\xcd7\xd5\xe1\x1b\x85l\xd7\x16\x1e6\xd9\x8b\r\xc9k\xc8-k'</t>
  </si>
  <si>
    <t>b'.\x97W\x93*@\x80\x14\x15\x00\xb4\xb8B\xc9\xe1\x8dx\xf7{\x82N\x17\xfazDOLM\xfbg`e'</t>
  </si>
  <si>
    <t>b'\x1a\xd6\xa0\x98T\x07\xde|\x8a\xb3\x87\xecV\x85\xbb \x17D\x02\x01|\xea\x98\x888\x97\xfd[\xeb\xe9d.'</t>
  </si>
  <si>
    <t>b'\xd09\x9b%QD+\xb0&gt;g\xaf\tB#\x80\xb9\xdak\x11\xdd\xc7\xa3\xc7\xe3H\xaa\x0f&gt;\x1c;\xc1\xff'</t>
  </si>
  <si>
    <t>b'\x06\xe4|]2~e\xda\x9b\t\xa0c\xf3&lt;\x98\x0f\x1c)\xf7\xe5M\x16\xe8\xc74\xe2\x00\xf5\x18dF\xec'</t>
  </si>
  <si>
    <t>b'\xe5\x86^|\xc2\x84\x10f\r\xb2\xce\x01\xe8\x83\xa4r\xcc^\xee"\xb2\x0b\x9d\x03lN\xccV\xd3\xde\xe2\\'</t>
  </si>
  <si>
    <t>b'o\xf7E\x93\xf8\xb5\xd6A\xad\x8b6\xd8\xf4\xa0\xfcEF%\xda\xe9\xee\xbb1y,%2`\xf7\xdf\xaen'</t>
  </si>
  <si>
    <t>b'\x88\xc6\x7f\x1d\x86v\xa8\xbd\xfb\xef^]\x9c\xe9d\x1c\x1b\xb0\x1e\xa3\x94T\xf6o\xc5\xca\xc8=\xf9\xff\xc7\x86'</t>
  </si>
  <si>
    <t>b'\x1e\xfd\xdd\xado]\xad\xa3\xd0\xc8\xbc\xfeob(\xa9&gt;m\xed\xd2O\xb9\xd4\xd8.\xbfE9\x89\xa1\x05\x1d'</t>
  </si>
  <si>
    <t>b'Rf;\x7f\x0c\xaf\xf7{\x1f\xca\xae\xe4\xe0\xcfk\x05C\x01\x8b\xd8%\x03\xb9\x7f\xf8WfJ\x8a~\xb3\xf6'</t>
  </si>
  <si>
    <t>b'\x8d\x91;\x85\xed\xd4\x9e\xd7\x97\xb6CW\xa5E\x8eR\x07}\xc5\x07B\xa5V\xcd\xdbD\x8e\x08\x03:$='</t>
  </si>
  <si>
    <t>b'\x985\xd8\x01\x0c\x02r*QY\xd6]\x81a\x12\r8%&lt;\x95\x8b8\xcf\x89\x9a)\xc3\x05\xf6:\x9f\xf1'</t>
  </si>
  <si>
    <t>b'\xe5\x84\x1bOe\x13&amp;[\x1f9\x83C\xe1^\xa4\xcd\xbd\n+N\x92\xcep\x03\x10v\x8d%:e~\xbe'</t>
  </si>
  <si>
    <t>b';\xc3@\r\x920\\\xb8fY^ z;\x01\xed\xea\n\x8fv\xc1\xc9I\xe6\xd8*(Xq\xb5-\xc1'</t>
  </si>
  <si>
    <t>b"#\xe9\xd4\xc841\xeaO\x19\xdef7\x93\xa3\xef\xf4\\\xa0\x91'D\xde\xb0\xb9\xca'\xfa\x82\xc8\xa7q\xf5"</t>
  </si>
  <si>
    <t>b'\xdb\xc5pN\x15\x078\x84\xf2P\x0e\xa3\x9dyr\xc3\xee\x98\x86\x04\xfe\xda8\x7f\x8e\xff\xce\xfb4\xad\xcb\xb9'</t>
  </si>
  <si>
    <t>b"\xde\xb2Z\x91\x01)\xf8^\xb2\xae.P\x0bzL\xe4\xd2'\x83\x0e\xd7S\x84i\xae\x99M=\xd5i\xd4\x97"</t>
  </si>
  <si>
    <t>b'i\xf95\xd2\x16t\xe3\xad\xbf\xb1\xe3\xbdfP!Hz\xea\xeeZ\xf7\xd6\xf9\x91\x84UF\xbdZ\xdb6\x9f'</t>
  </si>
  <si>
    <t>b'\x12\x8c\xf6\xbb\x8f!\x1e\xc2E\xe0\x84\x9b#\xdf\xd0\xd6a\x87A\xfch&gt;\x9a\xbbqx3\rZ\xb4d\n'</t>
  </si>
  <si>
    <t>b'\x845"$`\x8bW.\x89TS\x17\xaa,E\x96\xf9c\xa7\x984\xd2\x7fS\x96\xcdd}w\x04PI'</t>
  </si>
  <si>
    <t>b'\xdesv\x17\xf9\x7f\x89 B\xf1\xda\x0e;3b\x0fP\xa4["\x8a\xd0\xa8q\xe2\x13\xc0\xeb\n\xe5\xfb\xea'</t>
  </si>
  <si>
    <t>b'\x8e;i\xccm\xa63b\xe1W\xb7\x8e\xa6j\xaa^\xc4w\xaf\xda/\x11\xa0\x8c\x058j\xe2a\x9a\xdc\xba'</t>
  </si>
  <si>
    <t>b'\xc1/\x1f\x96\xf2\xe6\x18\x03\x16\x0bu(\xf0\x80\x8bc\x8ed\x86\x10lfg\xe1~\x0eJ\xaf\xd6\xcfh1'</t>
  </si>
  <si>
    <t>b')I\xb4a\x990\x96|C\x11\xd1\x99]9\\)o\xb1\xad\xfa\x9e\xdbp\xaa\xdd\xbb\xe3\n\xb5\x84T\x06'</t>
  </si>
  <si>
    <t>b'kkC\xca\xda\xdfYY\x06\xc0\xdc\xe8\x8a\xcd\xd1%1\xa3{\x95R\xcf\xd8\x15\x1b\xac"\x0e\xb2\x8d"\xa7'</t>
  </si>
  <si>
    <t>b'\x04\x7f\xffj\x9a\xee\x9b\xc2\x91+\xd4\xfa\x1aC/s=6\xcfY\xf0\xc1UDHr\x1fN\x19v\xca\xa0'</t>
  </si>
  <si>
    <t>b'&amp;1\x05\xd0\xa6\x06Lj\xd9\x94a\x7f\xc0\x04B\x89\x9d\x136\xd9\x89\x85\xee\xe5\xb1&lt;\xd0\xa3\xc8p\xf7\x8f'</t>
  </si>
  <si>
    <t>b'\x0c\xf9t\x9ee\x0f\xb1\x00\x87\xda\xd8Jp\x93\xfe\x00\x9c\x1b\xd8\x14\xd1\x0e\xc8\xf2C\x8cx\x9b\xd0&amp;e\xe8'</t>
  </si>
  <si>
    <t>b'\xc6\x9a\xf2W^\xe4\xe2\xe1;\xd2\xb4Ph\xa8Y@\xc8\n\x17O\x8b\x86\xbd\xd0\x03\xc5\x11\xa2\x88\x94uT'</t>
  </si>
  <si>
    <t>b'b%\x81\xf2\x9f}?\x17\xa8\x91B\t\xf9\xab#\x15*\xc7G7\x80\xf6":!\xab-E\x9cg\xdc\xa3'</t>
  </si>
  <si>
    <t>b'8\xdd\xc4*/$\x00\xe2\x84\xbfe\x97\x04\xd2\xd5\xec\x10#\xac\xb2\xb7\xe3\x7f\x1e\x8f\x17\x01U\xfa\xe8|\xe5'</t>
  </si>
  <si>
    <t>b'28\x8f\xc0h@\x16\xf5\xec?\xcc\xe7\xc1\xdf`xj\xd7?\x96=X\xca\x0c\xfb\xf0\xb4\xd5\x8e\xb1FI'</t>
  </si>
  <si>
    <t>b'\xe3J\x15\xb9\x19\xd4Sy\xde\xdaX\xbcs(\xb1\x1bw\xcf\xd6\xbft\x18\x8ad$hV\x14Up\x1b\xc7'</t>
  </si>
  <si>
    <t>b"\xd0L\xbcw\xc3\x9a\xe7!\xb8+\xa4\x8a\x88\xc3\xfb\xe1\x17\x18'5\xb7\xe0\xc9v@\xe9\xcc\x98:\x02\x9d\x01"</t>
  </si>
  <si>
    <t>b'\xce\x80\xbd\xa6\x1f\xf4SC\x8da2\xea\x8f\xbb\xc6\x18\xb1\x84\xea\x8c\x1d\xb7\x1aV\xa1\x0b/\xfb\xf1\x16\x16\xa0'</t>
  </si>
  <si>
    <t>b"\x82W\x0bW\x17[y\xee\x1c\x7f\xf4\xe9\xe7?\x8d\xe1\xcf&lt;\xeaFk'\x04cWr\xa1\xdd\x05\x9cZ\x1f"</t>
  </si>
  <si>
    <t>b"v\xe9\x0e\xe0\xfb&gt;\x0e\x00\x13$\x06'0\n\x9c/+;\xef\xe6\xc1Mw\xd3\x8a\x9b\x8bK s\xc6T"</t>
  </si>
  <si>
    <t>b'&gt;\xfd5d\xd8\x83T\x9a\t9S\xb8\xae\x93\xcb\x80f\x1f\xa1\x8d\xdf\xe6\xb6A$\xe6`Z\x0b\xf8\xe8:'</t>
  </si>
  <si>
    <t>b'\x1bF\xa3W\xd5\xa6R\x9b\t\xae\xddsO\xb6\x05\x13\xa8"\xb8\xcbQ)WA\xd3\xe6\x9152\x99\xc5y'</t>
  </si>
  <si>
    <t>b'\xda\xaac"\xba\x1d\x07U\xf2p\xf6N^\xc3\x0fSG\xb8\x00\xffi{\xc7\xa4&amp;v\x92\xbb\xac\n\x060'</t>
  </si>
  <si>
    <t>b'\xb4"\x15\xf3\xb9\xe7\x08\xfe\xb7q\xa3\xa9\xe4h\xc6|\xcaa\x97~\xe3\xc3\xe5E\x9d\xcd\x8f\xc3+\xc3f\xe7'</t>
  </si>
  <si>
    <t>b'\x13f\xb9\xa5\xcc\xcdU\x9dQ\xef\x08\xef\xb8\xbd&lt;Rj\x14\xed\x04\xeb4r\x7f\x00\x9b\x10 0\xdcK\xa9'</t>
  </si>
  <si>
    <t>b't\xaa\x148H\xacT\x89\xbeQic39\x8c\x8d\x8267\xe4\x0c\x86\xbdgU\xbf\xc28\xcc\x96\xda\xef'</t>
  </si>
  <si>
    <t>b'\xf2&gt;\xcc\x99%\xc3\xf4\x81;\x0c]gg*\x04X\xee\xde+\xae\xf2\xd0g\xbd\x9d\x06\x85\x83\x19\x9f(\xce'</t>
  </si>
  <si>
    <t>b'&gt;E \xcfnF\xaa\xa8\x11\xd73\xa3\x7fj\xb8q\x0f8&gt;\xf7\xdf\r4\t\x13f\xa2h\x07Nw/'</t>
  </si>
  <si>
    <t>b'\xb7\x17:ge\xce$8\xf9p\xf4\xbaC\x88\xc8d\xa9S\xe6\xe0\xdd\xc3)\xa6\x02\xc1\x1c\xebk\x18s`'</t>
  </si>
  <si>
    <t>b'\x81c\xcb\x9b\xaf\x8br\x18\xd5_\x85\x95\xde\xaf\nY~B\x9b\xa31\x06O\xdc\xd9\xb3{\x90x\xb8\x97D'</t>
  </si>
  <si>
    <t>b'\xed\xe4\xb4v\xc42\xeeD\xe39\x85\xfa"\xedD\x17\xb7k\xce\xcc\xdb\xa9d\x8a\xa5\x89^G\x12\x86s\xa3'</t>
  </si>
  <si>
    <t>b'\xae\xb4a\xe5Wk\x16%Y\xd7G&lt;\xe0\x08\x9b\xd6\xf8\x05\xbb\x86\x80\xc2\x0e_\xb8\x9dW\xc3 \xfdK\x0c'</t>
  </si>
  <si>
    <t>b'\xa4\xc4u\xf7\xd7\x18\x00E\x004\xe0\x7f\x9f\xa0K\xa2%%V\x84x\x08] *O\xd7\x87\x9d\x9b\xe7\xbf'</t>
  </si>
  <si>
    <t>b']\x10\x13\x0f\xe3\xa1\x15\xef\xeeN\x1b\x8clD\x9et\xb1Yz2\xdcg{*\xc6\xbf\xa0\x93k\xe9\x83@'</t>
  </si>
  <si>
    <t>b'\x84\xee9c\x8e\x07*\xb58\x15\xdc\x95Z|\xc3.\xb5 \xb0\x9fG\x0e\xb2\xfb\x13h\xf9\x90\x08\x1e\x06\xd4'</t>
  </si>
  <si>
    <t>b"L\x01\xa4]&lt;`\xf0\x0f{\x99\x83\x83jAS\x9b2\xe7\xdc\xd2\x92'\xc3g\x9a\xe1g\x00\x84%Et"</t>
  </si>
  <si>
    <t>b'J\xd5g\x80%\xd7\xe9\x9fTZL\xbd\n/!m\xaa(\xdb)\xd2\xc8\xdb&amp;w[\x9a\x1f\xa8\xd9\xd8\xce'</t>
  </si>
  <si>
    <t>b'\xa6\xc3\x1a\x9b\x88\xa0\xdc\xfawl\xaf\x96Z\xb8:\x91\xdc\xff\xc4\xa3\xbf\xa3\xd3\x80\xc7kv|\xd8W0A'</t>
  </si>
  <si>
    <t>b'\xc5\x0b\xe6\t\xeeD\x12\xb8D\xdd\xe3\x19\xb0\xdd&lt;\xa7\xd4\xf4L\x84\xfd\xec\xa1|\xec&lt;\xad8\xd4\xd3\x01)'</t>
  </si>
  <si>
    <t>b'\xbb\x02\xfb\xc38\x986\xe0\xc5\xdf\xfawzEa\x89\xa4\xc9\x19\x1b\xecL a&amp;\x8e\xe1\xca\x02\xe4\xbf\x00'</t>
  </si>
  <si>
    <t>b'\x0f\xd1\xbbSm&amp;f\xf8\x04\x94\x85\x92L)\x81\xf7\x02!Ch\x14y\x05):\xdb_\x05\xc1#\xcf\x90'</t>
  </si>
  <si>
    <t>b'\\\x95\r\xec\xce\r\xe9\xf2\xc2{[\x94\xe7\xb9=QqX\x87\xfc\x1c\xe0\xa4\xa00\xdfr\x91\xb1\xa6\xa7\xae'</t>
  </si>
  <si>
    <t>b'\xf9\x84\xfcn\xa9\xd4\xe6\xaf\x9b?\xe7\x05d Qr\xdcEu9\xef\xcd\x8cM\xe3EZb\xc7*\xcc\x89'</t>
  </si>
  <si>
    <t>b'\x938\x01#\xcf\xdcg^\x94\xdaEj\x85\xf5\xb6\x93\x95\\\xca\xc7\xf5\xdd:h\xf50\x01\x1e\x98l\x12\xc8'</t>
  </si>
  <si>
    <t>b'=\x99\xa9s\xfdG\xcf\xeb\x9b\x11\xe3A\xb6\xea\x1b\x92\xafDl&amp;\xdd\xb8:\xcb\x07w\x8e.\xb4H\x9f1'</t>
  </si>
  <si>
    <t>b'7\xd4OE\xd3\xb8ny\x8c\x8b\x11%\xacu\xd6O\xda\xb96\xbf\xc9\xa7-w4\xb6\x96]\x03%\x89\xa2'</t>
  </si>
  <si>
    <t>b"\x1b\xad\xf9\xd6t&amp;5\xc4O)'S\xff\xaf\x8e(\x86Z\xc0\x90Rf_nr\x80E\xafd\xf1\x11\x15"</t>
  </si>
  <si>
    <t>b'\xe4\x8e\xa6\xb4~\x82eZ e\xe1\x9a\xf4\xd4\x00\xbc\xa8\x01\xb3,5\xab\x1e\x13\x8c\xb3\xf4\xa4h-C\x8b'</t>
  </si>
  <si>
    <t>b'\xc4\\\x8a\xc1\x7f_\xd1\xbfnO\xf9\x07\x84}&gt;e\xbb\xed7\x16!\xe4\xfa\xefXg&gt;PU\xb1dl'</t>
  </si>
  <si>
    <t>b'\x15\x8a\xbdp\x0f\x87\xbc\x8f\xda\xbfF\x8d\x9a\x7f\x12\xaaU]45\xd6`\x19\xd2"\xd6EG\xaaA\xd5\xaa'</t>
  </si>
  <si>
    <t>b'\xed^F\x1b\xdd!\x86{/\x86\xbc\xee\x8b%/\x9a"\x93\xb1s\xdd\x1f\xbe\xd5\xe9\xa8\xff\xc8\xc5\x1d\xf9A'</t>
  </si>
  <si>
    <t>b'\xb5\x03\xd4\xc7\xc9\xa9\xafv\x06#\x86_\xde\x83\xd4\x88\xca\xd6bz\x83.g\x8e\xd0\xa1\xb5\x18\x80\xa4\xe7U'</t>
  </si>
  <si>
    <t>b'\xdf}\xafd^^\x95\xf3\x9a\xa6\xc4#Z\x8b\xa2\xf4\xd6qw\x04R\xb8Gd\xcb\x9a\x98\x8fk\xdf\xfb['</t>
  </si>
  <si>
    <t>b'\x1a\xc6@\xae\xefu\x7f\xc8\x8c6!-!3\xd1p.\xb2o\xa6\xc8\xef\x8e\xdbc\xc8c\xc9n\xa26G'</t>
  </si>
  <si>
    <t>b'\xbf\xf2\xe6M_`\xf4po\xee\xbc%\xb3)$\x9d\xf3s\x8bV\xdf\xb2\xcb\xbfD\x03\xf4\xf1A\xa0\xf7\r'</t>
  </si>
  <si>
    <t>b'}O\xddPK\x95\t\x0f\x13v\x0f\x08\xef\x070\x0biVj\x0c\x89\xda\x96\x08\x81\xfb\r\x8f\x1d[\x98k'</t>
  </si>
  <si>
    <t>b'\xbc\r\xe4\x89C\xaa{\x811\xddz\x9b\xd9\xe9i\xc0\x17P\xf9\x08\xcaz\xbbK\x84\xc0o\xc0w\x99@/'</t>
  </si>
  <si>
    <t>b'\x9d\xcd\xae\x8b\x9b\xc8\xb1&lt;\x93\xf0\xd0(\xfb\xaa\x83;\x04\xcf-\x85&gt;\xae\x81\xd1\x02\xcc\xc1\x94\xcb\xfft\xd5'</t>
  </si>
  <si>
    <t>b'\xff(/h\xd3\xb4#z\x8d;3[\xfc5w\xbc\x00\t:\xd4\x8a\xe8\x94\xf5\x0f\x1a\x06#\x0b\xdd\xe9\x83'</t>
  </si>
  <si>
    <t>b'\xe7"M\xf2\xab\x84\x8a\xfe:\xdaS\xa4\xdf\xc7\xfcA\xd9\x16`\x92\xe0\x9a\xda\x0b\x0cM\xd2N2q\xa8\xcd'</t>
  </si>
  <si>
    <t>b'\xf0=\x8f\x8b\\\xc0\x80G\xd5Q\xfbR\xd2\xc3\xca\x15*\x19l\x80\xd3\x18\xd7*+\xf4\x89F\xdb\x95\xaf$'</t>
  </si>
  <si>
    <t>b',7_\x93W\xa2\xd1\xa2\xa0\xbfbn\x0bB\xad\x92\x14\x0c\x1f.O\xdf\x92\xcd\xe9\xad\x87f\xa6\x078\x02'</t>
  </si>
  <si>
    <t>b"\xa2w\xc3VM\x1e\x17\xe7'\x81\xf7\x8a\xe2;\x11\xe7\xfaD\xed\xd8\n\xd8\xb3\xf3h\x98\xca\xe3\xa6\x7fq\xc5"</t>
  </si>
  <si>
    <t>b'\xddqv\xc8C\x90rHEr\t\xdb\x1b#\xd4/\xa4&lt;`\xd5\x1e\x96&amp;\xdd\\\x9e\xe5\xae\xf55\xc1i'</t>
  </si>
  <si>
    <t>b'L&amp;r\xdf\xb1?\x0ck&amp;\x0e7\xa6\x9e5q\xe7\xb8\xb49\xdb\xc3A\x8a55.\xf0\xda\xe6\x9db6'</t>
  </si>
  <si>
    <t>b'\x12\xdb/X\xceV\xdf\x0f\x14\x14\x8d.\xc4\x01A\x80\xecY\xd4B\xdb\xc7k\xb3\xcc|Q\xbd\x04\xb7\x1a\xba'</t>
  </si>
  <si>
    <t>b'\xb9D\x8c\xd0\xc7~\x96\xc5\xacuG\xef\x98\x0f\xfb\x10\x86\x13\x0e\xe9\xfc\xa3li\xb6CR\x7f\x8d\x9c\xc1&amp;'</t>
  </si>
  <si>
    <t>b'\xea|\t9Y\xe1\x9e\x15\xe1x\x89\x94.@|\xc5\x93\x89!\x1fk\xbd\xec\x91\xba\xe6\xd8\x00A3\x81\xf3'</t>
  </si>
  <si>
    <t>b'\x1e\x89\xceR\xa1G\xa7\x7f8\x88y\xb4,\xb9\x1a\xc9~hj\xbf\xaa\x80\xb7\xc4}\x9c\xac\xcf\x03\xdd\x90A'</t>
  </si>
  <si>
    <t>b'E(q9\r\xfb&amp;\xac\x7f\xfd\xc9\xad\xb5\x80\xc8$7o\xe6@\x0c\xaa\n\x1c\xc7vs\x99\xc6\x8d\xda\x93'</t>
  </si>
  <si>
    <t>b'\xd5\x0f\n\xaf\x05\x9d\x92\xda\xd9\xe5\xb1K\x8a4\xc5\xb3x\x1d\xaa\xb1\xcf\xe5\x1f\xba\xfd#\xa5z\xf9\xfd\x1a!'</t>
  </si>
  <si>
    <t>b'\xcb\xc6.\xa4\x9c\xce\xae\x85\xc3\xf3t\xfe\x88{\xea)\x8f\xf5E,\xf5-\x02;\xdax:\x96,\xf1\xd06'</t>
  </si>
  <si>
    <t>b'\x01=\xbd\xd82\xec\xe3t\x8e\xae\x04b\xd8\x86\xf86\x1f*\xbc\x04\xd8\x91\xd5\x1fM\x98\x1aW\xcc\x88\xd8\x8a'</t>
  </si>
  <si>
    <t>b'\x85Q7P\xe7\xac\xb48\xcf&lt;\xd9\x02\xfa\x0b\xeaQ|\x11\x95\xe4L2\xe3c\x8f"\xd1\xfa^\x1a\xbe\xc9'</t>
  </si>
  <si>
    <t>b'\xcf\x9a\x1aI\x8an\xd7\x03\xfdx\x97U\x18\xa3\xbb\x19m\x8c)\x9a\xafr\x10R\x85w\x8b\n\xf5#\xa9\xc4'</t>
  </si>
  <si>
    <t>b'\x1fZ\x80e\x85\x1e\x8by\xf6\xa1\x87pU\x8a\xaaB\xf2d\xec\x9b\x80n\x04\xc3\x9eV\x16\xe0\xdeA\xa9\xf9'</t>
  </si>
  <si>
    <t>b'\x119\rR4\xc0\xa4\x1f\xea5\x88\x96\x8c\x05\xe2?C\x82G\x18(\xe6\xf5l\xf9\x07\x03\x1fzd\x86\x1e'</t>
  </si>
  <si>
    <t>b'\xdc.s\xd7\xdc~n\xabI\x1dK\x119\x9b\xfe~\xfb\xb1\xe7\x0bF4\xdfq\x8bN\xaaOkN\xf4E'</t>
  </si>
  <si>
    <t>b"U'!s*\xb6\xc5\x14[X$DjT\xc9\xecH\xdc\xd0\xa9 \rC\x01R\x80\x01aC\x89\x06\xf5"</t>
  </si>
  <si>
    <t>b"\xceV\x81w\x8e}p\x89\xe6c'\xdc\xcd\x11\xb6\xd7\x1b\x94v[J\xf3-\r\xca\xaf\xc9\xcf\x8d\x19\x9f\xa3"</t>
  </si>
  <si>
    <t>b'\xe6]\xf1\xdc"\xb6\xaa\xa0\xc0\x9b-A?\xff\xfe\xb89R\xe5\xe5\xa0_4Y\x05\x02w|q\x84U\x00'</t>
  </si>
  <si>
    <t>b'\xc8\x81BV\xe7\xc0\x13\x06\xeb6\xaa*\xbav\x84F\xe0\xaez\xa6\xde\xd1M\xbal\x93H~l~\xf5!'</t>
  </si>
  <si>
    <t>b'\xeb\xb6\xe54\xd6\xcfw\xd0O.1&lt;\xd3{\x19\x15\x83\xca\xb5\x99\xb8r\x01\xe7\x13A\xcaO^\x08-b'</t>
  </si>
  <si>
    <t>b'S\x8dJ[\xb7\xa5\x94\xcf\xd3W\x9c&gt;\xe1h\x99\xf8\x87x\xc7\xf9\x14\xc3+C\xc0Z\xfb?\xcb\x97|\x14'</t>
  </si>
  <si>
    <t>b'\xc6\x9b@n\x117I\xfb2]x\x9d\xb5)=\x8e\x04j\xb6D\x81\x87[\xe9\x82\x04\xb2\xf5ITU\xa0'</t>
  </si>
  <si>
    <t>b'P#\xb5p\xd2\x95\xd8\x89\x8e%,C\xcbUP\xdb\x92y\xd4+1\xafA\xa3\xfag\n\xcf\x84]\xb1\xa3'</t>
  </si>
  <si>
    <t>b'\xa2\x15\x9ba\xac?\x8c\x98\x95S\xa5\xa7\xe6\xb1\xf7\xb5?I\\848V\xcaL\x93\x18\xda\x1b\xc2\xa6G'</t>
  </si>
  <si>
    <t>b"1\x0f\xc9\x9fD\xd6\xd6\x95\x91\xab3\x1b\xfb\x99%\x00\x95\xc1_\x81\x86\x00#\rz\x14\xb6l\xdf\tG'"</t>
  </si>
  <si>
    <t>b'\x81\xae\xd8\\\x17"9p\x10F\\1t\x9e\x13\xc4\x84\xd5\xfe\xac\x97\xf0\xccIk@\xac[a\xeb=\x1d'</t>
  </si>
  <si>
    <t>b'\xeb\xd9\xcaH\xf6\x81\xef\xa09\x16\xfe\x8d\xb8E\x98\xcd\xe4\xd4wnb\xa1}9\xea\xd8-\xd0\n\x1cs\xb6'</t>
  </si>
  <si>
    <t>b'\xe7\xef%\xc4\xf5\xd0\xee\x9c\xec\x85\xbc.\xd7\xe4\xa9\xdc%F\xd00\xa5\xeb\x9f:W\xb1\xb7\xe7\xf1\xfb\tp'</t>
  </si>
  <si>
    <t>b"s+^\xc1'\xd6\xff\xd6cd}\xc0K1_\x84\x93\xe7stm\xa9\x86\xd7k\x0e_Y5\xccg\xc8"</t>
  </si>
  <si>
    <t>b'\r\xf4\x83\xe0BY\x99\xd1E~\xc7\xcf&gt;\x11sV\xd9K\xfe\x07Y\x98\x83\xd1\x81\xddz\x86 PY\x8a'</t>
  </si>
  <si>
    <t>b'\x0c\x1c\x9c\x83\xbe``[(U0\rt(\xdb\xa8n\xdbk\xa3QpMF\xa8\xe9\x00zOi\x84\x91'</t>
  </si>
  <si>
    <t>b'n"\xe1\xb2\xaf\xdd\xadG\x91\xea\xbe\x8e\x15\xcaT\xe8R\xf5Wh\xed^\xf1\xc1\xd25^\xfb\xbdM\xac\x9f'</t>
  </si>
  <si>
    <t>b'qG\xda&amp;m\xc6t5-8$\xa5\x82\x9a\x88g\xcd\x871\x9e\xab\xcc\x9e\xc9H[\xb1*\xcc\xdb\xf3f'</t>
  </si>
  <si>
    <t>b'\xce\xf6$\xd3s:\xe3`\xc4\x83\xa6v\xc7\xdb\xc5v\xc8:\xbd\xcaK@~\xa7\xb0=\x08H\xcf@\x0b\x9d'</t>
  </si>
  <si>
    <t>b'$\xfdZ\x1a\xacis\x93\xb3\xb2a0\xad\xcf@q2\xce&gt;\xda\xf6\x83\x92M!\x90I{\xc0\x96},'</t>
  </si>
  <si>
    <t>b'\x06\xc1\xc1O+hb\x8a\xe4\x15\x12\xb2\xc4=?\xd9rl\x12\xa1\xac\x17\xcc\x08Jx\x87\x1b\xfe\xcf\x9e\xa9'</t>
  </si>
  <si>
    <t>b'\xf1V\xe9\xb1E\xbb\xdeE\x8c{U\nx\xc4\x06^\xdc\x96\xfc1?-\xf5\x16y\xc9\x1c\xaa\xf3\xd5\x02\xda'</t>
  </si>
  <si>
    <t>b'\x80\x8f\xb0\'R\x13\n\x90\x93{"W}\x10\xdeWj\x1ai\xcc\x96\xea\x8a\xe0\x84\xcd02\xc45\x8c\x15'</t>
  </si>
  <si>
    <t>b'rG\xaa\x16\xb2\xb2\x144`qv\xd5\xd7\x1aZ\x868azr-\xe7\xc31\xd1\xc4\xc5\xbd \xf2\x90\xdb'</t>
  </si>
  <si>
    <t>b'xN\xbd\xa6\xdb\xddED70\x03m\x0b\n\xc7\xf9\xa1@N\xc5!\xbd\xec@1\xf4\x19\xceJIQ\xa2'</t>
  </si>
  <si>
    <t>b'\xd6\xb5Bn\x0f\x81&lt;\x00\xae\xaf\xf56\xdc\xd9e\x1e\xf02H\x06\x8e:\xe9\xd7\x1d\xcd\x06w\xf6\xdf\x1e6'</t>
  </si>
  <si>
    <t>b"\xd1\x92S\x16\xe3j\x9f n=\xbbw\x9c\xe0\xe0\xa0k\x9c\x01BsAu\xa1\xeaW\xb3&amp;^\x1d'/"</t>
  </si>
  <si>
    <t>b'\xb3\\\x85vs&lt;\xda\xe7\xd3X\x1a\xbe\xec\xeb\xa1\x83\xe7\xd0\xf3\x12\xf4\x146C\xe4\xaaB\x856=\xa3)'</t>
  </si>
  <si>
    <t>b'\xe6~+\x18\xfcS\x03\xde\xdc\xa6\xca\x04\xec\x98\x9d/\xc7t\x06P_.T\x16\xb8\x1b\xf9\xe6\x1a\n\xd7R'</t>
  </si>
  <si>
    <t>b'_\xa7\xc0\xcb\xf6\x90\xd4\x8b\xdce\xad\xff\xa3\x0e\x1e@\x91\x1b\xa5\x8eh\xd0\x00\x16a\xfd&amp;v\x95\xef\x91\xc8'</t>
  </si>
  <si>
    <t>b'\xf3\x19}\x13\x85o3\xdb\x8a3\xd5\x14*\xd7\xa0\xdca\xe0\xa315}G\xe0\xcb\x8e\xca\xc4\x1dI\xd8\x16'</t>
  </si>
  <si>
    <t>b'\xda\x01\xe10\xf6\xce\xdep\xd4\x02n\xd3:\xdb-R\xed\xf6\x13\xa07\xa8~\xcb\xc2\xe3M\xbct\xe4=Q'</t>
  </si>
  <si>
    <t>b'\xd4\xc7:\xc1n@\xd7&amp;\x04%\x91K\xa7-\xd8\xbe\xeb\xf8i\x13\xa7\xe2\x88\x0fNa\x8e\x8dd\xed3\xbf'</t>
  </si>
  <si>
    <t>b'CUE\x0f\xfcE\xbfe\xf0\x05\xd2H\x82/n\xad\xf3\x0cG{Su\xe9z\xf8\xb0\xfe)&gt;\xe1\x8e\xe9'</t>
  </si>
  <si>
    <t>b'\xd4\xcb\xe47\xef\x01\xf7ej\x8c\xbc%;\x0c\x91\xeb[?A\xdb\xec\x84\xc8\xb0(\xa0\xe0\xf4\x8e\xb8\x9c\xcf'</t>
  </si>
  <si>
    <t>b'\x02\xedJeT]7\xa6g\xcf\x14\x05\x91\xa3N\x1c\x1cK\xdf\xd4\xa5\x16\xb1\x8fk\xecf\x17\x11FJM'</t>
  </si>
  <si>
    <t>b'OT\x1aB)\xe6\x05\xbcu{\xb6\xe0\xac|\xb0\x1e\xd45`\x96)\x83\xcaNMT\xeb\x1dYb\xb7\x05'</t>
  </si>
  <si>
    <t>b'\xc2\x9e/,D\xf1\xcc\x0f\xcdWG\xcd\xa3\x1b.S\x93@\x152\xe7\x14l\xe4\x104\xb1\xa4\xa7\xebK\xe6'</t>
  </si>
  <si>
    <t>b'4\x99c\xd3\t\xb8Z\xb3Z\xb9\x88T\x9f=\x1ah\xa0\xb2\xfa3f\x1e\x1c\x8f0\xe3q\x10O\x92u\x8a'</t>
  </si>
  <si>
    <t>b'\x00\x18\x11\x91\xef\xbb\xc8\x80uPM\x08\xcc\ny&lt;\x02\xe6\x1e?\xc6\xa6CR\x94\xac"W\xd0`\xbf\x14'</t>
  </si>
  <si>
    <t>b';\x11s\xe7\xc2\xcd\x02\x17\x9b\xd8\x08\xad\xd7\xb7\xfc-:p\xc4\xb3\xa7[%t0-\xa1l\xfc\xbek\xad'</t>
  </si>
  <si>
    <t>b'\xe5\x1f7\x8b\xf2\x06\x83u\xd2\xb2\xe2b\xc8s\xc2p\x06H\x9d7\x0f\x19\x18!\xe7@\xcd33\xc5\xda\x8e'</t>
  </si>
  <si>
    <t>b'\xcc\x88\xabI\xeb\x004\x04!H\n\xfb$\xcdK\xc4"6\xce\x9c75U\xca\xc2\n\xe1\xd7j\xe7\xbd\xd1'</t>
  </si>
  <si>
    <t>b'\x88\xe4\x94\x85e&gt;\xfa\xff\x02\x1c\x87\x05\x8e\xabe\r\xee\xa1\x88j*_F\xac]\x84r1\x00\x02\x19\x1d'</t>
  </si>
  <si>
    <t>b"\xf6')n\xc0\xd7\xb3\xab\xb0\xa9\x8d\xd1\x83\xd4\xbd\xb9}l-\x15\xc8\xe1\x9fs\xfc\x0ey\x16\xf32p\xa0"</t>
  </si>
  <si>
    <t>b'\x8f\x1e!\xd7\xf8e\xa1\xe2\xbc\xa5\x1f\xc3\xa9\x12\xa8\x12Q\x8d\xf6\x88\xd3\xccZ\xdf\x1a?\x04\xb9\xac\xa7\x06\xb5'</t>
  </si>
  <si>
    <t>b'\xd11J4\xfd\xc6\x19\x8d\xf4\xeb\x98\xb8O\xe5\xdae&amp;\xbeR\xe0g\xc8\xa0\xcb}~B\xd3\x129_Z'</t>
  </si>
  <si>
    <t>b'^\xedI\x89\xbf[&amp;c\x8a\x84j:A\xe7\x19\x05Ze\xccV\x8b\x1e~T\xb6\xa8~\x06Fp\x0c\xec'</t>
  </si>
  <si>
    <t>b'\x9e\xda\x92\xa7\x04w\xa6\xe0\xa0\xd5_j\x02\xf2\xc4L\xcc\xbf\x14\xb1\xc82\xf1\x9e\xe6[\x85\x02\xbc\xdb\xedR'</t>
  </si>
  <si>
    <t>b'r\xce\xb9\xe5\t!geF\xb1\x7f\xffP\xa2\xd7Z\xd6B\x19\x85\xefQH\xc1\xc5\\^\xb1\x0f\xe40\xfd'</t>
  </si>
  <si>
    <t>b"\x8f~\xff\x1d\xfa\x161rf\xab\\\x19QY'\xe0y\xb4\x9c-\xe9O\x11g\xf9s\xf86\x94\x06V\xc6"</t>
  </si>
  <si>
    <t>b"\xaeK\x92\x97w\x80~9\xf0\xd0\xdfp=S\xf4z\xf3\xc8\xee\xbd\xe0\xd5%#e'\xe8\x16`\n\xa4\xac"</t>
  </si>
  <si>
    <t>b'\x8b\xc6\x91\xce\xee\x92}\x1c\xb2\x8ejz^(\x18\x91\xf1\x1eR=b\x86\xd0\x9f\xa1#x\xc6\xe5\x08\xe2\xb9'</t>
  </si>
  <si>
    <t>b'\x11\xf5\xd5\x8a\x01\xc3\\\x1e\x07\xc3~\xac!a\x9e\x01\x11\xc3C)\x19\xe3I\xbc\xb160\xac\xf4\x14\xd7\xfd'</t>
  </si>
  <si>
    <t>b'`\x1b\xfbU\xf9\x97\xa9oC\x95\xf8)3\xe8\x83w\x01\xdcT9\xea\x0b\x0e\xc2,\x0b,\xf0\xb0\x8esi'</t>
  </si>
  <si>
    <t>b'\x0cnv\xd1\xd1\xa7X\xf3,1\x0c\xdc\xb1\xa5)"\x153\xa9F\xb0\xef\x05\xceJ\x86\x0b:q\xc25\n'</t>
  </si>
  <si>
    <t>b'J\xdc\xd4\xad\x96\xd0nv\xda\x9b\x91\xa4\xf4\xbf4\xc3\xd3\xc5Rc\xda\x9cQ\xa1l\xb0\xb2*\x85\xac\x99\xaa'</t>
  </si>
  <si>
    <t>b'\xb5\x8c\xb6\x92{R\xcb\x8co006\xb0\x83\r\xa6\xba\x07\xea\xe0\xcb\xe3\x8d\xb6\xd4\x81\xe2k\x05\xee\x16\x13'</t>
  </si>
  <si>
    <t>b'T\xfeG($U*%\x00\xb3\x073\x13\x86\r\xbd\xa5\x89,%\x0e&gt;M\x84\xccd\xd6\xb8K\x19l\x10'</t>
  </si>
  <si>
    <t>b'\xe1\xdf\xcf;y\x91ef\x08?\xb0\xbf+\xcc\x14|\x95\x0et\xa1\xc7\xc4\xdfb\x13h\xe7L\xc3&amp;\x0e\x83'</t>
  </si>
  <si>
    <t>b'\xa7\xb26\x1b\x0fi\x97O ;+\x8f\x04I\n\x1d\xdbZK\xf4&gt;\xb0TV\xd72\xad\xb7\xb8\x00\xde9'</t>
  </si>
  <si>
    <t>b'\xd2\xe8\xcam\xbe)\xb6\xe5\xa4\x1a\xae\x01\x85\x00\x11F\x13\xd2\xdc2\xc9A\xc6\xc3,W\x86\x1ac\xea\xfdu'</t>
  </si>
  <si>
    <t>b'B}\xb6le\x9b\xf5\x03\xfd\xb2@T\xa0@\xa2\x00\xee\xe5t\xec\xcbA\xb5\xa3\xd7;$b\x96\xdf1f'</t>
  </si>
  <si>
    <t>b'\xc7\xb4D\xeb\xe8\xc4\x83\x8b\xccM\xaf\xea\xf0`Z\xe7\xb8#&lt;\xadE\x94\xcf;W\xac/l\x187\xe6\xd8'</t>
  </si>
  <si>
    <t>b'\x99\x8eK( \x1ab7\xdf$\x84kF\xa2\xdd\xa3\x04p \xb6M\x0b\xa7/\xde\x08\xc78e*\x1c|'</t>
  </si>
  <si>
    <t>b'V\xb1#h\xa4%\xa5\x17\x01\xb6d9\xd1^aU\x8c\x9fH\xcdtC\xca\xe0u_3\x9a\x08`\x81\xfc'</t>
  </si>
  <si>
    <t>b'\x1d\xd2&amp;T\xb9[\xf7\xea8\xf8\x15=\xc6G7\x8b+,\x02\xc3\xf6\x9c\x81\xc6xq\xbaLP\xfd3\xc2'</t>
  </si>
  <si>
    <t>b"\x87\xbe=\xddev\x08\xb1\xff\x9f\xd4\xa7a\x91'\xdf(\xa1\x93\x83y\xbe@,\x89\x98\xe7?\x1caUj"</t>
  </si>
  <si>
    <t>b'\x10G\xde0\x14mI\xc3\x95vN\xeaS\x7f\xb09zcN\x96\xc5\xf1n\xeeO2\xb4\xe3\x90\xfeL\xd5'</t>
  </si>
  <si>
    <t>b'+Pbwg\xe9\xd9rp\x9f\x9bi\xd1\x95z\xa4\x8aa\xc6\x7f\x93D\xe1I\xf8d;\xe6\x8b\xa2\x18P'</t>
  </si>
  <si>
    <t>b'\xee&amp;\xb1\xc3^\xc7\x11E7m5gDf\xccV\xb8\x94.\xb0\xd6&lt;^\xa3\xb5E\x8d\xe1\xb5\xefB\x9e'</t>
  </si>
  <si>
    <t>b"{I\xcd\x16T\xa8'\xd1\x99h\xfbN\xaeM\xf6\xcf\xe4\xf7\x0b\x9f\xdbBC\xf0\x8f1^\xaamb\x1e'"</t>
  </si>
  <si>
    <t>b'\x03#F\xf2\x1a\x16\xfe\xe4\xf2\xf7\x94\x88\xdf8\xb5\x18\xa9\xcf\xfe\xa6\x1e%\x86\x06&gt;\xd3*\xceN)\x80\xb5'</t>
  </si>
  <si>
    <t>b']\xde\x93\x10ZJ\x7f\xc4\xdf\x9b\x8f\x1e8s@8\xb1\x93B\x92\x9a\x1b&amp;\x94\xfdY}1\xc9?8\xc7'</t>
  </si>
  <si>
    <t>b'\xab\xad\x9f\xbd\xdbOI\x18a\xc9,\x16y\x8f\x12$\xe8P_\xa9\xab\xf2u\x8e\x9bC\xf4M\x16h\xccJ'</t>
  </si>
  <si>
    <t>b'\x985\x06\xa9\r\xc8M\xa4d_\xe8\xc7\xae\xec*\xa0\xce\x9fY\xaf&lt;\xf0\xafK\xc5UMFT\x1c\xd0\xc6'</t>
  </si>
  <si>
    <t>b'\xb0+$\xbf\xee\x8a\x01K\x14{Q\xb2\xaaX\xbaJ\xb6\xaa\x15R\xc2\x15\xf1&gt;2K\x18\xe48\xd7\xbf\xbc'</t>
  </si>
  <si>
    <t>b'\xf7\x170_\xa3\x1b\xf7\x1do\x18\xd0\xd4uQ\xacP\x00K\xa9\xa5%\x0e\xbb\xb8\x97\x92v\xac\x13\xbc6 '</t>
  </si>
  <si>
    <t>b'\xa0\xc8\xcb`%g\xbd\x81`\xa2\x15\xce\x84\xc2\x9eQ\xcaf.\xdf\xb6\x00BM=U\xda\xcd!&lt;i\xda'</t>
  </si>
  <si>
    <t>b'\xd5,4Cm?w\xbd\xdb\x94\x8b:S^a\x8c\xad\xe0\x16G6\xde\xdd\xf8\xd7\x19,\xf0xB\x86\xe0'</t>
  </si>
  <si>
    <t>b'Sr&lt;g1\x93S\x93\xac\x11\xa5\x8b\xa5\x1d\xac\xfd\x9b\xe7\xcb\xb25\x89u\x97\x1f\x81\xdaB\xc8\xbf\xfc\xd1'</t>
  </si>
  <si>
    <t>b'\xdbm\x12\x14\x1am\xf2\xb7\xd7dq\x9byz\x8f2\x01u\x9cjB\xdb\xae\xcc\xb3\x85.\xb0W\xbe\x83\x14'</t>
  </si>
  <si>
    <t>b'\x9a\xa2\xc3\x7f\x96[P\xe7\xc2\x84\xf2N,\xf7|\x06S\x92\xc1\x1ddTp\x1b\xf2\xfc\x07l\xfb\xd9\xcd\x8f'</t>
  </si>
  <si>
    <t>b'\xbb\xdb\xfdU\xe6\xba\x81\x1a\xda\xf9G\xce\xa2\xa4\xd9!\xa9\xf5\x99\x06\xf3\xbd$R\xdc\xdcd\x03+\xf7\x13\x9f'</t>
  </si>
  <si>
    <t>b'l\x98\x8d\x04\xab\x17\xb9\x16\xb9\x1b\x9e\xa0\x8c\x1c\t-R\x81\xb1\xb8CH\xf4B\x85\xd2F\xd7\x8a}xk'</t>
  </si>
  <si>
    <t>b"'\xa6%D\x0bq\xa3\xe6Y\xe9p\x9fgn\xcf7\xdd\xdc*\xba\xc75g \x81\xa3\x0c@\xd2T|\xbf"</t>
  </si>
  <si>
    <t>b'\x00Q)\x93\\9g\xb9\x8b\x88+/\xa0\xddu\x8a( &lt;\x81\xbb\x9e&gt;\x9e6\xf8R?\xedi\xfew'</t>
  </si>
  <si>
    <t>b'\xac\xf9D\xff\x97\xdd\x11\xce\xca\xf3\x90\xb3\xee:]\xb9\xbfn\xd2\x1c\x0eM\xa9\x06:j\x8c\x8a\xbd\x8e\xa2\x83'</t>
  </si>
  <si>
    <t>b"\xe4~\x04\xddU\x8b\xd6\x03\xe0'\xc2\x80k\x03\xa1\xda\x19\xbeV\x86\xca|\x15\xfb\xfd\xe0rn\xe3\xeba&lt;"</t>
  </si>
  <si>
    <t>b']\x18\x10AU\xd9\xbao\xd4\xf0.(,\x80\xeeY\xb3\x0b\xe2\xa4\x95O\xe5\xc0^5mV\xc0&amp;\xe4\xb7'</t>
  </si>
  <si>
    <t>b'\xf0\x96\x88\x9b\xd1\xcf\xa1f\xf2\xc00k\xd4x\x85)+D0S\xab\xda\xec\x91\x1f@O\x01\xda\xac\xdc\r'</t>
  </si>
  <si>
    <t>b'\x87\x04/\x1b\xdd3\xc3&lt;vpa\xc3\x9b\xd1\r\xf6&lt;\x11\r\n\xa2J\xde\xd2_\xf6f\x96\x13\x0b^\xb5'</t>
  </si>
  <si>
    <t>b'\xad\xc6\xd4\xf7]\x82\x82 \x8c\xab.\x12\x8c\xc45\xdf\x0cG\x071^;i\xcfH\xaaHQ\x16\x92\x1a\x82'</t>
  </si>
  <si>
    <t>b'%\x9c\x7f3\x13o[\xd2z\x1b\xce\xbb\xc6\xc8\\\x1c\xadf*,[R\nm\xa7!(\xd4|\x7f\x0b\x9b'</t>
  </si>
  <si>
    <t>b'p\xc6k\x98\x91\xac\xaba\x94\x1c\xa2\x1f\xdf2L\x96\x9d\xcc\xdc;\xef\xae\x01n\x1b\xaa[\xbc]"\x8d\xdf'</t>
  </si>
  <si>
    <t>b'T\xbdT\x8e\xda\xb3\x15\x01Y\xe9|\xca\xf7\xe7\x9b\x88n))M4\xb5$\xa5Kr\x00\x9dG\x18\x99\xa2'</t>
  </si>
  <si>
    <t>b'3\x01\xc20;\x9a\r\x9b\x98\x92l\x8e1f\x85\xc4!z3y\x1a\x81\x90\xff4O\x14\xe1b\xe8\xa9%'</t>
  </si>
  <si>
    <t>b'"\x00O\xc3\xf9T\r\xa8\xd7 =\xc5q\x82\xcc\xbe\x88\x8a\x82\x03N\xd7\xc6\xa5\x81\xdaF\xbf\x1cr\xf2`'</t>
  </si>
  <si>
    <t>b'\xa399\x16\xed\xe1\xee;\xab\xa6\xad\xd4\xc1\xab\xfa\x83\xf2\x18\xdc!|\xe8\xa3\xcbB}\x89%\xc3\x16\x92\x05'</t>
  </si>
  <si>
    <t>b'\xa1\\\xed\xd4&gt;.\x88\x0b\x9b\xf6\xe5K\x99\xae_@\x0c\r\x03\xb0w\xb5\xbf\x8dPb\xcbOh(%\xd3'</t>
  </si>
  <si>
    <t>b'\x13QFZ\xc5Z\xec\x95\xce\xb07$~\x1a5\xb7j\xa6,\xe92\xb6L^L\x04\x01\x00\xe9RxV'</t>
  </si>
  <si>
    <t>b'.\x19\x86z\xc8\xc2\x90\xc5^KP\x15E,\xa4\x82\xe3\x18\x95M\xab\xc5E\xbf\xc5oc/\xf3\x8d\xd2*'</t>
  </si>
  <si>
    <t>b'\xc0]\xbdE\xd1H2*^\xad\xc9J\xc3\xd1|\x1e\xafC\xa9]\x07q&lt;\x81U\xa2V\xc7\x91\xce\xda\xda'</t>
  </si>
  <si>
    <t>b'\xc9\x95\xb8\xd5+\r\xe1\x87\x16W\xc8\x84\x98o\x90\xfe\xc5a\xd0)G3\xa6\x13\x91\x01\xdb.\xad\x7f{\xb1'</t>
  </si>
  <si>
    <t>b'n\x1e\xae\x90\x95\xbf\x9a\xbe\x07\xd7o\x8b\xb9b\xefN\xc4\x9c\xcd\x1d\x03\r\xd9\x1fe\xc6&amp;\x9azO\x08J'</t>
  </si>
  <si>
    <t>b'D\xf8\xafvK\xcd5\xd0\xc9R\x1f\x05\xf4\x8fK\xa6\xb8\xa3I\x08u\xd0\x81\xeb\x8f*\xa6\xe7oE\xaf\x1c'</t>
  </si>
  <si>
    <t>b'\x08\xc5\x19\x81p&lt;)\x88\xcc\xa9\xafq\xbai&amp;q&lt;\xd3\xdb\xee\x02Yr\x16EKf-.}\xfb\x11'</t>
  </si>
  <si>
    <t>b'\\\x17v\x10w~]n&gt;\xe9wFaC\x944\xb4\x0c\xa9\x9b\x11\xa2\xe5:po\xe4\x83m/\x1b5'</t>
  </si>
  <si>
    <t>b'\xa3\xae\x9cz\x16\xd1}H4\xbf2k]\x10\x1c\nj3\x1f?\xd5\xc9\xccA\xd0\xd5\xb1t\x9c\xa8l:'</t>
  </si>
  <si>
    <t>b'qSgW\xb9\xdc\xc4/\t\xa8\x8a?8N4\xdd\x03\xfazB\x8d\xd3\x18\xfay-\x0e\xa0\xff3\xdc\xe9'</t>
  </si>
  <si>
    <t>b'_\xd5A\xddw\xaf\x0b\x81\xf6S\xb8\x85\xef\x98C\xe5\x93\xe9Dx\xb6\x98\x14\xa6on\xf6\x15\x0fP\x16\xda'</t>
  </si>
  <si>
    <t>b'\x0b\x93\\\xd7\xe3\xe5\xa8`\x95Z*{\xcfh\xab\xc9\x1d\x98 \x8c\x1d\xb69A/\xf1\xa4\x19\xc1T\xeb/'</t>
  </si>
  <si>
    <t>b'\x8e?e\xdf\xf9\x92\x8d&gt;.\x8e\xe9H\x1e{\xd4\xd0\xff\xb1\x8f\xcf%\xc1\x11.\xb7u\x84\xd7~\x9b\xbf\xa9'</t>
  </si>
  <si>
    <t>b'\x7fv\x8bx{*\x82H\xd2\xabwpY\xad\x19\xcc-\xbe\x9c\x91\xd7BO8\x15\xce3Z\xbe\xaf\x13\xa6'</t>
  </si>
  <si>
    <t>b'\xcd\ta\xce\x07\x7fq\xeaM\x7f\\4\x04\x8c\xe9\xa7Z\x18Ht\x07\x1cB\x87Ns\x86\xed\x0b\xb4\x1a\x03'</t>
  </si>
  <si>
    <t>b'\x98\xecd\x91F\x13nO\x88\xce\x1a\rI\xec\xf6\xde\x18\xa5r+\xcc\xbb\x91x\xd8I\xa3\xe0oKs\xb5'</t>
  </si>
  <si>
    <t>b'\xa0\xa8\x1c\x9b\xafM\x15-d+\xbf\x947\x1d\x06\xfe\xb2S6B9\xd7E\x80\xd2\x90\xce\xfb)\xc2\xb2\xb8'</t>
  </si>
  <si>
    <t>b'\xed\xf92mx\xb9\xe8@\x9a\x13L\x9e\xe0\xd0\x94\xb0\xf0,9\x1b\x06?\\\x89\xfb\xf8\xec\xc2\xc5\x9c\xe0('</t>
  </si>
  <si>
    <t>b'\xd38j\xd7\xf3\xfb\x80N\x95\x01wC\xe8\xf5C\x1c)Y\xe8\x93Q]\\\x8e\x0fE\x92\xff\xe5\xe5C\x1e'</t>
  </si>
  <si>
    <t>b';\xad\xce)&amp;\x0cK\xbf/\xa1\xdf=\xd04\xea /N\xf2L\n\x84\x19\xc5\xe7\xf8\xae$qYk '</t>
  </si>
  <si>
    <t>b'A\x19\xe7\xb6#\x8c\x98wt\xb5&amp;\x9e\xd4\xea5\xde\xe2\x0c\x82}\xe9=\x87\xf0q\xf5\xf2\xee\x91.A)'</t>
  </si>
  <si>
    <t>b'\x92\xf9\x1et\n\xd2*&lt;f\xban\xc95\xb6\xfc\x1av\x99\xea\xcb\xa0\xd2\x13k\xe7\x88\n\x9dR\x8e\xa9\xac'</t>
  </si>
  <si>
    <t>b'\x9b!\x8f\xf7\x070\xd0G49\xe1\x10\x1a\x9at4\xee\xaaKr\xa1\xa4!\x04\xefnDg~\xfcG\x97'</t>
  </si>
  <si>
    <t>b'\xb8\xbc\x9a\xd4\xd5\x08\xe3 \xb5\x17\x97\xaf\xe1\x12\xbf\xc7\x92\xcb\xbal\xc4S\xc8`\xa5\xb96\xfa.k\xc7Y'</t>
  </si>
  <si>
    <t>b'\xc4#\xac$WP\xa9W*\xbdZ\xeb\x7f\x0e\xf0\xa7\xa2\xd5}K\xb99\xa2\xbe\xe4\xf96\rCw\xc6\x9f'</t>
  </si>
  <si>
    <t>b'\xdf\x8d%,\x93iu\x8e`8\xd0\x14\xa7\xac\xfd\x94\x82\xbb \xb6\xaa\xecR\x95f\x19\xb4\x05\xcb\x97\xff\xb2'</t>
  </si>
  <si>
    <t>b'\xdaz\xb3K\xf3w{\xbc\xa5NmF\x13\x0f\x11\xf1\xca\x05\\\x9c\xaa\x86!\x9b\x08&amp;\x8e\xa4*\xb7W\xe2'</t>
  </si>
  <si>
    <t>b'\x9e]g\xae\x99]\xdcr\x89f\xe8\xf0U\x02\xabx-\xcb\xa9\xb0\x98L\x8e\xdf\x9af\xea\xa5\x12[PM'</t>
  </si>
  <si>
    <t>b'\x1c\xa3\x06q\xc0\xc5\x04\xa4i\x07\x0b1^\xafN\x87\xd5\xcc`\xc7\x85!\xc7%\x84\x13\x95\x12\xd6W\x01='</t>
  </si>
  <si>
    <t>b'\xc5\xe5}\x0f\xc9FA\xbf"&gt;\xdf?wB\x84O,b\xf3\x94\xe1u\xbcfI\xf7q\xf0\x12\x04\xd6\xe5'</t>
  </si>
  <si>
    <t>b'\xb2d\x11\xc7\x1a\xc1\xb6\x16d\x17\x93We\xe7\xdaO,\x88\xf3\x90h_Sz\xf3\xd9\x9c\x14YC\xa7\x98'</t>
  </si>
  <si>
    <t>b'2\x05\x90\xe9T\xd7\x93\xfc\xf7\xa8\xa9c\xa9\x07Hp\xe6\xdc\xaciYp\xe8V\x02m\x7f&lt;\xe4\xda\xb4\xf1'</t>
  </si>
  <si>
    <t>b'\xa6\x04\xa6q\xb7d\x07\x9e\x88\x89\\\xdek\xd2\x89\x03\xb03b\xccD\x8ew\xf4(a+\xa0r&amp;U\xc3'</t>
  </si>
  <si>
    <t>b'\xe3mz[\x14\x8fs@\x8d\xef\x1b\xc2\xa4\xf2:\x02(5\x16$q&gt;\xea-n\xf0\x9b9\xfe\xed)h'</t>
  </si>
  <si>
    <t>b'\x88\x1e\xd3\x1a\x1c\xbep\xec{Y\xa4WME6\xbf\nO&amp;\xc7\xe1,|!@#\xf93\xd2\xed\x0e7'</t>
  </si>
  <si>
    <t>b'l\x8e&gt;\x0e&lt;nh\xb0G\xdd &gt;\xabts\x8f\xcb(X}\xc5\xab#\x1e&lt;/\x9d\xbf\x0e\x9f\x96\xac'</t>
  </si>
  <si>
    <t>b'p\r\x97n\\N! F\xd9R\xf4\xe4U)\x8e\xabQ\xac\xd7\x0779b\xea\x8c\xab\xe78R\xa4h'</t>
  </si>
  <si>
    <t>b'\xb26\x16H}\xb4\xb0Y\x01\xe0\xe3e\xa2\x87\xec9\\\x96z\x84\x01\xb5\xce\xd3H/\xa9\x8a\xba\x99\xd9\xd7'</t>
  </si>
  <si>
    <t>b'K\x05;7*T\xe3\xd0M\x1a\x8a\xadET;,\xea\x95$;A\rST\x08\xab;\x9d\xb7\xe4W^'</t>
  </si>
  <si>
    <t>b'\x89@/\x92\xf62*\xf6\xc85\xe4\xc0117\xfc\x15W7S\xdb\xbc\x97\xcd{\xe8\x1c&lt;\x88\xbf\x10\x84'</t>
  </si>
  <si>
    <t>b'\xb2\rAB\xf8^\xd6\x87\xa6)$\xd4\xbf\xba\x16\x95\xd9\x80$\x83\x8e\xee\xca\x06\xb0\x1deDC\xcf\x07Y'</t>
  </si>
  <si>
    <t>b'\xf0\x8a\xf7i4f\xf8\xb8\x8ai\xaa\xa5c\xc2\xfb\x05e\x91WA\xa5{\xb1*\x8f\xc8\xf9\xf4\xea\x82\xdd4'</t>
  </si>
  <si>
    <t>b'\xee4\xb8\x1c\xce\x84\xd4\x87\x86\x01\x92\xcf1\xeb.\xedl\xfdE\x9aJ\xc1\xe5o\xfe\x91j:\x99\xcc_\xde'</t>
  </si>
  <si>
    <t>b'\xd9H\xf9\xb3\xc6\xdf}\xc6=!\r\n\x19yr@\xa5\xc9\x9c\xba\xb4\xef\xc0\xb6\xfb\x8c\xf9\xdd\x83&amp;\x11\xbc'</t>
  </si>
  <si>
    <t>b'm\x9b\xc0\x96$L\xf2d\xc6{\xdb\x10\xae/g\xcc\xf2\x05\x93\xdd-l\xbb\x12\xa9Y\x7f|\xf8o;_'</t>
  </si>
  <si>
    <t>b'\x89r\xba\xb3\xdb\xb3\xab\xb0D\x8b\x81o/$\xf9\xfc \xbc\x7f\xcf\x05Q\x98f\x10\xedO\x06]lWn'</t>
  </si>
  <si>
    <t>b'vn6Q~\xb5\x8d\xf4|\xc6\xf4\x11\x8a"E\xa9\xdf\xc9\x08\xfe9A\xa1\x84n\x03\x14\xb9XC\xea\xe9'</t>
  </si>
  <si>
    <t>b'\r\xd22v\'[[\xb9\xd6(\x92O\xf9\xbf\xbe\x1ea\xa9 \xce\xf6"}}\xed\xa6\x0f\xff\x81 \x91z'</t>
  </si>
  <si>
    <t>b'.\xd7\x8f\x01\xc6\xe8\xfemY{P~\xf3g\xbe\x89\xae\xbd\xb8\xeb+\xa4\x1b\xc9\x12\xdc\xc7U\x13\xa2c\xde'</t>
  </si>
  <si>
    <t>b'\xd6x\xeb\xf2E!A\x92\xcao|\x13\x7f\x82$oj\x1cWI\x88{\x81\x87\x05\x99mQ?\xaf\x99Z'</t>
  </si>
  <si>
    <t>b'\x11k2%\xa1\x98\xd1\xa7\xbe\xc2\xbd\x87\xb2\r\xc3\x00O\xb9\xfav\xb4\x95\x89\xd1\x86)\xc0&amp;\xf5R\x15\xc8'</t>
  </si>
  <si>
    <t>b'\x85\x02/\xd9\x1f1%\xc8\xe7\xdf\xf1\xdb\x95w\xd2\xea\xe9\x1f\x8f\xd0~\x0c/\x01\x90(\xf5\x0b_&amp;%O'</t>
  </si>
  <si>
    <t>b'D\x18R\xa2\xd0u\xa9l\xbcS_Ja,{\x98&amp;.\xd0\x95\xca\x15N\xaf\xa4E\xfa\xc69\x9b\xebX'</t>
  </si>
  <si>
    <t>b'\xdcE[\xc7\x8b\x07\x85|\xb9\xa5\xe7kb\x93D\xb1\x19%\xc3\x17V\xf2\x81\xda\x08\x92\xc4\xdf\xa4\xd2je'</t>
  </si>
  <si>
    <t>b'&gt;\xdc\xc9\x94\x95#\x80\x1fC/iKB\xa9?w\xd3\xea\xfa\xfc#\xa5\x0c\x9b\xa7\xc2\xa7\xda\xba&amp;\xf0@'</t>
  </si>
  <si>
    <t>b'q\xd6J\xe4KB2f\xfe1]6`\xa2y\x01\x19~\r\xde\xe6\xc7N\xa1\xc6\xc9\xb7\xaf\xa37\x028'</t>
  </si>
  <si>
    <t>b"\x04\xde\xce\x80\xa6X\xbb\xbb\xca\xabc\x17\x0f#\x04\xfe\x06\x80\xc5#V'\x1f\xaa@\x962\xd9\x91P\xbb\x0f"</t>
  </si>
  <si>
    <t>b'5\xd9\x0cpT\xac#\xa9\xa6!\x90dum\x0f\x19\n\xca\xeeh`El\xf4Baa\xba\xc7\x0epT'</t>
  </si>
  <si>
    <t>b'f\xa7\xb1\xe5Yg\xd8\x08\xc7\\6\x1a\x9a?\x17\x9cI\xf2\xdf\x89\xbc\x19,\x1b\xba\xd4\xf51C-\xb5]'</t>
  </si>
  <si>
    <t>b"&lt;'0\x19\xb0\xed\xab\xffj\xe6\xe9\xf31:R\t0.\xe5&gt;\xba$M\xa2\xc3\x0f\x87\x7f^\x94;\xfb"</t>
  </si>
  <si>
    <t>b'#\x85F\xab\xa9\xc7\xcbI5\xeb\xa1\x16\xe2\xa9\xf1\x83\xe1\n\x8eh=\xc5\xcfT{-\x11mS}o\xe4'</t>
  </si>
  <si>
    <t>b'\xfa\xda\x19\xbc\xd2\x97k\xdc\xb4\xda\xf9\xec\xd3f\xc5h\xc0?Q\x0fl\x8f\x01a\xf0\xc01|\xdc\x8e\xf6\xf9'</t>
  </si>
  <si>
    <t>b'\xbca\xde5\xa2\x93\x80\x18\x8fG_4LJGC3;\xde\xe8\xc9\xab\xb0\xa0?\xb4K\xbeV\xf3B&lt;'</t>
  </si>
  <si>
    <t>b"%\xd2(_\x91\xa6\xab\r\xa0M\xe5\x97/+q_'\x1aF\xb0\xb1\x9d8E\x0b\xb6\x88\xba\xb5\x14\xd6\x0c"</t>
  </si>
  <si>
    <t>b'OD\t\xa4K1m"\xa4LB\xea\xa0dW\xc2\x990\xab\xfdP\xf9\xf8\x81\x83\x16\x00[u\xa0\xff\xec'</t>
  </si>
  <si>
    <t>b'\xd3\xdc{\xf9;\x82\xaf\xc9\xe7\xabf\xcd\xdez$\xb8a\x9d \xfa\xb4\x19\x9d\x88z\x1e\x8f\x9f\x9c3LF'</t>
  </si>
  <si>
    <t>b'q\x94\xe5a\xf8\xca\x9d\xcee\xda\xbcg\xeb\xc6\x9f\xbc\xc3\xcc\x90Z\xae\xfdV&lt;\x82\x1f;\xe7\xcapXG'</t>
  </si>
  <si>
    <t>b"n\xb4t|\xa5\x98@\x08\xaa\x1dg\x85\x92\r'!\xb3\x85\x9bi\x8a\xeaZ\xe5\xde\x80B\xf4r\x07\x9e\xf0"</t>
  </si>
  <si>
    <t>b'\xc1bgu\x0f\xcf\x9e\x16\xbf;\x9a"\x00\x9e\x08\xe7\x97\x11&lt;\x067} \xec\\\xbf\x03\n6\xee\xaa.'</t>
  </si>
  <si>
    <t>b'C4\x03\r\xdc\xc3\xbe\xe8\xd0\x08\xe4\x91:\xcd%_-\xa2\xe1A\xd5\xec\xc4\xae\xf7\xa0\x82\x07!\x98\xf9d'</t>
  </si>
  <si>
    <t>b'\xfd%`\xa8*=\x014\xdaM/4_l\xd1\xe61\xfe\x88\xe3ji\x9f\xd9u\x86\xf8\xc3\x19xx\x18'</t>
  </si>
  <si>
    <t>b'\xf1\xc0\xca.\x19\x94L\xa4\xda\xa2\x94M\xf5\x8d\x00v\x19\x8f\x85-\xe2\x02\x12\xc84\xc3\x974;\xbc\xdb\xa0'</t>
  </si>
  <si>
    <t>b'\xad\xbb\xab\xe8\xe5\xaaY\xc8\x07\x07\x15T\xfc\xe4\xb3\x13\xef\xd3\xefN\xa0f\xc7o\xad:\xee\x90\x7f\x06\x8d;'</t>
  </si>
  <si>
    <t>b'\\5d\x9b\xc2"o]\x90\xb4VAtM\x80\x83\x87[t\'\x9e\xda\xb9\xae\x98(*\xe0ZL:\xaf'</t>
  </si>
  <si>
    <t>b'\xe3\xb0-Xs\x85U5\x94\x88~2\x8d\xef1\x0b\xd8Fh(\xd2\x98\xb7\x03\xe7\xe7\x95\xdd\x08\xef\xfe\x0b'</t>
  </si>
  <si>
    <t>b'\xc2G\xcf\x9c\xfe\xa9\xb6h\xfa\x10\x17\xf6\x007\xe4B\xd4\xd2\x90\x03\xb8\xcd\x8fo\x8b*\xd4\xfe\x8c+\xad\x8f'</t>
  </si>
  <si>
    <t>b'Xdc\xb2\xf3\x9a\x84\x9e%\xe2\x0b\xb0\xda\xaf,\x9a\x93\xdf\xfd2\x89\xfap\r\x90Pl\xe40\xe2\xdc*'</t>
  </si>
  <si>
    <t>b'\xc6\xa5y\xf0\xb7\xcf\xd6\xb1r\xb2&lt;\xe5\xd1n\xb2\xb5C\r\x14cq\xc9\xc9R1\x80\xc1\x11\xbd.\xa3)'</t>
  </si>
  <si>
    <t>b'f\xfa\xcd\xa0A\xb1#_\x8b\x90\xdfw)\xab\xd6m\x91O\xa5\tWP\xb5!\x1b\x0e\x83\r\x8d]s\xa9'</t>
  </si>
  <si>
    <t>b'\xa1\x8a\xa5\xcd\x06\xd7\x9b\x9c\x134T\xb7\xd0u}F\xed\x1b\xe7&gt;\xc2\xd16`\xd4\xc0\x1ba1kN\xa7'</t>
  </si>
  <si>
    <t>b'\x0bg\xeb\tEm\xb0\x07\x07\xd2\x16Fk\xe9b6s-[o\xe9\x98\x94\xf3\xadx\xa2\xb3s\x89\t\x13'</t>
  </si>
  <si>
    <t>b'!\x9c\xd8`\xcb\x92\xf8\x127&gt;\x8eV\x01"y\x83\xb6\x9b\xae\xf9z)2f\xb5\x83\x91\x9f\xda\xd4/D'</t>
  </si>
  <si>
    <t>b',\xfd\xc3\x9c\xa6\xcfTI\x84\x0ej\xff\xd6YU2\xce\xb7\xb3p\xdeksC\x8a\xf5\xbd\xda\xe1\xd8w\x00'</t>
  </si>
  <si>
    <t>b"\xffm\xf3\xfe\xdc'\xa9\x1c\xb3\x03\x82tv\x0e\xfd\x8b&amp;\xc3\xfc\x19m\xae\x83U\x1cS&lt;\xea\x86e\xa3\xa8"</t>
  </si>
  <si>
    <t>b'\x8bU\xf8\x9ba\x7fMx1\x19\xf5\x82\x1b\xef\xe5\x02k\x92\x945\x87\xd7\x0et\x93/\x87\xa7k\xad\xa9]'</t>
  </si>
  <si>
    <t>b'\x1aM\x13x\x04s\x98\xc5\xf2\x11\x98\xdd\xa3\\\xd5Y\xc0g\x85h\xe9\x8b\xf4Oe%\xaaJ\xa4\x8d\r\x01'</t>
  </si>
  <si>
    <t>b'\xdaCg\x8c\x13\x88 "\x7f\x1c\xfei\xb4c=V/|\x15\x00\xa1\r\x1e\x94\x06\xde\x8d/A\xf2\'\xb1'</t>
  </si>
  <si>
    <t>b'e\xa4{!\x9fi\xdf\xc5)i\x04\xbc\xaf\xc0\x8e?\x1d\x14\xc3\xcc\x03\xf7\x8bX\xffUb\x93c\x9b\x92\xe9'</t>
  </si>
  <si>
    <t>b'\x8e\xc2\xfdK\xa2WB\xf9\xabW\xc66\xe3\x00KZ\x14"x\x1d\x9a\x9a_\x1d\xe0\xc6\x83\xe2\x81\xe0\xf8}'</t>
  </si>
  <si>
    <t>b'_\x94\xa1\xe9\x08w&amp;\xc4\xfa\x01\xbd\x04p\x10=\x95\xaf\x1a\xc8w\x96OHha\x198\xe6\xecg\x8a\xab'</t>
  </si>
  <si>
    <t>b'2&lt;&amp;\x1aW\x89\xe8S\xd5WHr_\x14$\xcfZ\xd6\xffO\xfc\x1e\xf60\x04 \xc0\x9e\x82A\xaa\xee'</t>
  </si>
  <si>
    <t>b'\xdd\xe69}\xac\xb1a\xc1V\xe5\x9b`\xc2\xdbv\xe1\x92v\xf6\x88\x1bX\xc8\xeb\xa2&amp;\x07A\x89\xa6:\x93'</t>
  </si>
  <si>
    <t>b'\xe2WC\xcb\x1c\xb2\x19\xe0\xf4K\x81o\xe8\x16\xe4\x9f\xd2\xe0rk\x94\xd8\x84\x96\xac\xc9(\xd3\x94L\x1ec'</t>
  </si>
  <si>
    <t>b'[3\xd7\xd3\\\x11{;{\xbe\x88\xd7\xb9\xae\xa0\x02\xb6\x82\xa0\xb44[ \xc7\x91n\xf1f2-\x1b\xbb'</t>
  </si>
  <si>
    <t>b'Oz7\xc4\xa2\x93?\x01\xcf\x05As\x1f@\xd7\xe8O(\xaa\x9c\xb6\xe8Q6h\x82\xc9\nC\x87\x16\x9a'</t>
  </si>
  <si>
    <t>b'c\xa8.\xf9ul\x97\xd0\xad\xf1\xb2\x1e\xb7L\x02j\xc3g{\x97\xaa\xae\x14\xa1\xe3\x9a\xd6\x18\xcbC\x91\xb1'</t>
  </si>
  <si>
    <t>b'\xb0G\x81\t\xd8\x11-]\xe3\xc3\xbc\xeb_?\xb9\x10\x04\x05\xc6aI[\x0b\xbb^\x021,\x15\xabr\x0f'</t>
  </si>
  <si>
    <t>b'\xca\x15\t\xcd\x04\xd4(pd \xe4E\xb3y\x9d\xc6`\xca)W=K8\x0e\xa4\x9e\xc5\xdc/_\\@'</t>
  </si>
  <si>
    <t>b'Z\x95\x02o\xd7\xab\xde\xfem\x94\xb0\xd8=Jx\x0b\x1e\xc7\x88ip\xd7\xd4\xf0\xa5\x08\x17\xda\xbb\x87\xd1\xf6'</t>
  </si>
  <si>
    <t>b'kQy\xf0\x9a\xb3\xa5\x08\xa4N&amp;\tW~\xd0as\x9c\xf1H\x11\xe9\xe2\xe4\xad\xe4(\xc9\xd5a"\xc1'</t>
  </si>
  <si>
    <t>b'\xa4J\xe919_\x95\xa9+E\xffxL%\x80T%\x86\x16\xa7\xbd\x17N\xcd(\n\xa6Y\x87\x1f_O'</t>
  </si>
  <si>
    <t>b'\x0c\xf9\x94\xccq\xdd\xe2!(\x86\x8eZX_[\xa5\xee\xa4\xa4\x8e\x92\xc5\xadW]\xdd\x86\xc8\xac\x0b\xa4T'</t>
  </si>
  <si>
    <t>b'ih\xd7\xd5\x81\t\xa0\x97\xfc\x0e{\xa4N"%+H\x92\r\x97\xc9\xf4\xb8^\xaa&lt;\xe7\xee\x82c\x98\xf3'</t>
  </si>
  <si>
    <t>b'+\x91\x9a\x1dKuR\\D\xcb\x10\x0b\xc5pwC9\x08\x9fE\x0e?\xdb\xa5\xa8~\x89\x13\xbf)\xc2\x97'</t>
  </si>
  <si>
    <t>b' ?\xd0\xcc\xa1\x93\xd6\xc2sxx\xe3\x1f\xb5y \xcf\x10;\xb5C\xa0\xeb\xcb,i\xbb\xf6\xf4\xe8C%'</t>
  </si>
  <si>
    <t>b'\x8cdJ\xff\xe2\x8a\xd3 \xd0\x1fmq\x94\xf1x\x83\x8a\t:\x14Kk"fv\x99&amp;_\xfb.\x0er'</t>
  </si>
  <si>
    <t>b'ci\xd3_s\ra\xbd\xb99\xa6"\x169\x1b\x95\xd9"\x15c\xd1\xd5\xc9\xaf\x19i\xe6\xc6\xee\xc63\x81'</t>
  </si>
  <si>
    <t>b'\x8aG\x90\xc8\xbd\x0e\x8e\x0f[\x9d\xf7\xd3\xf1\xa0\xfa.\x17i[z\xa9\x04P \xcc\xab?\xaa\xb3Ka\xca'</t>
  </si>
  <si>
    <t>b'L\xf7\x9d\xf0\xb3\xb4\xd0Z)y\xac\xdb\xf9=\x18\xc3k=d\xc2\xfa`\xb5\x08N\x90\xc0\xfbC\xf18\xca'</t>
  </si>
  <si>
    <t>b'_\t\xfb0\xdbm\xca\x02\x8c/\xa9\x13\xfe\x85\xc0\x82\xee(\\\xe0\x00\x94\xdf\xe3\xe2\x103\x0fzZ\t\x8b'</t>
  </si>
  <si>
    <t>b'$\x1a\\\x01\x8c\x9d\xba\xb1\xb565r\x81\x92\xff\xe6\xe2&lt;)ZQ\xe8@SqZj\x0f#\x15\xf0\x18'</t>
  </si>
  <si>
    <t>b"\xb1\x03 \x1eiU\x85M$\xc2\x12)\x08=T+f\xa4\xfe'\xe8I\x9b'\x85\x05Q\x97\x87s\xc1\xb0"</t>
  </si>
  <si>
    <t>b'\xf7-w\xfcn\xa3\x152\x99\x81\xefQ\xdc\xa5\xd2c\x96\xf8\xbf\xd6\xca\x1a\x16\x86\x8e\xf0\x7f\x02\xdb\x86\x1f\xb8'</t>
  </si>
  <si>
    <t>b'\xd7_\xb4\xa3\x10t\x84\x9a\xa9\xc5,\x7f\x14\x83.\xad\xf5p\x8f\xf8\xb0T\x7f\xd4Nw0\x0e\x16\xfd\x11\xcf'</t>
  </si>
  <si>
    <t>b'\xa0\xea\x95\x8e\r6/\x15\x06\xe7\xbc~d\xec\xf8\xbd;\x11a$\xe4\x05\xc2?\xab\rm\xe8\x83!\n\x16'</t>
  </si>
  <si>
    <t>b']\xf5\xf3I\xf7\x18\xb6\xb9\x84|\x8a\xd9\xde&lt;6\xd3L*\x12&lt;\x19\x90\x0e\xeb\x90\x7f\xb6\x8c\tQ\t?'</t>
  </si>
  <si>
    <t>b'\xec\xa7:\xc9\xa1\xb6\xa8\x9e\x00\xbb\xe7\x0f\xddY\xa5\xfc\xaa&amp;V\x1b\x1a\xb6\x1bx\x17\xc4\x19\xe9O\xf2\xfa\x8a'</t>
  </si>
  <si>
    <t>b'M\xb79\xd9M\tiSt\xb3\x03\xd8e\x889d~\x10\x8a\xa1c\xfb\xa1\xb5\x9b[\x83\xb3\xf8\x0f\xb3\xd3'</t>
  </si>
  <si>
    <t>b'n^\xbb\x9e\xf5\xfdK\x98\x9c\xd9.\x00?v0\xde5D\xa5\xe7\xf8\xe5"\xe3\x940E?\xdatxM'</t>
  </si>
  <si>
    <t>b'\xc3"\x99\xbf\xf4tH\xe7g\xf7\x82\x9d%\xa3\xad\x94\x9e\x96\x07\x88\xf9\xaf7&amp;\xfca;\x86\x1c\x8b)N'</t>
  </si>
  <si>
    <t>b'K\x9c\xfe\xe1\xfcu\xe1=3L\xca\x96w\xcdyX8`\xd5HQ{\xe5&gt;9\xda\xad,\xfe\xb1\xd3x'</t>
  </si>
  <si>
    <t>b'\xd6Ba\xf5\x80\xb9\xc0)\xaf\xa0\xbd;\x93O\xfds\x0e\x0c\xe0\'\xfa/"*t\xa5\xdc2na\xcd\xb2'</t>
  </si>
  <si>
    <t>b'\x9e^\xff\x8d\xac\xe5\xf1{\x1a\x16\xc8f\xbc\x83\xdc\xc8D \xc8~\xd8\t\x81w}\xe28\xb0J\xa9eW'</t>
  </si>
  <si>
    <t>b'\x0b\xa9Y\xd3\x0f\x1a\xa4G\xeb}d3\xc4\xce{\xe9\xbb"\xb2\xd3U\xd1F\xe3\xd4.[\x07\xc4\xfc\t{'</t>
  </si>
  <si>
    <t>b'\x14k b\x1cBp\xe0\x0e\xf2\xe9hP\x82\xcc\x85\xd3\x9e\x13\xdas\xf5\x88\xcd\x16\x85o\xc7t\x97\rC'</t>
  </si>
  <si>
    <t>b'\x05\xaa\xb5\xaaJxe4&lt;&lt;I\x19\xd9I\xed\x8dlN\xf6\xcb[n\x1et,\x92\x8e\xc8\x80l\x8b\xa4'</t>
  </si>
  <si>
    <t>b'$\xb7)F\xa7}\x07\x0c\xe3\xd2\x96FW\xadp\x1cNj\xf1\xe6\t&gt;\x95\xc5\xb8\x9f\xce&amp;\xa6l\xa2V'</t>
  </si>
  <si>
    <t>b'\x18:\x13MY\xc7\xe72\x80\x0b\xa9`\xee8\x93\xf4\x00\x83p\xb0\xb3\xa0\x1c{\xafl\x882\xb2\xd7\xc61'</t>
  </si>
  <si>
    <t>b'M\x9f\xdf\xca\xb8\xa6\xcej\x86\xd6\x81\x8b\x18\\.\x1b\xd8\x95\x12&amp;7\xf1\xaeT\x9f\xaep\xad\x9e\x06\x01\xc5'</t>
  </si>
  <si>
    <t>b'\xee\xf9\xa8\xe5y\xebxnt\x9af1\x82\x9ds\x88\xfc\xd3QTn\x0b\xa0\x1b@\xcf\xca\x8e8U:\x03'</t>
  </si>
  <si>
    <t>b'\xd3&gt;\nSl\xce\xb0|%"1\r3\xab&lt;\x1d}\\\xd4\xc7\xeaV\xfa\xed\x0c\xcb\xe1\xa2\x90\xc6\x98c'</t>
  </si>
  <si>
    <t>b'\xbb\xd1\xba\x12T\xda\x9e\xb1\xb3\x19\x05(\x0cI\xad\xae\xc1\x8f\x8a\xc7\x93\xab\xb0_\xb2h\xda\x0e\xdbl\xa5!'</t>
  </si>
  <si>
    <t>b'\x16K#\xad\x9f\xcf\x1e\x85\xd0;a\xae\xd3\x00\xe3g1\x86\xbfb\xa2I6\x1e\xcf\xc5\xa9_\xee\x99l\xb6'</t>
  </si>
  <si>
    <t>b'!\x12{\x0f/\xa6\xb5\xf5*\x03\x0e\xc9O\xfa~\x85\xed\xb4h\xf0\x91a[\x1b\x05\xbd\xe9kq\x7f\xe5='</t>
  </si>
  <si>
    <t>b'~\xd1\x83\xe07Jc\x9d\xc0\x9a\x0f\xe3\x18\xba\x9e\xf6\xf2\xe2;\xd6\xb7\xb1)\x96\xb4\xee\xb1\x92\xc1\xff\xd1\xba'</t>
  </si>
  <si>
    <t>b'\xf0s\xa2\x96/\xf7\xcf\xda\xe6\xf2dF\xf4,u|\x89P\xbc\xb4\xca\x99\x1en\x8a\x1aAC\x9f\xc9p;'</t>
  </si>
  <si>
    <t>b'\xf3B\xbe\xd6\x81!\x81\xaac\xb5\xbd\x84IR\x0b\xa4\x16\xbbx\xeb\xe8\x00M\xa8\x13\x9f\xbb\x8e\xa9b\x80J'</t>
  </si>
  <si>
    <t>b'[\x80\xa2\xbe4r\x01\xd6\x15\x9a\x99*]\r\x97\xe1s\x00+\xe8\x08w\xe4\xb6\xad\x97\xd1\xf9\xc6\x04\xb1\xc3'</t>
  </si>
  <si>
    <t>b'\xd2\xb0\xbaA\xfb\x99\x82\xe6n\x121\xeb\\,@\xb2\xf8K\x0cW\xc5\xaf\xd8\xad\xb2\xd3\xdb\x1f\xda\xfa\x08U'</t>
  </si>
  <si>
    <t>b'p\x11&amp;$\xb1\xcb\xb6%o\x19A\xed\xac\xdaD\x15\xa3\x8e\xf2\xb0g\xdbF|\xde%\xfd\xe7\xb0%^N'</t>
  </si>
  <si>
    <t>b'7\xca\xc0\x0ek\xa5w\x9e1\x89d*\x19\x07:\x92\xea\xd8\xa2\xb13\xe9X\xc6n\x87\x7f\xdd\xd6\xca/\x8c'</t>
  </si>
  <si>
    <t>b'z|\xaao\x0f\x1eA\xc5\x85\x1bG\xba\xd8\x0e\x14\x80\xa1\x15\xf1G~\xf5\xf2j\x06\x00%0\xf7R\x9e6'</t>
  </si>
  <si>
    <t>b"\x93:`a(\xb6\x11\xd0'\xa3+\x8b\x0e\xd6\x11V\xa7\xb6;\xa1\xd5v\x87-\x9b\xce\x87\x964\xa8\x1f\xd5"</t>
  </si>
  <si>
    <t>b'\x11\xd0\xcc\xa2\x9e\xed\x86S\x02\xfbB\xa26\xe5\x93\xa3\x99\xd7\xe5-\x13\xb9e\xfc\x94\xce\xf5\xe5L{\xbd,'</t>
  </si>
  <si>
    <t>b'1E\x85Q\x01.\x8b\xc9\x88\xf5\xb0\xbf\xd4\x8c\xbb\x9cErs)c\xd8\x92Uz\xf6@k\xaf\x88h\xc5'</t>
  </si>
  <si>
    <t>b"\ts.\x1bT}\xd8\x8dsg5{Z\xeec5\x02\xa8S\x1du\xd2X_ySM*('\xee\xd5"</t>
  </si>
  <si>
    <t>b'\xcc\x81`3}\x16\xd1\x82\xf1\x06\x94\x91.y\x06\xe6\x0b}\x95jP\xcd\xde\xc8\xbf1x\xed\x18O\xdd\xf3'</t>
  </si>
  <si>
    <t>b'\x00&gt;\xf2\xc6\x84\xd0J|[83\t\xee\xe5\xf8E\xd5\x89\xbf\xff\xf9Q\xf8\xadx\x19\xde\xbe\xb9\x80\x8f\xc7'</t>
  </si>
  <si>
    <t>b'0\xbf\x80I6\x86\xe3\xf3\xd60$\x9c.\xe1\x91\x0f\xb4!\xf5\x07C\xbfK\x85\xd6Nvp\x19\xb0\xc3\xda'</t>
  </si>
  <si>
    <t>b'\x86H\x90\x9e\x06*\xc6 \xf8yN@\xf3\x89\\B\xb1*\xe8{.=$\xe5\x0b+o7CA\xa0\xe5'</t>
  </si>
  <si>
    <t>b'`~Zz\xa8\x16\x832F\x05\xab\xe6|p#\xcf\xae)\xfc\x9a7VF4\xe4hQ\x1c(\x87\xb1\x02'</t>
  </si>
  <si>
    <t>b'\xcf\xe0\xdda6V\x89k!\xdb\x86i\x9b)l\x86#\xa8\xb1\x00%bl\x07\xc6}X\xc5\x1b3\x8c\x83'</t>
  </si>
  <si>
    <t>b'y\xef\xb2No=T\xc1\x06\xe5 \xfe\xb3\xe1\xe9\x00\xeb\xc9:\xa5Fp\xb9{\xaa\xd4\xe8\xf5\x8d\xb8\xea,'</t>
  </si>
  <si>
    <t>b'\xfa&gt;z?+\xc8\xfb\xe7\x9a\xc1\x1d@\x1b\x1b@(\xb9\xcep$\xa1,\x8e\xbafy\x8fdr\xf8\x04t'</t>
  </si>
  <si>
    <t>b'I\xeas\x84]\xf8\xf7\x1c\n\xd71\xd1\x19\xa6\xc9\xabf\x94\x01u\x17\xd9\x99n\x12\xd3\xf3\x8d}$\x90\x05'</t>
  </si>
  <si>
    <t>b"Vy\xff\x12|x\xfbc\xa5\xcam\x0c\x95'E\x0b\xee\x96yB/}*\xe7\x1f\x12\xd7\x7f?\xfaW\t"</t>
  </si>
  <si>
    <t>b'\x91_\xbc\xb9c=\xddJs\x83p\xa6%9\x7f\xae\xed\x1d\xe6?jo\x16z\xbfS\xfb\xe3\x90\xa2s%'</t>
  </si>
  <si>
    <t>b'\x8d\xbdD\xcf*\xd0:\x8b\xe5\xcf\xae\xf6\xabR\xd4-\xdc\x15\xa8\x16\xe0\xe4~\xfc\xbb\xf90\xa9\x92\xf8\xf6\x05'</t>
  </si>
  <si>
    <t>b'\x8c&amp;\xb0Wl9tj\xe2\xc7\x0b\x8b]\x12\xb0/\xcd\x9cI]e\xa4\x94(\xbb\xbd\xdf\xa3!\x12\xe3\xcf'</t>
  </si>
  <si>
    <t>b"'\x9a{\xb8\xab\xe3\xfd\x88O\x14\x81\xc4\x11\x88)C\xdb\xad\x8d\xb0\x8c\x1a\xb4[\xac\xde\xd5F\xfb\x8fR("</t>
  </si>
  <si>
    <t>b'\xd7\x91\x15!\xbe\x1f\x19\x7fSN\x14\xce\x1f\xb7\xf6\xac\x92\x07\x94\x9dl\x00\xdb\x04\xa6\xee\x8b\xe7z:\xfdh'</t>
  </si>
  <si>
    <t>b'p\x1bA\x92T\x0fu9|P\x83\xac\x9b\xe1\xd4r.gN\xcew\x04H1\xb12xu\xba\r\x06\xda'</t>
  </si>
  <si>
    <t>b'\xa9\xde`\xeb;\xfbZ\x9f\x15\xf9\x95\xe3\xe6\x98\xb8\x0c\xe4\xd9\x18\xedb\x8e]\x14\xc6\x87\x16\x9f`\xf3\xf1\x82'</t>
  </si>
  <si>
    <t>b'(\x86\xb1\xef\xca\'\xa6\xaf\xcfY\x85"V\xf3\xbf!B\x1f\xfb\xa2\x88\xbcsj\xfa\xcb\xd8\x91\xc9\xea\xa7\x18'</t>
  </si>
  <si>
    <t>b'\x16HdZ\xbb-\x10\xcd\xa7\xc4\x8bwS\xc9lF\x98\t\x93^)\tV\xbe\xec\xa0\xeez\xf3\x99\xfe`'</t>
  </si>
  <si>
    <t>b'f\x98\xd9\x0b\xf6"C\xf7J\x8a*&amp;\xf9a&amp;\x1e\xc5`\xa2\x85\x7f\xa6\xff\x06\xd6_\xa1R}\xa4\x02\xf4'</t>
  </si>
  <si>
    <t>b'\x9ab\x1b\xaaZ\xa0\xb5=\x96\xde\xb7\x90D\xd4\xb9\xe1\xba8\x97\xaa[4\xe6NHS\x06\xd2\xee\xd2\x1f\xab'</t>
  </si>
  <si>
    <t>b'\xb7\x87&amp;\x99\xd0\xaa\x9e\xfc\xec\xab\x92\x03\x11\r[\x1a%6z\xb0\xa9&amp;Z2\xac\x9c\x9a\x9fu\rJ\xc4'</t>
  </si>
  <si>
    <t>b'G\xccC\x8cP\x9e\xc5\x8d\x8eqW\xd3\xff\xbb\x12*\xd1M\x85\xe9\xc6\x80V\xf5`e\x00\xb0\xbb\x83\x13\xd3'</t>
  </si>
  <si>
    <t>b'\xa3\xd1\xd0a(;\\\x05\x16\xbc\x8a6\xea\x01\xba\xca\xfa\xdfiOb\xcd\x90\xa1D//\xc6\xbfe\x14^'</t>
  </si>
  <si>
    <t>b'\xf6\x94\t\xbb\x80\x0b\x03;\xe3\xe1R\x82^b\x16\xbd\xe0#\x1b\x8a\xe6\xddJ\x8b3i\x81\xebEY\x16\x07'</t>
  </si>
  <si>
    <t>b'a\x03\x89\x81\x81\xb9\x84\xc3\xe2\x9a"R\xa3\xaf\x9f\xa1\n\x99q\x07\x8f\xe1z.\xfd\x9bh\xbe\xb0\xf3\xac2'</t>
  </si>
  <si>
    <t>b'\xcf7\xca\xf5\x14\xb6V\x15"\x12(\xe1\x8e\x08\xc6\x82\x97\x95A\xc0T\x9f=\xd3\x02\x1d\x04\x99L\xf3@\xe4'</t>
  </si>
  <si>
    <t>b'\xff\xba6E\x0c\xe3H:\xc7}\xad\x15\xd9\x8eU\xa6\xdf\x9b\xeez\xaf\x18\x0c\x8a\x8fA\xfa\xda\xaf\x9aJ\x82'</t>
  </si>
  <si>
    <t>b'\xdd\xa9\x81s\xa3\xa2\x12\xdb\xa9\xbeLJ5\xd3Gt\xba\x87\xb6\xc8\x9d\xd8(zu\xa0(\xb7\x99\xd7!\xf6'</t>
  </si>
  <si>
    <t>b'\xe5m\xd5~?$8\xf4\x19\xf67\xe9\x9f\x98q\xa0\xe3\xd8\xaaM\xceD\xe0\x1b\x1b\xc7\x1f\x07N&gt;\xd5^'</t>
  </si>
  <si>
    <t>b'\x98\xd9\xbe\xc2\x16\xc2"m\x15g\xcdMO\xdc\xa5&gt;L\x01\x8b\xab\x9a\x13\xaf\x03\xb1\x1a\xd1b\x12_D\x8d'</t>
  </si>
  <si>
    <t>b'\x9d\x81\xdft \x8c\xdfU\xe9J@\x07.\xd8\xf2\x11\xf0{\xfc\xd9\xc8\xb6\x93w\x9c&amp;\xbd\xc1]81\xad'</t>
  </si>
  <si>
    <t>b'\xfc\xb2`\xdb/\x0e"\x9dd\x91\xde0\xe1\xff\xc05\\\xd9\xf4\xd9\xc84WAi\x17\x86\xdb\xe6O\xed\x91'</t>
  </si>
  <si>
    <t>b'F\x11\xddF\xd2\xa8/\xb96\xd7\x89\xc1\x03\x1d\x97\xc0\xe7S\x85n\x8czwc\xec&amp;S\xa68.\xe0\x18'</t>
  </si>
  <si>
    <t>b'\xb8\xad\xd5\xc1n@\x8e\xa0\x96\x10\xb5\xaa\xf1\x87\xb5?V\xc0\xa9*$o\xe8\x0c\x19\xff9\x8fz\xd1$h'</t>
  </si>
  <si>
    <t>b"\x1c'\xcd\x1da\xaa:\x1c\x17(J\x96E\xd4Ewh\xff\xdew\x88N\x897&lt;\xa0\n\xdeG\x86\xe6\xf8"</t>
  </si>
  <si>
    <t>b'\x91\x02\x14\x7f\x13\xeb9\xbe6B\x0c\xfe\xe3\x18\xf9\xb0U\xd1J\xf2\x8c\xac\xc4\x18A05\x13\xce=\xdf\xe6'</t>
  </si>
  <si>
    <t>b'\xc9\x8a\x0c\xe9\x90VEM\xfe\xcd]\xd2&lt;\x8d_-\x9d\xee\xb0\xa6\x1b.%\xe9\xf2Dl\xde\xe4\xc9\xa5\x17'</t>
  </si>
  <si>
    <t>b'\xca\x03\x00\x04@h\xf9U^\x1d\xe2k\x8fc\x96\xc8\x9c\xb5\x94\xa0\x03\xc32\x94I\xb0B\xa6\x07\xe8.4'</t>
  </si>
  <si>
    <t>b"!\xde\xff\xdd\x92\xb9\x94'+\xc1\xf3\xdeot\x1b\xb7\xd7\x8d\xe0]\x08\x9a\xc5\xack\xf9W\x1aa'\x07\xdd"</t>
  </si>
  <si>
    <t>b'\xb5\xa9\x19#\x0c\x94L\xd5\xbc\xdc\xce\xdbK\xae\x8f\x9c\xa3\xfe+j\x03F+j\x04\xbc\x02\x92\x97\xb6[{'</t>
  </si>
  <si>
    <t>b'\xce\xf8\xbc\x9bt1a\xb4d\xbe\xfa\xa0\xeb\x14(L\xef\xab\xe0&lt;6\xc2\xda\x85\xd6\x87\xbb\xf7@\xa1\x9c\x02'</t>
  </si>
  <si>
    <t>b'\xd0\xc6\x9d\xf3\xe8\xf7p\xb5\xb8f&gt;`\xd7~\x05\xd5-\xe1\x9e\x83]j\xad9\xe9T|\xb7Rd\xe2P'</t>
  </si>
  <si>
    <t>b'O\x99u\x87n\xc4.\xf2\xb7\xfb\xd1\x83\x12\xa4\x04\xefo\xe6\x1f\x08\xc8k\x8f\xc8\x9e\xef\xf2\xdf\x04\xe4(\xad'</t>
  </si>
  <si>
    <t>b'j\x0e\x19\xa9\x884\xa9\xec\xf9\xa7\xf8\xb5\xaaomq6\x11\xaf\xf1\xcd\x0fO\x13\x90\xb5\xfdN\x08Efn'</t>
  </si>
  <si>
    <t>b'V\x1d\x11x(\xa1\x071\x8c\xf5\xc5\xa9\x8b\x84\xd5\xe2k\xa71\x07\xe5/\xf1\xcf\xe0\xf4=5\xa9\xe8\xc3\xc6'</t>
  </si>
  <si>
    <t>b'\xd0&amp;e\x90j\x98NUZ\xc2\xec\xdec\xaf\x1dd&lt;x\xcd\x9fGk[\x01 F\x97\xf6hM*]'</t>
  </si>
  <si>
    <t>b'\xf9PN\xb7\x92\x18\xa4z\xb9\x00R\x83\x06\xf6\xe4\xbe\xf3\xba7Z\xb8\xa4\xbc\xd7\xdd\xf9(\xfd\x96O\x02\xc3'</t>
  </si>
  <si>
    <t>b'1I\xa7\xf0\xee\x97]\xb5\xed\xcb L\xe2\xbe#J\xfe\xf8\xaa|vl\xe2\thV\x06\xe2\xf2\xb8\xb7\xfa'</t>
  </si>
  <si>
    <t>b'\x08\xe9\xa0\x90\x00W0\xf4\x16id_\x0f@\xe3\xacv\xec\xf9\x99#l\xc2\x9b\x8b\xa6\x84m\xf2Q;Y'</t>
  </si>
  <si>
    <t>b"\x89T\xe6^w\xbdQ|\xee\xfd\xfd\xc6m\x1c\x14\xa6\xbaR'\x8c\xd4\x8f\x12\xef_)\x1fC}\x8f\xbe\xd6"</t>
  </si>
  <si>
    <t>b'\x11\xfb\xc3\xc0\xb7W\xedg\x7f\xce\xa4\xcfX$u\xe2\x16\x90\xcd^\x0f{\xc5\n\xa1,\x16]{\xdf\xdd\x82'</t>
  </si>
  <si>
    <t>b'g\xa9\xdfX{\xc0[m\xd5\x82\x03&amp;\xc1\xd0\x17\xb5\x8cX\xfc\x17\xcf\xf8h\xbf\x87\xc4wNY\x18\x0e\xcf'</t>
  </si>
  <si>
    <t>b"O\x06&amp;\xbd\x9a\xcbR\xfb\x1c\x10\x0c\x9f:\x9a\xc3\x9aP'\xe7R\x1d\xc3\x18\xfb\x10}\xd7_E\x07\x150"</t>
  </si>
  <si>
    <t>b'\x84c\x97\xb38\xf3\xcf\x06\xb6\xd2,\x9ekL\x91\xae\n\x02\xe9\\"\x8e\xf1\xd7\x18\xc9\xb34h\xc5o\xa2'</t>
  </si>
  <si>
    <t>b'm\xed\xa4\xa9N\x10\x9a}\xa1F\xe9\x04\xe8\xd5[AKm\xcd?\xdcP&lt;\xf5q\x8e\x82\x1c\xab\xae\xc2\xc8'</t>
  </si>
  <si>
    <t>b'~\xb0-\x08&amp;\xf9\x8a\xd4\x8b\xbc\xb7H\xb57cc\xb6\xd6\x1b\x00\x83\xd3\x17a\xabVM\xa1\x8dt\x0b['</t>
  </si>
  <si>
    <t>b"\x10\xa6,\xa0\x8e\xc0;F\x9b\xa3\xa2s\xf6rP\x14\xc2gph\xb6)\xb7\xa5Bq\xc925%'\xab"</t>
  </si>
  <si>
    <t>b'\xdb\xb7\xf4\xa4*\xe5\xdd\x04$\x84C\x0btI\x07rmP\xf4^\xdb\xafY\xe0L\xc5\xba\xdbS\xe3\xb3{'</t>
  </si>
  <si>
    <t>b'\xd1t\x0b\xf1\xd3\xf7\xb6N\x0b\xe5+gJ\xa7)k\x8f\xf1v\xe3G2e\xeaY\xcf\xaankC\xed\x97'</t>
  </si>
  <si>
    <t>b'\xa1\x95\xb6\x80pq\xf9\xc4\xd5\xc1R\xa2\xa4\x90(\xa1zF\xea\xb8\x19;Tk0F\x86\xa0\xc7\x9d\xac\x01'</t>
  </si>
  <si>
    <t>b'\xca\x98\xe4&amp;j\xcc\xc3b\xca\x1f%2c\xa5\xbb\x0bQ\x16\x9b\x96\x05e\n}M\xc9\t\x11\xc1 \xeb\n'</t>
  </si>
  <si>
    <t>b'GG}\xa4\x1e\x00(\xc8i\x0e\xf7|a\x06Z\x97u5\xceE\xe0\x8b\x0f\x8c\xcf\xa0"\x08\x87\x0c\xdc\xe0'</t>
  </si>
  <si>
    <t>b'k\xaa%\xbc\xf4\x0f \x9a\xe9\xf9\xe5%\xba\xf0\xbc\xe2n&amp;\x0cp\xa2\xb9\x15\x85Q\xba\xcd\x19\x86\xd0_G'</t>
  </si>
  <si>
    <t>b'-4\xd9\x18u\xc3\x9ap&gt;n\xe69\x0e\xca\xffK\xdb\xf6O\xbf\x94\xe9\xedRe\xd6S\xa1.\xbc)\x90'</t>
  </si>
  <si>
    <t>b'\xc8\x9f/\x10\xcbD\x1ex\xad\x0c\x06Sa\xcd\x1e\x1f\xbc\x88\xf6\x98\xd2q \xcd\xe8\xcdb\x00G\xea@\xa4'</t>
  </si>
  <si>
    <t>b'\x87\xb6=\xd6\x01)\xec\x11,\xa0\xe0\xe5D\x02\x10)(_u\xc9/\x04\x91,\x80\x8ev?&lt;)%\x0b'</t>
  </si>
  <si>
    <t>b'G+DU\xa1\xe4db\x0clX\x8b\xac\xba\x0b\x02\xfe\xbd\x9e&lt;\x9eS#\x16\xdf\xf0%!&gt;\xeb\xf6g'</t>
  </si>
  <si>
    <t>b'\xc0-\x83\x10\xfaZ\x8b\x18\xd1\xd75\nk(%:\xb5\x03\x93\x16\xb8v\xaa\xf4\x94N\x07\x16\x83\x88\x9b`'</t>
  </si>
  <si>
    <t>b"&amp;\xcer\xf5\xb2\xf7\xcd\xae\xa81\x93\xa9T\xed\x80[\xec\xa9'~\x1d\xca\xe5Mqr\xba[\x9a\xb5\x83\xc6"</t>
  </si>
  <si>
    <t>b'C6x\x87\x9d\xec\xa9\xc7:X\x99\x15\xa7\xed\xcf[\xbd\xb1\xb00k\x03s\x94\xfbt\xb0o\xcc\x114\xf5'</t>
  </si>
  <si>
    <t>b'\xe23,\xe9P[\xd1#o\x911\xe0\x02\xd9\x87\x08\xb66\x8f\xc3\x95\xf7\x8c\xec\xfeCh\xc8\xbf9\xe5\xe8'</t>
  </si>
  <si>
    <t>b'L\xc8\xc7W\x1d\x9c\xc9:%C\xfe#$\xed8\x163\xe5\xf4,\xea\x1f\xf7U\x12\xb4\xc3\n\x9c\xaf=y'</t>
  </si>
  <si>
    <t>b'\x14\x1c\x0ew\xbe\x03\xea\x1bj\xdc\xd0:"H\xf9\xdft&gt;\x97\x01X\xd0B\x97`\xef\x97\xbc\x98\xf9\x0cH'</t>
  </si>
  <si>
    <t>b'\x92\x16\xcaA\x87\xf1N\x06,\x11~,\x13\x90\xcf\xd1v\xf4xl :i\x9d\rw7vm\xe0\xf2\xa1'</t>
  </si>
  <si>
    <t>b')E\x89\xa1_\xad\x0fpe"\xd8\x90q\xa0\t\x08W\x9d\x8c(\xb6\x08\xec\x95\xe8\xb6\x9a\xd44Z\'\xc9'</t>
  </si>
  <si>
    <t>b'\xed\x1c\x9a\x89\xbf=\x7f\x9a\xfc\x99\xba\x9e\xcd,\xdb7*{nJw\xcd&gt;w\xd4Bj\xf1\xe1&gt;e\xb6'</t>
  </si>
  <si>
    <t>b'&lt;\xb9~\xc91\xc4smw\xa58\x07\x1a\xa6\x02\xbb\xfaK]\x1d\x13\xdb\x80#\xe8\xe8\xa4fN\xe5\n\x1d'</t>
  </si>
  <si>
    <t>b'O\x81|c\x08/i\n\xc5^\xce\x81O\xbaZ0\xb9\xf7\xf0T]\x11\xd3\xc9\xef\xc8k\xcc\xc5\xd9+\x11'</t>
  </si>
  <si>
    <t>b"\xa2m\xc3\xc10&gt;d=\xb1;9\xb1']\x98\x9c\x089(G^H\xee\xd5\x84\x9eX\xdf\xf2\xc8fb"</t>
  </si>
  <si>
    <t>b'\xe2\x9e%\x1c\x10\xcb&lt;\xffp\xa9\xd6\xad\xb7e\x0c\x88\x01$\x8acK\xb8\xae\x87\x98\xd3\x9ek\xda\xb1~.'</t>
  </si>
  <si>
    <t>b"\xfc[\xd3?;O\x97\x9d\x0f&gt;\x91\xd0\xc0FM\xebj\x98 \x19\xd2\x00lK\x8a\xa7\x03'\xb7o\xbcF"</t>
  </si>
  <si>
    <t>b'\x03\xbc\xf3e\x86\x84e\\\xe5=\x82\xd6\x9a\x1a{\x9f\xca\x87\x95e\xe0\xb8\x7f\\\x94\x02\xdf\xb0\x98\x96\x1a\xea'</t>
  </si>
  <si>
    <t>b'l\xc3\xdd\xb6\xb4\xdd\x0eT\ta\xd6\xc7hE\x89\xc5q\x8d\xdda\xbd]\xa0PM\xbel3\xea\xa9\\\x01'</t>
  </si>
  <si>
    <t>b'\x11\xe98\xa6\x0b\x86\xa6\x93\xc8L8Y\xa9\x94\x8f\x896\x98J\x8d%N\xa9&gt;\x83\xe0(\xc1\xb67\xff\xe4'</t>
  </si>
  <si>
    <t>b'\x8a&gt;wm\xc9j&gt;\x17D(*\x88\x8c\xd3\xcfL\xe6\xbd\xbb{\x9d=\xc0\x80\xa6\xa9v\xe8\x1d\xae"U'</t>
  </si>
  <si>
    <t>b'4\xd9&lt;\x94!,\xb7C\xccv&gt;8\x04\x08\xfb\x11^\x97\xe0\xb6\x0f\x0e4Rb\xfe5\x07\xeb\xef\x84\xf6'</t>
  </si>
  <si>
    <t>b'W_Bj9\x0e\xbf@\x82\x9f\xbf@Q\x1a\xae%\x18 \xf7\x9ei\xefo!\x92\x1a^_\xe6\t@\x92'</t>
  </si>
  <si>
    <t>b'\x1e\\\xc1\xd5\xcf\xcdk\x88B\xeeH\xbf\xb5di\\\xbf\xab\xdf\xf3\xd4\x17\xee\xf7\n?\x83\xecRU\x9a\x10'</t>
  </si>
  <si>
    <t>b'\xa9W\xfd\xc9\x87\x99z\x13\x80\xcaf\xd8\x962\xd7\xbel\x84\xbb91P\xd6\xaaE\xdc\xa9\x17\xd8WF\xb1'</t>
  </si>
  <si>
    <t>b"n&lt;\xf2\xee\x0cO\n\xe7\x1f\x9f\x92d\x15\xdeCM\xf3\xc7R!p\xe5rh\x82z\x99\x03\xda(8'"</t>
  </si>
  <si>
    <t>b'2.\x19\xb8\xbd\x02X\x8e\xd5\x85\xea\xec\t\xe8\xd1\x88\x05\xe4s.\xeeb\xefw\x15LD\xb1\xe24\x9c6'</t>
  </si>
  <si>
    <t>b'i\xa2\xdf\xa1\x01\x05s\xab\xd0\xa4\xdb}ET\x80\xc3!ef_\x0f\x1a\x1fq\x9b\x8e&amp;\xea\x17\x06\x9f\x81'</t>
  </si>
  <si>
    <t>b'\xae\xce\xf2\x19a\x91)\xba\xe3\x89\x17X6\x9cAQ\xa3\xca\xb2A\xa1\xc1y\x83\xa1\xf0q\x93%",B'</t>
  </si>
  <si>
    <t>b"\xb1\x07\xb9\xa9\t\xc1'\x0f\x85iC\xadQ\x1c\x0f\xf5?M\xfa\xf5\xee\xaeH\xc6m/\xb1\xbb\x84\x9f\xf2\xd6"</t>
  </si>
  <si>
    <t>b'\xe2\xdd6\x7f\x12Ih\xc53\xf3VB\x0b\x0f\x1c|\x1c}Y\x97j\x11C*\x01e\xe9\xcc^WR_'</t>
  </si>
  <si>
    <t>b'\xbd\xa0\xf22\xfc\xa5\x81o\xe9k\xc3\x06\x02\x7f/\xd1\x85\xe16wy\x17\x07\xcb\xd6\xd7x\x0cz2b]'</t>
  </si>
  <si>
    <t>b'-\x82,/\x87!\xc2\xb6\x9d\x85\x10K\xbey\'\xc4\x81E\xa2\xee\xac\x93\x10"\xe2\x92\xfa\x05\xda2\x1f\x1e'</t>
  </si>
  <si>
    <t>b'6\xe7\x89\xde\x86\x85\x19\x96\xe0W&amp;T5\x90\xcb\xa4\x9cR\x0b\xbe]8c~\xf49\xc5h7L\xfd\x12'</t>
  </si>
  <si>
    <t>b'\xc2]\xaf\xd5\x83\x93]v\x06\xa60J%\xdbQU\xb6\xb8\x1f\x8b\xd2fTh\x10\xc0{\xb0bb\xdai'</t>
  </si>
  <si>
    <t>b'\xd5\x12\xc5\xd6]$\x1d\xfa\x7fA\x91\x9e3\x1d\xa8D@\xe3\xbf\xdf\x99&amp;\tV\x14\xe3\xb1Jl\x14\xad\xe4'</t>
  </si>
  <si>
    <t>b'|\xd3z\xcd\x12\x9a\xdf|\xd4\x8d\xd8\xa2\xc0\x015q\xd2a\x9e\xb9\xd1\x9dB\x03\x95\xa9\xa1\nz\x06\x8eT'</t>
  </si>
  <si>
    <t>b'\xa3P\xc9`X\xa6xl\xa3\x85\xf0\xacc\x9d{*\x81\x0c\x81BY\x98\\[\xe4\xaaz\x1f\xf13&gt;X'</t>
  </si>
  <si>
    <t>b'\xe6\xb9\n\xf4E&lt;0O\x1e\x07&amp;u\x8e\x1d\x8d\x1dCs\x93\x06\x10[\xf0\xd1\x840{\xcaM 0\xc8'</t>
  </si>
  <si>
    <t>b'\xc0\xd5\xdf\xef\x1d"j\xe8e\r\xa4,\xdex3\xf0\xf0r&amp;\xec\x93\xde\xece\xb0\xf4\xad\xc1\x91\xc1\xea\xc4'</t>
  </si>
  <si>
    <t>b'2\x1d\x8c\xcbA*5\xe9\x88\xb8\xd2\x96\xc0\xf0c\x90\xb8\x91\xc5;KW\x86#\xdd\xedAXH\x1dy\xf9'</t>
  </si>
  <si>
    <t>b'\x94\xfe\xccQla\xfa\x0es\x8c\xa8\xa9\x84\x13\xc04X"T\xeep\xdf]\x9e\xa6I\x83\xd0\xf2h(\x1a'</t>
  </si>
  <si>
    <t>b"\xf5'\x9e\x80o\xb6*\xf7\r\x83\xc2r\t\xee\xe7no{z\x92\xf2\xa0\x13\xa3Z\\\xe2\xb1=\xfd\xfbS"</t>
  </si>
  <si>
    <t>b'&lt;\xf8\x8a\xa0\x1aU\xf9\x16\xb3\xf2\t\x91\xf9\xfe\xd7)\xc4qG\xb0{\xf0\xa4R\x8f\xaf8kOH\xefd'</t>
  </si>
  <si>
    <t>b'`,l\xa4\x98U\x1e\xf66\xae\x10\xb8\x11-\xc4\x94\xa12v\xf9_&gt;h\t\xc5\xcd\xbd6\x99\x88\x9a]'</t>
  </si>
  <si>
    <t>b'0\xc2\xfb}6\x8b\xdf\xff\xdc\n$\xa7\x0e\x98\xf9&lt;j\x0f\x9a\x04e}\xa9\xd2\x8c\x93\xccY{\xe1S\x0c'</t>
  </si>
  <si>
    <t>b"\x842\xde\xad\xf2@\t\x00\xf3\xbc\x129\xa5\\\xdbbN\xc8\x10\x80\xaf\xe3C\xfc'\xed`uf)\x9e\x06"</t>
  </si>
  <si>
    <t>b"2\xc5\x8e\xa3W\x92\x1a|0\xfd:\x8bXisD\x88\xab\x03n']\xd2\x1b\x7f\x8d\xdc|\xdc-\x18\xf1"</t>
  </si>
  <si>
    <t>b'E\xc6\x9b{M\t\xe8\xfeP\xd9\x08i\xbf\x0e\x7f\x08\xba\x82G\xc2\xed\x0f\x9e6\xcd\xbe\xcc\xe9\xd1\x0b\xfaX'</t>
  </si>
  <si>
    <t>b'\xa7\x00\x10\xea\xdd\x19\xec\xba\xc7A\x9d\xa0"\xdf\x18\x9a\xe1\nt\xc9\xf2\x0fMe\x8a\xdc\xc3^B(c\x1b'</t>
  </si>
  <si>
    <t>b'\tX\x18\xa8\xc7\xfb\xf4}\xf9S;\xebh\xed!\xf0_E\xa9R0f\xcb\x95L\xa2\x98\xdf\xc9^43'</t>
  </si>
  <si>
    <t>b'\xf5\x01&gt;\xf7z\x0eZP\xe9\xbd}|a\xd0B\xd6[\xc4\xdf\xf1hQ\xd1m\x89ZO\x05\xd0\x92o\xab'</t>
  </si>
  <si>
    <t>b"\xf7\xf0\n\x1d\x14Sh\xcb\xa1\x15Z/B\xa7Hm\x81\xc2\xc0{\x90'\xa0\xce\xcc\xa8;\x04W\xed\x06\x9d"</t>
  </si>
  <si>
    <t>b'Jz\x1edQ\x06Gh%\x8b#em8\xc4\x13\xd0\x88\x1c\x95\x97~5\xa8\xfe6\xc3\xe8\xae2&lt;y'</t>
  </si>
  <si>
    <t>b'_r[\x84\xe4\xb5\xfc\xfc?\xc9\xdf\x94\x88,\x01\x13\xd0\xf9e\xa1\x9d\xed\x19\x8c\xdb}Ia&lt;\xf4K\x87'</t>
  </si>
  <si>
    <t>b'\x0b\x04]\x04\xcf\x9aK\xa6\x9e\x90\xdc\x15\xf8\xe5\x07\x8b\xab\xfa\n\x04c\xeb\xd5\x89\xa0E\xe2\x99\xa1D\xdev'</t>
  </si>
  <si>
    <t>b'\xdc\x0f\xf8U\x10\x7fU\x1d\x85PH\xd4xR\xb2\x82\xb0\x17\xbf\xcaGC\x9a\x8e.\xbe1HRo\x88\xb1'</t>
  </si>
  <si>
    <t>b'\x1d\xbb\xc1\xdbu\xe2f\xd6\x9e\x9bv\xcc\x8a{\xf5\x9e\xa1\xb1\x8d\\\xc4tmY\x05[SL\x82\x05\xb2\x10'</t>
  </si>
  <si>
    <t>b'0pS\xd6c\xbd\x98_\x17;)3b\xeb\x17\xa1\xf9t&gt;\xa3Yi\xa4\xd0\x84\xc5\x86\xe2V\xa5\x87\xfd'</t>
  </si>
  <si>
    <t>b'\x1e\x84\xc3I\xe1\x13\x1bLk\xd3\xe2\xc5\xe6\xbe\xe0\xd8\xdfLt[\xb9\x87\t\x8f\xd2\x0c/vK\xcf\xab\xe9'</t>
  </si>
  <si>
    <t>b'\x823V\xa8k\xeb\xad}\x7f\x05\x08\xfds\xf5\x86\xdc\xb1@\xaa\n\xe2\x85#\xa5I\xb57\x90\xcb+\xffV'</t>
  </si>
  <si>
    <t>b'/x\xccU\t\x0e\xdd;\xb4.\xd8)0&gt;\x9c]}\x08\x17+3\x9bm\xcd\xcd\xe3\x88\x04\x96\xee\xb9;'</t>
  </si>
  <si>
    <t>b'J\xe7\'&amp;\xc6\xc5\x10\xfb\xe2IL\xd6\xe9\xab\xb5\xfa5\xe0\xea=\xa4\tMr\x05\xffIT\xbeF\xa9"'</t>
  </si>
  <si>
    <t>b'l\x89\x9b\x1f\x08\xb2\xd6O\x99\xde\xf5o1\xe5\x1b\xe8\xf4\xe7*\xa8\xc6\x8c8\xa5z\xc9\xf1&lt;D\xa0\x19p'</t>
  </si>
  <si>
    <t>b'=\x80t\x04+\xfa\x94MJH\x99-\xcf\xc8WP\x8afT\xef\xb5\xdc\xfb#e\x92\xe8\x178\x8c\x0e,'</t>
  </si>
  <si>
    <t>b"\xa6g\x1e\x82d\xd8{\x91psl9\x8aHG\xc2'\xcd#LOeu\n\xbf\xc8\xd0f\xfdW.\xd2"</t>
  </si>
  <si>
    <t>b'\xd4+\xcf\xc8*\xe2\x11\x163NoZ\xeb\x9c\xde:\xd3Z\xa6U!\xbe\xe9E\xc6\xe23E\xb5\xab\xb7\x08'</t>
  </si>
  <si>
    <t>b'\t\x95K\x95:E9\xf6\x1e8/`\xe7\\\x01%\x0c\xfe\xbc\xec\xcc\\\xb95&amp;;=^\xb0]TB'</t>
  </si>
  <si>
    <t>b'\x14F\x02~ge\x8b{\xc5\xae\xf3E\xe2\x00+B\xb3\xec\x03\xc6f\x86\xad\x96zy\xdc\xec\xaa\x9b\xcd\x82'</t>
  </si>
  <si>
    <t>b'\xed]T\xac\xcb\xe2D2\x95\xeb$\x12\x99\x18\xbb?H\xfe\x82+\xa8\x8e[]jO&amp;\x80C\xeeW\x8f'</t>
  </si>
  <si>
    <t>b'\xe0\\\xec\x8c\xcc}Z%{D\x8e\x88\xd75\x11\xb2\x0c,\x06\x1au\x06\x0c\x96\x18\x1f\xa6\xfa\x13\xaa\x9e\x95'</t>
  </si>
  <si>
    <t>b'vy\xfdl\xbb\x95\xf6\xf0e\xa2\xce\xd0{n\xdb\x06\x10\x08m7\x10\x1eP\xf8A\xa5\x0ft\xa1\xf6v\x99'</t>
  </si>
  <si>
    <t>b"\x82\x15\xef\xd4\x07\xd1\n\x8b+\x9c\xc6\x84`e\xb1\x91\xe7\x92*9\xb7r[J\x07~c\x16\x01\x03'\xf7"</t>
  </si>
  <si>
    <t>b'q\xeb\x7f\xeb\xb9\xf7\xb3b\x94\x16%q#U\xbd\xdd\xfa\xb5\x9a\x13\x9a\xbb\xd3$\xe4\xcdP\xfbFT[\xd0'</t>
  </si>
  <si>
    <t>b"T\xa9\x9c@\xba\xa5\xb9\xe2C\x88\xe4*g8A\xf7|\x10\xc7\x7f\x95\x86\xf6a\x84\xca\x98\x11\x8f'\xc1\x0c"</t>
  </si>
  <si>
    <t>b"1g9*.\xc6\xc0\x8b\xb0w\x7f\xd1f C&amp;\xdcO'\xec\xe6\x9a\x13m\x12\x0c\xb1@\x19\x81!Q"</t>
  </si>
  <si>
    <t>b'\xdc\xfa\xbaX\x1b\x9e{\xa5\xeai&gt;\xa5A\xb6\xf2\xa6\xd9\xfbSJ{Q5z\xad9\xce;\xf4\x17\x1fO'</t>
  </si>
  <si>
    <t>b"\xc3R\xf5EW\xbb\xbe\x06,'\xfe\xc8\x80HW\x1d\n\xab:\xdd\xd1\x96\xb4\xb3R\xcaB\xca8`|\x08"</t>
  </si>
  <si>
    <t>b'7\x00}\xdbk`\xcb\x1d\xa7\xed:\xd1\xf3\xd4\xc2\xce\xaa&gt;*\xcc\xf3\xa2s\xdb4\xd8X\x07MU]\xa7'</t>
  </si>
  <si>
    <t>b'\xe5\x82o\x98\xbd:\x89x\x04\xf6\x9b\xce\xb2\xce4\xec\x0c\x9bC\xccf\x9a)\xb2/k\xfa\x84\xc5A\xc9l'</t>
  </si>
  <si>
    <t>b'\xda\xde\xe8\xb9`\x1f\xc9\x11\xab\x0f\x0ey\xd3\x90\xad\xe5\xb4\x9f\x93\xb6\x187\x15^\xf4/\xd2#*\x8f\x8f\xaa'</t>
  </si>
  <si>
    <t>b'\xd7\xda0\xf7&lt;\xb8\xc8\xc3\xa0\x01n\xba\xbel\xcb\tcJ\x8f\x8b\x89\xae\x95\xbd\xea\x8d.\xec\xa4\x96\xc8\x00'</t>
  </si>
  <si>
    <t>b'\x1c4(\xbd\xa0W\xae6\xd7\xaf\x12\xc9\xaag\xe1\xd9g~\xee\xc9\xb2\xecw \x1d\x85i\x12\r\xa5\x83;'</t>
  </si>
  <si>
    <t>b'\x9d+\xe3\x91\xac\x17[\x8e:\xa5\x8f\x17\xf0&amp;\xca\xd4f\x14\xd11\x9a\xa0"\xe8\xce\xde;\xeb\x138\x87\x16'</t>
  </si>
  <si>
    <t>b'\xbaI!\xf8f\xde;o\x8f\xbb\x8c\x1cl\xf5Jc\xba%\xc2B\xa4\xf5\xf3\x05\x15\x11\xfc\xe6\x15\x90E)'</t>
  </si>
  <si>
    <t>b'\x9c\xd08c\x13[\xf8\x10\x88\xd5j\xc9\xe0\x8e\x0b\xd0\xa3\xeb\xb8\xfd\\\xadp\xbc\xa9\xa7\x80\xcb\xae\x11\xfc\x83'</t>
  </si>
  <si>
    <t>b'b,ZOP\xc5\x9d\xbd\x0e\xc62gJ\x02T\t\xe3V\xfe2KZ^\xf0\xf5Q\x9f\xb6\xb9\xf5 S'</t>
  </si>
  <si>
    <t>b'\x84\x91\x9c\x1c\x84L\xd8\x11\x11\xb6\x03\xa5\x1f\x0b\xddz^f\xc7\x12\x01\xc1\x9a\x88\x08\x99B\x0f\xdf\xf6\xb8\x0f'</t>
  </si>
  <si>
    <t>b'\x89Y\xebO1\xf1\xaf|\x8a6\x82\x14\xe7&lt;0$\xdfT\r\x89\x10\xce\x959\xf9~\xf6\xd6\xa3\x8d\x1e\x01'</t>
  </si>
  <si>
    <t>b'\x8f`\xcc\xea3\xfcIf~8\x8f\x10\x800\xf27\t{KZ\x185)o\xad\x97\xfc\x90{\xf8\xe5\x98'</t>
  </si>
  <si>
    <t>b'\xc5\xff\xcf\x92G5\xb6\xdaB"x\xdb\xedKoK\xafbLA\xc6\x84\x89\xa2\xa6N\xc0\xa8S_\xae\x1a'</t>
  </si>
  <si>
    <t>b'\x04^\xfaL\xa6\xf1\x0f\xd2\x18\x065\x15 \xf9\x9flM&gt;0\xba\x174\x19-v\xd6\xef\xe4\x0c\xc3r('</t>
  </si>
  <si>
    <t>b'\xb5\x84\x1c\xd37EV\x9c\x0euFM\x0b\xf7w\x9a\xd9v\xd1\xb9~w\x96\x9d\xad\xf2\x96\xe3\xb5H\xe7m'</t>
  </si>
  <si>
    <t>b'\xedL&gt;\xdf\x02D\t\xd8\xa2x#a\x96\xfd\xcakfL\xe6\x8cR\x85\x01d\xad\xc9\x08\x8d\x85\xfb\x96R'</t>
  </si>
  <si>
    <t>b'z\xba\x1c\xd8\x96\xa1\x89S\xd9\xf0d\x8d\xa5S\x94t\x1f\x01\\[\x91Te\xdd1"\x98o\xa7\xb7\x07h'</t>
  </si>
  <si>
    <t>b')n\xab\xf2\xfd\x92\x9a\xc2\xad\x1b1(O?\xccK\xa6\x1f\t\xd9\x83\x12M\x89\x7f8\x11\xa8\xac\xaa\xa6['</t>
  </si>
  <si>
    <t>b'S\xe2\xa7\xad\x87\xa9\xfb_\xf1\x82k\x82\xbd\xf6\xee\x9d_\xa0p%\xe0q\x9f\xd3\xe0\xee\xa8\xe9\x07;\xef\x9f'</t>
  </si>
  <si>
    <t>b'*\x8e\xb3\xfdX\xdd\xfdPf\x06\xea\xd4\xb1h\xb4Fv\xbd\x050\xee\x03\x80ce\xbd\x90m\x98\xa0\xb0\xd2'</t>
  </si>
  <si>
    <t>b'\xa8#)\xfbP0\xa5P\x88h\x0cZ\xc5\x07\xe7b\xe4GM?\xc06\xf8\x99\xe3-e\n/\x18N\xa8'</t>
  </si>
  <si>
    <t>b'^\xbf=\x80dyz\x95\xd0\xe3_\x8c\xb5\xbcd\xa5\t\x94\xad\xeahg\xb5P\xa3)\x9e\x18\xb8\xcd\xe5?'</t>
  </si>
  <si>
    <t>b'\xe2\xe5\xa3\x8c\x9a\xefL\xe7\xff]R&lt;\x9f=\xa2\xff\x82\x08\x10F=\xe7\xa9\x83"u:I@H\xf5\x9c'</t>
  </si>
  <si>
    <t>b'H\x14"\x0f\xea\xfe\x0e\xc2;7\x81\xa9\xf3\xa7X\'\xae\x06\xaf\xcb%\xa6q\'\xdc\xc8\xed\\e9\x0e\xf8'</t>
  </si>
  <si>
    <t>b'hE\x96\x96B1\xee\xbc\xe8\xbf\xef=^{\xc5GL\xe2&lt;q\xb1QbF\xaa\xcd,\xd6V\xd8\x97\x80'</t>
  </si>
  <si>
    <t>b'\x9a`\xf2\x15\xa1G\x15\xf8\xbbG\x84\xc8\xac\xa2$\xce \x8e\xde\xe4\xd0p\x13K\x9a\x9f\x9c\xd3\xae-\x80+'</t>
  </si>
  <si>
    <t>b'&amp;\xb3\x98\xa9s=\xbc\xc5\x12\xcc\x8e\x7f\x92\x04\xeb\x811\x16\x9c\xe9X&lt;y0\xd1\x1aT\x1cx\xd7\xdd\x8e'</t>
  </si>
  <si>
    <t>b'\x97^\xc4Z\xdblI{\xf1\x15\x80\x87\x1eDL\xd5\xadB5\xabu,\xe4\xa4\xe9v\x8c\x8a{\xad%\xef'</t>
  </si>
  <si>
    <t>b'\x13s\xa0\xa2}\x7f\xd4\xf5N\xc7\xf17\x93o\xb8\xb1\xf77\x80t&amp;\xa3\xa0&lt;\xf1J\x95j\x03"\xd2\xf2'</t>
  </si>
  <si>
    <t>b'{\x84\x9d\x83\x1c\n\xd8\x18\x83\x9b:\xd9\xb9g5\xf5\r\xf4\xd5\x90\x13a\xce\x90\x8c\xac\x16\xb7\xa1\xa4\xfea'</t>
  </si>
  <si>
    <t>b'\xbe\x8c\xc8\xaaRv\x8b\xe9\x8e+k\xc9k\x91\x88\x1d\xda\xe5\x9b\x9c\xe6\x0f\x9bP\x16\t&lt;\xb8\xe4\x01\xd2\x8e'</t>
  </si>
  <si>
    <t>b'\xbd\xd7\x85\x03L$nZe\xc2N;@-\xd8\x91JD\xb1]O\xa8\xce\xbdE\xfbW\x08\xde\x85\x0c\x07'</t>
  </si>
  <si>
    <t>b"+\x15G{1]\xcdD\xc2\xf5D\xfc\xba\x0e\x15\xe9B\xcf'x\xb5\xc1|\xbf\xb5\xd5\x95Jw\x89j-"</t>
  </si>
  <si>
    <t>b'ri)\xb0\xb0\xcb\xfd\xc8w!\xa9s@\x16\x91\xec\xe7\x03\xb1reP\xaf\xfc\xf0\x1e\x8cT\xd2R\xd5\x8b'</t>
  </si>
  <si>
    <t>b'A^\xe2\xc8g0\x1d\xbd[U\xb6\x99o\xf0\x80\xb1\x11k\x89$_\xa8\xb6a\xf9\xa9\x8b9\xdc\x18\xd4\xb3'</t>
  </si>
  <si>
    <t>b'\xc6\xdeI\xda\x0fn&lt;\xf8\xf7\x04\x87"\xa1ZCc\x0f\xa2\xf0\xa6\xe8\xf2\xd7xK:\x07A\x97ku\xec'</t>
  </si>
  <si>
    <t>b'w)\x06.\x1e\xdcGt\x8b9\xa0sE\xa5Y\x0f|\xe2y\xad\x8a\x0foz\xa8y\xd6~\x0bM\xd0\x0c'</t>
  </si>
  <si>
    <t>b'a\xa8\x08\xdf\xc7\xf8\x0f\x96\x00`\xc6\xc3\x82bA\xa6\xedS\xb98\x0eT%!u0\xa0((\x0f\x01\x9a'</t>
  </si>
  <si>
    <t>b'\xd4tB]\xaa\x85\x08\xe3\x04Z\xfc^!\xb1\x1d\xa9\x01u~\x85\xd8+1R\x1c\xb9\xc6\xeb\x16\x9f\xaf\xb8'</t>
  </si>
  <si>
    <t>b'n\x19\x05\xdb~\x07\xde\xacx|\x19\xcc\xb4\xff\xd2\xde\xfe\x01%\x8c(|\xf6B\xe1\xfeLI\xf6P\xe1\xbf'</t>
  </si>
  <si>
    <t>b'\xb2\x14\x84\xf1X\xbd*\x1cO\xfa\xb4\x8d\xbc\xcb\xaci\x86 \xb3\xcdP\xa0\x9b\xa8\x9dq1\xedl\xf8\xb2\x04'</t>
  </si>
  <si>
    <t>b'u\xc0]\xaf}\r\x91\xaa\x84\xb2\xaa\xd4\xed\x98\x00#pNTU+\xbfd\x01Vw\xed\x9f\x08\x16^\x15'</t>
  </si>
  <si>
    <t>b'\x14uW\xa5E\xf7\xf8\xbaG\xbb\xc9\x17\x03*-\x1d2y4\x97\xae\x02\xd1\x81\xe2\xd9)\xc9\xb31\xd5}'</t>
  </si>
  <si>
    <t>b'\xac0\xf1\xab\xdc\x1c\xa6\xf5/\xfa8U\x1d\xf3\xb2\xe0U$\xe3\xd7o\xbf\x1e\x1c\xa9\xd9V\xd1\xfd\xf5\xb7\xf5'</t>
  </si>
  <si>
    <t>b'\xac\x9d\xa5\x9a\xa6\xa6\x897\xde\xf5y\xe5\xb7\xd2\x113\x97b\xf3\xaexC\x9d\x87\xa3]\x93w1\xbanT'</t>
  </si>
  <si>
    <t>b'\x98&gt;\xac#x\x95Go\x08\x7f\x81ch\xf3\x86\xbd4{\xc8=\xee\xc5\xd1\xcb\xd3\xc4\xdf\x93?\xec\xde4'</t>
  </si>
  <si>
    <t>b'&amp;\xffh\xfb\n\xe0\xf3\x89D\x8d\x1e\x04L\xc8\xa0h\x99y\x85T\x9cC\xef 9\xc0\x8eIRR^\xaf'</t>
  </si>
  <si>
    <t>b'\xbb\xee\x1b\x10\xbe\xa8\xc8\x1c\x0e\xbc(n\xb2\xf3cU\xc2\xc2\xa0\xb5\xc0e^\xa0H\xcaD^C\x95\xb1\x9e'</t>
  </si>
  <si>
    <t>b'\xea)\x91\x18\xb0\xc3ec\x16u\xc2/\x08&amp;\xcf\x84`\xaf\xd83h\xab\xb2\x1f\xbcu%\\3F\x08\x84'</t>
  </si>
  <si>
    <t>b'\x87J\x87y\xcd\x87L`\xf3\x96\x99\xbd\x8d\x1e\x06\xf1\x1a\xf8\x02\x04j\x87\xceo*\x88{\x0f&amp;P\xcc+'</t>
  </si>
  <si>
    <t>b'\xe5&amp;RpuB\x8d\xba\xb7\xb4\x1c\x8d\x86\x8b\xec\xae\xff\x89\xd9\x01%\x11,\xe9\xd2\x00\xa5&gt;\xc9\xdc\xaf+'</t>
  </si>
  <si>
    <t>b'\xd5\xa4\x82f\xbf\x96\xbd\xbd\xd4%\xa7E\xdd5\xf1\xcf\xbb\x9f~n\xc8\x03\xbd&amp; i\xd5\x19\x82\x0c!\x14'</t>
  </si>
  <si>
    <t>b'\xa0\xe3]\xa6I\x93TCl\xb5\xd9\xb56\x0e!\x7f\x15\x87\xe9\xbf\x9a\x19\x8dk\xa2\xcb\x9f\x87\xad\xf5r&lt;'</t>
  </si>
  <si>
    <t>b'\x1ce\xf1Z\xcd\x11\x87\x07&amp;hp/!\xe2"\xd5 \xfb\x92d\x93\xfd\x12Y:\xef\x1e}1\n\xdf\x8a'</t>
  </si>
  <si>
    <t>b'88\xc3\x13!\xe1&lt;e[\xe7\x1e\x89\x83\x9a]\xa0\xbc/\xc8\xa4.{\xb5\xe9\x12\xc5u\x1e2\xc5\x12\xe0'</t>
  </si>
  <si>
    <t>b'\x06\xc0\xa6\xdeZ\x8a\xedO\xd3n\x8f"\x01\xfdU\x10-x\xb7\x00\xc0\x94\x0f4\x17\x0c7\xee\x1c\x87\x7f\''</t>
  </si>
  <si>
    <t>b'X\x16E\xa2\xd8U7\x96g\xbd\xb3@XE\xff\x0f\x94\x8fCJ,$\x80\xb4w\x13\x007\xad\xaf\xb5P'</t>
  </si>
  <si>
    <t>b'a\xf4YaH\xef\xeby\xd2\x93\xc5\xd2\xee@\x86\xbe\x1e\xea\xc4\xb4\xc5\xeb\xd637\x81\x98}h\xc9p\x93'</t>
  </si>
  <si>
    <t>b'\xf1\x13Q(\xb9u\xc94\xfa\xe9\x0c\xffr~\xf1f\xa6}\xfa\x94\x8d4\x82"s\xfc\x928 \xedFY'</t>
  </si>
  <si>
    <t>b'\x86\xd3\xc3;\xcf\x0f\xa9\xe0\x89V\xde*\xde\xd1\x9c}\xa0\t\xe5x\xcd\x07C\xa2\x9c\x86\xb5\xa5W\xbcvX'</t>
  </si>
  <si>
    <t>b'_5\x7f\xc8\\\xcci\xa8\xb8\x0f\x05uz\xa9\xa3\xac\xd3\xb8\xbcHO\xcd3\x81\x91\xbc\xd4\xc1Q\xbf@N'</t>
  </si>
  <si>
    <t>b"\x12V5\xbf\x98\xf6+J\x1a\xd2\x84#}\x9a\x80_UB2\xca\xd8\n\x13Kn!\x044\xeb'5\xb3"</t>
  </si>
  <si>
    <t>b"\x95\xb8\xed\xe8\x18\xc7\x8dm\xf8\xee\xa0\xe9\x02%\x1aa)\x9c\xd6\xd7!\x0e\xa1\xb2w\x83\xa2\xe1'\xd52\xe4"</t>
  </si>
  <si>
    <t>b'\xa2\xc0\x13\xcd1\xedh\xd3\xce"\x941\x179\x0c\xaa^ch\xcaJS(\x95\xf5\xd3&lt;\xd4D\xde\x8e\x85'</t>
  </si>
  <si>
    <t>b"\xff\x8a'2\x1b\x90\x12\x86\xb1crR\xcf\xa1\xd9\x8b&gt;\x0f\x99T\x91l`\xc6c\xdc\x80\xb6N\x19\x19M"</t>
  </si>
  <si>
    <t>b'\x94?|x\r.~\xed\xa8 "j|\xf8\x92J\xd6\xbd\x8d7\x82\xc5\xe17\xd7\xa8\xf6j\xf3\x15W\x92'</t>
  </si>
  <si>
    <t>b'\xd6\x86\x93\xa3\xa9\n\xef\xb1\xd5|\xfb\x8e\xab\x1b\xb4\xdf\xaa\xb2\x85\x80\xf2\xe3l:\x12\x81\xcd\xf6\x8bBC\xac'</t>
  </si>
  <si>
    <t>b'`\xac$}\x9a\xc1[\xb6\t\x83\xfb\ty\x87\x9a\x8aQ\xb6\x19)a\x98\x17\xec\x04"^\x03\xf3\x90\x93\xc1'</t>
  </si>
  <si>
    <t>b'\xdcm\xdc\xf2\x96\x06$\xdb\xe4\xf7\xacF\xb4\x8c\xf6\x96\xc0$g\x18e\x1au\x03\xee\xaf\x91!\x12#\x84\xed'</t>
  </si>
  <si>
    <t>b'^\xa1\x0e\xf2\xfd\xb0\xd7\x80\x81+\x07\xf3x\xed\x14\xe3\xa3\xa0\xc5\x93\x95\xf8\xf4\x1a\xe0\xe3]a\xfd\xf7\xcc\xb5'</t>
  </si>
  <si>
    <t>b'9\xd1\xac\xdd\xb8\xf7o\xe5\xc6\x8f\xddG\x92=\x9f\xecC\xbc\xca\x92z\x8b\x8b\xfb\xe8\xf2\x8d\x92S\xd2\x06\x83'</t>
  </si>
  <si>
    <t>b'\xa5bz=.\x98\xc1&lt;0\x84\nZ\x9d\xf5\x80?\x94\xe5\x07\x90\xea\x8c\t\xe5\x93\x87-\xd2 \x07Yj'</t>
  </si>
  <si>
    <t>b'r\xf4\x7f\nw\xe4\x9cI\x9e\xcf\xd7^\x9cr\xac\xa0\xe5\xa4W\xbb\xc56\xdc+\x181\x7f\xca\xee\x08\xb1l'</t>
  </si>
  <si>
    <t>b'1\xc0(\x95\xb0\xf6\xf7\xa5\xe8\xbd\xdfs\xaeA\x7f\xf6C\x8c\x92\x8eq\xc1\x85E\x85\x1b\xa6\xf3S\n\xc2}'</t>
  </si>
  <si>
    <t>b'\x06h\xee$DV\xe5\xf8E\xc3\xe7[\xd8;\xe0\xf8\xb9D(4\xd4\x07\x9bE\x10\xb2\xdbk\x9e"\x88\xd9'</t>
  </si>
  <si>
    <t>b' \x06\xac.\x01\x8fZ\x07\x0cF\xec[\xacL\x9f1C3t\xcb\x05\xd9\x00\xd1\x9c\x8e\x19^\xbb\xc7\x0b_'</t>
  </si>
  <si>
    <t>b'^\xb4f\x12!\xa1\xef"\xb5\xcc&lt;\tK\xd0Q\xcf\x9a\xb2\xe7d\x1d\xcfh8r[n\xcb7)\x04L'</t>
  </si>
  <si>
    <t>b'\xe6\xfe^s9\x83\xda\xb7n\xcc\xc2O\x15\x91\x89A+\x82G\x1e,\xa7\x13[|M\xea\x96uf\x10\xca'</t>
  </si>
  <si>
    <t>b'A\xa9\xf1E\xd95+\xe5\xec\xd4\xaf\xed\x16\xaaH\xc2\xc30\xb1\xe8W@\x9d\xcc\x17\xf5t\x00\xb3\x9e;4'</t>
  </si>
  <si>
    <t>b'\x84:g\xd3j\xcd\xd5\x81\xe8\x8cl\x8d\x03\x9c\xbd\xd5\xe3\n\xac\xc2UFZ]\xc5\x1e%\xee\x88\xdb@\xe7'</t>
  </si>
  <si>
    <t>b'\x14\xc1\x95^\xa7\x1bT\xab\x87\xa2\xda\x06\x9ee\x9e\xb4\x1c\x8c\x99\xcb\x01xN\x85\xc2\xa9L\xf5\xbd9\xdag'</t>
  </si>
  <si>
    <t>b'x%\x17\x0b\xed\xafE@\x15\x82\x98\xe4\xbay\x04\xf8\xf1\xb2G\xcd\xd4\xec\xb9\xf8\x9f\xb9\x02\xa4\xe0]%\xb5'</t>
  </si>
  <si>
    <t>b"*\x02'\x95Dy\x11*i\x14X\xeb\x85\xa5\x89&lt;F,\xcan|\x15\xee\x1bP\xa7F:R\xb1\xe9\x0c"</t>
  </si>
  <si>
    <t>b'\xe2\xf3.\xbd\xd9S\xc9i\xdf\xed\xb5\xea\xe7N\xdeG![\x83\xaf\xe6\x0e\xdf\xc0\xa9\x0f\xdb\xa7}&gt;\xcc\xa5'</t>
  </si>
  <si>
    <t>b'u\x0cI\tU\xaf\x88\xf4\x99-\xcc\x82\xf0\xfcB*\xff\xfa\xa5\xca\xea\x84\xfc\xf7\xf4f\xb7P}\xb0\xa4\xf2'</t>
  </si>
  <si>
    <t>b'\xe4$zCQs\xd0.\xaf\xfcR\xe6\xaa\xfe\x1d\x9c\x15\xbd\x0bcK\x02\xc5~`\xcbv\xb5"\x13\x88K'</t>
  </si>
  <si>
    <t>b'\xec\xdd~\xc5\x926\x92\x01;\x99J\xfd\xe4l\xed\x9aK@f_\xeb\x9f\xe3\xba\xd4\x06\x8d)\xc2\xd0-\x05'</t>
  </si>
  <si>
    <t>b'\x0b\xc8m8\xd3\x7f\xecM\xbd\x1aa\xa8_|c\xa8\xbe\xee\xf7}\x1dTX\xfa\xf4\xa2\x0c\xea\x10c\x1e\xfc'</t>
  </si>
  <si>
    <t>b'\xca4\x1c\xd3`D\xb7&gt;N\x11\xeex\xb2\x19\x1aE/\x13\xdd\xd6.\x01\xc70\x98\xc9\xa3D\xbb"\xf1$'</t>
  </si>
  <si>
    <t>b'\xd8@\x02\xec\xc4\x8b\xe1-\xf5\xfe\xf3#m\x86|d+\x83\x0e\xc1\xa4J\xf8\xd4=w\xd6$S\x83eT'</t>
  </si>
  <si>
    <t>b'\xc1\xf0\x12\xdf\xb0\x04\x9a\x1cpM6\xd9&gt;\xff\x9b\xd3\xcc\x17&lt;\x9d\xe4-\xd6\x1c\xdaRS\x13\x14\xa0\x86d'</t>
  </si>
  <si>
    <t>b'\xb3\xcf6\xdejX\xe9\xc3\xd9\xb0\x90^\x7f\xdd\xec\x1c\x00dea \x85*\x7fw)\xe8J\xb0@\xca\xa5'</t>
  </si>
  <si>
    <t>b"@w\xd8'\xe9\\\xb8&amp;\xf10\xd7L&amp;\xe4\x94\n\x0bB\xa1\x04\x17\xf1|\xc6r\xe9\xf8?F\x00\x14\x1a"</t>
  </si>
  <si>
    <t>b'\xd8\xef\xc3\xb1\xa3\x02\xd3\xbe\xb0}\xa9E\xd4\xc2\xd7nDM\x05LE\xee&amp;\xec\x1e\x97;j[W\x1b\xf6'</t>
  </si>
  <si>
    <t>b'\xaaH\xea@y\x89\x0e\x84\x14\x1eD\xd3P\x02u\x82\x08\xfcD\xbcv\x9eA\xe9S\xee\x0cG\t\x8f\x92\xa1'</t>
  </si>
  <si>
    <t>b'\xfeAqF\xec\xa2\x04zT$\x04\xa3\xed\xa7[\x15\xad\x86\xa4q\xadX\xfc\x03d\xff\x1a\xa5gk9s'</t>
  </si>
  <si>
    <t>b'\xe6\xd7\xbd&gt;\x7f\xd9\x83M\xae\xed\xd2\xf1\x9d\xfa\x80\xa7\xcfTo\x8d\xe5\x91%\x8a\x890L\xcd\x81;\xd8\xb7'</t>
  </si>
  <si>
    <t>b'\xd8\x1aXh\x9aUPu\xe6\xf4\xe6\xe5\x12\xcc\x92\xaa\xe8}\xddC\x9b&lt;h\xd9p\x06\x96w\xf8\\\xb5\xb1'</t>
  </si>
  <si>
    <t>b'\xd6\xf6\xf0\xc6\xdcS\xce= \x8fC\n/\x83S\xf9\xe3&amp;\xd5\x8c\x1a\xd1\x18\xc23\xaeN\x9b\xb9\x88\x15\xcb'</t>
  </si>
  <si>
    <t>b'\xc1\xac\x07\xf4\xc3\x8aiv\xda\x98UOr\xc2\xdeY\xbel:\x10\x0fv\xd9WY_\xc3\x99H\x95~,'</t>
  </si>
  <si>
    <t>b'\x81f\x01\xbb\xf2\xea\xa8\xd4iC\x8b\x938\xf6%\xc7Cl\x0fl\x041\xb7\x91\xe1\x97M\x93\x96U\xa9\xa9'</t>
  </si>
  <si>
    <t>b'\xa9\xdf\xa2\x8ce\x13ly\xa9\xc3\xb3&gt;\xe9\xc9\xb9\x04\xc7\x1b\n\xec\xd6,\x0c\xa4\x9b.H\r\xef\xf4\x1f\x13'</t>
  </si>
  <si>
    <t>b'\xa3$\xbc\xe074N\xad\x99\xe4\xc1\xab4\x91\x97c\xb5]\x94\x18\x84J\xf7\xa2\x12\xe9b\x93\xfa\xf8\xe2\x08'</t>
  </si>
  <si>
    <t>b' \xe4j\x83k\x1c\xe1\xfb\xc3\x9a\x9f\x03\xf7R \xec\xa8\x8d`\xf9\xefz\x97OJ\xc6\x8b\xca\x12\nL\xe2'</t>
  </si>
  <si>
    <t>b'\xf7j\xc3&lt;)\xd0\x8c\xf1Gp\x0b\x96;\xae\xc1\x02\xd4\x91A\xb0\t!&gt;1\xd3\x94\xad\xbb\xff\x8ed\xaa'</t>
  </si>
  <si>
    <t>b'\xf9s\xf1n\x9e\xc7\xa7\xd1\xc7^\x11\x04\xec\xd2\xe9\x1a\xab\xf44\xabm\x87\xfdf\xc3\xad\xad\xba\xe7\xf9r\xe0'</t>
  </si>
  <si>
    <t>b'`\x86\xfe\x9a\xed\x19\x83U\xf5N2?\x83\xdb\xd3\xc1\xc4\xb0\x81\xf1[\xf0\xd3\x97\xcc\x14\xa3\x18\xbb5\x0c?'</t>
  </si>
  <si>
    <t>b"\xf1&amp;\x12\xf94^\x03}\xcd\xc8!l\xf1K\xf8\xbc+\x11:r\xb2DF\x98o\xf6\xe0\xca2\xeeh'"</t>
  </si>
  <si>
    <t>b'\x1c\xb4\xbb&amp;\xaf\x86\\\xbc\xf45l\x1d\x8e\x8ad\xbb\xe5{\x1bmf\xb22\xe9|\xc1\xcf\x96h/[w'</t>
  </si>
  <si>
    <t>b'\x95w\x95\x97Z\x02j\x1a&amp;O\x7f\t\xcd&lt;:*\xe5z\xd8\xbdBi\x8a\xadoG\x11V\xc1\x0ei}'</t>
  </si>
  <si>
    <t>b'\xf0W,\xc7\xf5c\xc0\xed\xb9\xe3\xe2\xf7\x121\xa2\n\x947\x96\x10\xa6\x1e#\x06\xf8h4\xa0Z\x81\xd1\xa1'</t>
  </si>
  <si>
    <t>b'\xf83\xc6\x05s\xb3l\x87$O\\S\x958\x92\x06\xff\xb5\xedCP=Q\x8e\x1b\x92xN-&amp;\xa7\xa1'</t>
  </si>
  <si>
    <t>b'\xf2`\x04\xf1\xd4?\xf6\xe4\xb2tQ\xbd4\xe1b\x9btoV%y3\xab\x97\x16\x10\x10\x1b\xa9dv{'</t>
  </si>
  <si>
    <t>b'v\xed\x99F\xe7\x8e\xe3\x9e\x1bk\x11\xdc\xa0+\x14\xf7\x1f\x17he\xc8\xb2\xaeQ`\x1a\xcd\xd2\x81\xefH\x89'</t>
  </si>
  <si>
    <t>b'\x07\xba\xf7U\xc6(b\xa8\x84\xc4\xa8mD3\xca\xc2]\xa7\x90\xfd\xe1=\xe9X&gt;\x00#\xe7k\xc1\xbf#'</t>
  </si>
  <si>
    <t>b'\x89)\xb0\xf5Aqg\x9d\x1d\xfd\x9fq\x0b\xbc\xd0\r\xc3\x9fD|]\x0f\xf9\x0c#l+{\xeb*_\xf5'</t>
  </si>
  <si>
    <t>b"\xaf\xb8\xc007i\xd3\\\xfa\xed\xf5\x14\xaa\x8ei\xd5\\\x15\x9d&amp;%\xcf'\x02\x91]iZ\x15E\x10\x02"</t>
  </si>
  <si>
    <t>b'\xe2\xd5\x03n\xad\x01"\x95O\xc2\x9c\x01Q]\x1c\xec}8"\xc2:L\xc0\xb2\xef\xda#\xbd\x87\xb6\xbc\xe5'</t>
  </si>
  <si>
    <t>b'\xb1\xa9*\x8a\xcbS\xd5[\x92~\xae&lt;\xef\xad\xe1Ma0\x05G\xd2\x8b\x9b\xce\x91o\x9b\xd6J\xf0\x07W'</t>
  </si>
  <si>
    <t>b'\xac"\x88\x06\xa1\xa7\xaeKac\xbb\x161\x81_\x0b\xb9\xc2\xfe\x0fq\x1b\xd3\xd8\xb3\xa2\xee\xab\xb4\xbe:\x85'</t>
  </si>
  <si>
    <t>b"\xbb\xfdct\x05 \x1f\x80\x18j\x0e\x9dP-\x0f\x90\xd0\xfe&amp;@\xdd$\xd7\xf2~Y]\x10'\xb908"</t>
  </si>
  <si>
    <t>b'It{ ^\n&lt;fC|\x878E\x83 \xbbU\x05\xd3\xa3\xad\x958]A\xfa/`\xf7h@X'</t>
  </si>
  <si>
    <t>b'\xd5\x02rF+\xfe\x0f\xec\x7f\xde\xe1y\xe0\x1dBk\xb4\x9dI+hl\xa9e\xb5B\x9f\x9f\x0c$R\x0b'</t>
  </si>
  <si>
    <t>b'L\x9e\x99\x00H\xae\xe5\xce\xd0&amp;\xad\xd9\xd7\xe5\xe3\xceL\xf9\xd1)P\xca\xca*\x8c\xca\x93\x03)\xbb\x8b]'</t>
  </si>
  <si>
    <t>b'\xa1\x94\xbdU\xae\x13\x91\x0cn\xf4\x964\x81)NTv\x06\xb1(\xf9L\xd3X\x03hw\xeb\x90I\xc5\xd9'</t>
  </si>
  <si>
    <t>b'O\x9b\xaan\x8a\t\x013u\x11{\xbf6\xdf\x14\x1f\xef\x13\xf5\xbdq4w|\x82_\xb8kX\xa684'</t>
  </si>
  <si>
    <t>b'|i\xe3\x12\xe5\x999}V\xba.\x83\x90i\x83(\x87\xad\x18\xb1\xab\xcf\x8e\xfd\xc6\x00\xf2\x047\x17\xdb\xc0'</t>
  </si>
  <si>
    <t>b"m\x1as\xa4\xa0\xfb\x1e\x83\xb5A\xfa\x08\x7fz\x19ziv\x01'\xda\x1f\xa0\x83\xd4v\xb4\t\xd7J;\xd3"</t>
  </si>
  <si>
    <t>b'6\x10\xbfN\xaa\x0fd\xf9_\xcb\\\x97\x15\xe7q2\x9c4|\tb\xff\x98\x1a\xc7%T\x82\xed\xb9\xa1\xbd'</t>
  </si>
  <si>
    <t>b'\x8fJ\x90\xcb\xeb\xcb9\xd8\x14Z\xc6\t\xb0\x1f\xcf\x88\x8ed\xb3g=-\xe2\x9330\x81T0\x01\xb1\\'</t>
  </si>
  <si>
    <t>b'\xb9\xc7\xd5-%\x18?\xc0u\xe3/\xa5\x06\x02\xf0E\x1b\xb8QV\x9b~\xf5\xbd\x89\xb8\x81G\xf9\xc9&lt;\xfe'</t>
  </si>
  <si>
    <t>b"\xa1\xab|\x80{S~\xb3\x84\xc70\xce\xd0\xfd\x96'\xf0\xe1n\x15\xd6\xa2\xf0J\xed\xee\xdd;\xb8\x0e\xf0\xa1"</t>
  </si>
  <si>
    <t>b'\x9d2\xbaN\xb8RGV\x12\xf2\xd9|\x070\xc5\xd2i\xb0T\xd8n\xe0k\x13\x05\xfc\x85\xeb\xb7\n\xe0\x7f'</t>
  </si>
  <si>
    <t>b'\xdc\x13\x99\xcdy\xa2\x8f\x8b\x1bl\tx\xb2a\xabT\xf9\x9e\x1e\xee\x05\xecO\xe7\x06%^\xfb\t\xfd\x96-'</t>
  </si>
  <si>
    <t>b'\xb6\xb4\x82\xee\xa1\x10\x8a\x0c\x88\xeb\x13d\xf4\xc9\xb3\r\xcc\xd9r@b\x98\xc6c\xd9(\xcc4\x93\xb3\x99\xb4'</t>
  </si>
  <si>
    <t>b'K\x13\xd2x:t\x97\x1428w\xce\x8e\xdc\xf84k\xb7;01`W9\xfa\x8c%G\x0b\xa8\x97\xfb'</t>
  </si>
  <si>
    <t>b'\xc3C\xf12\x9f\xbfv\x82\xd9\x19\x81\xe6\x16L\x16\xa0\x94Ic6\xa9\x1b\x8b\x00\x82\r\xac\x9f\xf8\xd9\xf5\xec'</t>
  </si>
  <si>
    <t>b"\x9d\xb2,'\xfdQA\xb1\x94\xbc\xae\xd0\x1e\xf0\x99\x84Y\x0cL\xa3\xc0N\xf0\x16\xe9\x13\xcf\xf3\xe8\xbe\xdfP"</t>
  </si>
  <si>
    <t>b"B\xb5\xbd\x1e\xde!\x19\xa7w\x07,\xd7\xf1+p\xef\xb7\x9cY|\x8f\xa41P&gt;\x08'\x80\xcf\x18\x91F"</t>
  </si>
  <si>
    <t>b'\x1cO\x97\x98U\xb4\xcb\xbb\xb0\x1fv\x9e\x85A\xd0\xd7\x13\xc0\xad\xff\x13\x8d0\x98\xf4\xb2\xd5\x9cK5\n&amp;'</t>
  </si>
  <si>
    <t>b'\xc0\x9bb\xba\x01[/eTsU\xb4Z\r\x0f\xf7_\xd0\x99\x0e\xbb\xe0o\xe7\xfa\xaa\xeec\x1e\x80\x1e\xed'</t>
  </si>
  <si>
    <t>b'\x84\x08\xbe7Q\x94\xa8F6\xe6\xb9\x9a;\x9e&amp;(\xca\xee\xf2\xd1l|vi^K\x80\xa3rf\x9c$'</t>
  </si>
  <si>
    <t>b'\xe1\x03\xcd-7\xce\x07\x1e4\x01\xbd\xfbC\xf9U\xb0\x81\xd0g\xb7\xff\xcbX.\xb0\xd3m\x1b\xc7\xa7\x9d\x92'</t>
  </si>
  <si>
    <t>b'BN1\x86\x90\xe9\xb5\xf7\xf4P9\x1e\x03\x80e\x00\xee\xd1\xb9|GC+\x0cc&gt;\x02\xf1r\x9e\xc1/'</t>
  </si>
  <si>
    <t>b'\xaf\xbco,\xbf\x01\xad\xf2c\x1f\xa9X\xb5\xb3?5\xc6\xe3\xf6\xd0c\xcc\xcc\xcd\xb5\x17f\xb2V[\xff\xac'</t>
  </si>
  <si>
    <t>b'-\x9c\x92%g\xa1-X`x\xd2_\xf1\x07\x9ff\xee\x95\xe9Z\xa3,\x7f\x8e\xe3\x04&gt;\xba\xb4\xf5\xa7\xe7'</t>
  </si>
  <si>
    <t>b'Y\xb3\xa2\x97\x92\xfb8\x05\x94\xcd\xb8\x05\xa5\x0e\x0fGsN Z\xeaD\xc3#\x10%\x19\x87\x10\x9b/\x1c'</t>
  </si>
  <si>
    <t>b'\xc4\x8b\xf6\xa7\xc9\x9eF\xb3[\x14\xdbEx\xd3\xe3\x993\xb5\xd4&gt;\xd2\x9d\x9f$\x1e\xec\x9cr\xed*\xdc6'</t>
  </si>
  <si>
    <t>b'/\xfa\xf8\xf6[\x04\xed\xa1\xdew\x97\xbf\xc3\xd4\x01\xf3\xb4\xf0/\xa5\xf4\xcc\xb3\x1fz\x9e5\x0edH\x85!'</t>
  </si>
  <si>
    <t>b'\x95{P_\x03\x99\x06\xa1z\xce\x11\xf8\x02\xbci\xfa\xb6\x13$B\x19\xd3\x9e\x1f\xae\x95\x9d\xd2\xe4\xf5\xb5?'</t>
  </si>
  <si>
    <t>b'\xb2\xb0x\xb1\xef\xc0\x1c\x9cR\xdd\x0f-\xdc:\xeb\x0f\xcc\xea\x02\x1ea1\x91]\x1epNe-8\x9b\xc9'</t>
  </si>
  <si>
    <t>b'Y/m\x03c_\xbf?+&amp;\xe6\\\xbb\xd5\xf7\xe9\xcc\x91m\x9b\xe176?\xdb\x17\x95\xec\xfa\x12\xb9\xed'</t>
  </si>
  <si>
    <t>b'\x1b\xde03*W0\r&gt;\xad\xbfy\xaa\xba\xb0\x16uC\xc7&amp;\x00r\x16k\xe7c\xfb\xd0\xa8\xd5\xba\xbe'</t>
  </si>
  <si>
    <t>b'\xb4r\x8c/\xc7^g\xdb\xcf+\xd6\x0f\xbd\xdc\x80\x15\xf1\xa2\xdbj\xe2\xc8\x13\x84\xa0\r\xb2j\xc4\x90A\x9e'</t>
  </si>
  <si>
    <t>b'\xff}\x92\x96\xdc\xef\xdft\xe6\x05\x07\xd9\xd5\xf4\xb8\x94\x19mX\x8b\xf1\x02\xf95k\x92\x8d\x8d C\xa3\xfd'</t>
  </si>
  <si>
    <t>b'\x1c\xfc\xf7\x9c8S;\xe1\xb5\x9d\xc9^\x89\x81{\xaa@-\xda\x17a\x0e\xc9\x88N;]\xe9~\xd6\x08\x96'</t>
  </si>
  <si>
    <t>b'\xe1-\x10\xcd\xd7\xfbNOe\x91\xfd\r7\xc2\x05\xf1\x93\x0bI\xfb\x0c\xb7\x87\x15F&amp;\xb0I\x98\x16\x1b7'</t>
  </si>
  <si>
    <t>b'.\xe4GX}\xf1\t\x8a\x0cHu\xe9F+\xe8\x80h\xca\xe0\xb5\x9b\x90\xfd\xe9\xc5N}\xec&gt;v\x90x'</t>
  </si>
  <si>
    <t>b'\xa3\xd0`\x8b\xa5\x97\x83/_\xe5_\xfd\xc9\xe9\xa2\x9f\xb6\x1f8\x07\xba \xae.\xc8\xd5k\x0bu\xd4S\xbf'</t>
  </si>
  <si>
    <t>b'\x0cq!\x1e\x9a\x00\xbc1\x0e-\xcfl3;\xf8`\xcf\xc0"\xedP\xf7\xb9+\xb3\xc0`\x1c\xd8\x88S\xde'</t>
  </si>
  <si>
    <t>b'\xec\x82\xeeo\xe8\xaf\xb0d\xc8\x17\x86i\x0b\xad\xe2\xea\xf7s\x08\x9c\xfdX\t\xbd*(Jdv\xe2?\x8a'</t>
  </si>
  <si>
    <t>b'\x82\xdf\xd5\xab\xeb\x06D\xd4\x12\xfb\nkJy\xbf\xf5\xc9\x00\xb5\x11\x84#\x04\x96\xf2\x1ft\xab\xbb\xfa*3'</t>
  </si>
  <si>
    <t>b"j\xa7J\xa4GPE\xbbN\xf0\xc0\xf1\xe5\xfcM\x19v\xe2c\x03\xae3a&amp;\xcb\xb7\xe6\x03\xee+K'"</t>
  </si>
  <si>
    <t>b'\xd9)\xfd\xe1Mx\xacN\xb4\x9fq\xdfl\xb6\x1e2\xa3\xb8\x84\x87w\xc0\xc6\xcf\xcc\xef\xe7!\x88\x15\xce?'</t>
  </si>
  <si>
    <t>b'\x8f\xdf\xca\x03\xf4\x1aK\xd2=\x8d*\xdf&gt;\x03\x12\xacJ\xb6/7\xb1o\x12/\xc8X4\x94^l\xcc\n'</t>
  </si>
  <si>
    <t>b'}\xa3\xa4\xcc\xa4cJ\x83w\xc5;\xbf1\x07?\x1cH\x9c\xa7\x03\x88\x9a\xf7\xacL]3\xda\xc5\x1dw\xb3'</t>
  </si>
  <si>
    <t>b'\x1e\xf96\xd1\xc7\x0e\x94f\xaf\x9c\x183\xee5\xb0M$\x13j@\xda\x9d\xb2\xbe\x9f\x02/\xf6w*A;'</t>
  </si>
  <si>
    <t>b"' \\\xb7\xc4u\xb6\xd1\x9bh\xc6\xbd\x96Lyh\x1f\xb9\x03\x0b\x1d\xe1\x8f\x9a~\xb6Hi \xd1\xd1u"</t>
  </si>
  <si>
    <t>b'kx\x9b\x1a\x99L\xac!\xefr\x1d4`\x05\x9e\x18\x8b\x91\x8d\x07b&lt;p\x88#\x03\x18\x1c\x11\xa8\xa7j'</t>
  </si>
  <si>
    <t>b'\xaf\x83\x84\x03\xc1Z#4\x89FZ\xed\xce\xe9\xe3f\x1b\x02q\n\xfayM \xdb\x98\xe1\n2\x1d?\x84'</t>
  </si>
  <si>
    <t>b'\xfb\x9f[W\x1f\x82\xe1\xc0s\xcb\x1e`\x7f\xde\x1c\x93\xfb\x13P\xd8,\xcag\xa4N\xd7 \x19\xc6\x81\xb4\x1e'</t>
  </si>
  <si>
    <t>b'E\x96CCo+a\xe5h(\n\xcd&gt;Vy*\x00\x81\xec&lt;c\xa3C\xfd\xd5a\x11\x97~\xd0&gt;\x9d'</t>
  </si>
  <si>
    <t>b'\x0e\xa2@x\x1eQ\r\xa9\n\xa6\x11\xf0\xe8\xf5e#)C5\xf0R\xd2\xfc\xf4J\xe5\xf2y\xdcB\xac\xee'</t>
  </si>
  <si>
    <t>b'\r\x9eB\rv\x9c\xecT\x950\xce\xdf\xbf\xe8y\xb7z\rD\xc5\x98A\xeeX\xd3\xfd\x0e~\xbe\xfe\xe1\xdc'</t>
  </si>
  <si>
    <t>b'm\xe6#\xaa\x183b\xa6Q\xdd:\x01\xe3#\xc1\x16\x1a\xa0&gt;\xf0i\xc2!\x97\xfa\x88\x972\x98\xda\x00\xe9'</t>
  </si>
  <si>
    <t>b'\xe0\x9b\xd6\xbb1eQ\xb3[j\x00\xdd\xe1o\xa3\xf9x\x08\x15\x00\x8bY\x98\x81\xcbt\xc9Es\xe4\xfff'</t>
  </si>
  <si>
    <t>b'\xc8\x16\xe5\xb5\xe27\xff\xb5:dr\xb7\xe8d\xf0#\x9d\x9cA\xad\x93|\x88\xb6l\x921:20\x12\xda'</t>
  </si>
  <si>
    <t>b"\x1c\x96\xd4{\xdd\x90\xb8\xad\xa51\xa8b\xfd\xc5\xb5\xa8\x8aZ\x0f\xa7j\xb2 \xea'\xa1l\xef\xfc\xd8K\x9e"</t>
  </si>
  <si>
    <t>b'i\xc079\xb8\xc3\xfc\xed\x00&amp;5\xfc\xfeKn\xbd\x0e\xa15\tU\xb9\xcc\x8f\xf3-\x905\x1c\xe5\xdai'</t>
  </si>
  <si>
    <t>b'&gt;\x99\x8a^\xda\x902V\xb2g5\x17\x8cn\x12\x16\xe3\xea\xc3Xn:\x97\xc8\xb7!\x16K\x0e&amp;q\x01'</t>
  </si>
  <si>
    <t>b'r\xbc;a\xb8\xd7w?\xf9\xac\x82\x18\x96\xd7Q\x1e\xa1\x06\x9a\xc1\x06\x96\x98M\xe2\x9dn\x0b=\x84\xd7\xf0'</t>
  </si>
  <si>
    <t>b'\xb26_\xb8\xc39\x9fz\xa1\xfa\x13\xa3NxN~\xac\xb6\xb6\xbd~\xaa\x06\xe9\xdbM\x044\xa1\xd6\xda\xa2'</t>
  </si>
  <si>
    <t>b'M=oax\x90\x9f\xb2\x1e\xdb^\x98\xb2z\xf1\x95\xe9}\xbb4\x83\xb4a\xf1\x891_\xe3\xfb\xf4\xda\xad'</t>
  </si>
  <si>
    <t>b'RW\xb5\xd9\xf6\xf8\xdf\xf4.\xa8\x9e\xb5Xt\x98q\xc57p\x99~9:\x91\xf2\xcb\xfeW\x08\xdb\xd8X'</t>
  </si>
  <si>
    <t>b'\xe4\xbf\xfd\x1d\xd2\x1d\xa7\xf9\xd9\xda\xc7\x19u\xa0\xec8\xd7\x86\xadS\x0fi\x94G\x92\xab\x9cF\x15\xe6\xf4M'</t>
  </si>
  <si>
    <t>b'HaVH\rt|\xa6v?\xef\xfe\x12o7\xb1\xf60=O}t\xae\x98\xd1\xf2\xc4\xe3\xde\xba\x11W'</t>
  </si>
  <si>
    <t>b'\x18\xa6e\x1f\x9c\xd3\xc9B\xd5\x8e\xd3\x99Sm\\Y\xc0\xc6&gt;nK\xb6@\x90s\xbd\x08\x8f\x9em\t\xb4'</t>
  </si>
  <si>
    <t>b'\xbc\xb6\xf4^\xb5\x14\x04\x8c\x9a\xd8R\x8b2\xfb\xd0\xed^\x7f\xbd\x18C+\xfb\xa9\x93\xf3\xf8NB7=\xc5'</t>
  </si>
  <si>
    <t>b'\xf0O\xfdj\x84&lt;e\x89y;\x91\x81\x90\xc9\x92\xdc\xa8c\x05T\xe8\xc1\xb7h\x80k0.\xf4C\x85\x82'</t>
  </si>
  <si>
    <t>b'\xefN\xbc\xae\xaa\xebkW?\x88(\xa7\xean\xccC\xbb5\xf9\xd7I_\x89\xad_,\xbf\xa2\xab\xb7\xf7\xbe'</t>
  </si>
  <si>
    <t>b'\xa1Y\xf2$\xa91\tJZ\x8f\xf0\x8e\x9c\x11\xf5\xb3\xb2\x85"/\x83{{\xbf9\xb8\xd9&gt;\xe1\x90\xd5\n'</t>
  </si>
  <si>
    <t>b'j\xdc\x07\x99yhg}\xf3\xa3\x01\xb9C\xb7n\x9c\xea\xcaEl\xc1\x06\x1c3$KHk\x961U\xfd'</t>
  </si>
  <si>
    <t>b"w\xac\xa1\t2\x19\xc8\xd1-3\xb2\xfc\xcdb{\xa1\x7fR\xccW\xf6\xc3':\x89\x8b;4\x93\xbc\x0b\x08"</t>
  </si>
  <si>
    <t>b"\x8c\xbf/R|S\xa6\x9c\x1cX_\x8fD@'\xd0\xddMW\xd5\xf9\xdd\xc5\tV\xb7\x01\xfdY\xc0\x1a\xf7"</t>
  </si>
  <si>
    <t>b'\xc4? \xdf\x81\xdc8c\xa7\xc0\x12\xd4\xd3H\x0c\xdb\xb4\x05p\xe3Qq\xfd\xc4\xdc\xe6\x92\xf2\x0fTZ\xb2'</t>
  </si>
  <si>
    <t>b'C\xaan\xa0\x19m\x07YurC\xde~g\xda\xc0\xbc\x9f\x89\x11\xb5\xd4\xca\xd6UM\xa9\x1e\x1bw/,'</t>
  </si>
  <si>
    <t>b'\xbdt5\xbf\x1d1\xdaL^\x08\xd2\xe2xX~\xe6\xf7\x863m\xdb\xbbz\xc0\xe8\x93s\x92A%\x08\x8f'</t>
  </si>
  <si>
    <t>b'\x9b\x19\x81p\x14&amp;Z\xbb\x9a\xd3H&amp;\x97\xff2\x1ad~\x01\xa9\xb2\x06\xca\x87\x9a\xa3\xd3\xa0\xa7\x88\xfb:'</t>
  </si>
  <si>
    <t>b'\xe1)\x86\xed{"e\x11\xce\xe5\xd0"\x83]`\xa3jE\xfb\xe2T\rU\x9eX\xf7\xc2]\x14\xd4x\x00'</t>
  </si>
  <si>
    <t>b"-\xf0'\x89p\xfe\xce\x98\xc6\xfc\x0bh\x88\xb1\xfd\x96\xe5\xd8\xf5\x1a\xa3e&lt;\xf7\t\xb3\xbc\xc0&amp;\xd8=W"</t>
  </si>
  <si>
    <t>b'\xeb\xac\xaf\x13\x9c\x92\xee\x04z\x92x\x0f\xf2^\x0b\xd5%\x08\xeb\x06\xb1\x9d\xc3\xcc\x0fJT\xf2\xf5w\xe7\\'</t>
  </si>
  <si>
    <t>b"\xef\xb7.\x07\xf4\t\xadw\x80\xc6u\n\xc9\r\xb7\xc3\xb3v6\x10{\x96\xb3\x05y\xc3\x8f\xa9\xe1Vs'"</t>
  </si>
  <si>
    <t>b'\x8b&amp;MY\xb3\x0ek\x0c-\x01\xb5\x9f[\x9b\x94[d\x0c\xd11\xd5\xe8\xab|ZY\xa6x\x0cK\xd26'</t>
  </si>
  <si>
    <t>b"\r\xa9\xc9\n1\x9d\xd9\x1e\xfa\x8e[\xfb\xff\xc0\xbc\x00\xf9\xfe\x991?\x9b\r\xc4K7X\xf9\xc1'\x86\x01"</t>
  </si>
  <si>
    <t>b'\xc1\xb3\xb3E\x15DP.\xc7\xf1(\xca\xa9\x8b\x8a\xb6o&lt;\x9ah\xac\xc6]\xd2\x1e\xf06\xfb)J\x06\\'</t>
  </si>
  <si>
    <t>b'\xc1\x0c\x8ag\xcasf\xe6\x0c+}\x936\x88~\xb0V\x04\x17\x94\xeb\xb0\r\x0fq\x7f\xa4\xb38\x04\x95;'</t>
  </si>
  <si>
    <t>b'\xc8_\x9c\xc1\xc5&amp;O\x97A\x84qg%N\xb6\x06\xe53\xc3\x8a\x85\xbd\x05\xfbO\xc7\xdb\x05Y\x08\xd6B'</t>
  </si>
  <si>
    <t>b'\x03\x88q\xc7\xa5f\xcbp\xf2\xff\x8d\xfc\x94\x104JY\x9b0\xe30Y\xd3\x87#n=4\r\x02cG'</t>
  </si>
  <si>
    <t>b'\xa6\xc3\x96ft\xec\xd9\x89\x99\x81\x1f\xa6\xf0\xfd\x1bZn\x17\xf3\x03\x03&amp;\x96g\x95\x11W\xf7\xce\x89oR'</t>
  </si>
  <si>
    <t>b'\x07\xe28_\xd7\x9fS\xf3\xac\x90\x80s\xe2(L\xfc\x1a8\xf5K\x90\x91^)\xdb\x06\xe6X\xc47kh'</t>
  </si>
  <si>
    <t>b'\x16\xc4\x9f\x84\xc4\xb8\xda\xfd]\x88\xa5fD\x17\xed\x81\xfd\x15X\x7f\x9ax_\x18oO\x19D\x0f\x8b\t\x1b'</t>
  </si>
  <si>
    <t>b'\xa3\\V 0Gxa}8\xe6\xf5\xd7#|\xfb\xcc\xc0E\xde^\xbe\xc44\xe4\xa0\xf8\xc7\xb4 F\x9a'</t>
  </si>
  <si>
    <t>b'\xfe\xd3\x8em\xdd\nMk\xd7\xf49\\\x07\xda|2\x8e\xd7,\xc4k\xa9w\x89\xf1}1\x01\xf0\xa3\xe3\xfc'</t>
  </si>
  <si>
    <t>b'\x86\x9e\x93\xc5\xe0\x84\xd5\xa9y\x97-\xee\xaeaE\xbe\xda\xa6w\x9b/cnj\x9b[\xf3t\xab\x91\xda\xef'</t>
  </si>
  <si>
    <t>b'\xf5\x95\x98T\xc7\x97S\x9c5J\xa8~\xa7\xbd.\xa5/\x8b}~/+\xbdf;\xdcB\xad~\xe5\xf0\xff'</t>
  </si>
  <si>
    <t>b'p\xc1\x87\x13\x0bE4\x8e\x84\xc8R-3\xfe\x91\x86|\x9fz\tAr\x91\xacF\x1b\xa3\xe8\xf1\xae=\xfc'</t>
  </si>
  <si>
    <t>b'\xe3\xc6\x9dl\xf7\xfa\xd7\x8d\xe5\xa71u\xaf4\x84\x9e\xdb4\xe6\xf5\x90h\x07\xe5\x1d\xb57\x95am\xda!'</t>
  </si>
  <si>
    <t>b":\xfe\x8b\xd4g\xf0+\xdd\x12sy\xa0'\xad6\xedX\x82\xd3Ru\x8e\r\xf1Ca6\x85i4\x9a!"</t>
  </si>
  <si>
    <t>b'\xa8g\xffT\x7fQ\x0b\x9b:\xef\xcd\x86\xffY\x88\xc6\xa3\xba\x86\t,q\xe9@;\xfd3\x82\x88M\xecb'</t>
  </si>
  <si>
    <t>b'\r\xc7\x06k\xadZ\xa6A\xf1\xdc\x85RQ\xa1\xfaaO\xde\x9bdJw\xf8\x9aX\xb6]\xe4M\xde\xdf\xf6'</t>
  </si>
  <si>
    <t>b'P\xcd\xf6x\x12V\xf1\x1d\xa93\xbb\xedV\xc2L\xa1Z%Q`\xbe\xbbS?N$$&amp;3\xa7N3'</t>
  </si>
  <si>
    <t>b'\xd3\xcf\x02\xbd\xd6\nQ\x16\xab\xa6%q\x94\xd5\xd3\xa5\xbewN%\xc6\\\x89w\xa0\x14\x1c\x91\xfc\x8d\xeex'</t>
  </si>
  <si>
    <t>b'{n\xfeB\xf6\x1c7R\xfa\x12\xcc\x97\xb1\xc7*k\xf3\x13\xbd\xbb\xb1\xf2\xc1Q\x11\xcd\x11Q\xb1u\xe2\x8a'</t>
  </si>
  <si>
    <t>b'5\xed\xf8\xd0\xabD\x9e\xff\x89$\xad\xeb\x9a\x17\x8d\x12\x81w\x89F\xaa\xce\xa5\x9d\xea\xc6\xf1\x1cpY\x01E'</t>
  </si>
  <si>
    <t>b'\x05\x8efj5\x82\xac\r)\xdc{\xbd\x91\xfe"\xf3L\xb7\xfeR\x99\xdc\x9f\x86\x19\xc2\x7f}u\xc6\xdd '</t>
  </si>
  <si>
    <t>b'\x18\xbd\x12\x8fn\xc2:\xa7`^\n{\x9b:\x1b\x0b\x84\xb2;\xcd\xd3\x7f\xbf\xd1\xf0\x04=\xf5\xdd\x85\xc3\x96'</t>
  </si>
  <si>
    <t>b'f\xf1\x81\xcb\xbdI2\xd9\xa7G*\x86\x1f\xa12\xbf\x01\x086\xf3i&gt;\xfb\x19\xbf\xee\xd3\xba\xbe\xb6\xef\x82'</t>
  </si>
  <si>
    <t>b"j\xb6'J)\x962%\xeb\x98\x98\xfd\x85\x14k\xbcl\x125\xeen\xa6\xf8,\xfc\xf4\x07\x11\x842C%"</t>
  </si>
  <si>
    <t>b'\xd6\x05\xbb\xac\xaf2\xafnR\x0ej\x99\xaa\xd1\xfb\xe9\xe9F\xf4r5\xabiP\xbb\x12\xf7C&amp;\x92A\xf3'</t>
  </si>
  <si>
    <t>b'\x06\x17\xe9\x02d=i\x8b\x8e\xed\xf3\xe5&amp;T\xf7\xe6t\xa9\xd8\xd1\xb2\xd0IT\xa4\x13\x14\xc9}\x10\xd6 '</t>
  </si>
  <si>
    <t>b"\x8d0W\xf7\x961\x94\xb20\x94f\xf5\x8e\x8d'\x1fS\xe5qG\xd3E\x1di\x10\xc2&lt;\x9de\xfa[\xcc"</t>
  </si>
  <si>
    <t>b'\x85\xc6\xf8S\xd44\x82\xe1\xac\x9f\xe4\x02\x0e\x8f\xd0\x8eO\x0f\x84\x01\x0b.\xecV\xa4c\x99(\xdeJ\x18:'</t>
  </si>
  <si>
    <t>b'\xa5h^jZ\x8akv\x80\xc0\xad\xa1\x1e)\x91\xbe\x07\xe0\rp\xff\xa9\xc7\xc1\x07\x06\xa4\n~\t\x9c:'</t>
  </si>
  <si>
    <t>b'\x92L\xaf\x08\xf98iKYwx\x83JhH\x8d\xfc{^\xa1Z-\xcd\xd9\x13B\x90&gt;\xcb\x0f\xdb\x90'</t>
  </si>
  <si>
    <t>b'\x91\xc1\xfdu\xf7\x0c\\\x13\xe4\xd58\x84\xfbV\x17\xc2/\x1d\x07\xc5\t#\xe84O\x18\x11\x12\x86\xd2\xfa\x1b'</t>
  </si>
  <si>
    <t>b'\x0bA\xcc\xc0g\xa7\xcf\xe3\x9c\xdcN\xad\xaf\x1c\x94n\xbd\xd80\xc1\xd6\x1dn\xa8\xd5\x82\x19\xe7\x85o\x84\xa8'</t>
  </si>
  <si>
    <t>b'\x04\xff:\x1e@\xa9\xcf\xc9\xf3\xf4t\x90y\xdf\x92:+\xc3_O\x97m\x03\xcb\x0f\xfb\xcc\xc9}\xf7\xe5\x84'</t>
  </si>
  <si>
    <t>b'(\xfaM&lt;\xbcLMo\x8dB\x0eDPI\xde\xf4\xcc\x8a\x8do@\t\xb1\x80\xfd\xa8\xb2@\xa4\x85\n\xe7'</t>
  </si>
  <si>
    <t>b'\x03&amp;\xe5L\xaa)V\xc5\x10\xc6\x1e\xd6J\xdds\x16[\xe9\x99\x8dB`j\x02w\xdcN\xef)\xd4@\x10'</t>
  </si>
  <si>
    <t>b'G\x95\xff\xea\x9a\xa5\xbe\xe0\x01\xb9$E\xa5\xdc\x1e\xccD\xf9\xc1k\xb32\x9a\x9cny\x07\x1ew\x00M('</t>
  </si>
  <si>
    <t>b'\xd6\xed\xaa\xe98\xcf\x0b\x18\xe0\x1a4\xa0\r\xc7R\\\xe0\x15K\xd0\xd3\xcd\x13)\xce*\x15T\x12\xd7\xab\x0b'</t>
  </si>
  <si>
    <t>b"'\xbfc\xe7\r0\xf4\x98\xcb\xb6y\xd6U\xbcJ\xd9\xbe\xca v\x02\x90\xcb\xa7)\x19\x7f\xcc.h0\x99"</t>
  </si>
  <si>
    <t>b'\xc7G\xe9)\xb5\xe8?P\xa4\xd6\x88\xec5)\xe2\xe5\xf4\xd6\xe7\x9a0Y\x1e\xfe\xe1\x9d\x14T\n\xcc\xb7H'</t>
  </si>
  <si>
    <t>b'\xe9\x9d\x0cf\xe7/\xd4\x15\x9b\xd7\xf6l\x03\xd1J\xac\x97&gt;\x00\xbe\xa3P^\xdb\xfc\x94t\x1cG\x93w\x1b'</t>
  </si>
  <si>
    <t>b's\x0b\x06\xb4HB\x1a\xc7b\xb6\xb3t6\x1f\xf4\x05V(\xcak\xdb\xf1:\xa9B\xfe\x84\x04:l\xcd\x82'</t>
  </si>
  <si>
    <t>b"\xafLo\x1e\xa5\xf0\xaa\xa2\xcf\x03s\x85\x02\xa0#\xb9\xb3\xb5'\xff\xb4\xdcD.\xb2\x00&lt;\xb0\x94DYy"</t>
  </si>
  <si>
    <t>b'\x13\x93^@\xd4\xe9R\x8a\xdc\xbd\xc2:8t\t\xaf\x8ba\xaah\xbaG\xe6\x8bw\xdagz%\x15\r\xcc'</t>
  </si>
  <si>
    <t>b'\x9f\x18!8\x0fd\x05\x0b\xc6\x98\xa7\x04\xb4\xd5\x18\xc5V\xd5\xd0\x1cJ\x87\xb9\xe3X\x1e\x13"\xe7J\x14s'</t>
  </si>
  <si>
    <t>b'\xb0\xcbN\xaey|&gt;\xd92FS`q\x0c\x7f\xde\xadi\x020[\xc7Tk\xc8\xf9Mg?.?\xaa'</t>
  </si>
  <si>
    <t>b'BRJlB\x1e\xec\x15\xf1\xf9\x90Oi?\x80\xf2\xf1\xbb\x9c\xe4\x9e\x8dg\xf3\x10j\x980,\xc8k\x9d'</t>
  </si>
  <si>
    <t>b"'\xaf\x04\x9d\xf6$@Hd\xfb\x19\xcd7\xfaQ\xbb\xcf\xfaH\x18\n\x9c\xe2J\xb6\x0f\x00\x92\xd4\x82\xdb\xd6"</t>
  </si>
  <si>
    <t>b'\x19J\xee\xd2\x15\xa7\x98\xc7k\xed\xfe\x1b\xb9\x95bG\xea\xe3G\x8c\x84\x8ab\xdf^\x16v\xe6\x9fX\x82\xae'</t>
  </si>
  <si>
    <t>b'\xc9\x81=\xaaJ\xfa`\x13:;\xc5T\xe1\xeb\x90\xdc\xea\x18\xc1\x8f\xbep\xc1\x18\xd9s\x1a\xf10 \xbd\xb2'</t>
  </si>
  <si>
    <t>b'P\xdc[\xc6y\\\xb0\xe0t\x88Kl\xa4\x12\x0f31\xd6:\xa6\x82w\x16l\x88\x9be\xa2\xc9X\xa0\xa2'</t>
  </si>
  <si>
    <t>b'n-L\xb9\x91\xd5\x98\xe8u\x9a\x1c\xc3M\x1e\xdc\xc6&amp;\x1c&lt;\xaa#E\xd0\x99B\x84\x1dm\xc0f\x0b\xed'</t>
  </si>
  <si>
    <t>b'\xd1\xad\xc2{l\x05;\x94\xaf \xf2mj\xbc\xc6\xf9\xb7\xb6.\xe5\x0e\x0c\xe23\xe9\xb1Q\x95b\x85\x0b\xca'</t>
  </si>
  <si>
    <t>b"D'\x06\xb5\xce\xcdSI\xe5\x1b\xfd\x87\xc7 \x10\x0c\x8b\xe5\x11ts\x0c-\xf3a|a\x8e\x86\x1eZ\x8f"</t>
  </si>
  <si>
    <t>b'bZ\x00\xe4,=-a\xbd\x1fk\xdap:G\xb7O\x06\x98\x95(\xd6\xe3\xc5\x8c\xed8\x0c\xc4O\x18\xe5'</t>
  </si>
  <si>
    <t>b"p\xac9\x9b'\xfdl=t\xfc\x1aQn\xb0\xdf\x00v\xa0\xa1\x14\xf8Z\xafEj\xff\x08^|\xe1\xa4c"</t>
  </si>
  <si>
    <t>b'\xef\xf3o=\xb2(rOhW@\xaf\xd5\x08\t\xd4\xb7p\x85\xa2s\x8d\xa2\xc6\xcd\x91\x06\xf1\xb1\xc4IF'</t>
  </si>
  <si>
    <t>b'N\xf3\x15mC\x17\xe7\x02&gt;\x9e\x8c\x13\xf9\x9a\xa3\xec\x92\x84K\xc3qC\x97\xf3.e\xb5\n\xe1j\x82 '</t>
  </si>
  <si>
    <t>b'\x98gu\xa5\x85\xbfL\xda\xe3\x95\xb8\x19\xc3W\xde\xb35\x12\xe7a\xe5\xa8\xf1\xdf\xd4\x1b\x87%\xaaZ\x15\x97'</t>
  </si>
  <si>
    <t>b"Z]8\xd7\x8e\x95f&lt;\x06\x0e\xd1l\xbb\x1d\xa0'\xb6'\xd8d\xfe\xab\xc6\x15\x8c\xaekE\x08\xa4g\x87"</t>
  </si>
  <si>
    <t>b'\xa5h\xb99^\xfb\xb7\x1b\x1d\xfd\xd9h\x81\x10W\x9f\xbb"F\x88-\xb6\xe3\xaa\xda\x80\xfbJ\xf8\x13{D'</t>
  </si>
  <si>
    <t>b'@#\x03\x88\x83\x1c|m\xae\xef~\xe9\xb2\xec\xcf\x1dd\xd8\xc7R^\x80\xb8C\x0e\x1e"\xfd\xa1\xe1I0'</t>
  </si>
  <si>
    <t>b'U5\xf9\xfd\xbc\xccSd\x1e\xaa\xdf\x0e3\xf7zN},7\xab\xd00\xcbII\x1bTi\xac\x1f\x94.'</t>
  </si>
  <si>
    <t>b'n\x9d\xbf\x86\x98(\xa0\x12n\xb2@.\xa2\xb0\x9d3\x04\x8a\x9c\xf4\xe88\xe2I\xa2\x1e\xbf\x96%\xdb\x9e\xe6'</t>
  </si>
  <si>
    <t>b'!B\xfd\xd2\xc2\xf8U\xf5{c@:\x1d\x93\xd9j\xbf\x9bix\xd0\x10\x03\xaca\xb7\xbb-\xf1\x1f\xf6\xbb'</t>
  </si>
  <si>
    <t>b'(\x01\x831\xc8\x1e5\xc7\xa6\xea8\x9bm\xb8x\xe5\x05\xbd"\xdd\xa8\x9b\xa3\xfe\xd8\xef\xf2\x08A\xf5\x0c\x81'</t>
  </si>
  <si>
    <t>b'\xf0\xf2\xda\xa3\xbf\xbc\x13\xad\x7fO&gt;\x1f\xed*[}\x8f\xc1"\xa4\x8f&lt;Y\xac\xff"\xa5\x8b\xa9\x02\xeeY'</t>
  </si>
  <si>
    <t>b'\xe2"\xe8\x89\xff\x14k\xab\x1d\x0b\xbc\xb0\x01fe\x01\xc9\x0c\x8dh\xfb\xfe\x1cqL\xa0\x1cke\x84\xfe\xf6'</t>
  </si>
  <si>
    <t>b'\xcc\xba\x11\xd5\n\xc8\x1a\xfeS\x9f\x8b\x083\xd0\xb6hk\xb5L\x96\x99r?\x076\xe5\x8d\xff\x99\xef\x87&lt;'</t>
  </si>
  <si>
    <t>b'\x91Q\xc2\xc5\x00\xe7\x88\x04\xd7\x07OXz}R6Z\n_/\xbf\xe1\xfc\x8d\x9d\x9b\x0b\xe9f\xcb\xcf\xfc'</t>
  </si>
  <si>
    <t>b"5\xda\x94'\x83\x00\x9a\x8dbp\xc0\x80\x98\x81\r\x07\xe8n\xde3\xdfb\xbc\x01\xac\x0b\t\x87\x94\x8a7\xc8"</t>
  </si>
  <si>
    <t>b'\xad\x19e\xba\x92\x1f\x885N3\xec\x03of\x03 \xe6r\xb6I\xdb\x151\xc9\x98x\xb8\xc2\xc8g\xe6\xaa'</t>
  </si>
  <si>
    <t>b'V\xc3^R\xcc\xe8\xafsF\x94\x9a\x12\xc3\xb9$\x12uU;\xa1Y:\xff4\x03%\xbe\x84\xa7\x18\x03\xe8'</t>
  </si>
  <si>
    <t>b'\x99:\xc0\x00R\xf6\xaf4\x8fT\x85\xaf\xc5\xdf\xf8_\xf7\xa7\xc14\xcf\xb9\xc8S\x98\x1b\xea\xa6\x0b%\x89\xc0'</t>
  </si>
  <si>
    <t>b'\xa6{m\xd7\xd9\xb6\xb5\x1eR]\x87\xaaE\xc6\xe4e\xaa\xe8\xa7p\x9d\x14\x80\x06&amp;\xa9RY\xbaBx\xd5'</t>
  </si>
  <si>
    <t>b'\x1c\x116\xe8H0F\xb5\t\xa2\x86\xd0\xb3\x0f\xe95\xaai\n\xe5\xd7f\x1c\xb0.,`\xbe\xa39V\xb3'</t>
  </si>
  <si>
    <t>b'\x9fFB\x8e7\xf6V\xfcL\xce\xb3$o\xce\xd6I\xa63\x8a`\x85\x04K2\xc9\x90\x0c\x02A\x7f\x887'</t>
  </si>
  <si>
    <t>b'\x84\xa6*\xcb)\xa8\xf7\t9{\x99\xf1DQ\xa8\x14\xe7\xa7\xd54\x9f\x84\x8d`\xe1\xc3\x13&lt;M\xe5\xc7\x8b'</t>
  </si>
  <si>
    <t>b'6e\x10h\x0e\r\x1f3\xa2\xcbK\x8c\xc5{\x8d\n\xf1|\xfc\xc4\xa4qI \xe4\xd2Ix\xd2\xd9\x14\xa7'</t>
  </si>
  <si>
    <t>b'reya\xe5k\x15q\xe0W\xd2\xec+\xf2[\xc8@\xd0\x02\r\xfcT&gt;pPl\xe7\xab\x12+\xa0\x9c'</t>
  </si>
  <si>
    <t>b'Q\xb1\xb1\x8a\xe8\xe2\xdc\xcaa\xf0r\x87\xd5\x05\xd2\x18\x037W\x10@0Hw\xdb3\xc0\xe6\x94\x0ek\xc7'</t>
  </si>
  <si>
    <t>b'\xa5RU\xb5fE\x0c\x13\xa7\xd0Q\xc6R\x16\xde\x9c\x97\xf8L\t\xcc\x96\x84\x04\x022\x8bEE\xf0\xd8\xc9'</t>
  </si>
  <si>
    <t>b'\x8e6S\x1e\x9b\xf3\x19Qd\x08\xc7\xd1o\x83X\x98\xa3\x86\xaf|\xc1\xed\t\x88\xe1\xcc\x9d\xedZ&lt;\xee\xe4'</t>
  </si>
  <si>
    <t>b"\xad\xae7\x02\xa1\x9a\x1b\xc1%\xd2\xa3\xeb\x8bS\x05\x06\x8c\x9e\x04\x04'&gt;!U'Y\xa6\xc9J\x1c\x17Q"</t>
  </si>
  <si>
    <t>b'\x88\x15\xde\x1a i_\xef\xc3Ifd\x12)\x1fA\xcfO-\xdc^\xfb\x89\xe8\x8b\xc2\xd1\xfb.\x9e\xf5e'</t>
  </si>
  <si>
    <t>b'\xa6\x07\xbb\xb6\x9e\xfc\r[Q\x02\xf3\xdcWT\xcfn}\xfd\xca\xe4\xa4\xe3\x16\x87\x13\xe3\x7fN\\\xc1\xec9'</t>
  </si>
  <si>
    <t>b'\x94E\x00\xbd\xc0p3\x13|\x80\x05\xaa/N1\xe8\xb5\x0c\x9e\xaf\x874\x02\xf8Q5Q\xd9/k\xf9E'</t>
  </si>
  <si>
    <t>b"6\xc1]\x88\xe7\x1dI\xc9\xf8\xfe\xda\xc3t'\x8b\xca\xde\x8cpo\n\xa1H\x04:\xd6\xe1\xdd\xf1\x9e\xee7"</t>
  </si>
  <si>
    <t>b'\xd5\x7f\x1e\xba\xe5\xecpD\xc3s\x81\x84\xed\xe4\xc1\xc8\x04\x14C\x7f\x0c\xe2\x9c\xc4\xc65\x1d\x14\xb9pb\xe5'</t>
  </si>
  <si>
    <t>b'\x11e5A~C\xcc\t\xed\xe2\x82\x08\xc2\x0f\xde\x84\xc9\xa7\xad\x1b\x18\xb8"\xb4\nLM\xfd\x92&gt;\xb1\xcf'</t>
  </si>
  <si>
    <t>b'\xc3&lt;.1\x10\x1a\xc6&gt;]y\xf7\xe8\xfdF@\xa8l\xb6c\x11\x11\xff\xa6\xff\xbf\xec\xbd\xf9/i\x96J'</t>
  </si>
  <si>
    <t>b'\x8d?\x9f\x16^J\xe5o&gt;=\x0f2N\xa4V\xa3\x81i\xe2xg\xe0\xbf\xa6\xe2a\xc3\xf9X`\xda\x1e'</t>
  </si>
  <si>
    <t>b'\xac\x95z\xe12\x1d\x91U\x9ajT\xf3\xcc(B\xbc\x1d\xd7^\xfa0\xa5|\x1a\xdeV*\xbfM\xfa)\xce'</t>
  </si>
  <si>
    <t>b'\x8e\xa7\x16\x86\x03\x10V\x13\xf2\xcdz\x90e1\x86\x1c\xd3r\xe8\xc9\xc1(R\x11\xb44\xdcL\xadg\xaf\xe6'</t>
  </si>
  <si>
    <t>b'V`\xa2\xdf\xca\xb5\xf1\x90\xa0\x13Y\x8d\x98xDv\xde\x9e\x16@\x00UmM\xae\xc0\xdf\n.\x85\xea\x0f'</t>
  </si>
  <si>
    <t>b'\xef\xc8\x8fnC0\x0f\x02\xdc)\xf9\xf4\x94?\x04DG\xf5\x9b\xa1\x9a\xdb\x9b\xedS\xa3eU\xcd\x13E\x1b'</t>
  </si>
  <si>
    <t>b",B}$00hj\x95\xd3\xa6\xed0\xd1\x84.\xf8\x18\x98\x07\x0c\xc2\xbb\xe4O\xf6\x95\x8a\xa9'l`"</t>
  </si>
  <si>
    <t>b'\x19z\x84\xcb/\xcd\xbf@\xf7\xb8|?70\x99\xbcm}\x99d1\x96\xdb\xb9Q\xd0\x02\xf5\xcau3a'</t>
  </si>
  <si>
    <t>b'\x96\x97\x89\x15\x95NC\xd0\x89hu\x8fx\x85\xa6\xea\xb3\xbe\xfa\xf2\x86\x89\x19}L\xd1\x13\xc7\xe3$\xaf\x14'</t>
  </si>
  <si>
    <t>b'4\x05\x95ghi\xc4\xdbIs\xb6\x03wk\xb0SD\xc7\xc1\xf1\xd3\xeca\xc7\x8a\xd5\x80\xb8\xe0T\x80\xb5'</t>
  </si>
  <si>
    <t>b'\x8a\xd0\xe8\xb6i\xdd\xca,:&lt;X\xbe\xe6\x99\x8f\xbeq\x9b\x01\xe1\x1a}\x996\x81\x96\xbf\xdc(\xcf\xf5\xb2'</t>
  </si>
  <si>
    <t>b'\xf2\xe7\x87#\xe5&amp;M)&gt;\x0ej*\xac\r\xe2\xc3\xb6\xc9\x91).\xe9\xa0\x01\rf\xbc\xcc\xbd(\x8cw'</t>
  </si>
  <si>
    <t>b'\xea\xec\x86\xa6\x94\x07\xed\x8b\x08\x08\x1d\x89\x985\x047m\xb3Y\x9c\xb5\xef\xb0@|\x1b\xa1?\x97\xc1\xf8e'</t>
  </si>
  <si>
    <t>b'\xefs8\xe3\xb8\x16\x16\xe9k\x13n\xe9*\x8e muK\xa4;Q\xa2\x8d\x19-\x8e\xe9\xb8\xc1XDx'</t>
  </si>
  <si>
    <t>b'El%\xb1\xf0t\\\x99Y(p,,l\x85p\xe4\x14\xe2\xeb\xa5]\x06\n\x81\xa2_3\xe8k\\\xdd'</t>
  </si>
  <si>
    <t>b'S\xc8#`A\x02\xce\xe4Dw\x90\xedJU\x92K\xc8\xbd \xf7\xc2\x00\x1f;_x(c"\xe6\x16\xdf'</t>
  </si>
  <si>
    <t>b'\x8e\xe8\xba\xb7\xc5\xc5\xc4\r\xbb\xbf\xa0\x0f\xd8\xfb\x8a\x80\xdf\t\x84\x92&gt;\xcb\x11l\x12\x0b\xa8%\x99\x02\xd8\xd2'</t>
  </si>
  <si>
    <t>b')D\xe1\x89\x86\xa5\xe4ov~)&amp;\xbd\xcc\xe0\xea\x00w"\xf7.\xd9u\xf8\xb0\xd0\x98\xc6%\xa8\x84&amp;'</t>
  </si>
  <si>
    <t>b'\xb6F\xbd\xbf\xe1\xea\x90\x04\x85\xa7\xeb\x8fI\xfdL\x8a\xc30O\xf0\xec=\xab\x95S\xf3\x1b\x12\x85\x9f\x02p'</t>
  </si>
  <si>
    <t>b'+\xcc\xa1\x177P\xeb\x93\xf2O.\x83.\x1f1\xd5\x16\xe7j%\x92\xb5\xd8\xac\xb2\x9b\xa32t\x7f_\xad'</t>
  </si>
  <si>
    <t>b'o/fQ\xc9v/H\x07\t\xc8\xad\xf9\xcf\x144Z\xf4\xdb^2\xc5j\xed\xf3\xf8L|\xfd\xa9\xd3 '</t>
  </si>
  <si>
    <t>b'\xfc\xe3\x9b1\xaa5viq\xfd\x15M[s\xccdDuKb\xadj\x07&amp;\x1a\x83\xbe\x19\x86G#\x04'</t>
  </si>
  <si>
    <t>b'o\xfa}\x7f\t\x9d\xd6$\xd8\x00\xfeh+\x1f/\xc5\n\xf03\x8fJ\t\xc6/\x91Rj)\xfe\xee\x01 '</t>
  </si>
  <si>
    <t>b'\x85\xa1\xe0\xe6\x1d\xb9&amp;\x18V\xce\xea\xb1\xfa\xb6&amp;q\xc5\x19\xccnu\x8d\x9d\xcb8\x07\xbe\xf4\x8d\xacU\x99'</t>
  </si>
  <si>
    <t>b'\x9aA\x965t\x13\x9e\x85;U\x92\x8e\xdc@%\x89"|B\x06\x8c\x0f\x94\xa9\xc6\xf7N\x1aR\xd5\xcf.'</t>
  </si>
  <si>
    <t>b'.&amp;\x96\x02?_\x11\x0c\x8c`z\x0fI=\x0f\x1d\xa3i\x15{\x00\x81\x15\xd7\x80\x07\xc6\x82@\x93\xa5\xff'</t>
  </si>
  <si>
    <t>b'\x8f\x9f\x83\x03{^\xa4/\x946\x0e\x00\x1b\xe8UK\x19C\xff\xb2\x87\xc2r\xc4\xad\xa2\xf7\x97\xcb@(\xb3'</t>
  </si>
  <si>
    <t>b'T\x9dC\x8bQk.z\xb9Eb.\xd7\x9d\xd1\x8d\xa2\x1b\x9b\xd1{\xaa\x95\x03\x99Q\x80\xd7\x87T\xa1\t'</t>
  </si>
  <si>
    <t>b'\x00)O\xab)K\x88\x83/\x99@\xd8kw~(\xdb\xc4\xa7\xcb\x93D\x863#\xa9\x13{\xfc\x87\x02\xeb'</t>
  </si>
  <si>
    <t>b'A\xa4\x1d\x88\xb9\x1f\x82\x83"\xa8\xea\xcbm\x19\x97\xd6\xe3\x0b\x02o\xcd\xc3\xb6-\xa6\xc5\xc7\x08\xce\xa0B]'</t>
  </si>
  <si>
    <t>b'\xbe\x95h\xae\x96\x07\xc7\xf0\xdf\x80m\x95C\xe8\xb87\xa2Y\xe8\xd5\x13\xa2x(\x92#\xf0s\x8e\xea\xce|'</t>
  </si>
  <si>
    <t>b'\x0b\xde\xe5W\xd8\xcb\x18\xd5\xafwDX]\xc9\x849\xdc\x8fh9\xe1k\xea\x83}j4\x0b\x9e&gt;\x9fb'</t>
  </si>
  <si>
    <t>b"+35\xe6\xc8\x98\x98\xb4S\xe1\xe7\xe4\xd6\xb7\x12\x19&lt;]\xca'\xcdz;\x1f\x0c/\xe6&amp;4\x03\x14@"</t>
  </si>
  <si>
    <t>b't8\xab-\xa4P\xbb\x84\x89\x89r\xe7*\xb7\x97\x87\x1b\x91\xb9\xbf\xdeMV/\xad\xbd\xcb\x95\x1c;\xad\x03'</t>
  </si>
  <si>
    <t>b'}\xd7\xec\xd7&amp;\x19\x12\xb0\x05u\xd1\xb9\xd8\xa4\xb2\xefa\xe1\xb5R\x8d#\x028*hoU\x0e\x87(\x8f'</t>
  </si>
  <si>
    <t>b'&gt;\x0f\xf8\x08\x9f\xbe\x88\x86\x9bL\xa1\xe0+\xacx\xcc5BD\x9cj\tm\xff\n\x8b\xce*\x8b\\"\x1e'</t>
  </si>
  <si>
    <t>b'\xbePH\xb1%\xdb(\xf2\xc7\xf31\x85:\xe4\x1e\x94\xee\xd8"\xce\xaeM\x12[\x187\xf7\x82\xb0B\x05\xda'</t>
  </si>
  <si>
    <t>b'\xd2j\x0e\x9b\x1e\x07\x16\x85\x9f\x13&lt;\xb5W\x12\xa1\x7f\xbf\xf1i_Y)?\xded\xa2\x01\xfbWpuO'</t>
  </si>
  <si>
    <t>b'+\x11"\xed\x85\x9e\xef\xc8\xb0\xa3f\xcc\x1b\xfa\x0f\x86g/\xa9+E\xfea\xafz#\xcb\x1a\x10`\xf2#'</t>
  </si>
  <si>
    <t>b'\xb6\xcd\xe0Q\x1fv\xab7\x9c\xa1)\x16\x08`\xb1\xaa\x19\xc6\xc5m\xf4H5\x9e^\x9a\x81\x14\xa7\x92R\xb1'</t>
  </si>
  <si>
    <t>b'%\x95\x18\x82\xcd:\xd6g\x98\x9a3\x14\x05\xb6\xa9E\xb1\x95\xfer\xc5\xf6\xe3v`F\xc9\x17\xd5\xb8\x97;'</t>
  </si>
  <si>
    <t>b'\xfdc\xde\x98\xf7\x16V\r\x99\xf4q\xcd%\xa8\x87\xe4\xef\xda\x00(@8\x1a\xe9\xbd\x7fC\xfd\xb2\xa6d?'</t>
  </si>
  <si>
    <t>b"\xfdp\xbe\xc2Pt\xd8H\xf7\x1e\xa1y(\xef\xbd\xe7'\x91\x0c\xd7\xc1\xa1\x01\xda6\xe5\x8f\x17\xfd^\x18?"</t>
  </si>
  <si>
    <t>b"r\x8d\x80^\x18\x81\xce\x89&amp;4\x8b\xe3\x18\x02'\x88le\xd1\x89E8c\x8a\x1dG&lt;\x02\xec2\x0f\xfb"</t>
  </si>
  <si>
    <t>b'\xfb@\xa3\xed&lt;\x96y\x8e\x96\xb8TpK\x8d2F\xd5\xa2\x86Z_G$\xef\xb2\xbd}j\xaf\xc8d\xd6'</t>
  </si>
  <si>
    <t>b'\xd0:\x87\x87hyl\x98*\x12\xe4\xe7\xd1\x93n\xc3h\x01\xd6\x95je\x16\xaa\xda\x8c\xb4\tU\xf1\x01@'</t>
  </si>
  <si>
    <t>b'I\xe8\xb7\xfd\x10\x9f\x96\xb2w\xe8\xaa+\xbf\x96\x83s\xcaw\x14\xfe"\x93\x99u\xa4\xd6\xaa\xe5+\x88\x04\x0b'</t>
  </si>
  <si>
    <t>b'_!%K\x82\xbeS\xe1\xb9\xfd\x9b,\xbc\xa8\xd3\xfb\xbf\x90\xfc"1\xacC_a\x8b\xa2\xbf\x95\xc8\xc3\xa3'</t>
  </si>
  <si>
    <t>b'\xc1/\x07\xff\xad\x1a\xe5\xce\xf1\xf8\xe95\x03*r*=\x92\xd1\xb8\x86\xdc\xfck\x86\x8f\x14sV`!\x17'</t>
  </si>
  <si>
    <t>b'YEA0G-\xe6\x9d\x1eS\xa4L\xab\xa3d&amp;\x9a\xe9c\xd7\xa3\xe7m\xee\xbe\xdf\x1d\x1e\xb2J\x0e\xf4'</t>
  </si>
  <si>
    <t>b'5e\xd3\nE\xb1Ha\xf0\xa1\xd0\xd4\xb2\xc8e\xe4 \xb9.L\xb6C\xdaT\x9f\xca\xdf\xfc\x85)\x00\xa0'</t>
  </si>
  <si>
    <t>b'M\x0b\x11\x81xM\x1a;\x06\x94\x108\xb7\x16\x849]\xc3\x88\xfd\xb7\xdc\xaad\xf7T\x99\xdda\x90y\xe6'</t>
  </si>
  <si>
    <t>b'\xbe j\xf9E3\x1557\x0c!\x99q3\xab\x84\x96\x08\xc1\xc1\x867\xed.u\xd6B\x17C\xf1\xbeo'</t>
  </si>
  <si>
    <t>b'\xe4\xf8\x1c-\xc5\xdb^\xb4\xc2}\x17VO!/\xb1\xbdi7\xfd g\x06\x0c\x87\x1c\xdf\xa5V\xed\x10\xb0'</t>
  </si>
  <si>
    <t>b'o\x03 \x98d\xc3\x1c\x94\x9eD\x0cx\xe2jgT\x04\xcc\x0c\x08\xfd6^\xbbDiC\x11/7\xb1\xd5'</t>
  </si>
  <si>
    <t>b"\xaf\xcc\x01\xeb\xd2\x00\xb5\xceg\xe1:\x99\xb6VSw'!\xef\\Mt\x1bO\x9a\x8f\x1cj\xd4\xde\x97\xc2"</t>
  </si>
  <si>
    <t>b'\x9c\xe9\xcf\xb0u\xcb\xb6\xd4\x0c\xb4|\xb7\x10Jo\x1e\xb4NPh\x03.\x96u/\n\x89\x03\xc8\xfe\x17\xc1'</t>
  </si>
  <si>
    <t>b'\xce\x00S\xc7m\xbcw\xce\xf5@#\xc2\xff\xbb\x95\x0c\xe5\xe6\xa4\xa7\xbfS\xbf\x05\x1c\xc8\x17n*\xe89\xaf'</t>
  </si>
  <si>
    <t>b'\xfe\xc6b\x9e\xae3\xeb\xd1\x1b\xd27\x13\xfc\xec\x0f\xe7\xdb\x14\x9f\xaaC3\x99W\xfaWU\xd3\xe8\xb1U\x15'</t>
  </si>
  <si>
    <t>b'\xd6\x92z}&gt;\x93\x1e\xecQ&lt;\xc4o\x8a\x9dF\xa2\x80\x03K`\xfe"%t\x1d\xf5\xdcw\x8fTbI'</t>
  </si>
  <si>
    <t>b'$rCd\xabd\xd1n\xf4\xe08\xbd\xa9[Ws\xbe\x92\xe29\x15\x970Zb4\xca\x92\xeb(&lt;\xbf'</t>
  </si>
  <si>
    <t>b'\xa6j\x04(PzR\x91\xe0\r\xa4mW9\x8c\x9f\xd8X\xed&gt;\x1817\xa7\xce_\xdc\x1d\xfa\xd3\x10\x81'</t>
  </si>
  <si>
    <t>b'K\xb7T:\xcb\xfe\xed\xe9NH\x8eI\xf00\x04\xfc#\xb0\x82@\xf7e\xaeT\x05\xc8\x84so\xff\xc5)'</t>
  </si>
  <si>
    <t>b'{\xac\xd8,\xc7.\x13\\i\x9e\xad}:(\xef9w\xaf\xfc&gt;Gg\x0ck\xcb\xc9\xa9\xfc\x87y\x99O'</t>
  </si>
  <si>
    <t>b'J?\xa5\xbb \xd8\xb7R\xe6\xe6+\xda\x99[G\x86wI\x8fu\xfaO\x96\n\xae\x1f$\xc5\xc7\r\x02X'</t>
  </si>
  <si>
    <t>b'\x91wA&lt;9(\x9b\xe30{\xabfX\xfaN\xd6\xc2\x9b\xa0l@\x1eP\xb1\x80\x7f\x8beL\xd0\xd4j'</t>
  </si>
  <si>
    <t>b'\xcb\xf7\x96\xd1#W\xc0\n\xb2\xb1\xdf\xa9\xc3\xdbu\xaa\x8b\xe1\xe1U*a\xbc\xf9\x8b\x9f\xc2\x9e\xa3\xfe\xdc\x95'</t>
  </si>
  <si>
    <t>b'\xd5E#&amp;%\x85Z%\xb4\xbe\xb9\xe3|\xfc\tA\xbb\xe5#\xf3\x97\x07L\xd6w\xc7\xed\x05\xb7\xc5\x9cx'</t>
  </si>
  <si>
    <t>b'\xc3\xc1\xc6\x97B\x10\xef\t]a\xd4\xd6)\x1e\xea\x1a\x1c\xe3\x82\xab\xb2\x95\xbb^\xfe\xbeFZns8\x99'</t>
  </si>
  <si>
    <t>b'\xefD\xb8\xaa\x80\xcbRA\x15\x81\x99+\x146n\x81\xfa\x1b\xc8*Q~\xf6\xd8\x15\xfb\xfc\xa7s\xe3\xb1\x80'</t>
  </si>
  <si>
    <t>b'\x96m\r\x14EY\xa55&amp;\xea\xe1\x10\xa4\xabs`\xed\x98\x9e\xf1\xddLJ\xd1\xf6\x85B\x0c\xba\xd7\xb2\xac'</t>
  </si>
  <si>
    <t>b'q0\xba\xc1\xec\x84\x9fD|\xf4Rg\xe5\xa7"\xf3l\xec\x938Y\x9da\x0f8\x11\xe5\x939\x97\xf8;'</t>
  </si>
  <si>
    <t>b'\xe1\xa3\xd5\x06\xf3\xdb\xcc\x98\x00b\xe4\xd9\xbd\xc3M\xda\xcd\xa6\xff!\\\x89\xbf\x18\x8b0\xccgc\xd5\x14\x1b'</t>
  </si>
  <si>
    <t>b'\xb8d\x12BrO;\x1e\xc7\x02\x84\t\x0c\xfd\x15\xe9\x83#yF\xd8\x98\xbe\xbfi\xec&lt;\xf1d\x87\x85\x15'</t>
  </si>
  <si>
    <t>b'2~)-L\xbc\x1ayb2\xcd9\xc2I\xe6\xa4\xf8\xb5\xdf\xc8\xb1\r\xaf\xc8o\x7f\xa4\xffB\x878\xf4'</t>
  </si>
  <si>
    <t>b'\xff\x00\xfd]2\xc3&lt;\x88b\xdb\xef\xa4\x02\x949\xfd \xa0|@\xc1\x9a\xafm\xae\xd7E\xa8&lt;\x002\x9b'</t>
  </si>
  <si>
    <t>b'\x1b\xb67\xb1\xf3\x1fQ*\r\xdcz\x1e\x1c\x81\xafM-HQ*\x90\x99\x13\x8c\x97\x10E\xd2^%\x08\xc5'</t>
  </si>
  <si>
    <t>b'\x98\xe9)*"E\xc5\xee\x90\n\x10+\xce\xee{\x1d\x00\x84\xbbE.\x04Y\x0e\x88\xcaPOM\x82Ur'</t>
  </si>
  <si>
    <t>b"\xba\t\x11\x81'\x04\x94}\x82C\x1a 9&lt;w3\xb9\xda]r0\xee\x12\xb9\xe1\x80\xdet^H/\xcc"</t>
  </si>
  <si>
    <t>b'\x97\x10?\xacs\xae\xbb\xde:\xcc5\xfb\xf5\xebQ\xfe\x029\x1a\xdf\x19\xd8j\x90}\xb0\xf6\xb5i\xddyT'</t>
  </si>
  <si>
    <t>b'\x01e\x9b\xb2\xbd\xaep\xa7\x16\xf6xQ\xb4\xffPX?\x90&amp;\xf8V\xbcZ%:\t\xc8Av\xd1=\x8d'</t>
  </si>
  <si>
    <t>b'[\x91\xfa\xadss\xca\x85r9\x8f\xec3\x85+\x17\t/\x93X6+r\xcaf/4\x07\xee\r\x80F'</t>
  </si>
  <si>
    <t>b'\x02\xde\xc5\xb9F\xa0\x9c\xc8\xd5\xc5k6\xba\x86e&gt;\xf2\x127a\x1dP\xea\xd85\xc6\x05\xa8eB\x92\x84'</t>
  </si>
  <si>
    <t>b'\xd9\x94\xfb\n\xc4\x1d\x19Q\x99/\x1f\xe9\xf0QH\xd8\xe2{eh\xdf0\xb5\xe6\xd9\xa7\xda\x01E#\x84\x81'</t>
  </si>
  <si>
    <t>b'\x92\x16\x04\x9d\xa4\x9cN\xfd\x9c\xb9`\x13"*\x96\xcfY\xfc\x8cr\xaa\xf7\xf6l\xaf\xe5\xe5k\x1e\x8f\x8c\xbf'</t>
  </si>
  <si>
    <t>b'\xc1\xd5&lt;\xe5\xa76]\x14M\x0c0\x05\xd9uD\xc7\xb2\xf2r\xc1\xf3h4G\x08\xbc/\xf1\xb6\x07\x97\xc4'</t>
  </si>
  <si>
    <t>b'\xd7\xc1_\x96\xa5l\xd3\x85\x81i\xd2\xa6:*i\xa3\xdb\xa2\xc91\xc2\xdc\xcf\x92\xaa#-\x07\xf6\xa2?\xc7'</t>
  </si>
  <si>
    <t>b'\x1d\x9cn\x0e\xec\xf0\x9a4\x83Q\xbf8\xf0\x85\xd3\x99;\x02\xb4\x9dNV\xfb7p&gt;\xe9\xd0\xc7u\xfc\n'</t>
  </si>
  <si>
    <t>b'\xc6Z\xb0&amp;~\xceF\xf4Z\xc2\xe5L\xb1(_^\xb4\x87\xb8\xd7]\x08\xde\xf2\xc5\x13I\x9b\x9c\xd2zq'</t>
  </si>
  <si>
    <t>b't\x17r=\x88\xf6\xf9v\xc0\x1fL\x12\xb2\x16.\xc5\xe7\xa0\xe73m\x03\xe9 \x11\xb0\xc5\x11\xa5\xec+]'</t>
  </si>
  <si>
    <t>b'\xf0\xb8\xf0\x11,\xff\xffka@\xa0`U\xbeh\xdd_v5\xa2\xed)vTtd\xf3\xb9`\xf5c\xd8'</t>
  </si>
  <si>
    <t>b'\x04\x96\x0eG.Z\xd0\xf4\x17.T\xd3\xbek\x1c\x07\xae\xf2\x0c\x1fC\xce\xd7\xe6\xc9}0\xc1\x18\xc6.\xbb'</t>
  </si>
  <si>
    <t>b'#\xdadn\xd8\xe7\xbb\x9e4y\xed\x8a\x84-\xad\n\x8c:M\xd3\xd0X\x1c(\xbdt\x97M[`\xd7 '</t>
  </si>
  <si>
    <t>b'\x01\tf;\xfe\xff \x1c\xc3\x98\x8a\x86\xae\x1f\xba\xcef$\xda\xef\x15p%\xf4V\\\x03\x89\x8a\x18\xe8\xfb'</t>
  </si>
  <si>
    <t>b'\xcf\xcd\tM\x84\xbd\xf0\xbe\x82\xfe\x03\x88\x11\xd3lIaC{\xe9P\x8e7\x93\xb0\x18\xeaj\xd3_\xdcP'</t>
  </si>
  <si>
    <t>b"-\xc3\xb3\xa5w}\xd8\xd3h'{\x83\xd0\xc9\x06\x06\xdf%\xd8\xbe\x07_\xda,S\x05y\xb3\x1b\xc2\xedS"</t>
  </si>
  <si>
    <t>b'\x9f\xe2\xc1\xdc\xba \xe6\xb8\xfc%Q@\t\xf0\xe4Lp\xdeD0\\{\xc1X\xed\xb1\x8d\xe4r\x02P&lt;'</t>
  </si>
  <si>
    <t>b'\xd1oQ\x08eG\xd6\x01\xa4IR\x03z\xbf\xfaZd\x1aR5\x01\xacD\xb3v\x0f\x95\xad\xb3\x88P$'</t>
  </si>
  <si>
    <t>b"li\x1e\x0c;S\xaas&lt;\xbes\xca%\xd5S\xd6\xa3\x1d&lt;l9\xac\xa3\x0b&amp;\xd0\x14 \xd3'\x9ak"</t>
  </si>
  <si>
    <t>b'\x98\r\x06\xd1\xb7\xc7\xa3\xcf\xe5Rs\x18&amp;\xacKZl\xef\xc6\x83\x12\x98Y\xdc\xd6~\xd7\xb8o\xd4\xf3U'</t>
  </si>
  <si>
    <t>b'$\xa5\x99\xb3\xc8ISG\x1f&lt;VJ\x03;]e\x85\xce\t\xb7\xd2\xb0v\x8a\x0b\x88\xfa\x88s4\xc4\x08'</t>
  </si>
  <si>
    <t>b'\x03\x14\xa1\xf1.l\x88\x15w\xcf\x14?\xbbf\xdf\x0e8%\x97\xa8\x8bE\x04\xafd\xee\xe4@\xe2\x9b\x18\xed'</t>
  </si>
  <si>
    <t>b'j\x86\xa9\x90\xe1\x08\xe6A\x96\xac\x93\xe1\xeb\xbc`\xb5*\xd2L\xb9\x84\xb5\xb3\xae\xf3\xaa\xfad:\xa3\x0fH'</t>
  </si>
  <si>
    <t>b"%\n=w'\xf9k\xe9\x85\xaf&amp;$\x0c\xb9\xbe'b(\xdf\xc62\xb2\x13\x02KA\xdc\xd6S\xdaZu"</t>
  </si>
  <si>
    <t>b'\xbc\x91\xfd\xeb\xf1\x90Y\xb4A\xd0\x03Sn\xbcQd\xa7\x995R\xca\xee{\xbd\xca\xb5WC\x81\xdb\x94h'</t>
  </si>
  <si>
    <t>b'x;\x1d\xd1\x03&gt;\xab\xf8\x0b\x18y\xd6\x13\xc9IO\t\xe8\xab\x88\xe4\xb6Q\x8fvK\xed\xa0\xfd\x85\x01\x9d'</t>
  </si>
  <si>
    <t>b'o+3\x9b\xda\xc4\r\xcd\xb0\x86C\x88Lh\xe8j\x87t`\xa7&lt;\xf0\x91\xf7j\xee\t7o\xaf=\x81'</t>
  </si>
  <si>
    <t>b'1"o:\x0e[\x89}q\x96\x82N\xa8{-\xfc\x10\\\xc5\xf6CB\xa1\t\x93\xaf\xad\xca{\xa5\x82\xb1'</t>
  </si>
  <si>
    <t>b'\xf6\xbbl\xcb\xa3\x8d\xec\xa6\x1cIyO\\l\x7f\xf9\xb7\x890\x8fX \xe6\x0bXH\xe7\xead^%\x06'</t>
  </si>
  <si>
    <t>b'Y\xc8\x15\xbdM\xd9B\xe7Z\x8eQ\x90#\xf2\xf6\x86LB\x93\x05\x19f\xdeu\xbf\xf5YE|\xb0\xd2\xb4'</t>
  </si>
  <si>
    <t>b'i\x96n\xac%\xe4\x9b\x94\xf7fS4\xe3H\x8bU,L\xfc\xbf\xbe\x05\xc8\xb4\xe4\x9f\x14@E\x19\xb5|'</t>
  </si>
  <si>
    <t>b'\xfcF\x9f\x11\xb1k\xe9u\x17\xac\x88\xfb_\x87\x8f\xacH\x99#W\x18A\xa0"-t\xd6\x8a\xdf\x0c\xa5\r'</t>
  </si>
  <si>
    <t>b'\xbfQ\xfa\xb8\xbfk\x04\x0f\xd3\xe2\x8f\xb4]d\x9fz\xad\xa3\x83\xfc\x05\xa3\x02~\x0f\xa3\xf3G\x9f\n\x0b '</t>
  </si>
  <si>
    <t>b"\x06\xb7p&gt;\x0f\x10#{P\\\xf9\xc8j\x13PLy\xfa\xd6\xd5\xc6'\xf0\xe54\xc628z\xa6&lt;e"</t>
  </si>
  <si>
    <t>b'\x8d\xe2\x14\x17\x815\xbc\xa2\xc0\xe5\xbf\x80`\xcb\xd3Lp\xad\xb4\xbb\xf09\xb3/A\xaf\xa2\x9c\xa9\xaci\xb4'</t>
  </si>
  <si>
    <t>b"l\x8c5\t%\x07\x9a\x8crq\xab\x84\xf2\x01'\x19\xce\x93\xb9\xab\xc7\x94\xf1$aC\t\xa9O\xd3\x9a\n"</t>
  </si>
  <si>
    <t>b'_4\xbc\x1e\x8f@\x90\xb0\xe1\x1cF\x85\xecJ\xbe]\x9c\x94\x02P\xe8\x98\x90\x82\x8dv\xd5O|z\xf9\x89'</t>
  </si>
  <si>
    <t>b'\xa8U\xda\xaag\xa8\x1cP]\xe2_\xe0S\xeeR %\xb4a:^\\\xfb\t^B\x9b\xfa\xe4&gt;\x08\xa7'</t>
  </si>
  <si>
    <t>b'\xe3\xa1\x9fG\xa0\xdbn\xf6\x02Av\xb3\x85\n~\xabE\xb73tO\xdfU\xc1\x95A5D7\xa8\xe4\x01'</t>
  </si>
  <si>
    <t>b'\xcfx\x82(O+\x18bwMuK&gt;i\x9d\x98\xab\x08\xec\xdb\xad\x82\x13]\xff\xc3Q\x88\xb6\xa5\x0f\xfa'</t>
  </si>
  <si>
    <t>b'\x1b\x04\xf2\xfa\t\xf8\xf59z\xcf)\xa0;$\xefg\x0c)\x7f\xe5\xe4\xbcEs\xb7Pd\xf5\xcf\xc7\xaf\xa2'</t>
  </si>
  <si>
    <t>b'\xb5@\xa7\xd0\x07\xde\xec\xbb\xf4RL\x9f\\\xd7\xe5\xdc\xb5\xb7\x7f\xa5d\xf7\xe5\x841\xba2G\x1b\xa0\xd8\xf8'</t>
  </si>
  <si>
    <t>b'\xa3\x1d.!?\x8duQ\x19.\x8f\x8c\x9e%\x84\xdb\x19Y\x9c\x82.\xecJ\x04\xda\xf5"\xbc;\x0f\xa0k'</t>
  </si>
  <si>
    <t>b'w\xd8s:\xb0\x02\x8f*\x8c\xf15Q~\xfb%X\x10\xd4\xe7Y\x8ex2\xc3\x86 5\x15\\\xf5*`'</t>
  </si>
  <si>
    <t>b'\x1d\x8b\xeb\xfaoS\x90\xd3w\xe3E:\xea~x\xc2\x99\xc39"\xea\xa4)K\xf4\xed\xe9$3+\nt'</t>
  </si>
  <si>
    <t>b'3{i-\xf2\xa48!\xfd?B\xc2_\x1f%\xb7\x88\xb2\xfa\xa2\x00pR\xb8\xb2Zd&gt;\xbe7\xc5\xa9'</t>
  </si>
  <si>
    <t>b'\x18\xbe\x99\xb5\x8a[\xd6\xfa\x1a\x8e\x861\xed\x83T\xbf E\xdaR\xb3\x8a\xda\xfbx\xb2bTl\x19q9'</t>
  </si>
  <si>
    <t>b'ol\x90\x9a|z|"\x01~\xf7+\xe1N\xb4\x92\xba\xb9&lt;H%v\xc3\xae\x88\xfbB\xf6\x02:H\x86'</t>
  </si>
  <si>
    <t>b'C\xb4Z\xee\x8d\x9e\xd7\xd8\x0b\x94\xef&lt;k\x9f\xe8Dj{\x82\xde\xcc\x90a\x15\xe65\x9a\x16~\xe5\x04\xd1'</t>
  </si>
  <si>
    <t>b'\x9e8!\xc2\xa5\xf6\xc2}\xf80\x18UC\xb4/\x99\x98tj\xa3X\x16i\xe3\x85@\x84N\x82\xad\xe5\x99'</t>
  </si>
  <si>
    <t>b"\xb6\xefQ\xa4X\x9b\x12v\xcd\x08\x0e\xac\x8b4\xa5Mr;'\xc1\x9d7}\xea]\xb6\x80\xd3\x8c/i\xc0"</t>
  </si>
  <si>
    <t>b'\x06\xec\xac\xd02\xfdj\xf0\x03]\xfa\xael\xac\xa4C\\[ \xaa#\xf9\x1e\x91\x8e\x85W\xd1\xa0\xd4&gt;Z'</t>
  </si>
  <si>
    <t>b'\xebJ\x18[\xd9\xcaf\xff\xd0\xb9\xbe\xa8\x91\xac\xc0\x1c5\x8f\x02\x13\xa1\xa8\x90\xc6\xd7\x04\xc2\x91e\x98\xed\x1c'</t>
  </si>
  <si>
    <t>b"7\xf0\xc9\x8b\x8e\xf7\xbf\x95\x82\xa1a\x89\xf9F\x1dQ'\r[5\x93&amp;\xb7k\xe2L\x91:Q \x12\xcf"</t>
  </si>
  <si>
    <t>b"t\x14\x1ee\x8a!_\x12\xab\xb1\x9f\x8aT\x18U\xf3\xeb\xa1\xf2\xe7\x87'&amp;\xf0g\xfen\xe4\xaa\xc8\xfbf"</t>
  </si>
  <si>
    <t>b'\x16P\xc3\xfd\xfb5\x01v\xbax1\x80\x12h\x8e\xdb_\x7f\x18\x1f\xec\xb0\xf5\x9f\x90\x95\xe3Y\x1b\xc6\xc1\xf2'</t>
  </si>
  <si>
    <t>b'\x18\x11\x06\xc9\xb9\xd1\x9a\xd5\xdb\xefaI\xa1\xe6{?\x01\xbd\xba\xec\xe7\n-{y\xb7\xc4\x02\x96iAO'</t>
  </si>
  <si>
    <t>b'\x18\x15-\\\xc7F\x9b3r\xcf\xbe^a\xe88\x10|\xdeDtCw=\xcf0\xa2\x9f\xc3\x9d\x1b:t'</t>
  </si>
  <si>
    <t>b'^\xecU\x95\x81\xd3S\xc8\x90dn/\x11\x18\x0f\xe4U\xfa \xcb\x88u\xc7\x91[\xb1\xff\x8db\xe8Q\xca'</t>
  </si>
  <si>
    <t>b'PJ\xabH\x1a\xd4\xe4b\xd79\x07\xe0-O\xd5\xe7\x11{\x83]\xb2\xc7\xe8\x03`\xd4\x94\xd5\xa6\xc8\xff\x1f'</t>
  </si>
  <si>
    <t>b'\xfb\x80O\x81\n*\xf5\x9a\xc5\xf1G\n\x0e\x06\x00\x8f\x12\x87|\x18T9\x1aR M\xbb\x0c\xa7L\x17\xd1'</t>
  </si>
  <si>
    <t>b'.\x98os\nW\xf6s\x07\xd0\xd2\xa8\xe0C\xacV\xec%\n\xcc\xf7\xc6\xdf\xea\xd7\x1c\xe5\xfb\x15\xa6Y\xc5'</t>
  </si>
  <si>
    <t>b'\xfc\x91{\xfd`\x15\xfd"\xd7r\x96W\x87\xd1y\x95\xd0b\xa3\nI\x00\xb2"Y\xdd\xeaX \x03\xdf\x8b'</t>
  </si>
  <si>
    <t>b'\x0c\x82\xd3;$;-\xf2\x9d\x1c\x1f;\xd7\xa8\xc3\x06#\xcc\x92\x12)\xb1\xf7\xdc\xf6\xd3\xd1\xd7\x8dv\x89s'</t>
  </si>
  <si>
    <t>b'\r\xa9\\\x14\xa5#\x89\xab"\xd3!\x999f#y"\x9f=\xd4`z\x8a\x97\x9a\xd5}\xf9[w~\xd6'</t>
  </si>
  <si>
    <t>b'MK\xb50\x0b1+Ma\xfe\xc8.\x7fcg\x8aB\xd0H\x00\xd4r\x0b\xf0\tPe\x8f\xc2\x0f\xdc!'</t>
  </si>
  <si>
    <t>b"H\x8d\xa92&lt;\x81\xba\xfe\xc7m\x8a(+Z\x94\xd4\x91\t\x9cv\x8f ,t1'\x9b\x0c\x0e\x1aG\xbb"</t>
  </si>
  <si>
    <t>b'\xcd\x1e2\x80H\xe0\xb2\x8b\x16\xca}\xc2*\x91/\x9a`\xa0`8&amp;\xce\x11\xf6\x89\xf9\x8d8\x9b\xef\x98F'</t>
  </si>
  <si>
    <t>b'-me;u&gt;\x92\xec\x1d\xce\x9dc\x15\xcf\xf7\x97t\xc0\x03\xdb\xeb\xb2\x89\xc4\xbcm\rz\rn.\x98'</t>
  </si>
  <si>
    <t>b'\xf3\x1b\xa7\xeb\xf0\xa6\x8aW/\xe3\xa4\x07h\x9f\x13\x80\xf3M\xba\xa4"\x907\xa0\x0e\x06\xd1\x01_\xf9\xea}'</t>
  </si>
  <si>
    <t>b'\t\xd6k@?a\xcf;_\xde\xbf\x8aD\xe8\xf2\xac\xfb\xea$\xd7!o\x08\x1eZjv\xe1\xe0o\x1a\xcb'</t>
  </si>
  <si>
    <t>b'\x17/&gt;4\x8cH\x13Cc\xa9O@A)\xce:\x8a\xf7\xc9\x8ad\xea\xc6\x84\xbb&gt;(o\x94\nbL'</t>
  </si>
  <si>
    <t>b'\xa5\x82\x97\xff|\xbe\xae\xc2[\x97\xca\x0f\xce\xdd\xedGhT\x08\xc5kh1 \x07\x92\xa4\x0b\xaf\xcf\x05\x0c'</t>
  </si>
  <si>
    <t>b'\xd6\x83r\x0f\x9c7fP\xb4\x7f\r\xaa\xd9\xc5\xd0\xfa\x99\x9e\xc4\nD\x8c\xcfV\xd7\xed\x0f@h\xfc\x18-'</t>
  </si>
  <si>
    <t>b"-\x80\xbd\xbd\x9e\xf6\x15\x16\xd7\xe1\xf0\x82ox\x9cT\xcbz\x0f\xed3'\x05\xeb\xa8H\xd7\x88\x99\xbb\x9bp"</t>
  </si>
  <si>
    <t>b'0k\x87\xd3\x12\xcbV\xf6\xbf\x90\x91\x87\xcf\xed7\x11_\x0bg:\xcf\xe2\xf2\x15\x13~\r\xcd\xc5a\x8e\xab'</t>
  </si>
  <si>
    <t>b'\x9d\xbaSg[\xf0\xcbK\xd9\x9e\xd1\xc4\xec\xb8\xb73\xa3\xc8\xe8:i\x93\x16v=`\xea\x13H\xb8\x84\xc1'</t>
  </si>
  <si>
    <t>b'\xd3\x88\xec\xa0\xbc\xa0fs\x86\xb9\x86eM\xbaG\xaa@\x83lWQ47P\x0cG\x93~\x87\xbc.\x8f'</t>
  </si>
  <si>
    <t>b'CPyN\xd2\xf7\x98\x1a-\xc5kF&gt;\xa8\xe7\xcfO\x81\xf7\xff\x06=\xc7\x85\x9e\x12\xb97\xfa\xd3\xd1\xe4'</t>
  </si>
  <si>
    <t>b'\xdb$\xa4b\x05h\xda\xc6\xdeP\x86\xb6\x04\xe5\x93\x1d\x9a\xd1\xc2k\x8e\xb2%\xa3\x9d}:N\xffJ\xfd\xf0'</t>
  </si>
  <si>
    <t>b'w\xbe\x98\x8cr\xdc\x16E:a{^%I\xd2\xf7\xbc\xe6ejkoTDBT\x10\x05\xebM\xee\xf6'</t>
  </si>
  <si>
    <t>b'Go\xc6(\x8a\xba\x8a\x8c\xb6\t\xbd:\x0e\xf3t\xb28\xb1\x9f:\x92\x15O0 \x95^g\xbd\xdc#g'</t>
  </si>
  <si>
    <t>b'\xbf\x13\x1e\x9ch\xcc\xfe]+\xb7\xb1\xafK1\xe4\x01\x13\x92\xe95\x9b\x93\xa4s\x91N"\x99\xd8/\x83\xfe'</t>
  </si>
  <si>
    <t>b'\x8f\x9c\xb1\x1d\xcfl\x8a\x8c\x93\xcdO?\xe9\xf5\xc8\x99\xd2f\xc2z\xe4\x0b\xbd,\x90\xed\x17\xb8\xc8\xe0\r\xe7'</t>
  </si>
  <si>
    <t>b"\xaa\x84E\x9f{G\x02DF\xc0\t\xad\xa4\xeb,\xb9\x14\x91A'\xd1\x8f\x06_1@\xc9\x9d\xfa\x06\xda\xaa"</t>
  </si>
  <si>
    <t>b'\x8a2\xa7\xc8:\x15&lt;\xa5n\xca $cDp\x95\xcdH\x91~\xf4\x03v\xb5\xcf\xc1p\xfb\x93l\xe0n'</t>
  </si>
  <si>
    <t>b"\xb9\xf03f\x1c\xfc\xdedY\x0ei:\xc8\xec\x01\xe2\x86\xe0\xb9\xf9q\xf4\xa5\xf6n&gt;\xb4\x92'\x9e\xa5C"</t>
  </si>
  <si>
    <t>b'.\xbe\xd2\xbf\xdb\xd83\x82@.\x16\xee@\xae\x8a\xde\x1fD\x06m\x83E\xbf\xc6&lt;\xbb\x88g\x16\xe2\xec\xb9'</t>
  </si>
  <si>
    <t>b'\xc4\xc91X\xb4\x08?\x80?O)\x9d\xde\x81\xaf\xcd\t\xad\x13\xe0*k@\xf5\xfc\xd5\xde\x14\tF\xe9\x07'</t>
  </si>
  <si>
    <t>b'\xd76.$\xf1B@\xae+\x91v\x16\x96\xb3*\x92\xb0\xad\xbcK\xbf\xa0\xdb`"d\x82\x995,\xafe'</t>
  </si>
  <si>
    <t>b'\xd8 T(wu\xfbg\xb6w&gt;\tD\x01\xdc\xbeL\xeb\xa6\x91\xb8\x8b\x89\xc7\x911n\xfd\xa4\xc7"\xe8'</t>
  </si>
  <si>
    <t>b"\xf8\xcb\xbc\xb7\xdc\xe3_\xbb\xba\x7f\x0b'\xf1\xc0\xc7\xc7_'\xab\x97tx\x05z\xee\xba*?\xe8\x96\x88\xf3"</t>
  </si>
  <si>
    <t>b'A\x00\x1e!g\xb7Z\xe4\xcf7BB\xca\x9e\xd6\xd0t\xc8^\x10\x08\x18{P$\xa3.\xabSF\x9f\x8d'</t>
  </si>
  <si>
    <t>b'\xec\xc1\x80z5\xef\xdc\xb8\xa4\xc1N\x94\xd4\xea\x18d\xa8\x9dE_\xbaY\xa6r\xed\x15R\xfc\xba\x89K\xd6'</t>
  </si>
  <si>
    <t>b'\xb9c\x95\x93\xc1;\xe5B\xcb\xa4\xc9\x04k\xed\x17\x01}\xe0\xc2\xdb\\l]\x0f#%\x05s68\xf7\x9c'</t>
  </si>
  <si>
    <t>b'\xa6\xb8\x94pW\xe7\xe2KF7\x19\xc6~\xd4tl*\xf4l2\x9a3@{\xdb\xcb[\x93\xfde\xce\xa7'</t>
  </si>
  <si>
    <t>b'9\xf5\xeb\xaf\xfe\xf6\xb5\xf1v\xdf\xf6\xaa\x0c\x83x\x82\x01&gt;C\x99\xe4\xe3\xdf\n;U\x1b5E\xbc{\xfd'</t>
  </si>
  <si>
    <t>b'r\x9a*\x87\xf9es\x0eC\xc0\x8e\xc9?\x0e\x7fh\xee\x01\xd1(\x0b\xa6\x01NC{\r\xa4\xc0Yn\xdf'</t>
  </si>
  <si>
    <t>b'\x01\xb9\xba\x9a\xa8\xcbi,\xc3\xb2\xaf?\xc8Q\x15\xa0\x02\xe13\xa3\xe4A\x17R.W\xc0\x93&amp;\n\xcci'</t>
  </si>
  <si>
    <t>b'g\x94\td\xafdQ\x1f{\x10\xcd\xaf\x8eb\xed\x8aR\xe0\x16\xe4\x89\xd9\xad\xc6\xb3\x82\x96\x1e\xd5r\xf1t'</t>
  </si>
  <si>
    <t>b"v\xef\xd8\xd6\x9f\xb4 6\\\xb4L\x1a\x11\x16,c\xd1t\xabeQ\xf1B\xbf\xaf\x02\xe0\x98\xd0;\x8b'"</t>
  </si>
  <si>
    <t>b'Y\xc1\x13\xfe\x7fI]\xd5\xd3&gt;\x91\x82\x17\xed\x90U\xf0\xef\xed\xb2\xca\x92\x8c\xb98\x9aI\xb1\xb7\x8a@\xff'</t>
  </si>
  <si>
    <t>b'sa\x80tA\x16g\x94a\x894\xc9&lt;\x85\xc6\x96"Y\xc2k\xccY\xed"\xe6z\xb1Py~\xdf\x11'</t>
  </si>
  <si>
    <t>b"-\x0c\x84e\xcc\xa1\xf1L\xa8\\2\x9b\xe4m\xe2\x88\xbe?\xb3\xa1\xd9\x1d;\x8c\xd8\x80\xd3'\xbe\xeb\xdc\xed"</t>
  </si>
  <si>
    <t>b'\xc4"\n\x13\r\xde3\x18\xa0\x18"\xf9\xb7;*\'\'\xc6-i\x18\x89\xd6\xeb\xff}\xeb7\xe6~\xa1\xde'</t>
  </si>
  <si>
    <t>b'=\xdf\x9dn)\x1c[;\xd9\xc7\x81Yd\xcdA\xc0S\xe8\xfe\x1d\x8e9\x15\xe1\x06C\xa8x\xdb+f\x17'</t>
  </si>
  <si>
    <t>b'#\xda\xa6w}w:6e\xac\x8dj\xa5\xc31\xdc\xa6)\xca\xcd\xb94K\x9a\x93TAo\xf7\x7fB('</t>
  </si>
  <si>
    <t>b'_D"\xf5\xc9\xef\xbb\x0f\xf7u\x16I\xaf\xab\x1f\x1bf\x08\xc6\xc6\x97k\xeb-\xb9\x11AR"^&amp;W'</t>
  </si>
  <si>
    <t>b'\xd3Vr&lt;cR;LM\x9b\x01\xc2\xb3\xf5I0\xed\x94\xef\x0b\xa1D6\x0b\xba\xc1\\\x13\xcbd\xbd\xb1'</t>
  </si>
  <si>
    <t>b'\xc5\xd8\xde\x02\x07\x173\x9b\xb7\xeb\xcb\x16\x1cx\x7f[\xe5?\xa1\x04:\x85\xc1g\xfd\x05M&amp;`\x13FP'</t>
  </si>
  <si>
    <t>b'd\xcbb/.?\nE\x15\xcc\xa3\x05\x8eJ\x10\xc7\xcc\x18\xf5@\xa3\xdb\xde\xb3"\x86\xaf{ \xed\x04o'</t>
  </si>
  <si>
    <t>b'AI\x87\x86;.?K)\xef\xd3\x13\x18\xeaf\x82"\x9f\xc8\xbc\x8f9\x06:\xc8^\xe4N\x8b\x06\x14\xf3'</t>
  </si>
  <si>
    <t>b'a\x92\xa9\xd3\xa0_Y1\xd3\xd5\xe0\x7faZ\xae\xb3M\x05\x08*\xbd\xaf4\x86\xbb&lt;\xc7\xf62\x88X\xf0'</t>
  </si>
  <si>
    <t>b'\x8b\xb76\xa4\xb3W5\x98\xc4\xb7z\xc9\x13P?\xe8\n\xf3\x14rZ\xf8j\x1f\xe5\xb8\xe3@\xf0\x1d}f'</t>
  </si>
  <si>
    <t>b'\xf5ga~V\x7f\xa5\xfa\xe8\x1d\xca\xae@,\xad\xb8d\xb9\x05\xedj\x02L^L\xa5\x9fy$7E('</t>
  </si>
  <si>
    <t>b'\xac\xdc\xae\xde\xa4\xd2:Ae\xf0\xa5KY$3\x97q\x81t\xbe\xb0\xa1\x14\xe7\xfe\x16\x1a\xfd\\QI-'</t>
  </si>
  <si>
    <t>b'II a\x93\x93\xbf\xac\x02\xdc-\x9a\x17s\x15\xf1\x0e\xa6\xedTV\x82\x17\x9dSK\xbf\xb1U\xc2\x82\xad'</t>
  </si>
  <si>
    <t>b"\xcf\xd2wI'ZO\xc3jM\xe1\x18o\xfa\x89i|28:\xc4 \x06O\xe3\xc9X#\xf8fa\x16"</t>
  </si>
  <si>
    <t>b'Y.\xe4{&amp;2\xb3~\xf0\x96d\x80s\xd9\xc6ih\x1a?\xfa\xdc\xb4\xed`\x9e\xb9\xa6~\x16-\xe2?'</t>
  </si>
  <si>
    <t>b'n\xb3\xb5N\xe3\xd9\x82o\x9037\xe7\x80\x9a[\xf3\xf9\xd1ix]\xd2d\xfe\xab\x03\x12\xe0&gt;r\x9e\xc7'</t>
  </si>
  <si>
    <t>b'q;\x0b\x7f\x0f`6[V\xf2\xd0\x04\x94\x87\xb8\x94\xa7N\xab\xb1\xbf;4\xefg\x90\xabeJ\x0e\xfep'</t>
  </si>
  <si>
    <t>b"\x96\xee2\x87\x03\x04':\x0c\xf7\xbb\x91Q\xbf\x97\x1d\xee\t\xb9'm\xae\x14\xf2\xe1\x85f~\xf2\x0c\xa6|"</t>
  </si>
  <si>
    <t>b'#\x83\xf4z\xd7\x11\xafdE"\x88J\xca\x98\x8f!\x9c\xd0Y\xf7\xc3\xd0\xda\xa4`\xfaj\x08\\\xee\xa5W'</t>
  </si>
  <si>
    <t>b'\x89\xe5k\xad\xfc\x88\\\x9b\xfaX\xf90\xc5\xebKN\x00Y\xdb4\xce+ \xa4\xfdl)\xbd\x96O\n\x89'</t>
  </si>
  <si>
    <t>b'\xa69oK\xa7\xa7\x14\xdd\x07\t\x9a\xa0\xec\xd1w\xbay\xfd7[\xf6\xe2{\xc0\x05\\\xe8\\\xd6\xb7\xc1\xca'</t>
  </si>
  <si>
    <t>b'\x8c\xfcpFe\n{^\xafD\x7f\xe7\x1d\xfc\xea\x93\x1e\xbdf31\xff)\x14\x8c\x0c\x88\xb4\xba\x05\xa4v'</t>
  </si>
  <si>
    <t>b'&amp;\xbe\xa0~\xf9Q\xec\xa8l%Zdm\xce\xab\xa5\xbc\x88\x89e\xb7\x01\xce\xeag\xea\x01\x8aE#*f'</t>
  </si>
  <si>
    <t>b'\xc1\xed"\xab\x14\xeedY\xbb]\x96\x17\xb8\xa4v\x14\x9a\xd5\xbbt\xbd\x93\xea\x18Z]U\xbeK$\xb8\x0e'</t>
  </si>
  <si>
    <t>b'd\xe8q|\xef\xba\x00\x02 \xe9+\xee\xa6&gt;\x9c\xbc\xbd\xbb-\xf6\xa5\xb5E\x89G\xde\xe7\x0e\x83\xd0\x18i'</t>
  </si>
  <si>
    <t>b'\x0e\xb4&amp;\xe4\xe6c\xa8!\x96!\n\xda*\xa59\x88S\xf9\x00\xd4\xe8A\x89b\x96\x80\xd0L\xf9r\x8a\xc3'</t>
  </si>
  <si>
    <t>b'\xa0\xfe\xbd\xb2\x02xC\xeel\xb3\xe7)eu\xe7\x9cn\x8d\x1b\xff*\xc5\xe6\xdcF\x1aC\xcdr\xf5m\xce'</t>
  </si>
  <si>
    <t>b'\x04\xe2~||\xff\x11\x07\xfd\xbb\xaag\x8c!\xf8\xa9&amp;,\xdd.5\x089\xca\xdf\x00\xb7\xee\x98\xf0\xee0'</t>
  </si>
  <si>
    <t>b'XV\x9a\xe1W\xba\x8b\x8aP\xca\x1d\xb8\xa2\xfa\x0bf^+R\xd79BA\x80]#K&amp;\x1bQP\x7f'</t>
  </si>
  <si>
    <t>b"A\x81\xdb~mW\x9fi'\xf5\xbe5\x07\x95i\x0c\xc4o\xd6P\xba(._\xa0\xf3z\xd1erF\xce"</t>
  </si>
  <si>
    <t>b"Xe\xf5#\x9dq\x90\xcc\xa2A&gt;\xc8\xde(\xe6\xbe\x1a*^r\xc7`\xe3B\xe0\x8e!\x85'\xf4,\xe2"</t>
  </si>
  <si>
    <t>b'AR\xa3jX\x85"\xab\x96\x9ag@k\x86\x89\x0f\x19\x8f\xb0\x99:\x199\xe7t\x98O\xe3e\xbe\n\x1a'</t>
  </si>
  <si>
    <t>b"\x89\xf6M\x1fo\x86'c\xfc\xff\xf8\xda\xb8(jC\xe7r\x87_\x85\x82\x80\xd6~\xcd6I\xc7\xc1*\x15"</t>
  </si>
  <si>
    <t>b"\xe5M+\x89\xc4\x04Y\xf5\xde\x0bV\x17D\x9b\x9ay\xb5\xf8\xa1\x13\x9bk\x8c\x04'\x97\xbc\xbfL\xd0\xa2Z"</t>
  </si>
  <si>
    <t>b'\xe7\xe4E\xe55?\x11\xdc\x98A=\x88\x82u\xef\xd2\xaaR\xf6\xe4:\xba\xcd\xa9\x15X\xf6\xc1c!\x997'</t>
  </si>
  <si>
    <t>b'f\xdf\xe9\xc4\xb6&lt;T\xd0hG\xeb\xea\x01\\\x11\xa4\xa3]b\xac\x81\xea\x8c\xb4\xf8\t\x14\x03\x9c(\xe3\xab'</t>
  </si>
  <si>
    <t>b'D@\xc4\x87Y&gt;wZ\x11\x8bqv]\xc1\xf9)\xcc\xe6|^\xeb\x0b\x0c%\xd2\xc3r\xb5y,\xe5\xb8'</t>
  </si>
  <si>
    <t>b'Q\x80\xece\x98=\x9b\xf8\x07\xc2\x16\\\x7f\x947b\xb8*4\xfe\xfbF\xb8\xfb\xd7~z\xc6\x85\x02m^'</t>
  </si>
  <si>
    <t>b':\xa3\x8a\x91\xe2\x88\xa43O1\xd7\xa0N\xbfl=\x84\x91\xb3\x1d\xbb\x04\x99k\xb5\xae\xd5\\\x82B\xd3\xf1'</t>
  </si>
  <si>
    <t>b'\xac%\x9eU\xf1q\xac\x89]\xe9\xc1\xa03Q\x89*\x7f\xd2\xb7\x9f\xea\x1co\xab\xf8\xf0\xf3Mn%2\x80'</t>
  </si>
  <si>
    <t>b'l\xfcP~\xb4\xadQ|\xed\xc1\x8f+\xde(\x8b\x96$\x1f\xcb\xcc\xb9\xce\xeb\xadd\xd0\xb3x\x1a\xc3y\xd3'</t>
  </si>
  <si>
    <t>b'\xbaV\xc0\xc8b\x0e\x17=@\xae\x91J1A\xa6=}x\x1eh\x91C-\x01&lt;;4\x92\xb3\xedb\x7f'</t>
  </si>
  <si>
    <t>b'$\xde\x89\x93\xc5\x0b\x92\xc2\xe4\x9aL@\t1\x04\xe8\x02\x19E\xbb\x0f\x1e%\x909\xae\x89\xce\tlM\x00'</t>
  </si>
  <si>
    <t>b'\xd9L\xcd,\xfb\xef\x82T{\x00\x11\xec@\x08.r\xcb\x11f?$\x15\x1d\x01\x8d\xbdUJ%o\xc2c'</t>
  </si>
  <si>
    <t>b'2n\x1d@\x9a\x89-\xb1\xab\xad63M\x80r\xf8VV\xa72Y/\x8aN\xfc\xbf\xd3`Q&amp;\xd1b'</t>
  </si>
  <si>
    <t>b'\t\xb1:\xaa\xd7P\xe7\x18\x8c\xd2OW\xab\x8d&gt;\x9f\xb2\xd2\xcd\xf3|\x9dWg\xe8\x8f\xf3\xe0\x91\xbf\x93\xca'</t>
  </si>
  <si>
    <t>b'X\xb6\x06l\xd1\xc9\xa4\xaf\xeb\x0f\xfb\xae\xe8\x05\xb4k\x8c;\xcfRqE\xcb\x92)\xd7\xd2\x05\xfd\x0b%\x1e'</t>
  </si>
  <si>
    <t>b'\xa2\xca\x94\xb8e&amp;M+c\x8a3|\x06x\xde@J\xcal!K\x82\x9a{I\xea\x9c&gt;v[\x82\x9b'</t>
  </si>
  <si>
    <t>b'y\xbe\xa0kjSX\x8a\xe8#+J&amp;cL\x1b\xb2\xfb?\xa3\xa5-\x1fO@4\xf9#\x88\xcbU\xec'</t>
  </si>
  <si>
    <t>b'\x85\xd0\xecag\xcd0P\x153K\x11\x8ct\xe5z\x1a&gt;\xad]\x0e\xe1\xcd\xa0 \r\xb18\x97\x84\xfc\x85'</t>
  </si>
  <si>
    <t>b'Yv\x8e?\x85F7\xe5\xcc\xe2\xf0yV\xb4"\xdc\x13\xf3b\xe8|4q=\xce\xe4\x1d\xbc2;\x89\xdf'</t>
  </si>
  <si>
    <t>b'\x02\x81@\tv\x1aM\xd2\xcc\x9c\xea\xbeZ\xa7\xf8D\xb8X\xc1\xcb\x9c{9\x91\x0ch\xc0\x87#~\xe76'</t>
  </si>
  <si>
    <t>b'V3\xdfA\xd0\x0f}\x00\xd3R\xc0\x89v\x91\xa7|\xf9\xcf\x80k"\xd2\xdcYb\xc1z}\'i\x03%'</t>
  </si>
  <si>
    <t>b"\x98\xb0'\x03J\xb7\xed\x89\x9c:\xa1\x1a\xd7vb\xcba\xed\xa5\x83\x14L\xb4-@?1\x86\x17\x15\xb2\x0e"</t>
  </si>
  <si>
    <t>b'F\x86\x9c\x93p\xd2l2K9GM\xf5\x18\xa0E\x9b\r\x7f\xf2\x07\xfc\xca\xcf\xa0S\xeb\x9e\xb0\x98\xe4&gt;'</t>
  </si>
  <si>
    <t>b'\xa7z\x10\x03XTxK\x81+\xad(g%3fc!eP\xc7\xdae\x8d\xde\xcd\x8f\x96\xa0\xac\x0b\xc5'</t>
  </si>
  <si>
    <t>b'X\xa7\xf6F\xe8T\xe8\xe9\t\xe8\xc3\xcan|\xc3\x88\xe9@\xceE\x1a\xae\xfa\xb0{\xfa\xb0\xda\xc6\x05\xc4\x95'</t>
  </si>
  <si>
    <t>b'+KP2\xbc\xe0\x93\xa3\x97i\x95\xd7C\xce"\xa5\xd5\xc5\x08h};\x1c\xbf\x16\x03\x9f\xae\x1a\xcd\n8'</t>
  </si>
  <si>
    <t>b'\xd4\x94\x91\x00\xf6\xc2\xfa\xa1\xe9\xa3\xa5\xd55~\x88\x1dw|\xe5\xcc_s\xbc\xa8;\xef\xe6\xd1(\x1bJ\xd4'</t>
  </si>
  <si>
    <t>b'8\xe2\xea&amp;\xcb\x0b}\xc3\x87X\x1b"\x12\xfbW\xb5\x02\x0e\xdc\x00\xeb\xa9\xbe\x8a\xe7\xaa\x18\xb6V\xbd\x86\xe7'</t>
  </si>
  <si>
    <t>b'\xb3\xda\xda\xae\x00\xa9\xf0\x90\xc9c\xd7\xb0\x8eP+y\xd5g\x0f\x81p\x08&amp;`\x19\xa9\x0eom3d '</t>
  </si>
  <si>
    <t>b'\x16\xa9\x9fS\xf9o+\x8e\xde\xd6\x01\x8fR\x95\xc9\xe8@\xdd\n\xac\x07\x15\xf09\xdaU"vw*\x06\x98'</t>
  </si>
  <si>
    <t>b'\xdf\x15\x04\xc5\xbb\xce\x07+\xac\x9f\r\xa0\xb9v\xfe\x87\\Xy\xe1\xd4\x14\xf2K\xdd\x14\x8eh\xf9=(\xbb'</t>
  </si>
  <si>
    <t>b'\x12\x9e\\V@1SV8\xd3\xa53&lt;\xacR\xc3\n\x98\xa6\xf9J\xea\xf3\x0fd\xbf\xd1\xaf\xfd9w\x1c'</t>
  </si>
  <si>
    <t>b'JT\x1b\x17\xb0\xcf\xee\xc44\x85\xba\xf8V\x13O.*rP\x97\xf9\x0ecW)\xc8;\x17\xd2\xaa\x15\x03'</t>
  </si>
  <si>
    <t>b'\xe1\xb7\xeb\xb1ub\xb8\xb0r\xb4\xa6#\xfe\x07\x9c[\xbf\x90\x94\xa8\xcfAT\xda\x83)l\xd8N5D\xaa'</t>
  </si>
  <si>
    <t>b'8\xb2\x87\xcd\xcd\xac\x11Y\xe5&lt;\xa4\x99\x08+\xac\xb3\t\x0cj\xb2\xcd\xe3\x00\x93\xe4\xffn\xb9&lt;\xfb\xc98'</t>
  </si>
  <si>
    <t>b"R!3m\x9fA\x19\xcb'I\x0b\xd6\x87W\xcd~\x92\xd1\xb9\xa5\xa2\xbd\xb1\xfa\r\x1b\xef\xfc?I*\xeb"</t>
  </si>
  <si>
    <t>b'\xaf 4\x8au\xecR\xc8\xb0\x9a\xe7O0[\xe3s\xac\x0b\xfc\n\xfc\xd0\xf5\xfa\xe7\x96\r=\x7f\x14\x0c\xa1'</t>
  </si>
  <si>
    <t>b'\xc3\x1c\xe5w\x1d}]\x08%f\x89s\xb1\xb0\x95U\xae@*\x98\x94F\x1au![\xc1\x87\x92TCv'</t>
  </si>
  <si>
    <t>b'V\x8d.?\n\xffW\xdd\x87a\\\x14i}\xde\xdbL\xaf\xe9\x7f_u_\xfa\xfb\xcd\xc1Q\x178\xe7D'</t>
  </si>
  <si>
    <t>b'?\xf9\xd9\x13\xaak r\xf5Em\xbb\x01G\xfb\xb9\x87}\x9aa\xa11\x06\x84\xb5L\xb0\xd3j\xed\xc8\xe7'</t>
  </si>
  <si>
    <t>b'\xa7\xc4\x1d\xa6k\x9b\x8f\xc2T\x12\x9f\xcd\xdci[%\x85:\xd6\xea8\xc5A\x1e\xc7m[9\x07f:u'</t>
  </si>
  <si>
    <t>b'v\xf7\xc6\xcd~\x18.\xce\x1e\x8d\x82\xe1DL\x8aH\x8cu\xeb\x98\x7f\x99\xbf\xf7k\x0f\xd5$\x98\x02\xee\xdc'</t>
  </si>
  <si>
    <t>b'\x9b\xd9\xc3\x8e\xccN\x1f\x02\xca\xed\x8f\xd879\x91\xa0\x9e\x81\xdc\x8d%\xe5\x15PV\xec\x19/\x8a\x91X '</t>
  </si>
  <si>
    <t>b'H\xd2.\xba\x0f\xc3\xdd\x8a\x99\xf4\xe0?S7\xae\x9a7\xa1\x08c\x1db\xa2\xbe1\xbeP\x1a\x11`+#'</t>
  </si>
  <si>
    <t>b'\xb6p\n\xc5}d\xb89\xdeS\x10\xceJi\xa7\xf5V)`\xa3\xb0#=\xd8\xb7\xa9U\xc5\x95\xa1K\x1a'</t>
  </si>
  <si>
    <t>b'\xecTw\xa3\xb1\x00)\x07\xdc\x8a\x0c`c?\xa5\xeb\xe4\\\xf5\xcc\xfdY\x8f\x1c\x9a\x12S\xa2\xd5\x1a\x92J'</t>
  </si>
  <si>
    <t>b't\x06\xa3\xb2R\xf2\x1b\xa8}\x9f\xef\xc6S7F\xa7a&gt;\x17\xb9c\x896\xcc\xdf\xee\xc2\x8ax\xf4\xd1~'</t>
  </si>
  <si>
    <t>b"%\xba\x06\xd4\xc1\x14*\x8fn\xd3m\xff]\x0b\x11T\x01\xae\xb9\xfb\x9f\x8a\xd0'f\xc6\xfc_\xbb\xcb\x7f\x96"</t>
  </si>
  <si>
    <t>b'\xb3q\xf8\x84c\xfaV\xe4\xabu\xad\x95%A;\xf2.\xb6\xf8\x86\x91\xa9\x9e\xbf+q\xe2U&lt;\x14\xad\x8e'</t>
  </si>
  <si>
    <t>b'\xe50\x15\x9f\xde\xa3\r\x10\x86\x9e^N\t5iR\x84\xd7i`bT\xc6\x1b\xb7\xe4\xad\xb4\x03~Jx'</t>
  </si>
  <si>
    <t>b"\xc9\xbb\xa4\xb8Z\xdf\xa2'\xd7\xd0\xb5\xfd\xa2\xafRh\xc3\x0f\xb6\x0f\x916\x14\xd3\xbd%\xff\xc5i`\xa9\x8b"</t>
  </si>
  <si>
    <t>b'T\xc7\xf4\xc40n\xe0\x11\xe4\xab\xe2`d\xc2\xdb\t0\xc2\x8eH\xabk\n\xe6\x9c\x1a\xa5\x86\xbb8\x08\xc2'</t>
  </si>
  <si>
    <t>b'\xa0\x7f\xa8n\xe8\xad\x9c\x1f\x88\x82Xe\xe5\xdc\xe0\xa2N\xd2|k\x1f\xe7\xee/\x98\x15\x91\xf8^\x98\xd3s'</t>
  </si>
  <si>
    <t>b'(B1\xbf\xcd\xa5\xe3C#\xcc\xa3\r\xc6W\xa6\xa3\xfc\xfb\xb0\xc6\xdf\xb1\x08\xac\xed\x8d\x10\x80\xb6\xf9\x14\x96'</t>
  </si>
  <si>
    <t>b'[\x0c\x1a\xa3\xd9i\xc4\x9bh\xc2.\xd5X\xd1\xec2\xf1\xd5\x8d\xbfC\x14\xf7\x95bM\xbb\xfa\xd5\x8fF\x18'</t>
  </si>
  <si>
    <t>b'\xac0Nb\xa4\xa6\x0c\x9b\x08A@:\xbe*\xe5\x86\xb9:\x11.\xcc+"q\xaf\x1b~\xc0\xd5\xf7\x1b\x8e'</t>
  </si>
  <si>
    <t>b'3}Y\xb9\x90c\xf3x\xa4=7a]\xdd\xd6\x1c4\xecJK\x8d\x8a\x05\x16-%\xba\x95&amp;P\xa8l'</t>
  </si>
  <si>
    <t>b'\x88}\x84\\\xec\xa14\x16\xdd\x84^o0\xee\x03\xae)\xc6\xdd\x15D\x1f\xdat\x9c\x9dD\xf8\xae\xf4\xe2\xc2'</t>
  </si>
  <si>
    <t>b'XX\xc2\xa9\xd2\xa1\xe4\xce\xce\\\xa9\xf3y\xc7\x97\x17\x12P\xd7\x1fq\xc1+\x15V\x97\xc7c\xad\xf4\xe1\xc9'</t>
  </si>
  <si>
    <t>b'gU0\x95\xa7\xdc\x8f\xe2\x82*0i\xec\xb6I\xce\xdbO\x18J4\xdcwh"d;K\xab\x1c@\x91'</t>
  </si>
  <si>
    <t>b'{2k\x1a\xf9\xab\xd6t\x9c+\x10$\xaf"\x84\xc8\xf4\xc8\xf0\xab\x9aNsf]\xc8\x84\xf8\x9bwP\x80'</t>
  </si>
  <si>
    <t>b'\xc1TV\xfe\n\xb3e\x94L\xc4w\xfd\xe8|i\xe8\xa8\x1b\xe2w\xaaiu\xa5Uc\x12h\xe9(X\x91'</t>
  </si>
  <si>
    <t>b'bU1\xd0\x18\xe4Fs`\xd8&lt;\x0e|3(&amp;hrA\x15l\xdc\x06\xf2\xbc\xf70\xa9\xe5\xa5\xd1\x7f'</t>
  </si>
  <si>
    <t>b'\xb3\xf1\x19\x99\xe9\x02?\xd4\xa8\xa5\xc2\x18@\x93g\xda2Xj`\xeb\xbd/\xd3\x1e4\xd7&lt;\x93p\xbe6'</t>
  </si>
  <si>
    <t>b'\xe3\xb7\xa0+\x85\xa1T\x9e\xa6\xaf7( U\xa6\x18\x91\x96C\xd4\xf6}&gt;\xa4\xf3X\xb8+;\xce\x9c\xfc'</t>
  </si>
  <si>
    <t>b'\x1c\x89y\xee\xe8\x8a\x7f&gt;\x82\x80f\xb2\xcb0\x8d\xbd\xb0\xb4\xb2\x87\xe0x/ \xca\x8ac\xce\xb9`\xd5\xf1'</t>
  </si>
  <si>
    <t>b'\xa8\x1c\x81\xe7\x923\xcd\x08\xf93\x0e6 \x08\x89\x9di\xa3\x7f\xc4\x82\xfaZ]\x15\x11\xaa\xe5\xc0\xfb5\xcd'</t>
  </si>
  <si>
    <t>b'\xd1S\x91\xfa\xa1Q|f\xfa\xfeI@\xfd\x9bQ\xec\xa9\xe5d\xba\xa8\x02\x16\xec\xcc\xaa\x9d\xeb&lt;k\xe4\x1f'</t>
  </si>
  <si>
    <t>b'cT\xa8\xabb\x1cb\x0c \x0cJ\xc4v=\xfe\xc2V(S\x9b{\xf2V\x05\x1az\xdaI\xb9}rP'</t>
  </si>
  <si>
    <t>b'\xbf\x82\xe6*\xe2\xf5&lt;[\x02\x16\x06z\xbar\xca.9\xee\xf0\xdb\x81\xd1)\xbe\x1a\xcb\x15\x83S\xc8u/'</t>
  </si>
  <si>
    <t>b'\xfdWR\x95\x1e\x1c\xe1\xc9\x82\xfe\xda)9\xa7\xd8\xed\x8e\xe4\xc8\x97\xa9\x10\xef\xd9\xda\x83\xe3\xf1\xf4\x1a\xac\x18'</t>
  </si>
  <si>
    <t>b'\x07\x1b\x93\xad4\x1c\x81q\xa1\xe2\xba.pwm\r\xa6\xb9\xa4\x81\xf5\xda^=X\x80\xae\xa5A\xbc\xac\xf4'</t>
  </si>
  <si>
    <t>b'\xa8\xef"\xbf\x8an\xeb\xbf\xfe\x0e%\x15Q\x9bU\xb5P \x0f\xd1\xf3V\xe8\xa34\n\x0ewX\x99u1'</t>
  </si>
  <si>
    <t>b'-\xe5.\xca\x15\x05\x1b$\x86\xbf&amp;\xddL\x9c\x96\x15\xb2\nW\xa8j\xea\x1aI\x13\xf6\xfa&amp;;\x80w\xae'</t>
  </si>
  <si>
    <t>b'\x84\x0b\xfc\xb5\x16\x10\xba\x17w\xb4\xbd\xc0\xae\xf0\xe1\xca%\xbab\x83@/\xa6~\rq\xf173\x03\xd2w'</t>
  </si>
  <si>
    <t>b'w\x86X\xc9?\xe7.gl\xb9\xe9O\x88\xa3c&gt;\x92\x98\xde\xea\x92\xbe\xc7\x07B3\xa8iP\x06\xd1\xa3'</t>
  </si>
  <si>
    <t>b'x)\x1d\x05\xfd\x10[\xcf.\xd2\xca\xd04\xcd\xc0\xc3M\x02\xd8A\x81\xf2\xc2\r.N\xed\x10\xb6r\xa7\xea'</t>
  </si>
  <si>
    <t>b'\xf9\xd6\x9bOJB\x1aU\xee\xf2p\xac\xe9-\x10\x18\xb8}\xb0\x8dQf\xf0D\xfa\xaf^n\xd4\x80\xdc\x8d'</t>
  </si>
  <si>
    <t>b'9K\xda\xf0\xc3\xd1\x13\xbc\x92w\x12U\x84\t5\x97\\\xa7\xc8*r-\x0eA6c *Gru\x99'</t>
  </si>
  <si>
    <t>b'\xe62\xc4\xd6W+\x8e\x08&gt;\xd6N\x820a\x8adg\xdcS\xb43x\xeb\xbe\xe4O\xd6\x0e\xaaR\xb2~'</t>
  </si>
  <si>
    <t>b"bd3\x1fZ\x18\x86q\xc3\x91\x14\xc2W+N*'\xb9\x0e\xa6\xe0\x11\xd1#H\x98L\xde@eh\x80"</t>
  </si>
  <si>
    <t>b"`\xad\xd0\x88\xa3@H\xc9\xa5\xd5Ttt\x13o\xdai\nhd\x00\xd9\xfad\xde!\xc2\xa9=\xb0.'"</t>
  </si>
  <si>
    <t>b'X\x10\xc6/?N\xad\xf3#\xb6\xd9V\xaevV\x08\xd4]\x11\x8dS\x17\x03=\xbc\x08\xf5\xfbN\xa3yU'</t>
  </si>
  <si>
    <t>b"\xc4\xd9\x8bc\xa4\xf3\x9e\xec\x92\x87T\xd47\x1a\xb2j\xdd\x8a\xcd\xc1\x83'Q\r\xaa\xc3\x1bZ7\xc2\t|"</t>
  </si>
  <si>
    <t>b'\x1d"f\xd1\xce\x12d~\'-\xc4\xc2\xb5\x81k[\xfb\xe7\xff5\xb0 UG\xe9o\xc5\xc9\xfdk\x93{'</t>
  </si>
  <si>
    <t>b'\x83H\xd7\xbc\xcc\xe4 ;\xfb\x18\x18\x9b\xbd\x92\x9e:\xd8\x02\t-%7\x17B6\xb2\xca\x1a\xf3J\x85I'</t>
  </si>
  <si>
    <t>b'\xd4\x90\x97\xe4\x1c\xf1V\x08\np\xb9\x15\xdc\x88\xb2J\x1aq\x1b\x02|\x03\xf3V\xaaG\xa7)E\xc7\x84W'</t>
  </si>
  <si>
    <t>b'\xc6\x0b2VX\x9d;\xfe\x0c\x9aq\xf2\xc2y\x98){)\x8b8\xcbc\xaf\x90\xb0\x87\x89\x9a\xf9\t=G'</t>
  </si>
  <si>
    <t>b'\x89X26\xe9u\x10.ZL\xf4;\x9e\xc2\x933\x8a\\\x0e|\x0c\xea\x11\x13\x95F\x02 \x08\xa4zP'</t>
  </si>
  <si>
    <t>b'\x14&amp;\x1e\xb1\xc9b\xaa\xa2]2\xb8\xe0\x92\xd1E\xb8q\x7f\xe8\x98\xae\x11\x97\xffx\xf1\xdc\xcb\xd8\xcf(6'</t>
  </si>
  <si>
    <t>b'\xdf\x0c48\x02\x11\x80\xc2#T\x81\x83Q\\\x87\x01\xb8\xf6\xeb9\x86\xb8\xea\x88y^\x9aw\x96\x91\x8b\xa7'</t>
  </si>
  <si>
    <t>b'\x83\x19f#\x96\x7f\n\xa5\xbc`\xc2n\xc9L\xb0\xce~\xfcD\xaf\xf2\t\x98\x0f\xb2{\x0ct\xc9;\xf3X'</t>
  </si>
  <si>
    <t>b'\xc8\xc0\xaa\xb6\x96\xfa\x08\xb1\r\x05p\xfc\xca\x9b\x81\xd1\xd3\xb3:\xa7\x7fTN\x18fy]dv\xa5\xae\xb6'</t>
  </si>
  <si>
    <t>b'\x95s\xeb\x8c&lt;\xcc])T\n.\x12\xc9\xf0\x80\xbbg=\x01B\xaf\xc5\x8a&amp;\xbf\xd5\xf8\x8a~?\xf8:'</t>
  </si>
  <si>
    <t>b'\x85\xb3\x8c\xf6N\xc9s\n?\xd4\x846\xc2\x1d\xce\x1ecB\xa9\x07\xf1ne\xd5\xcbH\x18OrE\xb3\xde'</t>
  </si>
  <si>
    <t>b'\xb4\x13\xd6}c\x1c\xdf\xce\x94\xa8q#\xd60\x0fs\xb8r[.:7Jvz\x82\x89\x03Hsc\xc4'</t>
  </si>
  <si>
    <t>b'\xfe_\x84\xceS\xb7\xa6\x18|\x11p\\\xa3\xb5\xd1\xe5\x04(\x15%\xba\xc5\xb3r\xde\nA\x94\xe3\x07\xe3\xb7'</t>
  </si>
  <si>
    <t>b"\x841_\x0e)\x1bw\x9bT\x8b\xec\x97/s\xba\x91}\xae\xfe'\xa1\xd5\xf1*\x07k\xb4r+\x0e7\xcc"</t>
  </si>
  <si>
    <t>b'k\x83\xaaRyuF\x14\xa5\xa9R\xee\xceS\xc7\x90X\xb8YN\x86E\x8c\x0b&lt;\xaa\xc1\xadX\xb6\xc3\xb6'</t>
  </si>
  <si>
    <t>b'*\xe37\xc5\xe9\xaf\x15\x8b\xc8\x0b-^\xaa\xb2\xb9\xb3-\xec&amp;\n\x8ft\x17j\\\xcb/\xa5\x18\x88\xef\x06'</t>
  </si>
  <si>
    <t>b'\xdbp\xcf\x0e\x04A\xa3*R\x1e\xc4\xdb\x8f\xbeR\xf1\xfa\xb5\xef\n\x11\xe1vY\x00\xffUA)\xef\xbbH'</t>
  </si>
  <si>
    <t>b'w\xbfF\x07\xf1}\xf5\xf0])\x15 \xf9J\xadb\x08Pv1\xf3t\xa2\xa2\xa9\x90\xa5\x8f(g\xbc\xf7'</t>
  </si>
  <si>
    <t>b'&amp;J\xfc;\xffD\xe8z\x81\x9f\xbd\xa6H\xac\xd8g\xf4\x86\x7f\x0e1\xda!\xc9\xae\xb6\xfc\xd0\xdcx\x87\xe0'</t>
  </si>
  <si>
    <t>b"\xac%w\x10|\x93&lt;\xed@\x96\xc0\x140\x0cm\x1aX\xe3\xe0\xa7O&lt;\xfe\xe5'\xff\xb5\xf88\x08\x1c-"</t>
  </si>
  <si>
    <t>b'\x8d\x8c\xa2\xa0\x18\x9b\xc7\x12\xff\x1fm\xc1\xb5\xec\xce\xb1\xda\xc0fZ\x00\x17\xc3\x10S\xe4\xf73\xc6\xb5hh'</t>
  </si>
  <si>
    <t>b'\x9d\xf3\rV@\xfd\x01\xd4\xa4\x9d5\xbaRW\xfb\x15:\x01\xca\x880F\xf1\xc3\xf8\x977\x8d)\xc4\x99\x8e'</t>
  </si>
  <si>
    <t>b'\x9e@"\xe0\x83\xfa\x17\x02\xd8\xbeK/\x97\x81\xe5\xa9=J\x93\xd0\xb1\x8b\xd7(\xd4\x9d"\xbb\xe3lf\xb7'</t>
  </si>
  <si>
    <t>b'\xd6\x0f\xa9\xff\xb6\x8e\xfd\xb0d\xea\xff{t\xd0\xc6\r\xffp&gt;\x87\xe2gyN\x88\xe4O_\x8b\x95\xe8\xa1'</t>
  </si>
  <si>
    <t>b'\xf0\xec4\xb7\x12\xd2#\xadh0\xa8B\xedw\x12\n\x89\x80X\xf2\xb5]K\xeeNL\x89\xc3\x1b\x0e\xd6\x08'</t>
  </si>
  <si>
    <t>b"\xe4\xbaN\xdd\xb6\x1c\xf1\x1c\xd7\xbc\x86\x99\x7f2\x8c\xd3x\xa68\xae}\xd5'\xbf\xba\xd9P\xaeB\xb4\xf6\xde"</t>
  </si>
  <si>
    <t>b'.\x9c((I\xea\xdcV\xde&lt;H\x90\xa2\xf5\xad\xb1\x14\xbe\xe0mAN\xdb1\xfd\xb87\xcc\xed\xa3\x18&lt;'</t>
  </si>
  <si>
    <t>b'?b\xf07\xcak2\xa1\xdc^\xd1\xd2K\x1b\x80\x19\xe3\xd6\x058[x\xfa\xd7\xaa\xf6\x13\xed\xc4\xdee\x01'</t>
  </si>
  <si>
    <t>b'?q\x87$U\x03B\xc6j\xa1\xef\x1f\x0c\xfb\xd9Z\r\xe7\xa3\x85\xba\x8b\x97\xde\x81"\x19\xc5\xd8J\x9b\r'</t>
  </si>
  <si>
    <t>b'\xbf\xfe\xdd\xb1\xb1\x94F\n\xb3\x86\xc2\xe9\xa9\xf0\x8c\xca\x15\x01\x81\xb3\xe0i\x03\xe9A\x87\x00\xf8A\xb2\x01\x10'</t>
  </si>
  <si>
    <t>b'3F\xdc\x92&lt;T3C\xc4\xccH\xb7%\xafm;\xc4\r\x1d\x9av\xe36\x14I\x17_v\x10 \x11v'</t>
  </si>
  <si>
    <t>b'9\xc3\xe5?\xf9\x0c\x9a6(\x89X\x10\r\x81\xd4ix\xd1\x03\xde\x0c\x16\x1a\xa0\xde\xb0\x81qaX\x8f\x17'</t>
  </si>
  <si>
    <t>b"0Og+B\xb7\xc3\xb5\xde\xe3\x02\x97\x94+\xdf0&amp;\n\x12\xbe\x94\xf8\xc3C\xbaz\x85'@\xc0\xa7\t"</t>
  </si>
  <si>
    <t>b'\xeb\x91\xc4\xa5\x1d\xf8R=\xaat\x19\x89\x18\xc3\xda\xd4\xc4\xf7\xe9\xf5B:\xd6\xdb\xab.\xdf\xfeY\xeb\x13\xc2'</t>
  </si>
  <si>
    <t>b"\xecH\x12\xa1\xc2\x86\x0e'\x8b\xf1\xd0[\xab\xdd\xa92\xe1\xads\xd8\x9c(\x0eT\xfb\x80&gt;\xb4\xdf\xfb\x18\xcf"</t>
  </si>
  <si>
    <t>b"\xea\x981)%\xabj\xecI:\xb1\xa5TgP\xf7\xf7'i\xf0\xb1\xacb\xa9A=\\W\xdc1\x8a+"</t>
  </si>
  <si>
    <t>b'\xc1\xec;\x9c\n\x92\xd0?\x91\xbcY\x13\x7f\x92i\x95O\xf0\xcbK\xa0\x96\xdfV\x90\xb6\t\x10\xeaBm\xe2'</t>
  </si>
  <si>
    <t>b'U\x86b^YB\xb1Z`\xeb\x17u\xe3\x16V0\x8d\x83\xf8{\x97F\xf8"\x1es\x03\x92\x00\xba\xe8\xcc'</t>
  </si>
  <si>
    <t>b'\x04\xfc\xe7&gt;\xae\xa7\xc2\x11m\x0bN3\xda\xb2\xa9t\xf8C\xea([\x02O-c\xb2T\xf4\x99$\xc3e'</t>
  </si>
  <si>
    <t>b'\xc0\xb0\x9f\x9d\xc2\xa8\x94\xbfC\x19V\x8a\xef\xba\x1bN&lt;{\xaebT\xfaq\xb2\x98r&amp;\x1f\xefr\x02\x0e'</t>
  </si>
  <si>
    <t>b"\x1e:\x14\xce\x159\x13\xda\xcf\t\x00\xca\xba\xdd\xfb'\xf1\xf78\xb8G\xfa\xc3\x841\xe5\xe0\xf1l\x89u="</t>
  </si>
  <si>
    <t>b'\xe9\xa2{\x17x\x0e7\xd2d\xfc.\x17.\xc8\xc1\x84\xf8\xff7\xe4\x10\xed\xbf\xc2M\xec\xff\xbd&gt;\x06\xc2\x91'</t>
  </si>
  <si>
    <t>b'_\xa7LD\xa7\x1e\xe7\x9f\x86H\x99\xe9H\x80\xdfy\xb5}\x1b\xb3J`\xf4\xc1\xc7O\x13\x7f[\xcaAx'</t>
  </si>
  <si>
    <t>b'|8\x8c\xac\x0e\x08\x15A\x10\xc5{\xa6\xc4}%D\xe6A\xaf\x02Q\x85\xc9h\x1d+\x1a**|j\xe8'</t>
  </si>
  <si>
    <t>b'xs\x8c\x9f!x\xf5|\xbaui2D\xa5K,D\xb8\xb6\xfcO\x81\xf3\x18&lt;5\xa2\xa3Xl1\x9f'</t>
  </si>
  <si>
    <t>b'\x15\xe5%\xa1l\xdb%\xb6\xc4e\xb4\xbfG\xdeB\x0cu\xc6e\xf8\xe7\x18\xee\x8e0+t\x99A\x1c\x04\x8d'</t>
  </si>
  <si>
    <t>b'\x97G\x97\x93L\xa5\xd33V\x81\xe0|\np\x00\x10k\x1cco|\xbf\xf1\xea\xcb\x867\xaah%\xc4\\'</t>
  </si>
  <si>
    <t>b'\xed\xa0\x1bs\x9e}\xd7\x97\x85e\xc4f\xf8]^\x04Q\xdf\xeb\xc7)\xc9b\xc0\xd9\r\x9f\xb2\xec\x9b\x98\x03'</t>
  </si>
  <si>
    <t>b'\xae\xec_v\xfd\xcd\xa8\xf1\xd6C\x03U\xe1_\xb0E\xf2I\xf1\xec\x0e\x08Ej \xa0\x924t\x11\x06\xd5'</t>
  </si>
  <si>
    <t>b'\xc9\x94G\xfdx\x8bX\xc9s\xd1\x87G7\xcf\x90\xa4\n/E\xdbH\xf51\x9b\x91\x1e&lt;\xe72\xd5D\x96'</t>
  </si>
  <si>
    <t>b'\xa3\x18\xc8\x08d\x1df\x1a7\xf8\x15\xa8\x04\xea{\xb5\x00\xd2\xfc=\xbeP\xbe\x18\xb8%\xb4\xa4\t\xfb\xa4\xfb'</t>
  </si>
  <si>
    <t>b'vH\xdc\xea\xb7q9&amp;q\xf9\x8aL\xb1\x9f\t\xbc\xf5\xdaF\xc9y\xae&gt;\x1c\xae\n}\xe1\x08\x94\x87\x17'</t>
  </si>
  <si>
    <t>b'\x8f\xdb\x11\xa2\xf0\x8du\xe78\xf8\x129\x94\xeb\xea\x88\x1b\x93|\xf2Z\x80\xed\xa8 \x93\x85%\xd6\x1b\x90\xcc'</t>
  </si>
  <si>
    <t>b'\xc1}mW\x96\xe0@\xaa\xa6\xc0\x93\xe2\xdc8\xcb\x02\x0b\x9c\x90\xcd\xbc\xe3o\x90\x05\xaa\xe3\xbd\xef\xf7\xaaC'</t>
  </si>
  <si>
    <t>b'\x9a\xa6`\xe1\x9e\xe52\xf8f&gt;~a\x03\xe6\x88\xa5n\x94\xe7\xd9\xff\xa7&amp;\x11\xba\xe8\xd1^E\xd4\xb3X'</t>
  </si>
  <si>
    <t>b"\xf91K\x00h]\x1b\xd2NK\xff/\xdc19D\xd3\xe28'\xae\xe4\xca\xe51\x13\xc9\xe0g\xf6\xa8\xbe"</t>
  </si>
  <si>
    <t>b'\xcc\\w&amp;\xda{\xf1_\xc9\xac\xff\xd7\n\xdd\x9c\xda\x89\x07v{\xc8\xd3\xb0\xd7\x90\x0b\xc5:\x00j`\n'</t>
  </si>
  <si>
    <t>b'\xba\xc5 \xad\xbd\xbe\xcd\xba\x18\xab\x07\x87\xc5\xa1u!\x18\xf1\x94\xe5g3U\x9c\xcc86\xaf\x1fE\\\x84'</t>
  </si>
  <si>
    <t>b'-\x13\xb0\xe2\x82\xcbZ\x86\xaf\xf9h.\x0f\x91\x91|\x02o\xfe\xe6\xce\x17\xe6\x9c\r\xb6&amp;?0v\xa4O'</t>
  </si>
  <si>
    <t>b'w\nU\x0f|\xa8\xe3Q\xf4\x1bJ\xbb\xe3\xe7\xd8\xaa\xebk\xfa4E\x82\xabXr4\x93\xe8G\xa4\xa5-'</t>
  </si>
  <si>
    <t>b'\xd4\xa3iU2x \xbb\xca\xd4\x9e\xb7\xbe\xb7=\xd1I\x08\xc1\xec\xc4\xe1\xa6-\xb0xV\x96\xa9C)\xbd'</t>
  </si>
  <si>
    <t>b'\x7f\xb3\x0b\xa0\r\xd3\x91\xdc\x8b\xd6\xc7?\xbb{\xb26\xbf\xa675\x81,e\xed\x9b\xf4\x8f\x98\xf4\xe8\xcd\x0b'</t>
  </si>
  <si>
    <t>b'Gb\xce )\x1c\x8d"\x0cS\xa9\x15A\x04\x11G\xe0\xc0\xc3u\xe4\xd3J\\m\x15\x98_\x0e;\xf0\x03'</t>
  </si>
  <si>
    <t>b'D\xcdP\x10|\xce\xb0\x13#\x83*\xe1\xb12p\x87\xcfp\xe1\xf1\xfb(\xe5d\xa6U\xd7\xed\x0f;1\xe2'</t>
  </si>
  <si>
    <t>b'\xf9\x0c\x8e\x8e\xf75f\x17n\x1aYbb\xdc\x1fF\x84\x9f\xae\x1d\x0cwd\x1b\xb4g"aa\x99e\xba'</t>
  </si>
  <si>
    <t>b'*h}\x91\xffl\xc7\x00\xb1^\x02f\x04X\x94\xafT~v1\xb0\x8f*\\\xf1\xa4.Y&lt;&lt;+\xaa'</t>
  </si>
  <si>
    <t>b'\x01\xd2)\xb2\x01=l\xa5\xd5\xa3@\x8b~\x84\xe1\x19_\x17rb\x0e\x91\xaf\x90\x08\x1dS+\xfbe\x9b\xfc'</t>
  </si>
  <si>
    <t>b'I\xdc\x96\x9b\x00Z\x8fP\x13\xe2\x16*\x1b\xf7y\xa3{KZY\xf6\x9a]F\xd4\xdd,\xb1\xf4w!l'</t>
  </si>
  <si>
    <t>b'\xd7\xec\xc8\xebKV\x05\x01J\xf8\x0c\xbf^mc\xde\xac\x83,\xe5q\xbe\xd0\xbfv\xa7\xa2\xe9\xa3\x0c&gt;\xfe'</t>
  </si>
  <si>
    <t>b'\\j\xe16\x81\x9d\xdaI\x0ey\xcbO\xf2\x7f\xba\xf4\xe9\x9aj\x83+$\x8d\x05 =eoq\xc3\xaaF'</t>
  </si>
  <si>
    <t>b'1\xb4\x9b\xba\xef\xc3\xb6\x8e\xfe|W\x15\xf3\xfb)\x85\x1e\x8e\xbb\t\x98\x17\xa4[t\xdc-\x1b\xa5YQ\xa9'</t>
  </si>
  <si>
    <t>b'\xe1\xf9\xe69\xab\x97]rN\x95\xc4\x94\xc2\xe55/\xcd{d\x94\x0cx\x1e\x15\x14Jr\x00x\xc1\xb5/'</t>
  </si>
  <si>
    <t>b'\n\xd1u$\xe8w\xc5\x08\x92\xb2~\xd6M\xe3uH\x81\x90\x9b\t\xb0\x13\xb1\xc8\x1a\xf9\xf7\x95\xbe\t\xc8\xb7'</t>
  </si>
  <si>
    <t>b'\xf1g\x98\x89\xed\x98d\x84\xf3"O\x0047{\x8f\xb2S\x07\x10\xd8\xc2\x98E\'\xe2\x9c\xd5\xd2T\xb8\xd2'</t>
  </si>
  <si>
    <t>b't\xb8\xb3\xb7\xda\xf3R\xd1z\xc2\xcd\xff\xd4\x87\x08;\xff\x87\xf5\xa2&gt;\x05\xde\x0erT\xa7\xe1\x08\xda\xbf\xf9'</t>
  </si>
  <si>
    <t>b'{&amp;\xfe\xb3\xa8\x1b\xad\x9a-$\xc18#\xe9`?\xe5\xe2a\xefz\xe9@\xd4\t\xcf/\xdc(}\x00f'</t>
  </si>
  <si>
    <t>b'\x1c\x18\xcd\xbfs\x8e\x04\x93\x1a\xe1w\x18\xb0\x89\xd1\xe2\xc8\xbem\xa1\t\xa2\x02\xe16\x14N\xc3\x82\x8e/\xf1'</t>
  </si>
  <si>
    <t>b'\xa2\x19\xa5T@\n\xa3\x88\x0e\xff\xa5RFu\xef\x85\xe7\x13\x9d?-:1\xc9NP\x8b\xe7}\xa3\x95:'</t>
  </si>
  <si>
    <t>b'\x1d\xf0?\x87\xdf1xH\x17\xa23~\xa4\xd1%9/L#\xdb\xe9\xe6\xec{2\xa2^\x91}d\xf0r'</t>
  </si>
  <si>
    <t>b'\xa6(\x86\xde.%\xe4\x99d\x0f\\7\xd8\xc4C\x8f\x8a\xa1\xadN\x97PDuf\xb7\xe2\x8d8\x82\xcfu'</t>
  </si>
  <si>
    <t>b"\xcf\xa7\xbf\x1b\xe2\x8a\xeb'\x1e[E\x02\x97\xc8qWU\xcd\x97k*\x9c\x8beY\x99t2h\xdd\xc3W"</t>
  </si>
  <si>
    <t>b'\xc8\xc8\x8bp\xc2[\xbb\xd4\xa5H+\xe8\xf2\x8c\xb5\xf3\xb1\xb6p\xc7\x0e\xa9\x8e\x99b\x08\xfd\xf8!\x1f\xa2\t'</t>
  </si>
  <si>
    <t>b'QQ\\\x13h(\xc1\x12n9\xac\xbf\xf2\xaf&gt;+\x90\xda!-J =\xa3y\x15\xc8t \x1d\xc8\x84'</t>
  </si>
  <si>
    <t>b'\x04\xc4[4,&gt;\xef\x9f\xf9\xc4\xa85\x1c\x82\xfd\x0c\xd8\x18\x0fi\x18^P\xf7)p\xe9&amp;\x13@D\x02'</t>
  </si>
  <si>
    <t>b'V\xbf\x90\xb9\xfe\xf2r\xa3t\xda5%\x11\xca\xfc^\xf4{D\xf9r\xe1\x98\xb4\xa23\xf7t\xc2\xc8l&gt;'</t>
  </si>
  <si>
    <t>b'\x9c\x94y\xbb\x16\x07\xe1\xde\xba\xe30\xe4?\xa6\x1a\xef\xc6\x11\xea\x85\x92l\xc2\x13\\\x94Mz\xb5\xfe\xd4\xb6'</t>
  </si>
  <si>
    <t>b'&gt;/49U\xc4\xf4\xcde\xb1-\xc9IQ\x92\x16w$N\xb6\xef\xe4\x83\xf2Ob\xba^7\xfc\xa6\x96'</t>
  </si>
  <si>
    <t>b'R\xff_\x92U#\xab"\xad\xa3f\xc9-~\xd8\xa8\xf4\xb7M\x88\x98[i{\xbb\x01\xbe\xce^\x96\xdby'</t>
  </si>
  <si>
    <t>b't|?\xcb\x06\xe0\xd2\xfe,\xa1\xb4gU\xe2\xe9\x8bF\x97\xf5RTKQ\xad\xa4FD1MKC\xf6'</t>
  </si>
  <si>
    <t>b'\xf7\x8c!\xc8M\xd7v\xe4 \x1e\x19;t\xe9\xf42UG\x8a\xb0,\x97\x81\xdfs\xf7^g\xac\x96\x11\xc6'</t>
  </si>
  <si>
    <t>b"P'\xb3=X\xd5\x0b\xcf\x8c.?m\x8d@\xa4\xb0\xcf\xd4\xecR-\xf2)\x8b\xf5\xe9&gt;\x955:\x0fG"</t>
  </si>
  <si>
    <t>b'L\xd3\x9b9\x18\xbb\xa4\n\x05\x08v\x13\xe8c\x1cOi\xf8\x07"\x84\x85\xe5:\xc0\xbb\xe4\xd8\x1dv\x80\xea'</t>
  </si>
  <si>
    <t>b'\x8b;\xa6&lt;\x1a\xb8\xe8\xb9\xd6=E\xb3\x99\xa4\x86a\x85\x0fJ2\xaa\xde 8t\xb9\xe2\xd8\x10\xc4{\xae'</t>
  </si>
  <si>
    <t>b'\xdf\x85*\x84\xf2\x8b\xf6\x8c\x89\x8d\xe9W\t\x03\x03\xb6\xe2~\x85\x0e\x8b\xcft\x89\x18g\x06k\x8a\x85\x19\xf4'</t>
  </si>
  <si>
    <t>b'q\xbek\xf7\xa2\xfc\xd2v\x98\x01\x10\xb9\xb7\xdd\x8dO&gt;\x92)t#U\x9c\x15\xbc\xd1\x95\xd4/\x95\x15\x95'</t>
  </si>
  <si>
    <t>b'\xde\xd2%\xed\x0f\x1e\xb6\x05\xeb\xca\x8f\\\xd29Ac1?:\x0b\x98\x9b\x7f\x14\xab\n\xb0\xfc\xd2\xff\xc7\xca'</t>
  </si>
  <si>
    <t>b'\x8d9 \x1d\xec\x855\xc0\xd7\xf1?1\x17\xee\x85\xef^h\x80\xf3`\x13f\xbc\xe2\xc1e\x17\x05v\x08`'</t>
  </si>
  <si>
    <t>b'\xdf\xf1\x91\x18f\xb3+\x8a\xd9y\x0e\xae\xdci\xb9\x83\xff\xccQ\x1d._5\x07\xfd\xdet\xb8\x1b\xa4{\xd8'</t>
  </si>
  <si>
    <t>b'\xad\x0el\x0b\xec4\xf4%vH\x16H\x84\xf0x\xb4\xb2\xde0ln\xea\x1d\xa2dc\x85\xb2\x80\x9a:\xe9'</t>
  </si>
  <si>
    <t>b'\xdb\xe7\x87\x9c}|jI\xbd\x1f\xb0v\xf4 \x91\x94`\xfb\x88\xc3E=k\x9dtm\x15gZa\x1fE'</t>
  </si>
  <si>
    <t>b'\xb8\x95A\xfd@\x02\x83\xe6\x04\xbb\xb0\x90.\n\x1a\xa3\xd0eZ1\xe2\x82j\xff\x9e\x05\xb7#W\xb2\xa7n'</t>
  </si>
  <si>
    <t>b'Sj&amp;z\xf1w\x1f\x00\x9d\x90+bb\x8e\xacD\xd1}\x1c\xb4\xdfj\xc9;\x89\xce\xe9\x03:\x8c\xfc\x92'</t>
  </si>
  <si>
    <t>b'.\xa8\xd5\x80\xcd\x84\xb8\x0c\xca\x8f-\xdbdgj\xca\xfc\x1d\xdbM\x88\xa7\x05"\x8b\xad\x12*\x91;:k'</t>
  </si>
  <si>
    <t>b'l\xe0BQ\x18[\xbc\xbb4\xae\x00\x05n\xc8%\x99\xfa\x1a*\x19\xf8"\x9ea\xf1\x17\x16o\x8a=F\xfa'</t>
  </si>
  <si>
    <t>b'\xe6&amp;\xc2\xfa\xa4\xd9\x82t1(L\xb8\x8aF\x0bK1Q\xb3\x99m\x16\xf5(\xd7+\xca\x9b\xa8o\xe51'</t>
  </si>
  <si>
    <t>b"\x02w\x91&lt;c\x15i\xadD\xd7Pyv\xfc\xd92'|s'\xb6\x81\x02p\x1a\xdc\xbb\n\x91\x90\x88\xfc"</t>
  </si>
  <si>
    <t>b'\x81~Uw\n\x03,30U\x8b\x9f8\x82/\x9e\xd7\xd7)\x8eb\n\xfb\x08X\xa5\xcf=\xe6\xe6\xac\xb4'</t>
  </si>
  <si>
    <t>b'\x9f\xe2\x1f:;\xac]X@\xe2+vRJb\x038\xec\x8eq8\x89\xe2\x99\x19\xda-[\xf6\x85\xee\x06'</t>
  </si>
  <si>
    <t>b'\xce\x8fT\xc2\xc3\x19\xdd\xf4l(Y\x9a\\\x01\xec\xadX_\x9a!0\xb3V\x82.\xd5\xf4\xcbet\x14\x94'</t>
  </si>
  <si>
    <t>b'"s\x16\x9a|\xee\xd6\xb6\x87\x9c\x96\x11_\x91\x08\xfe\xe2v&gt;\x10\xc9\x85\x98\xbat\x0e\xae2;)\x0cS'</t>
  </si>
  <si>
    <t>b'~\xfa\xb8\x19ig\xf4\xf9\xde;\xe3\xd4`V\x0cU\xfe\xf8\xe7SB\xc1\xfc\x87O\x8d\x8cV\xfb_r\xdc'</t>
  </si>
  <si>
    <t>b"\xdc'\x0f\xd7\x99u\xad(_\xaa\xc0\xe8\xb8\xf9\xb1\xe4\x91N\xc6\xe9\x03\r\xe5\x97\x91\x9c\xc3)/\xc0)\xe3"</t>
  </si>
  <si>
    <t>b'7\xe1@\x93\xd3\xc9*Vf"\xe0\xf37\x86\xae\xc6\xef\xc8\x07\xfc,&lt;\xd7\x1e\xcex\\z\x88\xc7/\xff'</t>
  </si>
  <si>
    <t>b'\x9aj\\.Y\xcc\xc3\xa6\xeb\xd7%o\xc5\xd6\x88!\x85\x85\x0f\xd6\xe0\xf1\x17\xe9\xc3I\x04\xbf\x8b\xa5\xdcV'</t>
  </si>
  <si>
    <t>b'\x12E\xbb\x0bB:o\xf6]\xdce\x06\xebNK\x0bGE\xe6H\x13\xdem\x84\xee\xe7\xaay\xf8\x9a\xb7\x9d'</t>
  </si>
  <si>
    <t>b'\x82\xcb\\C\xcb\x8b*\xaa\x90\xc6HF\xbfi\xd9\xc0\xccg\x90,\x1e\xe19\xbc\xd1\r\xf5\xee\xdc\xae0\xc1'</t>
  </si>
  <si>
    <t>b'&amp;\xe7r\x8c\x17\x1c\xf0\x00c\xaa\x12{5\xd7li\x0e\xca[\xa6\xb2\xd0l\xb1\xf095\x18?x\x8a4'</t>
  </si>
  <si>
    <t>b'\x90\x91%\xa1/\xc8K\xb8\xdb\x18\x80\xf5\x84\xc2(\x11\x85\xdb\x80W\xefR\xd9\x96\xaa\xd2\xacP%@s\x87'</t>
  </si>
  <si>
    <t>b'\x1d\xd8\x99\xb0\x18\xde\xba\x87\xe4Fr\x91\xd1[?\xef\x14K\x1d\xf2\xfbaKP\xe5\x04\x12Vl\x9a\x97\xf1'</t>
  </si>
  <si>
    <t>b'I\x12\x9ad\xaf\x8caxh\x9dA\x18\\\xb9\x84I\xd5\xd8\xec\xc1\x9b\x15\xc3\x7f\x8f(\x833J\x1bA\x94'</t>
  </si>
  <si>
    <t>b'\xb8HH\x80\xefBB\xf3\xf8\x84\x99\xa6\xc9\xe9\xca"\x9c\xbbq\x05]\x92\xea-\xad\xf4\xef\xfe\x91\xe3\xe3\xb0'</t>
  </si>
  <si>
    <t>b'sz\x1d\xfc\xb7%E\x10fC\xa7\xa7\xa2\xbf\x8d\xc91\x1b\x13\xd8B\x15\x95\x14-\xaa P\x19\x19\xc7\xdf'</t>
  </si>
  <si>
    <t>b'n8L\x1f\x96\xddzy}Z\xc7\xa2Cr\x00G\x8cc[\x9br\x0c~\x1b\xba-\x8c\xfb\xb5\x81\xfcG'</t>
  </si>
  <si>
    <t>b'\xd0h\xbe\x0f;\xecPc\xcek\xcc\xa8\xe92\xe6\xa2IHN\xf6\xd4\x85\xde`\x15\xea\xc2\xab?\xb3\xd0\x10'</t>
  </si>
  <si>
    <t>b"\\\xb6\x0c\xbd\\A\xf2#\xab\xd9WO\x92\xe1@.?\x15\xc1'\ny\xd6\x1f\x97\x18\xbbLJ\xa1N\x88"</t>
  </si>
  <si>
    <t>b'\xc1xP|\x8b\x1f\xac\xb7\xa8\x03\xe3\x88\xd7o\xb6T?\xfd\x1d6\xc2\x93|[\xa1m\xcf\xd15Q\x85\x9f'</t>
  </si>
  <si>
    <t>b'W~ze{\xecB[\x8bB`7\xcc0\xb8\x9c\xc8\xc9\xb0\n\xa7\xabn\x1d\xce\xb6=\xce_\xc6FP'</t>
  </si>
  <si>
    <t>b'\x93uL\x87\x8cZ\x9c\xae\xb1\x1b\xa6\xaa\x93,\xb8\xdb\xb4\xfe\xdbo\xab\x9d\xed5K\x81.Jwi\xc6\x14'</t>
  </si>
  <si>
    <t>b'\x91\x8b\xce\x88\xbf\x81\x01+4\xbd!D\xbe\xea&gt;\x1f\x05\xe2\xfc\xa2\x18.\xa2`\xe1\x9a$\xf7\x94\xcd\xc2\xdf'</t>
  </si>
  <si>
    <t>b'\x95\x12`\xd0\xe2k\xafCB\xa2\xc1\t\xb0D\t\xcaQ~Ps\x8d\xebQ\x14U\xcf\xabu6\x8bv\xa8'</t>
  </si>
  <si>
    <t>b'\x84\xa2\x92\xdc\xdd\x95\xc4\x1b\x0c\x9a\xfbe\xaa\xb7pu\xf30\xd0\xfd\x01@18\xda$\x9b\x89\xd1\x97g\xb8'</t>
  </si>
  <si>
    <t>b'\x93@@\x1b\xc2O`n\x84E\x81\xf2q\x16.\xbabI\x9aN/Gx\xfd:\xc1\n\xfb^\x99\xbc\xd4'</t>
  </si>
  <si>
    <t>b'\xd6\xc7x\xda\xdd\x98\xcc\x04\x85\xc2\xbcY0\xe6\xd9\x96"\xd6\xa7"\x85\xbc\xee\x0fk\x0b\x94\x9d\xa5g\x7f\x98'</t>
  </si>
  <si>
    <t>b'\xc7\xc0\x01\x04A\x08DQ\x9a\x87{\\\\a\xde\x9d}\xfba\xb0\xff\x9eUC\x0f\xb0&lt;3\x80P\xf9\xd0'</t>
  </si>
  <si>
    <t>b'\xe2\x046-\x7f\x0b\xa4\x1b\x91\xc1\xca\x9e[\x18/v^\xe0\xbb\x8b\xcd\xe11\xad\x9ah\xcf\x07\x7f\xbal\xb1'</t>
  </si>
  <si>
    <t>b'DI\x97\xcb_/q[U\x0eK\r\xcd\xd8\xcc\xda\x9f\xf0A\xfd\xa2\x83\x12V\xc2H\x92V\xd4\x07\xd0\xe2'</t>
  </si>
  <si>
    <t>b'\xba9\xf2\xff\xd9\x00+X\xc2+Y\xb0\xaa\xed]\xf9^\xd1\x0b\xc5\xd7\xfak\xf9\xbe@\xd7\xfcjT\xd3\n'</t>
  </si>
  <si>
    <t>b'`\xe2\x85x\xd2\xd0\x82"c\x91s\x88\t\x88\xc5\xa5B\xbfj\x96\xa1^\xec\xcb\n\x06BtO\x96\xf6b'</t>
  </si>
  <si>
    <t>b'\tvDX\x84d\xf24\xc1}\xf8\x9c\xc5\x8c\x9d\x8au\x14\x17*\x0f\x92b\x0eIg\x1c\xae\x04\x91\x07\x9e'</t>
  </si>
  <si>
    <t>b'\xcc\xa9\x8e\xa7@\xa3\xc7\x80\xbd)\xe0\xf6\xeb\xd9-\x0b\xdaF\xb3z\xf4b \x01M.\xd3\x88\x12\x93\x93\xfa'</t>
  </si>
  <si>
    <t>b'\x97\xd5.\xd4r\xac\xceA\x14\xd6\x04\x0c8\xc5\xb2:\xbb),\xb3\xc2)\x13y3\xa6\x0e\xf0|\xd6\xf8\x9b'</t>
  </si>
  <si>
    <t>b'\xfd^\xfd\xf0\xab\xe5\xbft\xb8yG\xa5@G\x98\xec\xcc\xd4\x1e\xcb.\xe5\x8cRe\x1bs\xcb\x8eKYK'</t>
  </si>
  <si>
    <t>b'L\xfdZ\xbf8!\xee\xb1yPB\xcc\xa0jy`\xbe\xa9\xb6\xc5\x86\xac\x96\xb0\xb3\x1e[\xf3\x80&gt;\xde\xa9'</t>
  </si>
  <si>
    <t>b'\xff\x17z\x14\xc2\x12\x14\x8cv\xcb\xa0.\x07\xe1\xf3\x89\x06\xed!\x9f\xa2\x13E\x8b@!\x14\x11\xafX\xbe\xf1'</t>
  </si>
  <si>
    <t>b'\x83\xa6\xc5.\x8c\x80M\x87\xffF\x06\xf7ap.\xab\x8c\xe4\xb4|\xb5\xa5Ek\x0e\xe3\x148\xe6b\xe7\xde'</t>
  </si>
  <si>
    <t>b'\xed\x0e\xb9{y\x01\xf5;\xeas\xa7\xde\x82\xf3\x18\t\xd5\x88TL\x9c\x0e\xfd\x13H\xabK\x83\xbf\x94\x8f\x0f'</t>
  </si>
  <si>
    <t>b'\x08\x959\x02\x14\xf6&gt;[v\xca\x98\xb0\xcco\xc8\x9b\xa3\x80\xf2\\B\xdaI~p\xd2C\x83\xc9\x9c\x80\x95'</t>
  </si>
  <si>
    <t>b'#[\xb0\\\xb5@\xeb\x9fxP\x80\x12\xe1\xeaH\xc1y3\x00\xae\xa6*\x1a\xa6\xa7\xf0\r\xb0\xd4\xa7\x99H'</t>
  </si>
  <si>
    <t>b'\xa9d\x9b?\xee,;\xc8\xba\x97\xa5\x8b\x98h\n0n\x91m\x86R\xdc4\x96E&gt;[%\xb1\xfc#\n'</t>
  </si>
  <si>
    <t>b"\xc8A&lt;\xafF&amp;\xb1\x19\xf1r`\xadI\x06\x96E\xd3\xf38\xe5\xae\xd2\xd7\xbc,\xed\xe0\xbb's\xc6?"</t>
  </si>
  <si>
    <t>b"\x8c\x04\x18\x90\x00\xe2\xa7\x89Ovc\xea\x13z\xaa\x16l}\xed\xd5\xe5\xc6D\x81\x82\x89\xe7\xdb;'C\x8d"</t>
  </si>
  <si>
    <t>b"d\x1d\xe2@\xe9\xbf\xb3\xa1\x01\xe1\xb1W\xcbZ2\xbbl.\x83\xde9,\x16p\xeeu\xb5\xfe\xcf\x15\x82'"</t>
  </si>
  <si>
    <t>b'?\xb5&gt;\x9c\x081\xc4\x0f\x82&gt;\xe0cNe\xcds\xd1\x8f\xc3\xb4\x92I;\xf3\xd6\xfd\xa4v\xe8\xcb\x95\x93'</t>
  </si>
  <si>
    <t>b'\x84\x91\xd3\xcbk\xf8-\xaag\xf9.0\xe3"?#XV\xec\xd1e\xabf\xe0\x98\xab\xd9\xe5xO\x8f\x99'</t>
  </si>
  <si>
    <t>b'\xecP\xec\xcb1f_I\x1ef5\x99s\xd8\x8a\xaa=\xc4J\xf1\x1f\x88I\xe6\x8f\x1e \xed"\\\xfb\x91'</t>
  </si>
  <si>
    <t>b'*\xdf\xee\x1fM\xc6\x0f3\x930\xdb8\xa9\x7f\xab\xcb\x8a\xf1+\xb5\xacY\xfd+\xdb\xf5\x03\xea\xb4T\x82\x84'</t>
  </si>
  <si>
    <t>b"&gt;\x0e\xd4\x8fD\xcc\xc6\xcd\x87H\xc9\x9c\xaclX\xd8\x89\xc4\xa0\x84\x92\x06\x03\x17\xbb\x18'8\x9b\xb2-x"</t>
  </si>
  <si>
    <t>b'7$\xa6&lt;\x96\xe7HhN\xb6`\xa3\xe9\x1e\xee\xdea\x19\xfbfO\x12_9\xc6\xb6Ro8\xad\xdd\xee'</t>
  </si>
  <si>
    <t>b'\xeb\x11\x98\x9b\xa0j\xcdG\x1d-\xa0.O\xb8\xcf!\x07\x96e\x9d\x81\xb6&lt;^\x04\xb78\x9b.k\n\x1c'</t>
  </si>
  <si>
    <t>b'\x92\xac\x15[^\xc0\x0c\x8d\xca}\xf1\xc6\xe6\xd0\xc9sT8\xf9\x89\xcf\xcc\xd6\xd9,\xbf\xb6M\xaa\xe7\xac\xd6'</t>
  </si>
  <si>
    <t>b"%\xc3n\xa1\x8ae\xc0F\x83$g\xc8\xb8\x8b%\x8e\x94\xbb\xf0\t\x19'#\rB(\x9eb\xd1\x90\x98\xf7"</t>
  </si>
  <si>
    <t>b'\x91\x10\x0c\x87v\x17\xdd\xc8\xb1a\x7f\x92\xdb\x96\x14\xd3\xeaM\x9d\xd0\x9a\x8f\xa4\xaa\x93\xf1\xd9\xdeCI\x16\xa8'</t>
  </si>
  <si>
    <t>b'\x92G\xc6Db\x17\xba\xdc\xbcq\x02\x0c\xea\xf1F\xae\x1c\xc9\xc4\t\x0e(\xbd\xee\x11dbf]&amp;"\xa7'</t>
  </si>
  <si>
    <t>b'\x99\xdcw\xa2\x1fY?\x81\xe4\x11?\xf52r\x9f\xbc\xa6\xab\x1a\xe9\xa2\x86\x9d\x9f\xba\x8f\xfd`\x84\xb4Og'</t>
  </si>
  <si>
    <t>b'\xae\xc5\x1bD\x06\xf8\xc2I\xb9r2\xfa%7\x86\xd0\xb9\xf5\xbf\x0b\x95\xc7\xdb\xf2\x0fhF\xc5\xc6\x8f\xeaR'</t>
  </si>
  <si>
    <t>b'=\xe14\xb7\xb9\x8e)\xddb\x91\xe9an\xe5\x07\xb7T\xe4\xcf&gt;@\x07U\x0b\x8b\xecs\xf4\xfc\x03\r\x8b'</t>
  </si>
  <si>
    <t>b'l?H\x05\x9a\x94\xe5ye\xa8|\xa7\x9a\r\x86,(\xd2\x7f\xc6\x8b!X&lt;\x87\x01\x13\x13\xf1\xcf\n\xc0'</t>
  </si>
  <si>
    <t>b'\x99\x06\x06\xddY\xfa\x0e\xb8t\x96\xae\x9bv\xc4!\xb7\xbc\xd0\xe5\xa16[\xc2\xa2\xe8n\xcc\xf0\xc0\xf56v'</t>
  </si>
  <si>
    <t>b'\xaa\x81\t\xfa\xa0\x8d\xbd\x8f9\xa1\x04\xe3\xf5\xacN\x85h(\xf0uJ\xa6\x10i\xd2/\x96\xde\xae\xa5\xdcO'</t>
  </si>
  <si>
    <t>b'L\xd1\x0b%\xe5\xfa2\x18\xf2\xdf\x9e\xe1f\xa4\xa3\xa5\xe2&amp;\xb0/\x1a\x05\xbbjN\xc7\x10\x951\x14\xe0\xa8'</t>
  </si>
  <si>
    <t>b'\x15BKw\x7f\xc4\xe2 \xddj\x0c&lt;W\x11\x80\xcbJK\x80e\xad\x12O\xe5\x06\xb9\xde\n\x19O\x86\x0b'</t>
  </si>
  <si>
    <t>b'\x82\xcc\x90\x18`Le\x05\xb4\xd4\x15\xe3\x16\xd5\xc8\xa6\xaa\xdfy\xa2Q\xa0\x17;U\x90\xbd7\xb3\xba*a'</t>
  </si>
  <si>
    <t>b'\xd4$\x99\x1eWN\xc2}e\xf8\x85\xf9\x152\x17\xb0I\x93%\xa4}\x17x\x80\xfe\xaf\xc7L\xcb\x9b\xd6\x99'</t>
  </si>
  <si>
    <t>b'\xab\x0e\x8e\x9d\xc16\xed\xb3\xb4\xe1\x83\xe5HX\xdd\xf7\r\xe0\xc9A\x90\x0e\xc6T7\x83\x91\x9e@\x01\xd3\xf9'</t>
  </si>
  <si>
    <t>b'\x89\xb8\xa2\xefyW\x0e\xfa\x03\xf3?\x13\x9b\x9fo/\xbf\xc0jF\xd8\x1dH\xec\x86\xc5\xb6\xb0y\xc0\xa9\xf2'</t>
  </si>
  <si>
    <t>b'\x00\xa7"y\r\xcac\x17\xa0\x1ep\xcb\x9e\xbd\xd9\xfc\x7f)%=\xeex\xe2\x0eX9\\\x8e\xb9\xe6\x94\xe9'</t>
  </si>
  <si>
    <t>b'P\x07\x12\xbc\xd2#\xa0\xb1\xc4AX/\x13\xcf4\xc9\xc2e`\x1d\x02=\xac"ZBI\x99\xb5\x1d\x12\xd0'</t>
  </si>
  <si>
    <t>b'\xeb\xf27\x87&gt;\xe0nL\x9aB\xa0=\x11$\xec\xb0\xf0\xa8\x89\xd8z\x1b\x0b\xe3\xa3-\x89\x10\x8c)\xc5\xd3'</t>
  </si>
  <si>
    <t>b'\x19\x813\x88\xb4\x9c\xb4\xa0\x14\xc1O^i\x9b\xe23\x1b3\xc1~0\xe3\xb2\xb5\x1b\x13O\x0bXg;\x1f'</t>
  </si>
  <si>
    <t>b':\xaf\x1a\x8b\x06\xa6\x8f\xd7\x83\x89V\xad\x8fA`\xe1\xd4#\xa0l\x8ar\xb4G\xb8\xd5sn\xcd\xf8&lt;\xf6'</t>
  </si>
  <si>
    <t>b'@o\xe7}\xd4\x80\x97\xd3\xd7\xf6\xb7&amp;\xda\xafhy\xd94\xfd\xf7\xf5\xe3\x05\xe72\xe8j\x99\x85$\xe7I'</t>
  </si>
  <si>
    <t>b'\xfcn\x9c_\xe1Q\xc1\x96\xadG\x92\x0c\xfaK\xbb\xc4*\x9d\xf3\xe0\xf3\xaaA\xb5!R\xcdy\x8545\xb0'</t>
  </si>
  <si>
    <t>b'\xcf\xc4\xe5\x93\x89\x1a\xbe-\xe2R \xbf\xf3\xb6\xf5\x03\x1e\x0c$)\xa9\xaf\xd6\xb7\xee)`\xcb\xe6\x8b\xe7\xfe'</t>
  </si>
  <si>
    <t>b"\x85\xc8@A\x8c\x98\x14\x82\xd2^\xd7v_ U'\x07\xc32Ky\xc3\x88\x97\xff\x15S\xb0\xce\xaf\xb1\xed"</t>
  </si>
  <si>
    <t>b'M;\x10\x89&amp;\xc6\x8d\x03&amp;\xf4\xf7\xb3\xc1\xe7\xa3\r\xe8\xbe\xc5Y\xf4s\xe1\xf9\xfdaaN\x8bi\x92j'</t>
  </si>
  <si>
    <t>b'\xfc\xc6}\xb4\xb5\xce\x84\xc0\xf1\xe1\x91\x97\xd8\xc4\xdb\x06\xce\x01\xb2\xeb\xa9R\xa1\xca( \x18\xdb\xf1\xff\xf7\xf0'</t>
  </si>
  <si>
    <t>b'\x06|3\x88h\x97\x8ee&gt;&lt;\x16x^\xbc\xd4\x819\xeabv\xba\xb9\xcb,\xf41?/Y@\xa2\x91'</t>
  </si>
  <si>
    <t>b'\x04d\x87:\xf6\xceN5\x12\xcf\x85\xdbZ\xc0\x08T\xe0\x89m\x03eN!z\x99\xe0\xba\xc6\x93&lt;m\xc9'</t>
  </si>
  <si>
    <t>b"^\xf9\x89\x10'\xd8\xfa\x9du\xb2\x8b\xa7\xae2\xa3\xbcz\xa6[\xc4\xd7\xc8\xe5\x8d\xea\xf7\x10\x07\x02z\x04\xd3"</t>
  </si>
  <si>
    <t>b'\x0e\xb7\x06\xc9.\x8c\xe54,(\x01\xd0\xdak\xfdj\x92\x18\x93\t\xd7M\xdb\xa5v\x89\x99\xd55\xfaw\x0b'</t>
  </si>
  <si>
    <t>b"I\x00\x00\xcc\xe7\xba\xa9\t@\x9e'\x9b&lt;\xcd\xf5VJh7\x1c\xcaX\xaf\x89j4\x1ei\xa1\xf0S}"</t>
  </si>
  <si>
    <t>b's\x05\xc4\x07I\x18\xb3W\xfcxP\xd8\xf7\xd3\x01%\x8eS\x0b~\xc2\x10\xc5\xcb\xf6}\x86\xd0C-g\xc6'</t>
  </si>
  <si>
    <t>b'\xe9\x03oS\xaaZ^Zw\xd6\x90\xaf\x7f\x18g\x8a \x1b\xd4\x11b\xb3\xf2\xc0\x19\xe4A[!\x7fp\xa7'</t>
  </si>
  <si>
    <t>b"\x8f\x81\xc6\x19\x9a\xd1\xea\x02\x9a\xca\x88\x8a\x9b,B{\xecku'\xdc\xca\xb1\x8a9\x90\xc7\xd6\x94k:{"</t>
  </si>
  <si>
    <t>b'\x14\x98*\x01\xf2e7\x1d\x1ck\x02\x8d\x80\x8b\xd17\xb4U\xf0mk\x88\xb6\x17\xc0\x7f\x00\xa9\x9b\xaa\xd7q'</t>
  </si>
  <si>
    <t>b"\x86\xb2\xe1\x9fF\xda\xaf1\xe9\xa4\xf3O&amp;'\x0c\xf8\x1e\xdd\xdc\xa0 \x98\xcb\t\xa5\xd5\x8b\n\xeebf\xd6"</t>
  </si>
  <si>
    <t>b'6\x94N ,z\x85Gc\xe4ZKKD\xa2=\xe7\xc53G\xcc\x15\x98\xfd\xc1\x87\xd5\xda5\xd3\x00\r'</t>
  </si>
  <si>
    <t>b'\x12\xe4X\xfa0#xw\x08\xf5\xeb&amp;\xe9M\xa0\x12\x9f\xa5\t\x1a\xae\xee\xc2V\x01;\xdc\x18s:c\xa4'</t>
  </si>
  <si>
    <t>b'\xd5\xfe\xf1#~\x8e\x9e\x16\x84\x89O\x85ST\x042\x04!\xdf\xf4\x83\x1a\x80V\x0e\xc1\xfd\x1c;xh '</t>
  </si>
  <si>
    <t>b'#\xcd\xacfY\xa6\xa8\xd1\xfa\xc2\xa8\xf5\xe4\xb8~P\xfa\xea\x989N\x80L\x89\x9a\xd7\x89)\xdb|c\x99'</t>
  </si>
  <si>
    <t>b'\xf0\xa1\xc3\x050\xd7d\xb0&lt;\x07.\xc48ntg\x9a\xe4\x7f\xd6\x92tD\xde\xcd\x10\x94\xf9\x9b\x8b\xb5\xe6'</t>
  </si>
  <si>
    <t>b'\x96\xde\xda\xe4\xc6_\xbf\xb0\x9b\x076et\x125\x89^\xdf)\x88Qb\x88\x91\xbc\xde\x82M"9\xc6\x98'</t>
  </si>
  <si>
    <t>b"\xf6\x10\xa8O\xd7\x0b\xaf\xa7\x0bz\x0bQU!\x85\xc0j\x03\xd3'j\xef\xc4\xf5$\x91AGE\x07x\xeb"</t>
  </si>
  <si>
    <t>b"eL\x16\x8cu\x080?\x0c\x8e\x0ff\xcd\xf3x|\x17\xe3\xcdO\x8b\r\xbc\xcc\xf6\xbaT\xa1'\xcaId"</t>
  </si>
  <si>
    <t>b'\xe5\xdc\xfe\xf1\xa5.\x9f\x1e\xdf\r\x19S\x8c3\xbe\x16\x9d;\x82D\x06[\xf5\xb9\xf8C\xc2\x15\xe3:\xdd\xcc'</t>
  </si>
  <si>
    <t>b'\x0e\xc2\xd5u\x917\x9f\xed\x8e\xbf\xc8\xbb\x0cl&amp;*\xac\xce\x89\xf8\x80~\x0b\x07!\xb9\xefu\xcd\xad\xca\x11'</t>
  </si>
  <si>
    <t>b'\xb6\x85\xa3d}y\r\xb6\xbe\xf7N\x1f;?\xaf\x1c,\xc9\xf1\xda,\xb7=\x14\t\x07\xd7Omw\xba\xb3'</t>
  </si>
  <si>
    <t>b'~\xfc[\xeeO\xa8(\x84]q\xd3\xd0\x1a\x04\x96\r\xd99\xe0\xda\x80c\xabi\xb6\x9c\x8cA\x98\xde\xafX'</t>
  </si>
  <si>
    <t>b'\xa5\xf9\x9cOih\x98\xabO\x91\xb5\xd7\xad\xbd \xde"p@&lt;\xb8\xbc\xa8\x045D\xb9\xae\xebB\x0ek'</t>
  </si>
  <si>
    <t>b'\xfb\xbeA\xae\x96\x90\x96e\xbc&gt;\x88\xe4\x8bK\xb2\x12\xd2\xac\xc3h\xf0\xbfj\xa0\xf2\r\x85\xc5\xcc\x87\n\xd3'</t>
  </si>
  <si>
    <t>b'G\x02\x8c|\xfc\x1b\xd2\xb8\xcc\xe6Y3\x9e\xac9L\xff\xb0\x1d\xf6A\x86\x0eMu`\xa7\x88\xf9A\xaf\xd6'</t>
  </si>
  <si>
    <t>b'X\xc3\xa7\xdb&lt;vi\x9c\x98\x1b\xa3\x9b\x7f\xe6s\xc3\x11\xc0,\xb8"Z\xee\xb5\x1f-\xa8v~\xdf\xfcI'</t>
  </si>
  <si>
    <t>b'\xe9\x9d\x88\xdd\xa4\x08g\x9e\xdc\xb4IY\xe6\xd5\xac\xeer\xc37$\xc5\xb9[b\x05_\x9c(\xd5Li\x0c'</t>
  </si>
  <si>
    <t>b',\x96\x06\xa7\xe5\xd6\xa0+\x19\\\xc6j\xdc\xcd\x00\xd2{\x1bu\x8c\xa94\x97F9\xdd\x7f\xd25\xe7=^'</t>
  </si>
  <si>
    <t>b'\x85\xb5&gt;\x91\x964\x88\xff\x89f\xb0\xd9"\x9eE\x87\xd3]\xae\xb3\xfa\xeb}\xfe\xea\x05\xf3\xea\xe3\xf1\x8d\x91'</t>
  </si>
  <si>
    <t>b'\x82/\x8e\x85\xf4p\xb0$\xc6\xaf\xbc\xdc\xe6\xd3\xedS\xc3\xdcw\xba1\xf5\xf5-\xbeY\x8b\xaa\xe0C\xb9\xb5'</t>
  </si>
  <si>
    <t>b'[_\xd7\x9e\xb2&lt;\xb3\x9bh\xa1\x98\x0e c\xd9\t\x82\xd9N\\i\xe6\xb2\xc1%R6\xe6\x11\x7f:\x8d'</t>
  </si>
  <si>
    <t>b'\xf7\x8f\xc7#Y\xdc\xf8\x92%&lt;\xf9x\xf7)#\x12[\xee\x05\xd7J4`\xd0\xc8\x1b\xbc_\xe7\xc7\xee\x91'</t>
  </si>
  <si>
    <t>b'\xeb\x00\xd9\x19Y\x88\xe8M\xba\xae~\xc6QL\x8c\xb0\xe5@5\x04P\x169\xd6z\t\xc4\xe3\r\x9e\xa8/'</t>
  </si>
  <si>
    <t>b'T!+0\xe5`\x17u[\xe7\x00\xe2\xfbUou\xf5\x03\x94\x9d\x1fL\x1e\xd2\xcf6`\xc8s"3\x89'</t>
  </si>
  <si>
    <t>b'\xdc\xd7_\x9b\x9c\x8d#m(\xcf\xc8\x1c\x91\x04j\x1e\x01\xdd3S\x8d7\x06\xc2-\x18\x8fv\x8d\xc3S\\'</t>
  </si>
  <si>
    <t>b'\xb3eW\xba\x11pj\xa4\x89\\\x06\xdb\xb0F\x90\xf0W\x11G)\x02\x17;E@S,#5\x1aFT'</t>
  </si>
  <si>
    <t>b'~\xc8@\xb1\xe7\x92\x9b\x07R\xe8W\xfd]\x89H\xa0\xfc\x83\x9c\x02\xc8(\xf5\xbdaf\x90\n\xbce(\xd4'</t>
  </si>
  <si>
    <t>b'd\x98\xd4\\\n\xb1\xcab=\x8c\xda\x16\x98m\xb5\x8a14H\xe6I9\xcf\xa6\xcd\xc5QF\xaa\xbd\x80L'</t>
  </si>
  <si>
    <t>b'n\xd0\x1c[\xf6\xc5\xc2\xa0q\xdaD-\xc8b\x03?\xee\xce\xe0\xb6\xea\x8b\xbc\xe0V\x9bs\x8c\xf1Q\x0bQ'</t>
  </si>
  <si>
    <t>b'e\xa1\xc9s\xd1-*\xfb\xcdm\xc4\x02\x8e\x7f\xf1\x91\x86i,Om\x03\xf5\x15\xac\xb6\xac\xbc\x9e!c\x92'</t>
  </si>
  <si>
    <t>b'\xe8\x9c`L8o\x8a\xa5"\x98\x8a\x10[\xaf$\x92WV\xe4\x94\xd2"W\xca\xea\xa3\xbd\xa7\xa0\xea\xfd\''</t>
  </si>
  <si>
    <t>b'J\xafE\tC]\x81\x99\xf4\xb4\xe7\x8eM\xeaU\x16\xa7\xad\x1f\x10\xe5y!\xba&amp;\xd7\x0e\x10t\x08\x1f\x99'</t>
  </si>
  <si>
    <t>b'SF\xc5g3\x08\x1bEK{`\x02\xb0\xc7\xb3\x86pT\xf0p\xe3\x0e\xa7$\x8f\xf3\xe5Y\xfb\xdc\x18\x8a'</t>
  </si>
  <si>
    <t>b'\x98\x95Z\x97M\xa1\x86}3\xe5I\xfc\xd1\xa7P\x83\x0b_\x0cn\x18\xdd\x9bH\x0e\xc6@i\x14g\xfc\r'</t>
  </si>
  <si>
    <t>b'\xfb\xf0*\x04z\x92x\xc6]Jj\xa4KoU(d\x98\xe4\xa9\xeb\x8c\xbc\xb0\x98\x1c\xee\x14\xc4\x85?&amp;'</t>
  </si>
  <si>
    <t>b'$RE\x9bR\xa0!\xb1P\x7fIf\x18[\xed\x80\x0f+\x19\x97\x8f\xf9&amp;\x90\x0bZ\x87,\x92\xe4s\xac'</t>
  </si>
  <si>
    <t>b']\x97\xef\xd0\x93\x06n~\x16\x84\xf1\x8e\x82\xcd |\xf4\x87\xb1\xc5e\xe1\xaa\x0cp\x80$\xdf\xa4\n\x971'</t>
  </si>
  <si>
    <t>b'\xccU\xf8\xf2)b\xdcs\'S\x8euR\xe9:\xdb\xb8"\x9bd\xb1\xfa97(}T\xf1\xb6YzB'</t>
  </si>
  <si>
    <t>b'\x9d&gt;\x90\xfd\xf4\xc2I\t\xb2v\xcf\xb2\xc3S!\xffk\xfe\xfcV\xf6\x00\xa9\xf6B\xc1\xd5\x19\xce9\xba&amp;'</t>
  </si>
  <si>
    <t>b'f\xc0\xec\xdcG\xdc\x1f\xb5\xdaP\n!\x80O|\xec\xf7c\x8bz\x9d\xc7Z\x1b\x8a\xd8.I\xb5\xb9I\x92'</t>
  </si>
  <si>
    <t>b'a\xe7\xe3\x05Nz}\xb9B\x19z\xcfr\x1a\xa8\x08C\xe4\x08EQ:0T\xdct\xdd\xe8\xb1\xb0\xf2t'</t>
  </si>
  <si>
    <t>b';\x1e\x97\x84\xb3\xd6%\xbf\xb6\x89Q"\x96\xec&amp;\x98\x81\x89A\xe6\xf2)\x83c\x84\x17\x1d7!3\x11\xa5'</t>
  </si>
  <si>
    <t>b"\x19c\xbeO\x95\xab98\xc8\xbbQf\xad\x13\xa7\x07\xef\xac9n\xfd\xa7c/Z\x89'\xe7\xa1\xdd'y"</t>
  </si>
  <si>
    <t>b'\xe3`rS\xe0\x06\xcf,\xf9_Z\xaf\xd8\x8d\x85\x07rx!\xf4\x0ev\xd5)%\xbd\xcd\xbdp\xab6H'</t>
  </si>
  <si>
    <t>b'\xd3\xbcF\x88\x92\xe0\xfc\xc9\xaf\xee\xba\xbf\x92\xdc\xc8&gt;B\x82U1\xe0\x06\x911t\xf76\x98\xff\xa2N\xa1'</t>
  </si>
  <si>
    <t>b'&gt;\x99\x97\x05\xfbe`\xde\x87\xaf\\\xabH\x0f\x8c\x9b\xe8A\xb0/\xcc\xb1R\xc7\x18\x8b\x88n"\x89I\xc7'</t>
  </si>
  <si>
    <t>b'N!\xf8\xbd\x0f|&lt;\xdd.o\n\x90B\x0f\x92\x93E\x10\xfa\xe8\xc2Z\xa4\xa2\x0f\xb2Yq\xef\xa7\xc9\xd4'</t>
  </si>
  <si>
    <t>b'\x05\x85\xb6.\x89C8v\xbd\xb3\xa0S\x9dP\x85\x9e\xe0\xb8\x1d\x9a)\x13\xad\xa9\x8b\xb5\xd0{\xe6\xbf\x86\x89'</t>
  </si>
  <si>
    <t>b'\xac\x94\x7f\x83\x82\xc2\x81\x1c\xb8\xf5\xd2\xe7\xceX\xf5\x00\xea\xaf\x87\x87{\x95\xc3\xbdZ\x9aB\xfd\x10q\x90\xcb'</t>
  </si>
  <si>
    <t>b"\xaa\xab\xbb\xcf\x00\xabnc\x01\x0c\xbcZ$\xb2\xf0B\nM\xc1Q\xc6 \xd1\x134\x9fk'RV\xef\xb7"</t>
  </si>
  <si>
    <t>b'\xbfZ7\xbe\xbf\xa6\xd6\xd7;X\xd9\xcc\xc3\x97m\x93\xf7d\x177\xd2!\x13$\xfe|\xdd\xd2\x8aRW\r'</t>
  </si>
  <si>
    <t>b'\xfdI\xfc\xfcn;\x14\xfcW\x12\xf0\xb9\xbd4\xcc\x86d\x01\xc4|\xc53\xaaj\x0f\x0c\xd4sK\x9a\xf2p'</t>
  </si>
  <si>
    <t>b'\xcb\x1b\xd4[\x8a\xf3}4\x86\x9ad0\x14YJ\xa7\x82\x03\x94 \xa4\xc8\xd8\xeb\x8a\xbd+`\x0573\x0c'</t>
  </si>
  <si>
    <t>b'3\xdf\xa4\x04\xe1\xc8\xf9|J\x86w\xda\x80N\xc1\xcc\x06F{\xba\x956\xe8\xa8Z\xe4\xe8\xb6\x92&lt;i\xf7'</t>
  </si>
  <si>
    <t>b'\xd7\x9f\xe3y\x17\xe5\xc6\xd8(\x98\xcb\x04\xe6\xed9\x8c\x87\xda*\x12\x96\x85l&lt;\xa1_iQ\x1dM&gt;\x01'</t>
  </si>
  <si>
    <t>b'\xa56`\xc0\xa3U\xf6\xc9u$\xb8t\xfa\t\x8b\xd8\xc3s\x1e\xb2\xa4`\xdc=+:\xebc\xc1\xab\xe3\xa5'</t>
  </si>
  <si>
    <t>b'\x88\xa3\x948\x84{\xdd\xea\xcd\xe88\xf1b\xf2\x03\xea\xbb&lt;\xda\xaa\xbd\x18\r\xff\x91\x01f\xc2\x8d#\xce\xa2'</t>
  </si>
  <si>
    <t>b'\xb8\x91\xd1\x84\x0fy\xb5D`\x90\xceP\x02\x97\xa0\xdd\x93\x95\x0b\x0f_\x88w\nb\x9aJ\x03\xab\xd1)\xd8'</t>
  </si>
  <si>
    <t>b'\x04\xb4\xe8\r\xcf&amp;m\x0b\xf4\x03\xe8\xbf\x1e^\xcb\x89\xc4\x00w&lt;\xe7\x070G&gt;m\x86\xc6\xebJ\xec\x11'</t>
  </si>
  <si>
    <t>b'\xf4\xdb\xce\x8e)\xf0\xc5,a3o9\xeeMG\x8b\xed\xa9\xe3\xaej\xf4\x0c\x98\tv,,_\x10\xf7W'</t>
  </si>
  <si>
    <t>b'3\x82vc\xe1D*\xe9\xf0\x9d\xf0Kj\xceD(\xcb5X\xd0s\x8fT\xdb\x8cW(\xcd\x19\xe3(b'</t>
  </si>
  <si>
    <t>b'%\xc0\xb2\xa8p\xac\xa5\xcaK\x93\xbf\xee\x9d\xf1\x84\xfdn\xdcp\xf1n\x92Hxs2\\\xb3\x9f\xd6\xe3F'</t>
  </si>
  <si>
    <t>b'\xf4\xba\x80?D3^D\x15"?\xccI\xc8\xcf1\xce+O\xda\xb2\x06\xb6\xf5\xdf\x1b\xe4\x9f\xf8\xf6[*'</t>
  </si>
  <si>
    <t>b'A\xc2\xba\x97\xbd\xc3{(\x8dH22lm\xeb6\xb0\xb6n\xef\x84\xe8\x8d\x1es&lt;S\xa0\x84\xc7\xafL'</t>
  </si>
  <si>
    <t>b'O\xb8\xb0w\xef\xe5\xc4\x174\x1d\xc4A\xdd\x03\x9e\xe5\xd2\xe2\x87a1\x8a\xb4R/!\x11i\xd1\xa4lV'</t>
  </si>
  <si>
    <t>b'8\xc9q\xf7\x16!;\x8b\xd4\xd3\xd4\xd4\x88\x12\xbc\xce\xafm\x10\xf92\x90I\x0bp\x05s~\t\x82@\xbb'</t>
  </si>
  <si>
    <t>b'"\xc9\x97\xabe\xaa\x99\xf5\xbc$\xb9\xd4\x84\xd81l\xc1r\x15f{P\t\x18\x7f}\n\xba\xc5\xf3\xbf\x0b'</t>
  </si>
  <si>
    <t>b'\x81\xa3\xe0&amp;\xa5\x8c\xc3\x99"\x1cGj\x04\x92\x12C\xd2v0\x16\x12{\x97\xb4\x17\xcb\xa2\xdb\xe1\xf0\xabE'</t>
  </si>
  <si>
    <t>b"BY\x92\xa8\\Y'\x0bm|\x90|\x00\x0bh~\x8a\xe7\xd8\x07\x89\xa0\xa0\r\xdag\x0eEk\xb0\x95\xdd"</t>
  </si>
  <si>
    <t>b'\xaatQ\xe0\xe6\x85\xe4\xcf\rBs\x7f\x1e\xfa+\x8c&amp;c\x80\x99\x89\x91\xa5\xa3\xe5\x14\xd3\xb4\xcd\xab\xcf\x03'</t>
  </si>
  <si>
    <t>b'\xd1\xa5yqq\xf0\x7f\xf1\x86\xc2\xf1\x06\n\xdb/}\xc9\x13\xb1\xf8z\xa62$X\xcb\xc7\x94\xf2q\xa1&amp;'</t>
  </si>
  <si>
    <t>b'\xbe\x8f\xb6\xf8\x83\xf2"\xd9Q\n.Hs\x99\xc5nQ\xcb\xac\xf39\x04\x83m(\xfbp\xe5z\xb6\x0e\xb6'</t>
  </si>
  <si>
    <t>b'\xa0;\x19Z\x0cm\xa0\xe1\x02I\x03\xf1\xa6\x0e\xe0\xd9\x10.\x83-\xbb\xb01\x1e\x15\x88\xd8Y\xfb\x07pR'</t>
  </si>
  <si>
    <t>b"\xfcc2\x90\xbc\x1a\xaa\xc3\xe6\xa9N\xf7\xf7\x01w\xac\x96\x90\xc9\x13\x81F\xfa'{\xd0\x1dw\xack;U"</t>
  </si>
  <si>
    <t>b'\xd3\xd6\xebE(2&gt;\xb9V\\\x0bw\x080\x82\xbf\rh\x98\xbar\x1e E\xd9\x9e;\x16\xbb\xc1-\x8b'</t>
  </si>
  <si>
    <t>b'\x0b\xb6\xcb\x11z\x92W\xf0\xb6\t\x81\x81\xf1)\xf9\xf9\xff\x0bd\x8a\xd9F\xd3\xdeg\xbd\xe8&amp;\x10\xab\xd6\xa5'</t>
  </si>
  <si>
    <t>b'Fh\xbaj\xd8\xf7\xba~E\x057\xc4\xb2:\xe9?\xf2\xb3\xf4H\xcc`\x99\x9f\xc5\xd1n\x96~\x17\x1a\x8e'</t>
  </si>
  <si>
    <t>b"\xdc!\x17\x98\xa2\x18kP\xd0\x867\xads\xaa\x0f7\xa2\xd0ZBm\x8bw\xf9'\xe1b5\xab3\xa6\xef"</t>
  </si>
  <si>
    <t>b'\x8aOmB(\xaf\xc0\x05\xfe\xbb\x07\xee\x97a\x14\nmv?\xeb\xf5| \xedMX\x98\x85\xa9J\xcc\xcf'</t>
  </si>
  <si>
    <t>b'];\x15\x95\xf5\x9f\xfe\xaa\xbd\xf2:\x8a,\x02C\xce\xa8\xb8\x90\x01\xb6\xa0x;K!6\t&amp;\x1d\x8f\x94'</t>
  </si>
  <si>
    <t>b'R\x13E\x8e\xe7\xf0\xd2\xf9m\x91L)\xceYN\xe5\xbd\xd8\x0f\x1b\xa6n\x9e\xe6\xcd\x855\x8b\xec":*'</t>
  </si>
  <si>
    <t>b' Q\xa8P\x95\xdf\xa3\x93-\xfcFNR\x0b\x8c\xfc\xc4JJ\xc8XB\x8f&gt;bn~aF\x10j\xf5'</t>
  </si>
  <si>
    <t>b'?\xb7d\xcfS\xa3\xe2\xe3G\xd6E\xa1\xb2\xb3\xca\xcb*!\x9f\xcc\xe75!:N\x00p\x88"\x83\xfa\xd2'</t>
  </si>
  <si>
    <t>b'\xa0\xdd\xe5\xc3\x13\xa1G\xf9{3d\xd7S\x8cB\xec\xa6\xce\xef\xd530]\xb7\xd7\x9f\x93\xc1\xb6/0\xab'</t>
  </si>
  <si>
    <t>b'\x85\x83\xf3\xf1\xc5\xc4\xdd\xbf\xd4T\x95\x9d\x97\xbaM\xc6`@\x8eFl\x82\x16\xfd8\x80X\xf6xQ\\J'</t>
  </si>
  <si>
    <t>b'\x04\x90R0~\xf5&gt;\x06$V4\x00M\x10\xc2\x1aI\x03g\x12\xebD\x81\xbb\x14J\xa7\x95\x18f2\xde'</t>
  </si>
  <si>
    <t>b'\xeb\xc4\xa6t\xc5)rX|\x14g\x14\x1d4\xfb@\x15\xc7\x1a\xf3\x1f\xda\xa6#p\x9bd\xb2\xfb\x8a-4'</t>
  </si>
  <si>
    <t>b's\xe6\x0b\xaeb2\xa2&amp;\xfe\xc9\x1d\xa6\xd3\xa1\xe0$\xd4y\x8f@lp\xbf\x87\x7fL\xd1/\xe8\xd9\x963'</t>
  </si>
  <si>
    <t>b'\x17\xa0\xcc\x9d\xb0\xfc\xfa56\xe5\x1f\xdcZ\x14\x98\x9aX\xd2.\xa1\x90\xf1\x12\x13\x9fB\xee\xd2n\xcd\x96\xa7'</t>
  </si>
  <si>
    <t>b'vz*o\x9c\x1d\xc1)\x93\xaay\xc2\xc3\x12\x1f\xe3\xcd\x9d9\xff\xef\xd8\xfb\x99\xceo\xadh\xa9\xc2G\xe9'</t>
  </si>
  <si>
    <t>b'\x8a\xf2\xad\x81\x17\xff(M\xa1T\xba\xe8\xc3\xedR\xf08c=\xcf\xb1\xbcE\x88\x7f\x14\xc6\xcf\x88\xa7h_'</t>
  </si>
  <si>
    <t>b'\x93\xda\xd4\x12\x02\x91z\xbd\x16\xd0\xbb&gt;\x87\xdbawSb\x06(zeO\x1d{\xaa\xa3\xd3F\x17\x1cv'</t>
  </si>
  <si>
    <t>b']\xdb{`\x1e\xedU+U\xac\xe3\xc2\xbeW,\xfbV\xc3R\xb6\xe1\x9d"\xcb\xb8H\xeav\x05\x18L\x9f'</t>
  </si>
  <si>
    <t>b'\xb8\x93q&amp;A_\xe02\xf7\x85P\xc0\xa8\x7fd7\xcf\xad\xd0\x05^y\xc2\x1e\x9ft\x06\xa0\xa5\xdf\t\xec'</t>
  </si>
  <si>
    <t>b'\x8f\x95\xf0\xf4\xe1\xae\xfbb)\x13\xb9\xb9\x8b/sq\xd6\xbf\xd8:\x86\xa0\x91\x1d\xa2_\x1a\xe3\xe9\xaas_'</t>
  </si>
  <si>
    <t>b'\x1et\x07\x96Y\xa0\x98b8\x88{ce\xe7\xd9\x80\xe5\xa8\xe8Z\x08\x95\xb2h\x12\xbf\x0b,\xb1\x92I5'</t>
  </si>
  <si>
    <t>b'\xf8\xac*\xe2A\x16s%\xa3$\xe93\xe4\xea\x91\xd5\xdd.\xfd\x8e\xd2=\x03|y\xae$*\xa0\x19wK'</t>
  </si>
  <si>
    <t>b'\xca\xd9\xfe\x9f\x8c\xd3\x1a\xab]\x9b_\x82\x84_IK\x08\x9f\xda|~\x02B&gt;\x13\xfe\x92z\x1e\x05Xm'</t>
  </si>
  <si>
    <t>b'R\xab\xe8\xfa\xa9\xd5\xa7r\xde\xbc\xb5\x90_\xee\xfa\x90qF\xfe\xfe\x92r\xfcr\xe4m\xb4\xb2\xf7\x1e\x90I'</t>
  </si>
  <si>
    <t>b'\xb1\x95\xfbX6F\xaf]\x1cJ,\xfb)U\x03N\xf0\x0e\xc9\x97-A2\xdc\xa9\x17\xe8h\xa3\x0f\x02\xae'</t>
  </si>
  <si>
    <t>b'^9\xb2\xff\x85\xb5\x9f\xc3\x1f\xdf\x9d\xfeJT\xf7\xadvQ.m*\xa9q\xaf$.\xdds-\x81\x1b\x98'</t>
  </si>
  <si>
    <t>b'\xd3\xbe\x80]q\\\xd9\xc9\xc7\xc6\x1e#\x87X\x8e\xc0t\xd6\xbc\x07\xf8Y\x85\xa9D~\xd3},\xdb\x93\x9d'</t>
  </si>
  <si>
    <t>b"\x8e\xc1(\x9f\xcfn\xb2\xeb\xb2\xd4&gt;\xcb\xc2\r\xc7A\x92U|\xc8mfu\xed\x08\xb4\xe2\xd9'\x93\xef\xfc"</t>
  </si>
  <si>
    <t>b'\xe1\x8a\x8b\xba\xe5\x80\xa9\xee\xa2\xe5z\x9e\xdaZ\xf4S\x17\xc9!$_8zd\xe9\x1d|\xa1H\xe1\xf8*'</t>
  </si>
  <si>
    <t>b'\xe7GFE\x9e\x82\n\xc1U\x18!/?\xb1!)\x18\x90\xdb\xc0\x88V\x81\x17\x1d\x16\xc9*\xf6]\xa4X'</t>
  </si>
  <si>
    <t>b'\xdd\xfa|\x8e\xad\xadcG\x85\x16\xb3\xd3\xc5\xd2\x9eb\xd4\xa6!\xb6\x96Us\xf6\xaf\xafS\xb9`\xdeS\xd8'</t>
  </si>
  <si>
    <t>b'\xad\xc0&lt;F\xbc\x7f\x00=\xd5\xa9\x85\xa8~\xb9&gt;w\xe0\xe3\xd2\xab\xb2\xaf\x9a\xc0\xa5\x0fd\xff\x91P4L'</t>
  </si>
  <si>
    <t>b'\xd8\xcf\x95\x80\x97\xbd]\x8c|\x1d\xc3Dw\xfe5&gt;ZO\xe3B\xe4@\xd6\x8e\t\xffx\xa5\x17\xb3DI'</t>
  </si>
  <si>
    <t>b'\xca)\x1d:\x89\xd8\x96\xda\x1fa\xeb?\xe8\x06\x92Fr]\x8c\x15\xdc-\xb9o\x9eS\xa9(\xa0OJG'</t>
  </si>
  <si>
    <t>b'd\x8e*\x80-\xf7&lt;\xec\x01/C5\x00Iy\xae\x17\xb1uS:\xb0\xe0\xeay\xf3\x92%x`(\x1c'</t>
  </si>
  <si>
    <t>b'\xf7\x12&lt;\x7f\xae\xfd\xa9H\xf7\x95\\@\x85BV%\xa4\xc0,\x8b\xf2\x150d\xdc\x19\xca\xd4\t\xc7P\xd6'</t>
  </si>
  <si>
    <t>b'\xcf3"J\x84{\x02X\xb4\xc5\xa3\xfc\x17&lt;u\x0e\xf4}\xf3\x1f\x0bW\x8c\x88\xde\xbc\x9b\xd9\xa8\xa7\xf9\xea'</t>
  </si>
  <si>
    <t>b'\x16H;\xd3\xcd\x95\xd8\x7f\x8e-wd\xee\xdeAI I+\xa7\x95\x07\xef\x86\x86|\x8c\x01G\xad\x0c\xb1'</t>
  </si>
  <si>
    <t>b'\xfa\x11\xec\x18c\xf8\xc9\xf19?\xce]QROJ%\x91\xd4\xd4\xea\xcd\x9a\xeb\xac5S\x06\x87i\x18$'</t>
  </si>
  <si>
    <t>b'GA\xa8\xb8P\x86\xf2a\xd4_\xa0\xc3\x00Z\xbe\xc0O\x93/\xeb\xf5\xef\xfc[\xe7\xf2\xc6@\xa2|I\xf3'</t>
  </si>
  <si>
    <t>b'\xa1\xfa_\x01`\xf8\xe2s\x1aP\xf6\xb9\xbe\xa8\xd4IX\x14\xb1.\x9b\x9e\x82\x86\xb0Iim\t\xba5W'</t>
  </si>
  <si>
    <t>b'\x00\xf8\x85\xdc\x02\xc9ok\xf5\xc1e\xda\xca\xd7\x00\x0e\x90\xbf\x96\xf5\xb3\xf8V2\rJ\x982\x06\xe7\xfb\x7f'</t>
  </si>
  <si>
    <t>b'\xa1\xa8\xaf\xc8\x0b\x08\xbf*\xa7\xee\xdc\xeb\xd0\x16\x90*\x03\xda/T\xb6(!\x06\xae\x0f\xb6&gt;I"\x87\x06'</t>
  </si>
  <si>
    <t>b'\xbb\xdf\x91_|\xb3\x1d\xc0\xc7|Z\x85\x16@\xe2\x81\xb5\x9e\xac\t\xca\x83\xf1\x19\xaeh\x16\x0fz|\xcd\xb7'</t>
  </si>
  <si>
    <t>b'\x94]v\x8fY\xc0\x86J\xac&gt;\xd6\xad\x83\xc06\xadB\xe1~\xae\x91\x0e\xc6\xf1\xf0\xd8\xbb\xf9\xd0\x1b\x96\x06'</t>
  </si>
  <si>
    <t>b'8\x9d{\x85\x12\xae0bsz\x8b\x96N\x1c\xfd\xb3\xb7X-\xf4&lt;\xec\xaf&amp;\xc1\xac\xa3\xa5\x1e{!\xc7'</t>
  </si>
  <si>
    <t>b',\x1dZM\x8e\xb7\xfc*\xdeG5\xe8L\xea9\xe8l\x98\xdf\xbbH\x172X\xcf\x92YCw\xef\t\xb0'</t>
  </si>
  <si>
    <t>b'OL\x05\xed\xc8eN\xea\xb4\xa1\xb9T\x1e\xd20\x94\x7fap\xa6?\x92\xd8~\x94\xc7\xf6\x84\xbb1\xa4\x14'</t>
  </si>
  <si>
    <t>b'D3\xd7\x88\x06\xf4\xe6\xc6\xb5z7\x81\x04\x10|\x17U\x8e\x0f:\x05@x\x97\xf8H\x96\xcfZB\xe3o'</t>
  </si>
  <si>
    <t>b'S*\r\xa5\xff&gt;/\xa2\x95\x91\xd9\xa7[\x14\xaa\xd4ZZ\xb7\x18\x11f\xc7w\xaa\xb4\xda$ve\x9d\x85'</t>
  </si>
  <si>
    <t>b'+\xf2s\xff\xed\x89P\x9994S\xed}d\x86\xe3\x8d\xcal\x1b\xb5\xc3F\x8b\xe8\x9e\xe3\xa5:\xaby\xa2'</t>
  </si>
  <si>
    <t>b'\x91\xc51&gt;fB\x06F\xde\xbf\xa4&gt;Dkd=\x95\xb9\xdc.\x1fq\x8a!\xa1`\x19\x92&gt;d\x85\xca'</t>
  </si>
  <si>
    <t>b'}\xe0\xfc\x11\x87.\x0c\xe0yU-\x81\xb7\xee\\(T\x8a\x1f3\xd3\xd0p\ty\x1aN!\x10\xe6\xd7\xdc'</t>
  </si>
  <si>
    <t>b"\xa9!\xf7\xf7\x18L\xda\x0c'\xe7p([4o^f\xec3\xa3{cG\xb7\x9f0\x0b\xf0f\xa1~\xa5"</t>
  </si>
  <si>
    <t>b'T\xbed^gug\xadL\xc4\x00\n\xbc\x15\x0e\xdaG\xa4;\x86&lt;\x13\xb1\xed\xc6mS\xcf+b\x11\x97'</t>
  </si>
  <si>
    <t>b'\x8e\x1a\xcc\xbd\xcb5\xce\xf3\xe4\x13?\x8e\x86\x0b\xf1\xaa\xf2+v\xcd\xb5^{\xac2p\xbd&lt;\x88\x10\xf6k'</t>
  </si>
  <si>
    <t>b"\xf7F4`Et\x90\xa6\x8cG\x87\x83\n \xef\x1d'\x0f{+\xfb^\xd3Y\x95\xe4q\xf2Q\x14\xc6\xbb"</t>
  </si>
  <si>
    <t>b'%\xc9\x03\xe0\xfa\xe9\xa2P\xb1a4\x7f\x94\x10\xdd7^\x86%\n\x83\xa9\x865(\xbf\x85\xff\x17}U3'</t>
  </si>
  <si>
    <t>b'\x93\xdc\x01\xfc\x0cZjV\xd5dW[\xc4@v&amp;Z\x15\xdf\x90\xab\xd0\x9b \xdd~@^\x9am.\xa2'</t>
  </si>
  <si>
    <t>b'\xe0\xa2\x86+\x90\xa6\x17\x8d4g\x8bta3\xcd\xb4\xd0\x98\x95E\x90\x99\xc0Ox\xeen\x16\xff[\x00\xdc'</t>
  </si>
  <si>
    <t>b'\xd1;p\xb2\xcb\xaa\xd1LF\x96\xda\x16\xb1r\xc4\xa5\xe6n\xac\xa9&lt;\x12\x17\xfa\x05\xe3\x0e\xc9\xcf\xb6/\xcf'</t>
  </si>
  <si>
    <t>b'\xc1\xf8tv0\xecmA\x85\x9b\xb0Q\x82\xc2\x1cj\xe5\x11\xab`\x8c\xfd\xec\xf5\xdc\xc3v\xa06{\x8c\t'</t>
  </si>
  <si>
    <t>b'\x0e\xa2\xb1;\xd5\xaa\xc4\x01\xa84\xf9\xa2\x85"K\xa1\x08\x19\x1e\x1f\x1e\xb3D\x17\xc8k]\xb9mB\xc1O'</t>
  </si>
  <si>
    <t>b'\xbd\x81\xa2\x95\xd2\x94\x91J\xb0\xa0\xd8\xa8Q\x0fs{\xd8\xa6\xec\x1e\xe1\x90g\x0fy\xe2TgW\xf0I\xe8'</t>
  </si>
  <si>
    <t>b'\xd1sbJ\x1e\xb4}\r[g\x9a,\xec3\xac\xea\xdf""\xadX\xe4\'\xbeC\xc9\x81\xbe\xec\x05\xe4j'</t>
  </si>
  <si>
    <t>b'\x01\xec\x00r\xa6&amp;\xd1\xdb\xa3T2H&amp;\xf6\xa0}r\xb3B\t\xe7\x08IQV\xcb\x08V\x18(\x82\xe0'</t>
  </si>
  <si>
    <t>b'B\xd9s\xd7IX3\xa5Y(\xda\xc3U\xe1\x1e\x13\xa3\x1b]\x84\xd0\n\xd0\xb0\xb3{\xcd\x84\xe7&gt;%h'</t>
  </si>
  <si>
    <t>b'\x04\xc0-\x86\xba;5\x81\xd3hL\xd8]\xe6\xb7\xbb\xb6z\xa5G\x17TZ\x16W\xbby\xa2\xc6A\x96~'</t>
  </si>
  <si>
    <t>b'Rl\xc7#"Ft\xc3S\xc2\xb07\x12F\x9cM\xd1\xcc\x8c\xc7V3\xa9V\xcc_y\xb0`\xd3\x17\x9c'</t>
  </si>
  <si>
    <t>b'\xaa&gt;\xbeL\xb43\xfa^\xda\xec\x861\x93\xf0v\x07\x0b\xd8\xbe\xb5"\x98\x08W\xcc\x87!\x80a#?\xd6'</t>
  </si>
  <si>
    <t>b'\x06\xd1\x82\x11q\xf1t\x03\xb0C\xe87\x00\xc0\x94\x89\xb9w\xa9B\x8d\xbf.T\xa4\xa7\xfe\xc8\xa5DY\xb4'</t>
  </si>
  <si>
    <t>b"\xdb\x00\x83\xc2{\xf1x\xe4\xeb\xdc'O\xe5r\xa3\xa5\x91&gt;\x0e#\xa0a\\\xcd\x12\xfcEpJP?\x14"</t>
  </si>
  <si>
    <t>b'LU\xf6\x8d\x13\x18\xd6\xd2!\xe5"j\x91dd\xba\x18\x06\x8a\x01=\xa1o\x83!\xe7\x83\xb0P\x99\xa9+'</t>
  </si>
  <si>
    <t>b'+2\xe5u\x1a\x1d\xeb\x0ekn\xd3m\xcf\x9drk\xa1\xe0\xf2\x0c\xf9^lC\xe9\x8f\x87\xc3\x82\xa3~\x96'</t>
  </si>
  <si>
    <t>b"U\xf5\xba+\xd1\xe0j\xde\xfd\x98\xda\xfefn\xb2'\x98\xe9t@Vu$\x1f7\x9b\xe4\x19\xf6~\xac\x08"</t>
  </si>
  <si>
    <t>b'\\*\xdb\xfd\x82\xfaQ\xcb\xba\xb8\x97\xd5N\x05&lt;\x1e\xa6a\xa8\xecQ\xaa\r\xb2\x99w\x83\xff\xf45\xa4\x8c'</t>
  </si>
  <si>
    <t>b"\xefxD5Y&gt;\x05,\x80\x19z\xd7vWp\x19#1\xe8\xe9\xe3\xde\x8e\xc2Mr3\x17?'&gt;\xf9"</t>
  </si>
  <si>
    <t>b':\x04\xb2v&gt;\xab\xaa\x04\x17\xbc8\xe3o\x02\xa5"\x01Qz\xfe\x87\x90\x13QaV\x10%Jo\x10\xec'</t>
  </si>
  <si>
    <t>b'\xb5\xbaQ\xc7\xf6^X\xcc\xfbC\x9f$"\x7f\xbd\xc2%\x16\xad_\xcc\n&gt;\xe7\x84\x8e\x1b4\x17\xe6\xd6\x06'</t>
  </si>
  <si>
    <t>b"\xc0\x16[\x8eA*\r5\xcc\x11=\xd2\x0c\xbc`\xe3\xfc\xc1\xdd\xec\xce\x0f8\x89\xe9\xfc'\xb5\xea\xd5\xeeE"</t>
  </si>
  <si>
    <t>b'\x1c\x15\x06\x8b\x03}d\x94\xd8Q\xda\xa8\xa6\x97\xa6\xac\xb6{\xefn\xd5\xd1\xea8\xe5\xc6c\x04\xc6-:\xb7'</t>
  </si>
  <si>
    <t>b'\xca\x98Hb\xb7\x06&lt;P\xc0\xd0\xc7[\xe3KYv\xcd\xac\xb8f\x9b/\xee\xafA\x1dM\x83\xbbK\x1c\x8d'</t>
  </si>
  <si>
    <t>b'7\x14R\x1cF\x13\x0b\xcc\x0bm\x1a(\xbb\x07B\xd2\xe8\xaa\xfatV\x03\xc7ubx{N\x925\x04\x08'</t>
  </si>
  <si>
    <t>b'\xeb\xbc\xe1*\xa8\x9b\xd1!\x02\xa9-\xb2\x9a\n(/\x0b\xc50\xbd\x1a\xb6$nm}\xaaP(\xdd\xbcN'</t>
  </si>
  <si>
    <t>b'yt^\x10\x1b\x91\x14!\xd4,\x00\xee\x02!z4:N\xc3\x18(B\x7f\x1c\xd20\xe5\x81\x1cgt\xee'</t>
  </si>
  <si>
    <t>b'\x9d\x8f\xb0\xea\x1a\xc7\xf1|\xde\xb5\x0c\xf6.\xef\xdc\x1d\x9e\xcbYtF\x88\xe0[\xd5\x16#\xc6\x06\x85\x01x'</t>
  </si>
  <si>
    <t>b'\xec#\xfc\x98&gt;WH\xc5\xdd\xe9~\x85k\x91X-\xac_\xe2\x11n}G\x08\x80\x94\xe3;}[/\xfb'</t>
  </si>
  <si>
    <t>b'\xfb\xb6wr\x06\x07\xd0\xf1\xbe@&amp;\xe8\xc1O\xff\xccdCL\xab\xeeH\x17 \xcaNx\x9a\xa9\x0c\xd9\x1f'</t>
  </si>
  <si>
    <t>b"\x031z^\xdd[\xa6\xdf\xfem\x82\x1crQ\x83-+g\xf8\x89\x7fm\x18X\xdd\x92'\xda\x94\xb8NP"</t>
  </si>
  <si>
    <t>b'\x8c\xa5\xbf\x82\xe0\xa1\xa2\x91\x8d\x1d\xe9\xd3\xdf&gt;\xc9\xe4\xfejl\x02\x85\x16\rsP\xb9!\xd7\xf9\xb8\xb0;'</t>
  </si>
  <si>
    <t>b'\xe4\xdb\xe0*~O4\xb5&amp;\xcd\xe4\x91R\x05jJ\xb1j\xff\x12\xec\x0f\xe3\xed?\x8b7\xb9\xb0\x94A\xe8'</t>
  </si>
  <si>
    <t>b'\x80"\x14&gt;&amp;\x9b\xe2\xf6\x07\xeewI\x84d\x87\x1bM\x04\xb4n\x9d\xd0\xda\xackM\x87\x0b\xc2+\xa9\xa4'</t>
  </si>
  <si>
    <t>b'\xa3bx\t\xc1\xf6\xc1M\xf6\xe7\x87\x86\xfa\xd0h\xaa!\xf4\xb3\r\xfc+\xef\xc7\x97D\x8f\n\x07\xcc\xcb('</t>
  </si>
  <si>
    <t>b'\xaf\x95\x9fb\xadH\x0ct\xc32\xf5\xd3\xb5(u\xe4\xee\xd0\x88\xb2G[\xba\xb6"O\xd2\xd2L\xbe\xf1\x0e'</t>
  </si>
  <si>
    <t>b's\xb4\r\xd32\x08\xe2\xceq\xc8\xc0I4n\xd5\xa7)\xa1\xdc\x8c^8\xccc\x06-\xce\x90[\xca\xad\x03'</t>
  </si>
  <si>
    <t>b'(\xd8\xb1m\xc1N\x16\xd9^=\xef"\xb9\xedm&amp;\xeeX\x02Tg\xd2m.\x82Q\xa6-\xd8\x8a\xa9|'</t>
  </si>
  <si>
    <t>b'\xac5\x9b\xc7w\xc9\xa5\x01\xa8\r\xfd%\xc1?\xd6\xf7U\r\xff\xb3\xf2f"\xefbT\xe9\xd0\xea\xbb\xde\xd9'</t>
  </si>
  <si>
    <t>b'x\xd4\x94\xef\x81{\x1elb\xa0n\nH\x96RjB\x8f~\xd72\xe4\xf6\x13\xb5\x13-Zv\x9e\x8c\xbc'</t>
  </si>
  <si>
    <t>b'\x1d\xd6\xd2\x99\x10\x7fB\x9d\xf5\xb2;\xf5\x1e\xeb(\xd9\x89b\x13]\xc2G\x14K\xf9\x1c\xb3/\x8c\xecm`'</t>
  </si>
  <si>
    <t>b'\xdb\xc3\x14\x05\xb2\xb0b.\x1bN\xa8\xef\xb4F\xf5V\xc8%\n\x19=\x0eG\x88D6[d\x07\xfc\xc1\x00'</t>
  </si>
  <si>
    <t>b'\x1f\x0e\xb9\xd6p^w\xb3/VP*[\xb3\xf5\xd7q\x16&gt;E\xd0?YP%0\x05\xa5. \xd71'</t>
  </si>
  <si>
    <t>b"D\xd95W%`\x95\xa6O\x12O+\xb6\\[\xc2\xc5\xff\xf3\x99\xe8Y\xd4\x1f\x15IvnZ3\x08'"</t>
  </si>
  <si>
    <t>b'\xa3F\x91\x0cf\xd1\x81\xb2\xc7\xdc\x99)R`\x9fr\x8b\xeb\xa3+\xe4_\xbc\x93#a\xd55\xc3\x94e\xe7'</t>
  </si>
  <si>
    <t>b'\xe9`p\xce4\xd2dqu\x1c\x01KE\x04\x1c#\x7f\xc0TS;\xf4\xa5\xf7w\x9c;\x98\x8c\x0e\xcb8'</t>
  </si>
  <si>
    <t>b"\xdb('\xb7\xb9\xe9\xf8\x84\xb8\x0eBc\x1a6\x89\xd9\xbd\xb7E\xf9\xe5\x00rgG`\x05\x98\xe5;\xdc\xd9"</t>
  </si>
  <si>
    <t>b'Sa\xe6QJ\x8a\x98\x84\x8d\\?\xaa\xd8\xba\x19\xdb:P\xb8=Z\xe2\xab\x85\xb0\x01\x81\xdf;\x90\xd0g'</t>
  </si>
  <si>
    <t>b'\x97\x16\xa4"0\x7f\xfdMJ@&gt;ft\x96\xa9\xf7\xfd\xa1j\x1f\xe6\x9a\x97=9\xd4\xec:\xc6\x01z\x00'</t>
  </si>
  <si>
    <t>b'V\xeb[\x891\x0c\xfb\xbdd\x0c\xea)\xe9\x9b\x8e\x07\x9e"\xc4M\xe1J?s\xf9\x9a\x1c\xba\xb9c\xf5?'</t>
  </si>
  <si>
    <t>b'[\x08\xafKhc \xb4\x85\x8d\xab/\xcc!Q\xb4\x9ekz\x0c\x81\xdcv\x9c\x87\x97l\x80\xce\xbbW\x95'</t>
  </si>
  <si>
    <t>b'\xa4]\xbc\xb0\xb2\xd9y\xc00\xcd\x00\xfaI\x96Vq-Q\xc5H\xb5\xe4\x96\x94\xe8\xd9\xc437o\x83\x08'</t>
  </si>
  <si>
    <t>b'\rG\x14@s\xd6\x0e\xbc&gt;j\xa8^RT\xe4;\xa4\xc8}\xfaXL\xd61\xe4\x11\x0f\xc7\xbcKR}'</t>
  </si>
  <si>
    <t>b'\x84\xf5Dq\x81"\xc1_Cl\xfa\xb9[\x99/t:B\xdaC\xd1\xb9t\xe8B\x98^Z\xca\x97\xd9\xc1'</t>
  </si>
  <si>
    <t>b'\xf2\xfc\x03E\xb8KCl\xa5G\xc78?4\x85C\x7fB\xec@\x819\x91\x8f\x81\xe5\x96\x01\xd0Q\xe9\xb2'</t>
  </si>
  <si>
    <t>b'`\x01X\xd5n=\xf7w\xc3\xf2\x92\xa3O\x93\x00C\xe3\xfa=\xd8!\x86\x84\xd9z3@\x15Wy.\xe9'</t>
  </si>
  <si>
    <t>b'\x1f|\n"Ws\x92\t\xe7\x14\xb2\xb5J\x93\x1c3)E\x86\xb0\xe11\xc6t\xca%?\xb4;u\x1f\xf1'</t>
  </si>
  <si>
    <t>b'\xae\x13Gx\xb2\x8b\x84%\xbc\xa0\x99:\x903\xdby\x9b\xe5\xcf\xf8\xdaH\xa9B;%\x99\x05\xd2\xc6\xc1F'</t>
  </si>
  <si>
    <t>b'\x02\x07\x05\xcaM*c\x01@\x83\x8e\x93\xfe\xf0\xb3}\x15\x08\x06\nY\x04\xb2\xc2\xb3\x10\xa52\xf6z\xdeX'</t>
  </si>
  <si>
    <t>b'JS\x1e\x05\x9e\'?\x93\x99\x89&amp;c\x10\x1c\xac\xb1\xa53\xaf"XV\xe1\x89\xdf+\x02\xd1\xbfq*\x19'</t>
  </si>
  <si>
    <t>b"\xfe3h\xdb6\x8f[5\x10\xc8\xde&lt;\xd0\xe9_G\xbf\xd7\xde'\x9d\xc9\x8dc\x90\xa0l\x92\xfe\xd6\xa5\xc7"</t>
  </si>
  <si>
    <t>b'=\xf0\xb0\x8dd\x16\xb2\x84\xd6cnm\xcb\x8f\xfc\x9e\xcei\x8e\xc7\xb7\xe3\x93\xae^\xcd\xa5\xd7\x8b\xd3\xec\x1f'</t>
  </si>
  <si>
    <t>b'Q\xdfj\xb6l\xc3\xc7x&lt;n\xd6\xa4\xd3\x9f\xa0\x99\xd3p\xcd\xca\x8cjxk\x054(\x1b\xbd\xa6\x97H'</t>
  </si>
  <si>
    <t>b'G\xd1{\xce\xba\x98-\xfc\xd5\xa4\xaf\x19:\xfe\xc5\xb2\xd7B4\xa3\xce]\xe8G3\x9e\xa7\x13}|h\xd7'</t>
  </si>
  <si>
    <t>b'\xf1\x13\xefxV\x96\x92IY)R\xcc7/\xa0u\xa5^&lt;r:;\x83\x03\xc1\xed\xef\xaa\x9e\xa5i`'</t>
  </si>
  <si>
    <t>b'\xc7|\xb9\x18\xf29\x07\xf5\x0ec\x15\xa9\xf9d\x13^,\x1a\xfc_\xa4{M\xc1\xad\xdaI\x10\xa5\xc2\x8a{'</t>
  </si>
  <si>
    <t>b"~\x7f\x96\xa8D\xdc\x08\x87\xf7\x940m\xcb4\xc4\x91w\xd6\x06\xb1\xc3\xdad'\xa1\xcb\x05\x0e\x97\xcc\x0fK"</t>
  </si>
  <si>
    <t>b'\x16\xfc=\xe0\x8b\x8ei\xb1\x1fv\x02\xe3L$\xa3\x99\x88\x1e\x03\x8e\x92\x93\xae\xd3xW&gt;\xafDP\xcb\x9a'</t>
  </si>
  <si>
    <t>b'h\x1f\xb1\xf8\x18\\az\xf1|\x85u\x04\xd2\x14yc\xfb\xce\x1e\x87za\x12\xd3\xe92\xd5\xf49\r\xb6'</t>
  </si>
  <si>
    <t>b'\xf1\xcd\xb9\xdc\xfe!\xb8\xd9[\x1b:\xa0W\x86d\x91\x14\x8f\xccsZ\xb1\xff\xc6\x04rKx^k\xfeb'</t>
  </si>
  <si>
    <t>b'Zu62%\x8a\xb9%\x17)\x15S\t\xefq\xb1\xbdZ\xe4\xdbK\x9f\xf0\xebGT\xeb\xfa\xd3\xc1\xaf\xee'</t>
  </si>
  <si>
    <t>b'52\x03\xddYk}W\xea\x00_\xb7\x0f+\x8d\xe9j\xc2\x1e\x1a,\xf1\x95\x87\t\x80\x12\x88\xd4AO\x94'</t>
  </si>
  <si>
    <t>b'\xe9p\xe2\xbf]y\xaeP[%:}n\x82\x8a(\x8e\xe4\xf9\x9e\x0b?\xdb\'1"}\xb3|\xe7+N'</t>
  </si>
  <si>
    <t>b'\xab\xa8b\xf5\xb9Z\xc7\xaa&amp;\xd0\xb3\xbb\x15(g\xde64)\xba\x1f\x01\x01-\x19g\xc6:#\xe5\xf0\xae'</t>
  </si>
  <si>
    <t>b'i\x90\r_A\x15\x1b\x8b\x17\x12?,\x90:05k0w\r\xde\xa7n54\x9e\xe0e\r\x87\x8e\xd9'</t>
  </si>
  <si>
    <t>b'\xe8\x8a\xa3\x91\xceZ\x8e\xdb\xa7o\xf2\xb3\xf1\x13\x81\xf5\xf9\\\t\xb3\xc1\xad^N=\x97Mb7\x19\xcb\xeb'</t>
  </si>
  <si>
    <t>b'\x0b\x7f\x80\xb2\x91;\xea\x86\xc3\xf1{\xe0\xfeN\x0b\x1b\x17-\\\xa6\xe1oP\xbc\x95\x00|p\\V\xc3!'</t>
  </si>
  <si>
    <t>b'\xbd\x84\xca\x02\xbbT\xbe\x83\x93\x1ez\x9e\xc4\x18\xfc\x1e\x84\xe8\x96\x82F\xf9\x1b;\xde\x927a\xe2E,\xd8'</t>
  </si>
  <si>
    <t>b'5\x1a\xad\xe0f\x03\xd2#i?\x00\xa0\xcb\xa7\x81\x98\xd5\xa5u:\r\x10\xc3@\x11&lt;\x10f\xfa\xe8\xef\xdb'</t>
  </si>
  <si>
    <t>b'\xdc\xb7,p\x8f\x94.G\x02\x08E\x0b\xf2\xb40~\xe4\x17\xf8\xbe\xc9\xfb\x12\x1e\x87\x04Z\x1d\xce\xc1y\x1f'</t>
  </si>
  <si>
    <t>b'.w\xc5\x0b\nu\xb3o\xcb\x89\xbc${\xa74aTu\xd7\x1b\x9aE\x94if\xf8X\xb8\x1d\x10\xe1#'</t>
  </si>
  <si>
    <t>b'G\xf2\xdb\xdb\xc5\xe3\x00\xc5\x8a\xe9h\xbb&lt;I\xc0\xf8\x18C\x85\xe7\xdc\x11C\x18*&lt;k0G\xb2\xda\xa3'</t>
  </si>
  <si>
    <t>b'?W\x94\xe3\xdd\xc0\x03\xbe\x13hx\x04\xfdB\xac\xcd\xc9&amp;\xaaaU&gt;\x98\x069\xc5G\xfd\x8d\xe8i\xef'</t>
  </si>
  <si>
    <t>b"\xd6\x1f\x9d\x9d\xf1&amp;z\xb7\xd0\x9d\xf7\x02'\x1b\xa4\xea\x88\xcf\xa5\x15\xaa\xc6\x13QK~Y=\x9e\x88\xed&lt;"</t>
  </si>
  <si>
    <t>b'N\xa2e\xb7\xb6\x03\xbe\x0bA\x0b\xc7\xa5t\x16\xb5u\xd5\x95|\xd3pl\xb2\x91\x17\tW\xb9!\xd4\xf9\xc7'</t>
  </si>
  <si>
    <t>b'\x9b\x1c%Q\x84,\x9eS\r\xcd\xd1\xd0~\x12\xa1\x88\t\xad\x8c[\xaby\x8d\x97\x1f\xa5\xdbM|\x9e\x9e\xc0'</t>
  </si>
  <si>
    <t>b'\xc2\x97X\x07yJV\n\x11\xbc@M\x13m\xb6\x94\x127}\xec\x87l.\xa6dp\xb4[ai=\x82'</t>
  </si>
  <si>
    <t>b'm\x89^-f\x89\x1b\x88\xc05\xae\x184r}Z\x1b\x8a\x0c\xf1\xc7\xd2)\x9d]+C7\x16\xfe\xa7\xa2'</t>
  </si>
  <si>
    <t>b'\x1d\xe4N@\xcb\x9b\xba@\xb8K\xbd#\x93\xcf8;(@\x90\xfa8\x7f\x97\xfa\xf26\x8b\xc6\xe00\xd0\xcc'</t>
  </si>
  <si>
    <t>b'\n\xd1#\xfc\xf8\xe6?\x1f\xae\xd42\x91\xcc\xdb\x9c\x10\xd5c\xb38\xb8\x13\xc2\xe4\xe2\xceJ\xe5i+\x92\\'</t>
  </si>
  <si>
    <t>b'}\xdaK|6^\xfc\xd0o\xad\xd2\x922\x16\xe2\xb9\x1fz\xcf\xbb\x18\x18al\xea2W4T\x18\x9fp'</t>
  </si>
  <si>
    <t>b'H\xd3\xf6\x84\x87\xfb\xbaoR\x10]\x07\xd2\x1c\xf56;O\xd2\xeb\xf0\r)\x13\xca\xa8\xdd\xc2:`\xfe$'</t>
  </si>
  <si>
    <t>b'\xd0\x96\xeaBD\x97p\xc7P\xdc\xbe\xc8t\x1b\xcdu&gt;g\xd2s\\[?3\xb3\xbd\xb3s}\x0c\x14B'</t>
  </si>
  <si>
    <t>b'EZ\x13\xce\xa7\xd2\xff\xbf\x9d\x13&gt;\xdf\xea\xd9\xc6\xb5yZ\xa6\xc5\xd5\xd5\xe1\x97\x93\xe41\x80\xb2\xc5\x8a:'</t>
  </si>
  <si>
    <t>b'R\x03\xb6d\x01\xa0&gt;\x164\xbb8\xa1M7m\x89-\x01\xb96\xa3\xba\xf6\xdau\x02i\xb6:\n\xa8\xc4'</t>
  </si>
  <si>
    <t>b'`*\x81\xe1&lt;^\xe0\xc0oVD6XI\x0e\xf9@Kw\xfbT\x93F$n)|\xcb\xe8\xeb\xa3J'</t>
  </si>
  <si>
    <t>b'\x1aD\x1f\xb1I\xaaO\x9c\x9aK\xfdE5\xf1#{P\x01\x0b\xd8\xf0~\xf2\xa1GJ\x01&amp;2\xb0\x0b\x9d'</t>
  </si>
  <si>
    <t>b'H7nZ\x01Q\xe9\\\xda/2\xca\x15x\xaa\x1c\xab\xd8^9\xf5\x05\xdb\x89#=\xba\x984{\x87g'</t>
  </si>
  <si>
    <t>b'A\xad\xed?5(\x83\xfa\xc9\xf84\x13@\x1eRw\x98\xff\xda\xe2\x9fLP\x9b\xcd\x7f\xa3*\xe8\xed\xb2\xd7'</t>
  </si>
  <si>
    <t>b'$a\x9f\x8c\xf2Z\x7f\xd9C&gt;!\x03\x1eYI\xceY\x95\xf2DX\x90\n\xed\xb4\xa2\x1d\xc3\xcf\x03 \x0c'</t>
  </si>
  <si>
    <t>b'\xe1923LJ\x88s\xae\xc3\x05\xa1\x0c[\xb1~.\xd7\x02\x14 \xf10\xf4\xc1\xd4\xd8\x13\xfcH\xc6y'</t>
  </si>
  <si>
    <t>b'\r\xb0\xe6\x16\x8f\xb9\xf9#\x13\x00{\\$c\xd3\xd2j\x94G\x82\xa2D5\xc0\x9a\x1c\xbc\xcb\xe1\x19y]'</t>
  </si>
  <si>
    <t>b'\xdd\r\x8d\xc4Ypc\xedE\xb8\xc6a\xf5b\xc1\xeb.\xb6l\xb2\xa7\x1e\xcc\x812}$\xa2\xd9T\x85\xf5'</t>
  </si>
  <si>
    <t>b';g2\x99+\xef@\xbf;\x1e\x16r\x9f\xa9\xe4M\xab,\xdf\x8b5#w\x1c\x9d\x041\x10a\x0es\x87'</t>
  </si>
  <si>
    <t>b'\xb9\xf0e\xbe\xdc\xfc"\x9e\xa4\xd3\x9c\xe3\xb8GX\xe8\xe0vG&gt;L\xcc\x95 \xd5\x9c\xf4E\x14lv\x83'</t>
  </si>
  <si>
    <t>b'\x067\xd9\xf0\x94\x96B\x1d\xfe^^@ni\xf1\x87J\xa2\xe6\x8c\x00\xa2\xab/X\xff\xcb\xdc7s\x0b\r'</t>
  </si>
  <si>
    <t>b'j\x9f\xd9\xc9\xd2f~\xf8\x99\x9d\xe8\\%u\xe3\xc1\x18\xb1\x01&gt;sq5\x8a\x8d\x93\x0f^\x93\xb2\x954'</t>
  </si>
  <si>
    <t>b'\x84\xb9OP\xf3\xed\x19\x00(6\xd0\x89\xc1\x10D;\xa1\xc7\xc9\xae\xabw\x90\xda]0\x80F\xfc&gt;\x15\xb0'</t>
  </si>
  <si>
    <t>b'\x8e\xe7Q/p\xc2\x8eT\xb0\x03\xfb\xbb\x82e\xa6s_\xcd828\x88\xcf\x85T\x8c\xbc\xfeS\x89]1'</t>
  </si>
  <si>
    <t>b'\x04\x97xN\x84h\xe8G\xfb\xb51\xd2\r\x86\x00s\xf2\x82\xb8\x80\n\xbc/O&gt;\xe3\xf2q\x97\xd3r\x9f'</t>
  </si>
  <si>
    <t>b'\xf2 \x9b\xd4\xb4\xb6h\xec\xc7z\x18d\xd6\xea+\x9ad\xd3\x11`\xfb\xe0\x1a\xaeuaY\xbfo\xe1\xf2a'</t>
  </si>
  <si>
    <t>b'\xe8Lc\xff\x8aR\xfa/\xf0\xf5\x93\x12\x8f|&amp;\xc0\x9aB{\x07\x93\x16\xc9\xd0~K%!\x06j\xd0\x02'</t>
  </si>
  <si>
    <t>b'\x1e\x95]2Z\xe8\xff\x86\xad\x04\xd1pC\x02\xaa\x8bpK\x146;\xbbL\xe8Mxb\x1f\x14\x1eWr'</t>
  </si>
  <si>
    <t>b's\xd6\x16\xd3|!\x17\xea\xa3\xe6\x91i{\xb6@d\x0c\x9c\xce\xe12\x99\x94\xa1\x15y\xba\xc7\xdb\xd4YY'</t>
  </si>
  <si>
    <t>b'\xd3F\xed"\xc2\xd5P*9~O]z\xc6\xdf\xa9a\xab8\x8cy\x97\xd0\xfc\x07%\xa5\x80\x9f\x83\x14e'</t>
  </si>
  <si>
    <t>b'F\x11u\xce\xda\x86M\x86~Y\x966\x19\r;\xf7z?\xe3\x18\xdfY\x9d\x9b\xa9\x0f\xa7\xd0g\x0b\xfe\x94'</t>
  </si>
  <si>
    <t>b'\xd0\x99\xeb\xecQ\xd9\xb2\xfd\xa1\x03dm\x01\xda\xe6"Z"g\xcc\xfa\xc8\x9d\x06\x1d\x8fZ\x10GdSt'</t>
  </si>
  <si>
    <t>b'\x0b\xae\x04\xa9\xb3\xee5@E\x84\x11&lt;r \x97Cv\xe4\x89\x9e{\x80}a#\xd9\x9f\xca\xdfh\xff\xb1'</t>
  </si>
  <si>
    <t>b"+\xb6\xef\x87\xf1*\xea\x87T\xa4\xa3'\xeb&gt;I&gt;\xbf\xadj\x9fep\xabz_\xad\xf8B\x03\xf2\xbb["</t>
  </si>
  <si>
    <t>b'X^:\xd97\x02\xa9\xba\xdd\xfc\xa2\x94BD\x08\x1a\xbf\xf0\x15F\xa3\xb7\x9d\x1c \xa2m*\xcfy\xa0%'</t>
  </si>
  <si>
    <t>b' \t\x12\xc8]\xc9o\x13\xe3\x19$u\xbdr\rry\x92\x7f\xf5\xa2nS:/\xd5\xef\x1b\xe3\xd7\x00\xe5'</t>
  </si>
  <si>
    <t>b"'\x98\x84\xb7\xa0\xfc\x9f\xdc\xc8\x15\xb8\x11U&lt;\x19%\xee-\x07\r\xd5\\rD\x89L\xbe\x8a\x14E\x95\x07"</t>
  </si>
  <si>
    <t>b'\x98\x97\xc6\xdb\xfb\x85\x0b\x99\xb8\x94\x81n\x9c\xdb\xa8\xff\xa1\x89\x15\xdca\xff\xb0&amp;\xbe\x9d\xfcH(\xe0\xd2\xa7'</t>
  </si>
  <si>
    <t>b'\xb2\x80_m\xcf\xd1\xad\x1ce\xde.\xb1(\x9e;9\x14\x9cII\xa6\xafQ~\x04\x0bL3\xaf\xa6\xe5&lt;'</t>
  </si>
  <si>
    <t>b'Ipv\xf7\x0e\xb4\xa6JA\x8aB\xd2\x16\x17Uz\x9a!}v\x06\x96\t\xc8\xed\x92$3\x94M\x90 '</t>
  </si>
  <si>
    <t>b'C@g\x84\x11\xb6?\xab\t$\xffC3Q\xb9\rd\xe06V\xb17\xc91\xdf\x90\x16\x89\xcb\xdf\x84\x9b'</t>
  </si>
  <si>
    <t>b'L\x89\xa1\x9f1\x0c\xc3\xdb\x88\r`\xb1\xe6+\x8a7\xf6\xe4\xb0V\x04\xa8\x0e\x8a\x8b\xe3\x8d[\xf2Eo='</t>
  </si>
  <si>
    <t>b'\xd0\xf7 \xcc8r\x80\x9e\x99\xa2Rf\xbb,}\x0c\x004,\xd2*K\x07\x13\xc5\xfe\xb8\t\xc9N\x99\x8f'</t>
  </si>
  <si>
    <t>b'c\x95{\x9d\xfb\xf7\xc4@\xbb+Z\x98I\x94?\x9f\x12f\xe3==D\x04"{k\xc3_\xb8\xe3Bq'</t>
  </si>
  <si>
    <t>b'\x04f\x1f\xa2\xaf\xab\'\xc6\x8f\xe3\x8b\xa8\xd5\xe2\x1e\x01\xb0#\xaa\x08`M\xc6\xc2x\x14\xed\xf4\xf1\x06"\xa4'</t>
  </si>
  <si>
    <t>b'\x17\xfb\x8a\xad\x1f&gt;\xb0\xaf]\xaf\xf7\x97\xc6\xbd\xf0\xf3&amp;\xda\x886r\x9e&lt;\xa1H\x1e\x93f\xf9`z\xf2'</t>
  </si>
  <si>
    <t>b'd\xe8\xa8\x05Xj\x17\x18y\xf4t\nA\xaa\xe2\x17Q\xc9\xb9)\xd3\xf4\xd8\x15\xeak^y\xf1\xf0\xbd\xe7'</t>
  </si>
  <si>
    <t>b'Ds_\x87&gt;\xb9j^r\xa3*\xf0\x14\xe4\xae\xd0F\xa2P\x98\\\x90\xe2_,\x84H\xcciB\x0f:'</t>
  </si>
  <si>
    <t>b'&gt;\x02\xac\x9e{\xa8Z\xac\xe3Y\xef$\x99\x15\xd8$\xb3m\xdb\xa4\xe7\x9dq\x10\x90d\x89\x0f\xf5\xe6\xd6\xe8'</t>
  </si>
  <si>
    <t>b'Z\x93\xfe\xc9\xddf\xf3\xa4s\xcf\xc67\xe3-\xa0T\x0f\xab\xc0\x99i\xc1\x88\x8fiw\xe1\x06\x07\xf2d\xc1'</t>
  </si>
  <si>
    <t>b'\xdcW\xc1\r\xcf\xe0\xfaD\x93\xf2N\x0chH\x9a\x82"\xc8\x83[\xd7\x0eP\x1b\xc6\x02\xc7\xf9\x9e\xff\x89\x0f'</t>
  </si>
  <si>
    <t>b'\xaaK\x1ax\xea\xbd\x16\x9cMwr\x1c\xbd\xf8Bw6\x99b:pU@\xc47\x99\x17.\xe18\xd6\xcd'</t>
  </si>
  <si>
    <t>b'@\xba\xed\xb5@o\x8a\x97\nLs*\x92\xf4\n\r\xbc\xc8\x03\xae\x90}P3\xec\xca\xae\xfcX\xea\x17f'</t>
  </si>
  <si>
    <t>b'\x03\xc3\xad;\xa6\xa8e,\x99\xd4i\x05;\x9f\xac1\x1b\xb9\xcd\xc0\x8b`$\xb5\xe8Z\xa9\xfa\xb2W\xda{'</t>
  </si>
  <si>
    <t>b'\x90N\xeb\x1c\xf2l\xdc`\x94_\x97\xbf\x91\xb0\x02\xa1\xbc\xf3\x88\x90\xd8)\xfb\xf07&lt;d#\x18Su^'</t>
  </si>
  <si>
    <t>b'&lt;\r\xa5&lt;\xb80?\xa9\xbc\xf5\xe2\x80!\xba&amp;\xb7\x86\xc9d\x86\xbb*\xbf"\x90\xcc\xee\x81\xf2\x85J\xa9'</t>
  </si>
  <si>
    <t>b'\xec\x07Vm\x83l\xc4\x1cs\xb7\x87I\x8b\xdf\x88\xe2\x97\x86Tk\x14\xa1\x06s\xc5\x1e9\xae\xf4S\x1c\xce'</t>
  </si>
  <si>
    <t>b'\xd5I\x8ew]\xb5\xab\xc4\xcel&lt;\xac\xb4Dl\xdcH4\xc7|H!\x08\x0c\x94\xd3U\x808\xfd\x1b\xc5'</t>
  </si>
  <si>
    <t>b'5d 6l\xeb*\x840^H\x12\xc4u\x1c\x9b\x19w{\xdb7\xf5\xac\xe8\xb4\x89\x12\xdeS\x93\xbf\x8f'</t>
  </si>
  <si>
    <t>b'1\xd7\x01\x83\xddPx\x16MZ\xdb\xac\xe3,!?\xd2\x9d\xfb\x90\xd6\xa4&lt;\xb6\xf9\x91)\xa3\xdf90.'</t>
  </si>
  <si>
    <t>b'\x8e\xd5;\x08k\xdds\x9f\xd9\x15\x8d\xb5\xa13\x12\x0bg\xa7Fm|\xed\xe1\xb2\x8c\xe25&gt;D^\x1aY'</t>
  </si>
  <si>
    <t>b'"\x83X\xf7i\xe4Sz\x9a\xae\'\x83\xef\xa75\xb1\x9a\x9f\x0e\xdf\xcbt\x03\x88pw\x1d\x1d:\xe7\xfa\x9f'</t>
  </si>
  <si>
    <t>b'\x0f\xbb\x13\xf5\x07#\x1bo\xa1p5\xba\x8c\xed}\xafpR\t!\x88\xc7\xb3\xc0[nU\xa1I5\x88\x14'</t>
  </si>
  <si>
    <t>b'\x04|\xe1f\xcdvt\x1e\t\xf1\xab\xb7\x90\x9a\xb2\xad\xc8\x80,/\xd6\x1b_}?\x06-\xb4#\x03n\x9e'</t>
  </si>
  <si>
    <t>b'*0\xd0\xcb\xa3NYC}\xdb\xc3k\x1e\x81\xaa~l\xf4\x9b\xa3\xaf\x01sWE\xae\x9fb\xf4\xc4\x05"'</t>
  </si>
  <si>
    <t>b'e\xac\x97\x1f\xdc\xf9\xc0\x02zl\xf8\xe1\xd7\xe3\xd4\x9c\xba|\xb3\xe2r\xac\xe0H\xc6}r\xf1\x84\xfd\x10\x96'</t>
  </si>
  <si>
    <t>b'_&amp;\\Lv\xda@n\xd0Z\xee\x83b\xabA\x86\x06\xbf\xe8q\x9c\x95\xbf4\x1f\xe3r\rA?J\xe7'</t>
  </si>
  <si>
    <t>b'0\x94\x19\x92l \x8eH\x84\x98\xaf9Dex\xf7\xd3E\xe7\xde\xc8\xc8X\xf0\x9d\xc5"\x18~[i\xc8'</t>
  </si>
  <si>
    <t>b' \x14x\xc8\xcfu\x84\x9c\xc4nni\x0fL\xe9rI\xe7\xa7\xcez\x00kr9\xef@l\x8f\xbc~\xb3'</t>
  </si>
  <si>
    <t>b"[\x85\xf0\xb8\xcc\xad\xe1\x00_\x91\xd4\x11\xa0\xcc\xa8'j3r(.&amp;d~\x91\x95\xd9.\x1dS\x00&amp;"</t>
  </si>
  <si>
    <t>b'k\xaas\xa6\xaf*\xac\xfd\x86\xd44Q\x0e\x08V\x97\xfa}\xc7\xc2+o-M\x18\x95\x1a\xb3n\x0c\xc1u'</t>
  </si>
  <si>
    <t>b"\xe1KJ\xc5p=\xfb\xbf\x91\x01\xc4\xaa\x12\xf1U'\\\xe2\xe3\xcc{j\xf8\xea3\xb4\x0b\xf6\xf9o\x91\xc0"</t>
  </si>
  <si>
    <t>b"\xab&amp;\x04_Pl\xc4g\xc8\xe3\xb9\x8c\x11\xcb1\xdf\x0f\x06\xf1&amp;\xb6\x08\xe6\xfc\xc8\xb5\xb9S?J\xb9'"</t>
  </si>
  <si>
    <t>b'\xc5\x97\xd8\xc6\xc2i\xa8\xceXH\x8fC\xd0\xbdc\xf3\x06\xdf\xb1\x0cuz\xf8\xae\xee\x1b\xa6EU\xcc\x98\xb9'</t>
  </si>
  <si>
    <t>b'\xfc\x01\xd1\x1d$\xa6\xde9\x1e\xfb\xb4d8tv\x8e\xe6\xbdM\xa1\xc5\x18\xfc\xd9z\x0e\x99V\xf0\xdc\x926'</t>
  </si>
  <si>
    <t>b'\x85\xc5\xffp\xc0(Rlq\xdfn`0\xad_ef7\xdb\xdd\xdf\xf2w\xad7r}?\xae\xb1K\x9e'</t>
  </si>
  <si>
    <t>b'eS"\xe7`\xaf\xceE\xba\x03.BuJI\x02\x0b\x81\xd1,\x9d\xba\xd9:\r\x1bO:X\x02\xf4['</t>
  </si>
  <si>
    <t>b'\x1e\xb3S\xde3p\xbaay\x97\xd5\x1cP\xcdgW\xdb\xfb\xc9\x10O\xb8\xef\xe0\xdc\xf4\xde}\xef\xd6\xbd\x00'</t>
  </si>
  <si>
    <t>b'\xd7\xc2\x83\x9f\x95\x0b~\xed\xaf\xf3C\xa9v\xdb\xd6\x90\xfb4\x93\x915\xe0\x9d\xf8\x7f\xdcI\xe0\xb8\xa7\x90\x90'</t>
  </si>
  <si>
    <t>b'\xec\xf6oZ\xc9E\x82\x16SEW\xee3\x99\x8a\x92\x08_\xb3\xf2\x96\xec\xa1H\xda\xf9v\xffh\xa2\n?'</t>
  </si>
  <si>
    <t>b'\xaa#D\x81\xf3\xd8\xc0\xb5\xb1\xfe\x91\x11\x16\xba\x80E\x03\x85E\x9c\xbcX&gt;\xec\x7f\xbc\xe3\xbe\x97O\x85\x1b'</t>
  </si>
  <si>
    <t>b'\xfc\x0f\x84\x14?\x13d\xe1\xd30\x0fd\xc8\x8f=\xb4\xef\x01c\xc5^7\x02\xe4\x1doW\x1d\xf8e\x8e\x06'</t>
  </si>
  <si>
    <t>b'\xf6\xae\x1f\x0c\x13\xa3`s\x8f\x9eh\x8de\xd49T\xbfT\xaaa(\xaauvX\xdc\x83\xc0\xa4"\x117'</t>
  </si>
  <si>
    <t>b'T\xa9\x87\xd2p\x02\xdc\xb3E\xed\xa8\xbd\xfe\xb5po\x84e\xf30\xc7\xdbW\xfeN\xdaGP\x8c\x14\x92A'</t>
  </si>
  <si>
    <t>b"\x06\xb4~'R\xad\xb1\xd9\xa6\xcbE\x0f\xe3n\xec=\xbcqJ\x14:q\t\x0f\xe3\x90\xd5d\xdd\xe7\xef\xdf"</t>
  </si>
  <si>
    <t>b'=\xe214\x88\xeao\x02ALw\xed\xb3xz\xba\xdd_B\x9aV\x00\xee\x14,\xf0b\xd6\x163\xac\xac'</t>
  </si>
  <si>
    <t>b'O\xd4\xf3p\x9b\xd2\x8b\xbe@\x82\xebNa\xc0\x0f\xa8k\xc5\xf14*\x9b\xb3R\x19\xdfL_V\xaa\x906'</t>
  </si>
  <si>
    <t>b"^JMw\xb6\x8f\xc7\x04Gts\xa1\xb1yI\xcc,\x15Ug'\xb4\xa2\xbb\xaf\xa7\xc6\xed\xef\xa6\xdd-"</t>
  </si>
  <si>
    <t>b'\xe9xP\xa2\xf67\xe5)\x91\xcb\x80\x9d*\xa1yiQq\x03\x11\x8f\xcb\x1a\xee!\x9d\xd6a?\x03Cn'</t>
  </si>
  <si>
    <t>b"\x07\xf9\x08\x92'N\xe9\xc5\xbc@L\xe5-\xf5q\x9e\x18b\x06}\xcd+\xf0&amp;\xd9\x9a\x93b\x14\xf7BV"</t>
  </si>
  <si>
    <t>b'o\xc7\xd2qS^+\x10\xf3u\x07\xf3\xbe\xd9\xc7f\xbb\x84S\x05\x01\xab\x8bq\xbc\xc2J*\x15i_\xc6'</t>
  </si>
  <si>
    <t>b'\x9b\xb4q\xd0\x94+V\x85\x0c\xee\xe9]\x01\xd8\xff\xdeTr\x9f\x7fc\xd0%:U\xb4\x1f\xf3\xee\xf8~\xc0'</t>
  </si>
  <si>
    <t>b'\xe1\x9f\x11\xf0\xc9\xecSaa\xa0\xc88\x06k\x8eq\xe8`\x1c\t\xcbJ\xec\xf3(\xb3\x92)\x02\xe8\xf4\x11'</t>
  </si>
  <si>
    <t>b'O;\x91X\x10\x9f\xbf_w\x05\x1b\x14\xd3\xd0\xfa\xf9{\xf0\x12Z\xe7\x94n\x06KG\xdc\x8f\xbehk\x05'</t>
  </si>
  <si>
    <t>b'a\x15p\xc6\x84#e\xd2\xd0\x08\xc7\x16\x01\xd5Z7\x06V\x99\xfe]\xaarY\xd3J\xa1g\x10\np\x08'</t>
  </si>
  <si>
    <t>b'\x97\x88\xf6\xf1K/E\x8d\xc8\x14\xbe+\x9f\xc6:\x0f\xf5;\x9d\t\x86\xfeJ\xd7\xf7\xc0\xb2\xb3,=\xacW'</t>
  </si>
  <si>
    <t>b'\xa3(\x90\xc4\x03\x93\x16A\xbe\xe7\xc0"\x05*P\x11\xd7&amp;\x1e\x92\xa1\x19\xc7\xd8\x8a\xafO\xd0a\xde\x89G'</t>
  </si>
  <si>
    <t>b'\xceW\xf5\x08\x13\xdb\nA\x82\x8dE\x97;\t\x0bL0l\x8eo\x12f\x92\xda\x82\x8e\x8d\x06\xfb\x19:\x8e'</t>
  </si>
  <si>
    <t>b'\x88`[Y*\x8f8lK\xa4k\x91R#\x89U\xf3\xfd\x83\xd1N`\xf6\xde|\xfbe8\xc7d\xf3\xbb'</t>
  </si>
  <si>
    <t>b'\x18t&gt;\xe4\xf5\xfeG\xcat\xd3#\x03.{dY\x1a=\xbcq\xae\x80\x8f\xee\xd6\xee\xf2\xbb\xe9H\x1er'</t>
  </si>
  <si>
    <t>b'hj\x87\x0fb\x9b%*\xc9e\xf7O\x96\xcf{\xbf\x92E\xe6\x8eP5\xf6[x\x11\x92\xd2r)\xbe\xaa'</t>
  </si>
  <si>
    <t>b'\x8cr\xe2^\x0f\xc1^\x1e\x0b\tZ\xcc\n\xdb\xed\xa8h\xd3\x82\x89\xc3\xc0x\xaa@\xb5\xa25\x19]\xbe\xb7'</t>
  </si>
  <si>
    <t>b'\xb7&amp;x\\\xd2\x06F0\xdb\x0c{L\xb5\x7fY\x81\xbet\xed\xe6\xe3\xb0\xe6\xee\xfc\xafO\x04\xd9r\x0e\xaa'</t>
  </si>
  <si>
    <t>b'v-\xd9\xc5\xe3\xda\x05\xb3r\xady\xf0"Kp\x86~\x95\xd0b4\xd4e\xee\x8a\x92G\x15\xd2\xfc\xd7\xbb'</t>
  </si>
  <si>
    <t>b'\xf0\xe6\xc6{\x08^=\xf9pp\x96\xd0\nu\\\x13:\xd4C\xce\x9a\xf4dy\xf3w\x86\xc7\xbf2\xe4j'</t>
  </si>
  <si>
    <t>b"\xb3pJo\x81\xda]om\x1e*\xf2ON\x81\xf1\xa7\xaf\xe6\x00:\x0c;\x7f'\xfc\xa1\xf3B;\x06\x80"</t>
  </si>
  <si>
    <t>b'\x12K\x83\xaf\t7\x04\xcd\x9f\xbd\xc4\xdb{\xc2\x16)UP\xb7d\xb4b5\xc3\x02\x85a}O\xf8\xb0\xa3'</t>
  </si>
  <si>
    <t>b'\xb9\x86\xff\xf3W\xc6\xbbTn\x0f\xec7D\xe4n\x97f\x858\x0f\x02[\x9eYZ\xfc\xda\x94iA\x97e'</t>
  </si>
  <si>
    <t>b'\xda\xb5\xfb\x0f\x9c\xd7\x82\xc51\x8f\xa9\x9f\xf0\x1a\xfe\xd1\xe0H\xdc\xb9\x9c6\xec\x16\xf5\xbe\x82\x8f(\xc5\x88;'</t>
  </si>
  <si>
    <t>b'Bt\xddg\x90\xddP\xf6o4m\x07&gt;\t\xf9.\x0b=\xcc\x06\x80)S}\x8e\xbf\xd4\x04\x0e\x17\xf8\x7f'</t>
  </si>
  <si>
    <t>b'\xbd*\x87\x01\x12\xe2\xc7\xe8~\xa5\x83\xbde\x7fP\xc0\x88\xaa\x05\xbc\x04\xe0?\x14\x12\xe2*\xaa\xfaCuA'</t>
  </si>
  <si>
    <t>b'\xce4\xf8\xadv}\x91\xb0\x94\xdf hS\xb3\xad\xc1\xe5\xad%.\xea\x010\xb8`\xe0\x86\tY\xb0\xef\xa4'</t>
  </si>
  <si>
    <t>b'g\xa9\x87\xeeS\x89My\x04\xc3\xbdY\xf8\xa8\xff~\xf8\xf2\xbe\xe2"l\x9e\xe21\xf6S\xd6M=Q\x9a'</t>
  </si>
  <si>
    <t>b'q\xb9I0\xee\x17)\xc3Q\x81\xf4\xba\x93\xb5\x1f\xf2\xd0\xd1\x9e\x85\x0e"Z$o\x87&lt;8\x94\xed\x07\x8b'</t>
  </si>
  <si>
    <t>b'\xa4\x98\xdf[\xa3J\xac\x01f\x9c\xf4\xf0\xc99\xaf9\xc8\xeb\x94\xbd&amp;PZ\xf0\xa2\x0f\x9f\xa2e\x1a\x82#'</t>
  </si>
  <si>
    <t>b'\xb9\xc8g\xbd\xba1\xb2\x88\xbez\xcf\xad\xe3\xc4\xb7\x1e8\xda\xfa?\xbf\x90\x8d\x88\x0cG\x07~\xd8\xd1\r\x91'</t>
  </si>
  <si>
    <t>b"\xed6'\xcc\x96\x12=\xd7#=I\xd3\xb6\x12\xc9#J&amp;\xf0\xd4\xb7\xe8g\xe3H\x9c#*J68\x8c"</t>
  </si>
  <si>
    <t>b'\x1c\xbd+\x83\xe4\xd8ur\xfa\xc9z\x0e\x0f\x1d7w\xceDls\x13\x94E{\x98t\x19\ng.\xa6\xe1'</t>
  </si>
  <si>
    <t>b'o^H2\xb2[\x03\x04y\xcd\xfa\x0ck\xf9c9$R\x16\xc7.YGf\x08\xb3\x15\x14\xc5\xd0\xa0\x7f'</t>
  </si>
  <si>
    <t>b'\\\xd0\x12\xb4\xa1yN\xc0=\x11q/(\x9d@6\x82\x93li\xe1\xd1~\xdc\xb4\x1c:\xcdnG\x9c\xfb'</t>
  </si>
  <si>
    <t>b'\xc5\x84\xa6\xffC\x05\x9e\xb7ka\xae6\xb0\xf2H\xe6\x06\\\x06\x00\xf5|\x8d"I5\xecZyju\xc5'</t>
  </si>
  <si>
    <t>b'\xac\xca1\x98\xf7\x14\x90\\\xba\x14\x9d\xd2`E\xed\x17"\xfc*\xc4\xaf\xcfB\xea\xc24\x13\x9d\xc6\xa3\xdb!'</t>
  </si>
  <si>
    <t>b'u\xc1zc\r\x9c\xbdyssm.\x86@\xa2Fl\x1dg,\xde\xd0L\xea3\xd2\x0bI\xd1\xa5\xa1\xf2'</t>
  </si>
  <si>
    <t>b'\x8e\x10&lt;\x8d~\xaa\x16\xea\\\xffJ\xf7\xac\xdc\xad\x90\x1fnP\xfa\x02\xca"\xc6\xbf\xf4\xf8\x8a]/d\xa5'</t>
  </si>
  <si>
    <t>b'&amp;\x94\x89\x8d\x96Tp\x05\x94\xe3\xc0}\xd42\x8f\xe5\xf1\x1d\xfc\x19\x87\x9711\xc2\xdc`\x0c\x85\xcb\xff\xaf'</t>
  </si>
  <si>
    <t>b'x\x12e\x87X\xbd\xf2\x8eg\xce\x1a\x818\x9b\x8fHc\x8ds\x8e\xb2\xd8\xde4\x1f\xf5\xe3\xdaem\xc9\xd5'</t>
  </si>
  <si>
    <t>b'\xfd\xb0\xd6,G\x96HG`\x16\x8fV\x90BO\x8c\xea\xe8=\x19p\xc7T\xd7\x96#B\xd4\xb0\x95\xf6\x8a'</t>
  </si>
  <si>
    <t>b'?\x80\xf6\xea\x9a\xce\xffA\x13\xfc\xaf\xd1\xe1\xa9\xb3*\xc3\xe5\xb7,\xe2\x10\xa6;\x8fx`F\xc2\xbc\xf6F'</t>
  </si>
  <si>
    <t>b'{\tP\xaa=\xf1A\xb0\x96T\x98U\x8c\xf2\xaa\x0f\xe1yl\xf1)\x83\x89\x0fx\xaf\x9aB\xc8\xf1\xe52'</t>
  </si>
  <si>
    <t>b'\xc91\x01VH\xb2\x1bL\x1ef\x02\xf9,\x9bz\x81\x0e\n\x01\xb8\xec\xba)\x0c\x10y\x19\xae\x07I\xedH'</t>
  </si>
  <si>
    <t>b'0\xe8\xb4/\xa5\xa8\x17\xde\xa7~WSd\xa9\x88\xd7p\xb6"\x05\xd9W\xbfB\xc0\x97\xd9\xc1\x8f#\x168'</t>
  </si>
  <si>
    <t>b'\xf5\xa3\xc8mq\x08\x95A\x15\xafl7\xcd\xd6\x8f\x16i\xc0(=S\xfb\xf4\xc4\x86\xfa\xc6\x10\x1dp.\xc5'</t>
  </si>
  <si>
    <t>b'|m\xe0(\xfb\x0fP@4\xf1\xd0\xbdL\xa9\x11n\x19\xc6\x8d\x8e|""f\x8fN^\x8f\xdbs\xa1:'</t>
  </si>
  <si>
    <t>b'\xb5\xa3\x87\x8f\x13\x1c\x9b&amp;p\xfa\xaeT~\xba\xa4r\x1a*\xaa\xe5\x11\xe0\xae\xdfm\xf5\xfc\xf94U\xbf+'</t>
  </si>
  <si>
    <t>b'@3\x9a\xf7xSOdtT*\x12\xaa\r\x03ySk\xc75=y7\xb5\xfd\xe3\xde{\xd3\xb7\x8et'</t>
  </si>
  <si>
    <t>b'\xc7\xd8,F\xb8\xed\xf2\xb6v\x00\x8d\x99\xf5#x\xee"\x89\xbeQ\x01nN\x0251\x90\xc8]\xb2*T'</t>
  </si>
  <si>
    <t>b'\xba\xeb\x06c\xaf.\x8f\xb3H7r\x84\x85L:\x13o\ry\x87\x88q\xce\xa1\xf8+\xb3\xfa&lt;\x11\x8f\x1d'</t>
  </si>
  <si>
    <t>b"\n?\x94\x06\xf9c.*\x99\x92\xcb\xff\xabJ#]\x7f\xa5~\x9d'\x04:\x05C\xe29v\x0f\xa8\xadQ"</t>
  </si>
  <si>
    <t>b'\x8a\xb2\xe4I\xcc\xa5\xba\xdd|\xf4A\xb1O\xa9\x9e\x19\x1f\xda\x06]\xf6\xf7st\x9d\x88!\x0c\x1fs\t\xe2'</t>
  </si>
  <si>
    <t>b'\xbc\xdf\xa3\x95\xb58"\x16&gt;\xda0\x96y\x0c\xaa\x90\xd4U\xb7\xf0\x9cAX\xcbN\xe3\xe6\xbb\xf7KD '</t>
  </si>
  <si>
    <t>b'a\xae\xe1[\x8c\xbd\x81I\xf4\x92\xc6L2\x95\x02\x9f@3\xddM\t\xa1N&gt;\xc2|&gt;\x9b\x0e\x0c&gt;\xa5'</t>
  </si>
  <si>
    <t>b'\xbcA+Z\xf1\xf2\x99t\xec\xe7X\xc0h\xcb4\x0bp\xd5\xdf\xd9\xee\x7f3\xab\xfa\x02wK\xf1\x8aU\x18'</t>
  </si>
  <si>
    <t>b'C\x9d\x93\x15\xd1\xd9d\xff\xaf\xb4(Z\x03\xaeLL\xd0\x05\x1db\xfb1`\\\x7f]4\x12_DPX'</t>
  </si>
  <si>
    <t>b'\x16\xd0\xbc\x90\xa4\xdbA\xfaW\xc2D\x069\xfb0\x8eX\xa9\x8b\x06{sL\xc5\xc3\xee\xdb\xc8\xee\xa1\xb8\x8c'</t>
  </si>
  <si>
    <t>b'X\xdd\xe6&gt;}\n.b\xb3&lt;P\xea\xb9\x90\x08L\x1a\xe9.\xa8\xfa\x90\x19S\x16\x1dAT5\x97N\xb6'</t>
  </si>
  <si>
    <t>b'L\xc8\xffp)\xbd7\x96\x8c\x00y\xc1\x10(\x91U\x87\xa9\xc0\xef[_\xc1\x97\x18^\x90\x8c(O\xc4A'</t>
  </si>
  <si>
    <t>b'\x95p\xbbL\xe8\xa9\x02\xb8\xe3\xd9oS%U \\\xd9&lt;=\xdf\xa8k\xfc\xe1\xd8\xda\xfa1[\xd9Z\x94'</t>
  </si>
  <si>
    <t>b"\x03\x15ZS\xf6\xe5~\xa9\xa0\x9cG@2\x10%\xf9P\x82\xe3't\x0fL\x19\xd7\xc8\xa7\x80x\xc0\xcb\xa8"</t>
  </si>
  <si>
    <t>b'-px\xe4\\\xee\x05Y\x1fh\xb6QE\x9e\xc8\xceZ\xeei\xc9\xecH\xf62\x1e\x82\xb3\xdf\x01\xbd\xd0X'</t>
  </si>
  <si>
    <t>b'\x1cN\x9ey+b\xbc\x8a\x96p\x93{\xc9\x06\xc5 t\tGP=8\xdc\xc3n\x88\x0f\xc9\xde\x9d\x9a\x91'</t>
  </si>
  <si>
    <t>b'\x08\x03\x0bu$\x8d\x89\xf4\xc4A6S*\x87n\xc9*\xd9e\xa9\x9d\x15.\xd6*\x9b\xfb\x7f\xff\x01\xd2\xe6'</t>
  </si>
  <si>
    <t>b'W\x12g\xa5Y&lt;\x89\xc5^_$#]@\xdf\xc4)O\xb05C}\xd1*)\xc6\xc8\x07\xda\x95c]'</t>
  </si>
  <si>
    <t>b'\x07$\x848u\t-W\xb0\xcd\x1c\xc2u\x0e\xef\x9d\x88[u\x9d"y\xfc\x9e\xa2\xb4\xd3\x06\xc8\x97\x8b\x98'</t>
  </si>
  <si>
    <t>b'\xb8\xbd\xe7\xb7\x93\xf3\x94\x00Cs\x18\x921\x9d\rK\x83\x0c`\xf4\xd2\xd2\x81\xde\x1c\xf8\xe9\xe7\xb9\xc8\x11\xd1'</t>
  </si>
  <si>
    <t>b'\x9e\x06\x90\x994\xe6)_\x9fEM\xb6\xd4\x7f\xf5\x95!v.\xdcTa\x15\xd3\x9a\n\xf7\xb8b\xb9\xb5\x02'</t>
  </si>
  <si>
    <t>b'\xff,\x9ad\x80\xb1\x16\xcc\nNi\x8f\x82X\xac\x90(u\x91\xc9\xdb\xec\xec\xff\x84\xa6^j\xa3E\xc3\xe6'</t>
  </si>
  <si>
    <t>b'(\xee6\\\x841\xee\xde3=\xf7\xb5\xdfCm\xfd\xb0F\xc4\x9a\xe4v\x08y\xd8\xa17\x7f51\xd8\x02'</t>
  </si>
  <si>
    <t>b']?\x06M\x84#\x1cp\xca&amp; }\xae\x0f\x8a\xf0f{^\xb8LL%\x87Y\x94?\xa8t\x17K@'</t>
  </si>
  <si>
    <t>b'\xaf\x97\xb7\x1eJ\xc6G,\x97T=\xd6\x1fX\xf0\x04\xe6z\x94)\x1a\xca\xc8xK{H\xa1_\x03\x07\x8c'</t>
  </si>
  <si>
    <t>b'k\x98\xbb\xd4p&amp;\xf3\x9b\xed\xc9\xdb\x01\xc2\x06\xbc\x16\x1c\x89\xe7:=\x89\xc1\x8a\xfc\xe61\xec\x830D\x93'</t>
  </si>
  <si>
    <t>b'\x80\xf6\xb8D\rQ\xc3\x1a\n\xb4%\xa5\x8b&amp;&amp;\xab\x93["\xd5\x9e\xcb/\r.\xcbGF\x9a\xa8k\xad'</t>
  </si>
  <si>
    <t>b'\x97\xf1\xbaz\xf2\x1a?\x1bw\x1b\x9c\xff\x16\x98\x08J\x0ca\x91\xea\xe2.m\xae\x9d\xf2\x9ek\xcf\x00\x86\x9e'</t>
  </si>
  <si>
    <t>b"\xb7$c\xdd/k\x03\xf9\xeb\xcc\xf9~[\xca\xd8s\xa2'\xd2\x9e\xbd\xc6\xae\xce\r\xcer4f\xa9U\x16"</t>
  </si>
  <si>
    <t>b"b\x8e?\x18\xdf\xad\xb6'\x0e\xbeC\xfb\x1f\xd5\xc5\x17\x92\xf0\x97\x9fS_\xa4\xc3`\x174\xcd\xbe7\\\xb1"</t>
  </si>
  <si>
    <t>b'Cx#/\xf2\xc1\\&gt;\x96\xc5g\x9b\x80\x95\xe2\xd7\x9a)\xa9\xd2\xdc-ue\x81H\x11\x88{\x18k\x83'</t>
  </si>
  <si>
    <t>b'\x9e\xd3\xbc\xbc\xbe\t&gt;L\xd3\x1c\xe8P\x8a\xc7Y\xe0\x11\xa9;\xf2\xbb\xb3.xw\x04\xa9\xd7\xe4\x07\xe7q'</t>
  </si>
  <si>
    <t>b'i&lt;\x9ecN&gt;H\x0b\x82\xa3\xee9jy\xa1\x99d\xd0\xa0\xe8\xb6\xc7\r\xb1I\x98\xbd\x83\xf8\x88\xcb\x81'</t>
  </si>
  <si>
    <t>b'\xb5,\x0b\xe7\xde\xdf\xe4_\xa9\x94;Zre\xdc-\xdfv\xc2@\xffWh"\'\xb7p\x0b6\xdf\xec\xf6'</t>
  </si>
  <si>
    <t>b'l\xfe\x8b\xa9\xa2k\x9b\xe8\x9bp\xc2\xeeSZ\x81\x00&lt;\xbe8\xa2\xc5\xaf\xbc\xa7"\xf0\xd4+\xf6\x8d\xfby'</t>
  </si>
  <si>
    <t>b'\xadx\xe5\x80\x9b\xca\x8a\r)\xc77@U\x08\x90]T{,\xde-\xcc\xe5:\xf5]\xa3\x876_\xb6H'</t>
  </si>
  <si>
    <t>b'\xfcU\x83\x85\xfe\x85\xfe}\xde\x02\xdf\xe4\x87$?-|\xd21D0\x0b\xd9\x1e\xbb\xef\xce\x0b\x9a\xbf\xd5\xa4'</t>
  </si>
  <si>
    <t>b'u\x81V\x14\xa9\x8bW _Y\x8c\xed\xbb\xf0\xbc\nZ\x8a\r=\x8e~\xb5J[\x01E\x8cNW?\xfb'</t>
  </si>
  <si>
    <t>b'\xa9\x89\xcc\xc0\xe4\xe68\xbc\xaae\xa0\x80\xe8&lt;\x96n\x81\xe6\x88aELhD\xcb\xf1\xe3\xa2\xa9L~\x1f'</t>
  </si>
  <si>
    <t>b'x\xba\xdc&amp;_jsYGx\x91&amp;\x8e\xfb,\xd1wR\xfc\x1f\x94V\x9cZ2\xfa\x8dQ\x8as \xba'</t>
  </si>
  <si>
    <t>b'|e&lt;\xa4r\xa4\xf3q/\x99\x96\xa8l\xf2\xef`e5NyV19\xb6=\xb9\xe12D\x7fKK'</t>
  </si>
  <si>
    <t>b'\xb6\xa0\xae\xdb\x1f\r\xec\xc5\x81\xe5d\xca\x8a\xc4I\n\xc4\x14\xd1;c\x86[\xd1C\xccEL\x18+\xa4\xe1'</t>
  </si>
  <si>
    <t>b'\xc7 Gd\xb4$\xee%\x0e\xb4\x93M\x8b\xff\xb4\x13wFx\xe8\xef\x199\xfbR\xc6([\x04\xbe\x84\xed'</t>
  </si>
  <si>
    <t>b"\xe0~\x96\xf4_MuD&lt;\x87\x9a\xb3\x88s`\xe3\xc8*q\xdd\xb3Q\xa2\xbd|:\rDSp'\xa6"</t>
  </si>
  <si>
    <t>b'\xc7\xe0=qK\x0f\x870MIY\x10@\x94v2z\xa7T\x15\xd7\xd8\x9f\xeb\x94\\-\xcd\xd3\xdfb\xfb'</t>
  </si>
  <si>
    <t>b'i&lt;:\x18\xe4\x05\xeaN{o\x98\x05|\x15\xa29\xd47\xf1\xe9\x92\xe0\x9cj&amp;\x0e\x0b\x90\xb2\xb1\x12\xd8'</t>
  </si>
  <si>
    <t>b'\xde\x8cgoJ\x9e\xea\xb6Y[\xf0\x11\x150q\x968`!r\x8a\xb2`\x12sx\x1b(\x89\xff\tO'</t>
  </si>
  <si>
    <t>b'\xc3/\x8a\x15\xa8|\x1fX\xfd-]6\x8c\x94\xe0\x93\xfc\xd7\xaaw\x08\x00\x83\x12o\x0eM\xa5\x05*\xe8\xdd'</t>
  </si>
  <si>
    <t>b';\x0f\x12m\xd5\x99+\xa7\x82\xf3\xc2\xcf(\x8e%AN\xab\x8a\x11\x88\x98DG\xba\xb7\x89\x02,:2\xfc'</t>
  </si>
  <si>
    <t>b'eR\x9c\x0e\xc3\x1f\x96a\x1c\x19\xe4u0\xad5U\r\x03t\xe5\xe0\x82\xb6\xab}%\xddFa\xd9Kz'</t>
  </si>
  <si>
    <t>b'\t\x804\x0ej\xf4\xd6\x0e\x9a\xb5\xf9\x80\x98(bh\x93c\r(\xc9\x93\x19!4\xc2\xc9\xe0W\x8a\xf6y'</t>
  </si>
  <si>
    <t>b's\xa3\x84\xa6.\xe7\xaf\xee\xfe\xbdsf\x9a\xa5\xc6\x0f\xf2\x7f\xbc\x1e`\xdf\xde\xb1W^P\x12\xb8O\xab\xd3'</t>
  </si>
  <si>
    <t>b'\xe8x\x88\x9b\xae\xcb\xc1\x7f\xfb\xb8\x9f\xaf\xe5\xb2\xdd\xb3\xda\x94\xd1 &lt;\x11\x1c}\x9a\xfe/z\xfas}W'</t>
  </si>
  <si>
    <t>b'`\x8f\x07\xded\x15,B\xc9\xa8k\x13\x8b\xaaD\xfe\x99\x91*\xba\xf12\x98\xb8\x1c:`\x15\x14u\xb5\xcb'</t>
  </si>
  <si>
    <t>b'\xc3\x9a#(\x00u\xd1\xffS{\xc0\xcd\xa1\x15\\\xe22\xf8\xd0\xf4L+\xbf\x99:\xaa\x9bp\x95\xa8w\xf8'</t>
  </si>
  <si>
    <t>b'\x87\xa9\xfa\x02\xca\xf9|\xa8\xb4Y\x8eq\xef\xae\xd8\xe9\x00\xe2\x9c\xee\x02\x83B\xb9\x9c\x0f\xa4\x14\xe7b\xe1\x11'</t>
  </si>
  <si>
    <t>b'\x061\x10e\x19\x8f*\xcdA\x94\xf2Pc,\xb9\x1bB\xdcb\xcd\xd7r\xe3\x89\xf8\xb3=\xfb\\u1\xc7'</t>
  </si>
  <si>
    <t>b'\x8e\xb48\x99\x10&lt;\xf5\x17\x93\x94,&amp;\xd0\xeb\xa0\xb5\x92\x8b\xd7\xbdS\x8a\x03\x04\xc6\xceXq6\xc9H\xd2'</t>
  </si>
  <si>
    <t>b')\x86z\x05\xfe\xdfr\xe5\xc5\xad*,\xb2\xea\x17b\xc6\xb0QT\xeb\xf3jF\xed\x03\xe0v\xe5\x137\xe5'</t>
  </si>
  <si>
    <t>b'\x1c\xff&lt;\x0f+}\xa3\xeb\xf0\'\xeb\xebyB\x8f\xa7\xd8\xad\xa5J;Wg3\xbb\xfc\x18m\xef\xd5"E'</t>
  </si>
  <si>
    <t>b'\x92\x9f\xd9\x8b\xd3\x90\xdf"\xfd\x93\xce\x0b\xb4\xc3\x85\x96\x8a\x81\xa3v$&amp;u-\x15o\x05\xae\xecGt\xa7'</t>
  </si>
  <si>
    <t>b"\xfa\xc3\xe1[m~[h\x02\x0f\xdfk\\\xd0\\+o=\xb5\x01R\xb5K'\xe1\xb3Z\xe4\xf6cV\x8b"</t>
  </si>
  <si>
    <t>b'\xcda\x16\xfb`\xfd%\x1e\xb2\xa5\xf3n(\x1d*\x18Y\xde\xf2Q\xbc\x81\xd8A\x97\xe5\xb3\x95\xbd \xd2\xdb'</t>
  </si>
  <si>
    <t>b'G \xa1\xdc/h\x14\xb2\x06\xc7\xaf\xf5\x80\x16\xe5u\xb8\x13\xd6O\xd7i\xca\xc8Wcm\x04`y4c'</t>
  </si>
  <si>
    <t>b'\xddh\x06w\x81\xe1!\xf1?\x19z\xcd\xb1\x9b\xbc\xfe&amp;%\x06\xa6\x04\xcf\x0b\x96\x9bK\xc0\xc8\x00u"\xec'</t>
  </si>
  <si>
    <t>b'\xf5R\xd3\x13\xf8\x13#D\xe9\x06\x85b\xee)\xf7\x18G|\x87\xbb\xcd\xb8\x03\x06\xf8\xb0T\x80u\xb2\xa1\xa4'</t>
  </si>
  <si>
    <t>b'\xa4\x98\x86\xc2\xcd\x1f\xd2\xb0o\xff\x01\x82\xddi\xb1\x91\x80\n\xbfb\xd8\x7f\xee\x1b\xf1\xafTOp\x11\xd2]'</t>
  </si>
  <si>
    <t>b"\x98\x80\x91\xca\x0b0\xecJ\xf9\xe9\xa8\xed'\xd6C~F)\x9d\xeb\x84\x88O\x9f\xed\n\xbf\xbfrv\xf9\x99"</t>
  </si>
  <si>
    <t>b'\xd0\x911\x06\xe30\xaf\xc2\x8e0\x96&amp;2N\xc7\xc3\xcfG\xc9\xf8v\xd8\n\xb3\x8d\xe5$$\xc9|\xea\xb0'</t>
  </si>
  <si>
    <t>b'\x81\x1ct\xe9\xc5D\xfab\x03\xc2\x12t\x07\x83\x1a\xa7B\xaa\xfd\xc4*\xdc\xdf\xaa\xe4\x08\x94\xd6E\xf5\xaeR'</t>
  </si>
  <si>
    <t>b'\xbd\t\x92\x08!;\xbf\xa1 \xda\xcb\x03\xeaT\x19g\xe1\xa6\x0b\x90\xbb\x15\x06\xf9\x945\xe5\xf8N\xa26Q'</t>
  </si>
  <si>
    <t>b'\xdesE\x1f\xa9i4l_\x8f\xa5\x0bK\x16~\xa0\xe1\x9e4]\xd7ob\xaf\xb3\x15\xb7\xbd\x06\xda\x97\x12'</t>
  </si>
  <si>
    <t>b'\x9e\xa1\x14\x88:\x977H\x8e\x1dW\xcc\xc6,\xe8\x91C\xcd~\x0b\xa4\xaf\xc3\xd7\x88]\x8c\xca\x8f\x13\xf4\xbf'</t>
  </si>
  <si>
    <t>b'\xc7\x96\xba\x1byF/\xa7J\xc3\xbb\xe3\x99O\xce\xc6R\xcc\x9c\xaaP\x8c\xb9&lt;0\xd5T\x1czQe\xf7'</t>
  </si>
  <si>
    <t>b'\xc3~\xc3\xb4C_Q!\x91\xb1\x12\x97\x1b\x90\xf4@\x0e\x14U\x89\xd9H \x1c\xfc%\x0bY\xa1ky\x94'</t>
  </si>
  <si>
    <t>b'\x8b\x9f\xc0\xf2\xb7\xeb\xdc\xc8\\\xd9\xa2\xca\xae;e\x1b\x0fA\xb7\x84%\xdd\xbad\xa1\xc9Ca\x97T\xe6-'</t>
  </si>
  <si>
    <t>b'\\q\xb5/\xd9\x05\x87\xe8\x03\xc1\x1f\x8a\xad\xf90\x04\xef\xbc\x90\xdd\xca\x9c\x12;NZ\xceN\x0f\t\xff^'</t>
  </si>
  <si>
    <t>b'V\xefg\x97\xbb\xc0\xe7\xb6:}k\xcb\xb3\x02=\x97\xa7\xce 9\xa4\xefdM:\xa6\xa7m*\xcdN\xc1'</t>
  </si>
  <si>
    <t>b'\xb2\x94\xe0{J\tb\xc6d\xf8\x7f\xfe&lt;\xac\xfe\x96\x08\xe9\xd3"\xd7?Yg\xc0\n\xbb\x8d\xdb\x83h\x8a'</t>
  </si>
  <si>
    <t>b'\xab\xe4&lt;L&amp;\x17\x03\xfe\xf6_\xe4\xd5\xb1\xd8\xfc\xf7P\xa3\xd9\xdd\xdah\x1ce\xeed]w;\xe6\xec/'</t>
  </si>
  <si>
    <t>b'\x05\tAA\xad*\xb7\xcdi\xe9\xcc\xea\xe5\xa9$\x11\x16\xb0\xe6\xc1b\x0c\x19\xca\xe8\x82\x9c\xf8e=\xcb~'</t>
  </si>
  <si>
    <t>b"\xd3\xe0\x17\xf3\xd4\xccO\x9cQ\xe5\t\x05&lt;\xe2'\xe4\xccn,6\xa0\x81\x1bU1\x1dF\xe5\x99\xaa\xb8\x12"</t>
  </si>
  <si>
    <t>b'\r6k\xb3\x01\xb1h%\xcc\xc0\xed\x85&amp;r\xc1r\x8e\x92)\x0bA\xac3\xd1\xa2)H&lt;\xab\x96\x9b\x87'</t>
  </si>
  <si>
    <t>b's\xdb\x1fE\x1b\xda\xf8\x00\xaa4R\x08\xde-\x87\xa3\xa3J\xbdU\xe7\x9ekA\xdf\xfd`.\xe5/x\x16'</t>
  </si>
  <si>
    <t>b'\x8agJb\xd3\xa0yR\x83\xf7\x99|}\xc7\xa5\xab\xdfS\xa0\x83\x1c\xe7\xb1G\xf9\x04\xd5jP/\xd5L'</t>
  </si>
  <si>
    <t>b"r'\x86\x00\x99\xf7J\x96I\xb5\x14}\xa4\x17\xde\xe5\xf5\xf8B\x83t\xf0\x14\xb2/\x84\xf2,V\x9d\xab\xe3"</t>
  </si>
  <si>
    <t>b'~\xc6m\x9fIk\x9e#\xaf:w\x18\x18\xa6\x16\x00\xdd\x9d\x1a\xc0\x921;\x85\x0c9\xd5\x15\xde\x11z\xe6'</t>
  </si>
  <si>
    <t>b'\xda\xf7\xf8\xf2\x93\x87A\xeb\x1c\xc0\xfeG\xa0\x07\xb3w\xa0\xb2\xa0\x91\x8a\xd0\xae:\xbd,\x1e\xd5\xeaI\x89z'</t>
  </si>
  <si>
    <t>b'a\xa1\x98\x18\xa44\x7f/\xa6\x85\xe2F\xcbA\xfe\x89\xf9g\xa4\xc5\xf3\xf2\x9b\x82\xd4*\xe8"\x18\xfa\x98l'</t>
  </si>
  <si>
    <t>b'\x93\xea\x02`\xd8\xf8\x02\x1a\xd1\xf2\x9e\xf1\x1bu\x9e\xde?\xd709\xcb\xa8Z.\x976PG\xa4\x8c\xeb\xe7'</t>
  </si>
  <si>
    <t>b'\x10\xce\x0b\xb1\xd0J\xd9~\xf2\x89\xfa\xbd\x9e\x1e\xe0\xf5\xb5*\xa8v\xec\xee\xc89\x9a&gt;y\x9azP\x1cZ'</t>
  </si>
  <si>
    <t>b'\x05\xd8\x95a\xf5\xf7\xe5R7\x9f\xaa\x1e+\xcf\x82(\xab\xd8\x84\xd5_Gv\xa7c_\x89 zb\x85|'</t>
  </si>
  <si>
    <t>b'\xa7\x8b\x08\x14=\x15\xa7\x8f\xb8\xcct\xd4\xee\xa7Z\xa6\xda\xa8\xeb\x17\x80\xfan\xe4^\x10pK*\x7f\x8c\x7f'</t>
  </si>
  <si>
    <t>b'Qo?\x90;\x9bW\x0bZ\xa4\x965\xbc\xda\x8eN\xa8\r\xa3\x1bpq\x86\xe5\x8d\x97\xf8K&amp;v-\xba'</t>
  </si>
  <si>
    <t>b"\xa2:\xe7\x85%\x8c\xa7\x92F\xb5\xc0\xd4\xe3\xbd&lt;\xc7\t\xb6gG\xa3\x1a\xc4\xa2\xb0\xd0K'u\x8d\xf6f"</t>
  </si>
  <si>
    <t>b'w\x97a\xe5\xca7k\xe9^\xf89+\xe1\xd2t\xcc0\xf8\xad\xe4u\xc9z\xae\xb3@yn$\xf2 y'</t>
  </si>
  <si>
    <t>b'HY\x84\x9c\x08h\xe1F\x89 \xabX\xae\x02v\xfb\xf3w\xde\xac\x0e\xa1Z\xcf\x03\xc5\x92\x10\xc35lk'</t>
  </si>
  <si>
    <t>b'\x07\x92\x8b\x14\xc9\xc4L\x97\xdf\xe7\xc8f\xe6\xa0Y\xac\x92\xe4dL\xd9\t\x0fo~\xb2\x84\x11\x01\x8bYp'</t>
  </si>
  <si>
    <t>b"\x19\xc4'\nm\xe4\x169\x9c\xc1\x17\xd0\x9c&amp;\xbb\xa5`y\xbb\x1c\xcb\x86fq2\x1dP\xb1='\x95\xd2"</t>
  </si>
  <si>
    <t>b'\xf0\xba\xcf\x0f\x89\xc7\x87\x1c\xeb\xee\x08\x9c\xe4\x81\x8c\x01\xaa\x11\xd0&gt;9G\x8dm\x9b\\\x95\x13\x8d\xf0m\x10'</t>
  </si>
  <si>
    <t>b'\x97\xecr\xf5\x7f&gt;\xd0\xce\x8aY6W%K\xab~8\xd4c\x9a\xdf\x05\x90_RI\x93\xf1CD\xdeg'</t>
  </si>
  <si>
    <t>b'\x99\xdc\x02\xfb.\x8b\xf3\xae\x1f\x1b\xfb:\xf0\x19Y\x9c\x9c\x8d\xa6\x0e#\xd2\xf7\x0c\xb2\xc8=\x06S\xe2 \x9d'</t>
  </si>
  <si>
    <t>b"\xbc\xa0\xbd\x04\xde^GC`\x19\xf9\xda\xb3\xc0\x12\xca\xd4\x0cS6\xb3\x8aC\xc8C\xc6?'\\\xba\n\x95"</t>
  </si>
  <si>
    <t>b'\xd2C\xb9\xaf\r\xb8\xe3\x15\xf4\x1d\x0c&gt;\xed\xe3\x08\xecl\xec\x0fE\xe1\x06\xad\xd1\x01\x1a\xbc\xce\xbe\xc3\xdc\xe7'</t>
  </si>
  <si>
    <t>b'\t\xc3\xdb\xe8\xd7\xc8\x9b&lt;b\xd2X(\xd2\x88/w\xb4\x0e\xa49\xb3$\xae?_\xbft\x03\x0b\xc6\x17\x0e'</t>
  </si>
  <si>
    <t>b'\xc3L,\x03\xb8\x17q\xa6\x96`\x8dY\xee\x80c\xc7\xe7\xf8M=\xd4^\xaeYs*#\xe7\x85\xe55.'</t>
  </si>
  <si>
    <t>b"K/T\x93\xef\x04\x0f\x0b!\xf7\xd3'?\xe7\x16z\x99\xb1\xbfX=\\\xc0'\xa6Qp?\xa7U|("</t>
  </si>
  <si>
    <t>b'*\xe5Q\x91\xba\xb3T\xdd\xca=\xc7\xdc)\x91\x9b\x8av\xef\xfd\x99\xa6\xac\xc6\xb6\x0f\xe5\xe0\xb4w+g\x00'</t>
  </si>
  <si>
    <t>b'\x98\xd2\x8bd\xee4,\x010\xa0\n\x95Gl\t\xbeG\xe4A\xdd\xaf\x1e\xeb\x9aAk\xb29n\xffj@'</t>
  </si>
  <si>
    <t>b'\x9ep\xb2k\xd6pP-\xa6G\xf3\xae\x9eTd\x9a\xc3\x83p:\xb7\x91\xb60!\x8d3\t^\xa4S\x04'</t>
  </si>
  <si>
    <t>b'd\xa1\xb1z\x90/\x1d\x06MU8\x84\x87!"m\xcc\xe77\xd45\x18\xc8\xcf\xf8=\xb8\xb6\xe3\xa7&lt;\xab'</t>
  </si>
  <si>
    <t>b'\x17\xdf\x06\xa3\xb4\xdd[N\x99\xe7\x10v\xd6?&lt;\x11p\x91I\x0c\xe5F3\xd7\xb6j\xf4\xfb\x86\xd6~\x0f'</t>
  </si>
  <si>
    <t>b'\xfc\xb0\xc4=\\b\xb0\xb2d:\x8e.E\xefe\x89\xbe\x82\xa5z\xbe\xd6b(\xc0\xa7K2vL\xa8\x84'</t>
  </si>
  <si>
    <t>b'O\x96\r \x1fog\xf2Y\xfd\xa6e\x02t\xffv\xaer\x10S\xa6\xa7~\x160\xe0V\xf4@UIf'</t>
  </si>
  <si>
    <t>b"\xb2\xb8\xd0\xdd\xd6\x96`p'\x1d\t$\xee\t\x00\x9b\xea\n\x02\xa95\x9f}5&amp;2\xf4^\x1d\xaf\x86\x1b"</t>
  </si>
  <si>
    <t>b'\xa9\xb3\xbf\xeb\x90\xf2\xa3\xc5o4\xfa\x80\xa1U\xf7\xfbk\xb3\xcbp\xe6A\xab\xb3\xff\xd9\xdf\x03\xa1LQ\xee'</t>
  </si>
  <si>
    <t>b'Q\x16\xe9n\x8b\xfcYG@\xfe\x12M.\x03\xf1\x06\xf3\x92\x0c[\x90 \xc3\xf1\x95D;\xb1F\x8b"W'</t>
  </si>
  <si>
    <t>b"\xe8\x82'X\x12C\xa6E\x88\xc3\xde\xc5O\x08\xf91\x9b\xa9L\x81\xcb\x92\xd0\xe1iL\x0fA\x04\x084\xb6"</t>
  </si>
  <si>
    <t>b'\xec\x81\xc5\xa5\xf9\xec\xae\'Q4\x9d\xea"ok\x02\xa5\xda\x0f\xccM\xc9ps+N\x04Qj\x81V\x01'</t>
  </si>
  <si>
    <t>b'M\x89f%\xaa\x9e\r^\x9a\x0c\xcd\xdbKW\xf0\x88\xff\xae\x0cU2\x0e\xa8\xa4\xc9\x81\x82~\x8c\xfa\xe0B'</t>
  </si>
  <si>
    <t>b'\xe33\x02\xb5\x06\xfe\xa5}\xcd.\x1buN\xbfk\xe1{\x07v\x1c|\xfe\xb1\xfa0F\xec\xdb\xc1\x0c=}'</t>
  </si>
  <si>
    <t>b"1\x8c\x0ba\xa1\xab\xc3`4[8\xfc6b\xefm\xb5\t8\x1f9\xf3\x9c)\x98F\x8e\x1f\xb1'\xbei"</t>
  </si>
  <si>
    <t>b'-\x1c\xd7\x99\xf9\x1f\xb9\xe1\xf5,\xe2z\tpX\x15gG\x89\xcd\xee\x8c\x8f\xdc\x0b\x95\xcfc\x8c}\x8a\xad'</t>
  </si>
  <si>
    <t>b'\xed\x86`\xd5\xbb\xbf\x16\xb7\x82\x82T.I\xb6\xbf\xea9\xd5\x96\xbc\xf2?6\xc7\x1b\x99\xc5O\n\xd7G\xe6'</t>
  </si>
  <si>
    <t>b'\xc5\xd3\x9a\xae\x18\x07\xe7v\xa9N\x18\xa1\xe8Y\x17\x99\x90\x88Me8\xc2\xa4\x8f\xe5T`\xce\xeb\x05\x86\x90'</t>
  </si>
  <si>
    <t>b'\xc8\xd7\xcf\x1b1\xb3f\x9d\x95\x18X\xee\xaf\xb4\xf0\xfe\xd9\x93\x90\xca\x01\xa1\xc6\x1e\xae\xe6\xb2\xed;0+@'</t>
  </si>
  <si>
    <t>b'M&lt;G\x86\x7f\xe8(\x87\xcc1\xbc\xd0\xaeu-!\x99F\x85\x8f;L7\x9b\x1c)\x87\xb2\xe2\xb6\x1c\x07'</t>
  </si>
  <si>
    <t>b'\x90?\xd1\xf7\x93\nb\x8b\xd5\x89\xd0\x15\x9ej\xc6O\x8c\xa4P:\x86o\\\xbc\xb8\xc75\xca\xa3\xb6a\xbe'</t>
  </si>
  <si>
    <t>b'a.\x04P\x7fa\x01\x08 \x15g\xa7\xd0fr\xe7\xd0b\x8d\x9b\xc6\xd16y\xae\xad&gt;\xb5\r\xf1\t|'</t>
  </si>
  <si>
    <t>b'\x08\xda\x8c\x94\xa6g\xac\x933l\x0f\xcf\xadC\xb0lN\\\xd0.q\x0c\xf7\xf1\x85m\xa3\x00B(\xbd\xdc'</t>
  </si>
  <si>
    <t>b'`n\xa6\x90q\xa7\xab\x9f\xf4V9z\xd8\xc1\x9fbT9y\xc2\xd0\x8f\xd3\x15\xb7\x90R\xf0Y\xfb\x18\x94'</t>
  </si>
  <si>
    <t>b'g\xa12\x9cu\xa6\xecK\x97\xda\x90\xc7R\xc9M\xab\x1ay/\x17p\x1b\xcd~{r\xe1\xf4\xb1\xed\xb7\x7f'</t>
  </si>
  <si>
    <t>b'\x1a\xa8\xf9\xd1\x16\x97\x19\x80\x17\xf9l\x04\x83\x0br\xa6\x15\x04@G\xf8\xc8\x98\xaf\xf7s\xe7\xd1G\x80Ul'</t>
  </si>
  <si>
    <t>b"\xf7V\xf2X\xfd\x00\xd7*\xfe\xfb3\xb9njc\xc5\x88\xc6\x8c@W3\r\x002_\x9d\xde\x83\x91\xa8'"</t>
  </si>
  <si>
    <t>b"\x156@\x9b#\x0fC}'\x8c\xf2\xb9&gt;\r\x86\n\xde\x1c\xa9\x99\xf7\x15\x85\xf7\xbb\xd4\x87\xfe\xd0\x06\xe2\x85"</t>
  </si>
  <si>
    <t>b'\x15VJ\xa6T[\x80\xeby\x85+\x80\xa3\xbb\x03\x8c\x81\xba{f\xeb\xeeF\xfa\x05\x1b2\x96\xf2\xee\x03\x1a'</t>
  </si>
  <si>
    <t>b'\xed\xd8\xb9\x87n\xa2s\xea\xcd\x95/c\xea\xa9P\x134\xf6\x9a\xd9\xea\x0707PJJ\xff{-+\x17'</t>
  </si>
  <si>
    <t>b'!i\xcb\xf3\xc8+\xc0\xe4\xa1\xdc\x82\\$\xa6\xc3\x01\x1e\xc4\x91\x0b\xa0\xf3Zns9\xd4\x8a\xb3_\xe9\x1c'</t>
  </si>
  <si>
    <t>b'\x89\xab\xbe\x01\t\x89#\xe6\xd7\xd0\xc3\xe4p\x99\x8b?G\xff\xaa\xa5\xca\xd5\xf0\xab\r\xb2\xb4\x81xx\r\x8d'</t>
  </si>
  <si>
    <t>b']\xbd.\x9f\xc7\xde\xb0\x10\xaa\xf2\x81.\xa2\xe2\x92%x\xda\x15`b\xc9\xdc\xc8n\xbb\x84q\x91C\xe9\xe8'</t>
  </si>
  <si>
    <t>b'\xdaZ\x8f\xb5|\xdf\x05\xb4\xf3I\xdd\xd14\x86\x12\xd0\xd4\xa6\xfe\x046cC\t\xdb\xc86\xa4\x02l\x0b\x81'</t>
  </si>
  <si>
    <t>b'\x87\x84a+{\xc2D\x1e\xc9\xad\xdb\x11&gt;.r\x02H\xf1\xe4\x9e\xf13\xd9\xd8j\x19\xf6\xc4`\xfe\xa4\xc1'</t>
  </si>
  <si>
    <t>b"\xd5\xff\r\x9e\xc8'\xc4q\xbb&gt;X\xa6\x9f\xfa\x95r\xce(Am\xad\x85k\x1d\x01[^\x87\x9d!=_"</t>
  </si>
  <si>
    <t>b'\xe4\xd3#8\xdd\x7f??2&lt;\xbcns\x97\x1b\xac\xeb\xe7e\x11_F\t\x1cx0\xcd/C\xed\x96\xb2'</t>
  </si>
  <si>
    <t>b'\x96\x83\xe4t\xd7X\xee\xdf\xdf\x13\xdf\xf5\xdb.)\xfe\x13\x8fD\xc2\xed]&amp;\x0c\xedi\xc3f\xa2a\x14\x1c'</t>
  </si>
  <si>
    <t>b'\xbfi\x97\xc0\xbb.=\x84\xed\xcby\x97\x03FYE#![C\xf7(\xcc\x00z\x16\xba&gt;e\x90_A'</t>
  </si>
  <si>
    <t>b'3*\xb7\n}\xa9\x03\xf4\xd1lo33\x9d\xaf\xc5J\xab,\xa0v{E?nd\x13+\r\xedQs'</t>
  </si>
  <si>
    <t>b'\xaa\x8f+\xcb\xfb\x97\xbar\xe7\xa6\xa5\x0f\xb6o\x04\x8d\xad#\x8d\xad\xf9\x8d\x80\x8ej\xba\\E*\xad\xbcO'</t>
  </si>
  <si>
    <t>b'\x9f\xa4{\xf9K%\xbb\xfa30\x0e\x98\xa2&gt;[\n#\xe0\\-\xf8\xbe\x9fZ\x01\x0c5\xb9\x11@\x8e\xa2'</t>
  </si>
  <si>
    <t>b'\xf2\x90A|\x9e\xc5\x9e~\x92F\xda\xec\xa1\x0e\xbc\x17\xe7R\xbaGr\x01cJ\xef\x89&amp;9\xd45\xfc\xc9'</t>
  </si>
  <si>
    <t>b'\xf2\x8c\x90?\xbf\x01\x82=v&gt;\xca\x0c5Iaxy\xa8b\x14\x06\x16\xd1\xd0\x8f\xe4&lt;@\xda\xfe_p'</t>
  </si>
  <si>
    <t>b'\x86\xd2\xad!nR(\xda\xf8q9\xc5\xcd5\x10G\xfe\x1d\xb9\x9f\x90e\xc7\x86\xce\xed\xb8\x08:\x01`*'</t>
  </si>
  <si>
    <t>b'\x80f\x97\xac\xcar\x8a\x89\x8c\x11n\x84=\xd8\xc8\x05\x04V\x84\xeaO\x06Q!\x0b\xd8s5\xf5\xa8]\xb2'</t>
  </si>
  <si>
    <t>b'G\xf5A\xca\xc6\x88\xbeWf\xda[W.\xbd\xf5\xb4@\xbeyN\xd4\x18\x01\xef\xda\xb5\xf5G!y\xe1\xbc'</t>
  </si>
  <si>
    <t>b'\xb5\r\xad\xa0$N^\xb9x*\x0b\xed^M\xa3j\x059\xdf\xd9\x90\xa6\x1f\xf7] \x19\x0fZ\x96\xc6\x1b'</t>
  </si>
  <si>
    <t>b'|\x07\xcfSw\x0e\x8e\xd5yjn\x17I\xbd\xca\xb9\xb0\x82\\)\x15\xd7\xde\xf6NjPI\xb8V&lt;#'</t>
  </si>
  <si>
    <t>b'\t\x94S\xcf_\xee\xa5\x93\xfe\x1bxT\xa2qP\xa0\x88\xca\x18\x9e\xc9[P&gt;\\M\xe6\\\x0cit\x14'</t>
  </si>
  <si>
    <t>b'\x82\xddkB\x9bj\xd5\xac2-\x91P\x020\xda\xda\xa1\xa0\xd2+\xa2\xc5m\xfd\x97\x02\xa0\x12\xd4\x86;\xee'</t>
  </si>
  <si>
    <t>b'P\xc1v\xa6\x11)\x99\x98\xfe\xe0\x05e\x00C\xaaY\xb6\xf6\xe0\xec\xb1\x80\x8a\x14\xb21(\xdd\xa7u\x14&lt;'</t>
  </si>
  <si>
    <t>b'n\x18\xdf\xb9\x8dV\tw\xa5ul0\xbc"\x1f8\xbbAAA6f\xab{\x1a\xc6\xe3\t,\x1e\x03{'</t>
  </si>
  <si>
    <t>b'\xad\xe1S8\x17\xcc\xb2\xf3\x16\xd2\xc2\xa2xA\xc0v\x12\xcf\x9a\x8c\xd4\xad\x1b\xf1\xb4\x8b$_\xbc\x819L'</t>
  </si>
  <si>
    <t>b'W\\\x96#\xa7\xc7\x86(p-\xe6\xe1|\x08\xbezg\x8c\n\xb3\xcbg\x18\xa0\x08\x10\xd3\x12}\xa8\xae\x00'</t>
  </si>
  <si>
    <t>b'\xd3e\xfat\x10R\xb7\xdd\xe7GH\x0f\xf3,\xb6\xc0\x1b\xaa\x04\x02o\\\xe9:mt\xc4\xbcT%^['</t>
  </si>
  <si>
    <t>b'\x08\xe5\xda\xed\xfd\x88\x0c]#\xe5\x00B\\?\xe8u,\xc8\x97$\xea\xcc\x9d\xcc\x19\xe7\x0c\xcfS\x91\x8a&amp;'</t>
  </si>
  <si>
    <t>b"\x10r\x1e\xdbC\x93\xc7e:u=\xf4\xa5\xc0\xf0\xea\xdbP\xe7\x9bRG82\x90\xfd\xd0'_\r9m"</t>
  </si>
  <si>
    <t>b'\x00-\xfc\xb4\xc3\xf4O\x11q\xfd\xb3\x878mR\x97\xfaB=[2\x8e\xe4+\xb1p\x07L\x8d\x80Q\x86'</t>
  </si>
  <si>
    <t>b'\xc5T\xd7\x05\xaa\x93A\x88\xa2\x03v\xa2j\xf0\x01\xaf\xa8\x07IQ\xdd\x99\xb8\xdcT\x08\x13\x9a\xd15\xeb\x1a'</t>
  </si>
  <si>
    <t>b'\xef\xc0\x12n\x10)&gt;x5\xe8\xad;\xe5K+\x99t\xba\x0cb7\xc1w\xe9\xc7(\x8d\xd6;u%g'</t>
  </si>
  <si>
    <t>b'&amp;\xb5SF\xbb\x04c8\x89]p\x98"aU$\x9f\xb5[\xe0mVIm\xe5\x9c\xe6\xdf\roU\xa5'</t>
  </si>
  <si>
    <t>b'\x83d\xberw\x84+\xd6\xea*\xf6\x12\x1ee*?S\x8eUg\xe3\xa1\xb4N\xd3\xa7\xce\x89\x9a\x7f0\x0c'</t>
  </si>
  <si>
    <t>b'\x86\xffA\xc6UM\xf8|"p\xe7\x993\xb0\x8e\xdcJRW\xb4\xde\xe8\x92\x1fQCI\x88\xc2d\\\xa4'</t>
  </si>
  <si>
    <t>b'\x90$\xb0\xb5\xc7%\xac`\x88\xbd\xa8\x16\x9c\xf7g\x90\xd5\x8f\xc7\xf3\xdd\xda\xeeF\x9fw\x04\xb2\x9c\xeb\x02\t'</t>
  </si>
  <si>
    <t>b'a\x1b\x05w\xb5\xbaO\xa5p\xffg\n\x82\xaf\xb3\x133\xc1\xa6\x877@/\xbfE\xf0\xcc\xc2\x006\xab\xae'</t>
  </si>
  <si>
    <t>b'9\xc0\xf4\xc5!\r\x07\x91Q\xd9_o\xb2c\x15\xb4\xd0`\xc1\x04\xe2\xe2\xaa\xcd\xe3\xf1\xfbk\xd1SJj'</t>
  </si>
  <si>
    <t>b'\xbc\x03^\x9d\to\r\x8f\x02hP\xbe[\x9a\xb8\xdc\xd1gl\xbe\xab\xa0\xe5B\xcd\x95v\x1c\xe4`\x06"'</t>
  </si>
  <si>
    <t>b'z}\xa1\x1c\xb6@\xd0\x8c@9b\x17\x01\xc9*\xca\x82\xa9l\xcd\x80\x85(\xfc\xf2\x9b\xabZ\xd1\\\xf7\xc7'</t>
  </si>
  <si>
    <t>b'\xbdA\x81\x1bD\x1f\xe5\xfd:l\xb9RC\x9c\x18gZ\x9f\xae\xc6`L""\xd5{JCP\xe3\xa8H'</t>
  </si>
  <si>
    <t>b'\x96W\xbf\xc4sa \xc2H&gt;G\x8c|G\x9d\x1a\xe2\x87~\xce\xde\xb5\xc5\xe1:\xaa&gt;\x84\xd7\xe6\xc5\xd8'</t>
  </si>
  <si>
    <t>b'JT\x12\xba{\xf1\xf4\x96\x8f\x07\xbc\xae\x9c\x10\\\xdbA}R\xe9\xbb\x06\n\xc1\xb0\n\xb1\xd0,\xf5k\xda'</t>
  </si>
  <si>
    <t>b"d\xe3\xf7K\x11\xe4\x83\xf7&amp;\xfb\xb8B\x97\x07\x1c\xd5\xa0\xd5K\xf1V\xe2\nX\x9e\xd1\x9a\xed'\x90'\x1e"</t>
  </si>
  <si>
    <t>b':\xbd\x10\xba)\xf4\x14\xf3\xc5y\x94\xae\x8d3]\xcakL\x0b~\x12\xc7#\xa9\xbd\x95\r\x80\x0f\xea6\t'</t>
  </si>
  <si>
    <t>b'p\xc9P\x03\x9f\x18\x1fC\x9c\xea\xa1s\xa7v\x10!\xc5\xaeORD\xd5\xf9\x97\x1bU\xa1\xf7XyR\xc7'</t>
  </si>
  <si>
    <t>b'\x15=B\xad\xb2\xb4e\x98\x828\x983\x11\x8a4\xbdPe!c\xa2\xc77P\xe9\xce\xa1\xf8$\xe4+\x80'</t>
  </si>
  <si>
    <t>b"\xaf\xf0\x0e\xa6'\xaec\x0e\n\xfd\xd4Q'\xbe\xca/x\xea\xd3ZG\xa9u\x95\x06D\xcbU\x91\xc9\x96\x9a"</t>
  </si>
  <si>
    <t>b"\xbb.q\xa6\xb8Y\xc0V\xbd\x08\xf5)\x18\x1b\xaeX\x0c'\xc2\x83\xcf\x94;\xad\x12\xbb\xd0!\x9e\x02\x1e\xfe"</t>
  </si>
  <si>
    <t>b'\xb6\x9c\x8d\x8a$\x07\xdd\x8c\x98\xc6\xb3\xc63\x13\x1cu\x9c`V3\x03\x84\xfaR7R\xa0\x0f\xfb\r\xd5\x12'</t>
  </si>
  <si>
    <t>b'\xcc4\xce\xbeSN\xf4_\xb1@\xf2~\x80w\xee\xbce\xa2\xc0\x1c\x08l\r\x93\xfb]D\xac\xeb\xe7\xee\xb5'</t>
  </si>
  <si>
    <t>b'\x81\x84&gt;_^\x8a\xc8\xda\xf0\x7fq3\xf7\xbei\xae\xab\nd\xd0\x024\xf1&amp;\x04\xa1\xe0\xef\x95]\xca\xca'</t>
  </si>
  <si>
    <t>b'\x17v^\x05\xb2\xd00\xe9\xb1w\xa2\x10\x0f-1_,"i\x94\xb6\x7f\xb8\xd2V\n\xb2\x83\xd8\x7f\xaa\xc5'</t>
  </si>
  <si>
    <t>b'\xfb\xca\xea;T\xb9\xc2\xb9\xa1g\xbe\x94 \x8f\xe1\xb1\xf2y\x04|g\x9a\x8b\xbe\xdf\x88\x02^\x03\x16B\xeb'</t>
  </si>
  <si>
    <t>b'q\xc8n\xc3\xd9\xf4\xc5\x06\x1e ]\xb6E(\xa1V\xc0q\x8f\xfb\xa9\x94\t\x03g\x18\xe4b*\x10\xb6\x97'</t>
  </si>
  <si>
    <t>b'\xcf\xea5fjZS\x8bq\xaa4\x02\x02\xa2\x14o\xc5R\xecw\xf7\xaa\x93:\xdeDV\x89MU\xf9\xf3'</t>
  </si>
  <si>
    <t>b'K-,\x17\nY\xbff\tg\xd6\x85\x1f\xe4X\xc5\x14\xec\xb5\n\xa5#{o\xeb\xe77yQ^,g'</t>
  </si>
  <si>
    <t>b"')g\xd8R\x87}M\x10g\xfdc\xbas:\xcc\xe2&amp; \x1b\xfbw\x0cC\xfcm\x83nE\xc1\x1f\x83"</t>
  </si>
  <si>
    <t>b'D\xb4\x96\xa5\x03\x84m\xb1A\x1a\x82=:\x0c\x15\xd4.\xde\xb6cG\xd6N\xd9\xc8\xa1\xee@\x14*W\xa9'</t>
  </si>
  <si>
    <t>b'\x8ed\xfe\x7f\x0e\x85\xe8x\xf5\xe4\x94\xaa\x13\x98\xe6\x0e\xed\x88\x96\xe5\xa1Y\x86Wmsxm7\xbd/\x99'</t>
  </si>
  <si>
    <t>b"\t`\xdb\xcaO\x06\xdc\xa3&amp;\xa7\xb3+\x02g\xf6\xbbj\x84w\xef\xe7\xf8\x81\xf2\x8a'oU!\xa5\x93\xc6"</t>
  </si>
  <si>
    <t>b'=\xb8Uv{\xe2\xe6$r$\xaf?I\xcc\xb3\xd9\x06\x1b\xec\xdc\xbe{f\xc7P&lt;\xb3\xef\x90\xc1}\xb0'</t>
  </si>
  <si>
    <t>b'6\xe2f\x7f\xb3\x91\xd8\t\xe0Y\xa4F\xc6\xf8u\xa2\x12\xa2\x8d\x85\x05\x08*\x9a\x97i\x81\x12\x98\xecVK'</t>
  </si>
  <si>
    <t>b'"\x90\xbc\xed!c\'\x06\x1d%\xc9\x85\xb5\x17\xc5\x0f\x907\x01\xa9\xe8@\xe8/\x8d.I\xee\xb4k\xbf\x95'</t>
  </si>
  <si>
    <t>b'\xd8\xc885\x7f\x1bC\x1eS\xd6\xa0ul\xbb\xf0\x8b\xa5\rf\xcb\x12\xb6\xd5\xec\x1aZ$X\xa8\xf0G\xfa'</t>
  </si>
  <si>
    <t>b'\xc2\x9fbV\x95\xb9\x99,\xd0n\x91\x1a{E\x05\xc91\xf3(\xf5\xf1A\x8a\x0e&amp;\x99\xa1\xa6\xd4\xdcoY'</t>
  </si>
  <si>
    <t>b'e\xc8n\xd2Q\xaa\xf5\xa9\x0b0F\xb3IGw\xd6\x9d\x7f8]\xed\xe4\x8a\xdb\x16#\xfeS\x1b\xa98m'</t>
  </si>
  <si>
    <t>b"`TQm\xbe{\x19c\xf7\xca5\xb3\xfe:B;\xe2\xe5\xa75\x96\xe4'\xc0s\xb0\xb5\xc9u3\x1b8"</t>
  </si>
  <si>
    <t>b"\x82\x1a6\x809\xae\xef\xcd\x13\xf2\xf8\xcbx\x11\xbc\x9blh'3\x03\x81\xbbS\xc0{\x02\xd2b\xbf\x92\xc4"</t>
  </si>
  <si>
    <t>b'\xab\xce\xf4\xbd\x17\xe5e\x89\xa6i\x84\x1e\x0e(~U\x0e\xed^-Cm\x84\xe06\xf3\xa1\xad\x1cL\xcfi'</t>
  </si>
  <si>
    <t>b'`\xf1\xe3\x12\x8b\x81\xec\xb9\x88)\xf2#\xce\xd4\xcbu\x0e\x9f\xf7\xf2\x97\xea\xba\x97B\x8d\x05i\xae)\xad\xc3'</t>
  </si>
  <si>
    <t>b"X\xce\xb7\xb1\x91\x168\xdd\x13\xce\xea\x83,\x9f\xc9\xf6\xa1'F\xf7\x0e\x93\xdd\xa2#\xc6_\xbe\x19j\xf4\x15"</t>
  </si>
  <si>
    <t>b'\xc6T\xb7~\xabs#\xe9\xe0\xca\x9e[\xda\xe6E\x96U\xcd\x06\xe8\x94m\xa4D\x01\xd0\x93^\x1e\xe8 \xfc'</t>
  </si>
  <si>
    <t>b'2\xdfp\x1e\xdal\xa6C\x81\xfe\x00\xfe\xfb1\xde\x17\xbf\x88g\xed\xf0v\x94\xdes1T\r\xf8\xf5B\x0f'</t>
  </si>
  <si>
    <t>b'\xba{\xcdR\xd0\x06\x97%\xbd-\xc7\xb4;\xe1\xb1\x82\xcf\xb4\xd9"\x1e\x8eK\x89\x11\xedb\x13P4\xe6p'</t>
  </si>
  <si>
    <t>b's&amp;\xa2#\x8d\x12\xfe\x1e&lt;\xa6`\x91\x8c\x8a5\xe6i\x9b\xb2\xe6w+r\x0eM\xb4\x8ez\xa6\xe4Gh'</t>
  </si>
  <si>
    <t>b'\x81\xfa\xbe\xfd\xa9\x80\n\x82fuh\x1c\xd626\xc1u\x1e\x94\xbc\xaf\xa1l\x16\n\xca\x0b\x00?\xae\x8c\xdc'</t>
  </si>
  <si>
    <t>b'\xfb\xc0\xa0c}\n3r\xa8\xd6#+\x89s\x17@{\x96\xcb\xc4\x95\xe8\x95\xda\x1f\xcb\xc1\xe1\xf5\xbe\x1c\xe6'</t>
  </si>
  <si>
    <t>b'\xca\x0bt\xbf \xc0E\xb6\xb3\xa0W|e\x89\xeb\xbf=dL\xaf\x16\xb8\x17\xd5\xad\xde\x05\xc4\x03\xe2y\x88'</t>
  </si>
  <si>
    <t>b'`\xef\x0f^\x96\xa1\xb2\xf0\x8bf\xfc\xf6\xc2\x83d\xde\xc3\x10\xfe\x1ep\xa4\xbf\x80hT1\x7f\xb2\x85k\xce'</t>
  </si>
  <si>
    <t>b'\xa1\x9fW\xc3s7\xae\xfe3\x1c\xce\x1eDbD\xc1p@\x1a \xc74\xafO\xf6t\xeeff\xfa\x92|'</t>
  </si>
  <si>
    <t>b'\\\x81\x83\xfb\x8e\xcf\x17{\xbd\xab\xfa$\xd0\x9dp]\xde\x1a\x1f\xcd\xe7l\x04X\x15\xde\xb1\xea\x8cS\xa2\x05'</t>
  </si>
  <si>
    <t>b'Zy\xa7\xc0\xb4\xc4\x89"\xcc\xd1Hx\xcf\xdf\xb6J\x99\xe2\x07\x87 kl\x91\xf7\x90T5\xf6\xee\x823'</t>
  </si>
  <si>
    <t>b'\x1a\xe2C\xf9Q\xdb\x9f\xb6\xde\xa9tcXx\xf5,x\xd5\xcd;UR\x1e\xd5%c\x95\x9b\x02\xc8\xf4z'</t>
  </si>
  <si>
    <t>b'\xb3\xfd\x9f\xae\x8d\xe6\xb0~~S\x8c\xc9\xa5\xe4\xb0\xe1\xd2\x98\x9c\x01\xe1\xcc\xcdL\x97\xef\xda&amp;\xf6\x97\x0c\x96'</t>
  </si>
  <si>
    <t>b'_\x96\xd7LD \xd2\x95\xb6\xfd\xcaR\x87\xa7\x14\xd2\xae\xec\x02O`\x9fa\xfcsS\xbf\x9b\xfa\xd1Oz'</t>
  </si>
  <si>
    <t>b'\r\xed[\x86~&gt;\xa3\x9d6\xf4\t^\x8a\xb8\xa7B\xe6\xe9\xb3@\xd2\xf2m\x0b\x04y\x7f=p\nTo'</t>
  </si>
  <si>
    <t>b'-`\xce$\xda^?d\xf4\xbcg\xbd\xc6\x94)t\xd1\x02\t\x82\x80\xdd\xb1\xf4\x0c?\x85\x82\xee6M^'</t>
  </si>
  <si>
    <t>b'\x03\xa7\x1a@\xcag;\xbb\x0cx\n\x11\xbad\x03\xddQt)\x15\xc0\xe1\xfa\xfbCz.\xd1\xd5\xbd\xc4j'</t>
  </si>
  <si>
    <t>b"\x06\x1795\x85\x89\x86Zo\x0e[.\xcb\x89u\xcf-\xf5'\x15L\xf6\\\xfbP{\x9d\xb5.\xaf\x12K"</t>
  </si>
  <si>
    <t>b'\x84m&lt;\x1fq\xca\xad\xf4\xf5\xf0\xa2`\x849\xdeQ_\xb9\xf4x\xabj\xb6\xfb\x93]\xea\xc6\xcdS\xf4\xec'</t>
  </si>
  <si>
    <t>b'\x13h\xb4&amp;U"E5&lt;\xcb\xbd\xba#/\xaei\xf9gG|_\xcaoX\xc5\xf5\x90\xf7\xb3\x0bL\xc9'</t>
  </si>
  <si>
    <t>b'8\xdb\x06\x12\x10m\xc20`Tj-{6\x06\xef\xe0\xf1q\x12\xecJ%\xe0\xc9\xd5f\xa6n\xfb\xec]'</t>
  </si>
  <si>
    <t>b'\x02\x85+s\xfc\x05\x91\xdb\x92\x9f\x84\xdf\xe5\xe8\x9b\xf7\xd5\xfd\xbc\xd7)\x12o\x01&gt;\xcf\xda#&lt;l\x1e\x0c'</t>
  </si>
  <si>
    <t>b'\x08\xcf\x16\xe8\x90\x82elx\xe1\n\x01^\xd6\xb2\xad\xc4\x10\x1a8\xdc\xd8\xfc\x15\x8c\xee\x8c\xa3\x0f\xbd\\\xad'</t>
  </si>
  <si>
    <t>b'T\x1a\x9a\x0fl6\x0b\x9dyu\x8b\xe1\xd0\xf35*\x9d\x1ct\xf3\xb6jY\xd2\xd5\xe8\xf2]$. \xec'</t>
  </si>
  <si>
    <t>b'\x9d\xbb\x04\xf3_\x88\x96\xe0\xcf\xe9.!\x02V\xab\xd2z\xd4V\xfe\xe3\xbb\xa7#\xc9\xc3X\xed\xc0\x11\xf5J'</t>
  </si>
  <si>
    <t>b'K\x0f\x99(\xb3\xf6\x9f\x1a\xe7\n\xd1\x99k\x9a)qp\xedl\x83\x1f|\xff\x9av\x9c-o\xf0\xd3_\x16'</t>
  </si>
  <si>
    <t>b'\x90p\xe2\xb3\xea"\xf2\xd7\xb42\xc3\xd6\x0e\r\\\x1by\xf4\x9aLAf\xfeA_\xb7M\x83\xbf\xea\xeb9'</t>
  </si>
  <si>
    <t>b'`\xf1_\xa1\x07\x1a\x8c*\xd4~&amp;\x0e?\x88@\xc4\x04c{\x97\xd9pr\x8a\xad\xba=\xb0i\xbc\x92\xaa'</t>
  </si>
  <si>
    <t>b')\x95\xbe\x98i\xd6\xe7Z&lt;\x11\xf2\x92\xee\x97\xce\xfb\x9cy\xe7\xca\xbd\xe6o\xe0\xa9=\x11\x16S\xe8R\xcb'</t>
  </si>
  <si>
    <t>b'\x0e`0\x07\xea\x12$b`/s\xf0=M\xb6\xedw\x14\xf2\x1c\xaf\xb6Y\x86\xeast\xfe\x12\x19\xd2\xe0'</t>
  </si>
  <si>
    <t>b'\xcf\xe0&lt;\xc0\x89g\xe9\xe4\xe5\x88\x05C\xa3;If.\xc2(\xf6:\xa0\xddV\xca~h\xf0\xe7\x86\x13y'</t>
  </si>
  <si>
    <t>b'\xf2\xcf$|\xf2(4s\xf1\x08\x10Z\xf5:YMI@\xccP\x96\xaeB%\x84\x85|\xc2\xaa\x1ei\xa8'</t>
  </si>
  <si>
    <t>b'\x8d\xaf\xfd\x94\xf9\xe8\x7f\xaf\x9e\x19\xc9\xd5lE\xdd\x0f\\~\x05\\DX\t\xa7\xb9\x19\x05\x0e\x1d\xc4w\xed'</t>
  </si>
  <si>
    <t>b'\xa0\x00\xab\xaf\x90\x1c\xbaH\xf6KcA\xb9{nQ\x8e\x05Y\xe3\x13j\xf2h\xc2\xd0\xe3\xaa\xc0\x01jT'</t>
  </si>
  <si>
    <t>b'\x91\xc3$\xf0\xd1\x91y\xb39\x01K\x85 M\x864\x8da\x84\x95\x13`\xc3\xc6\xd5\x03N\x98\xa4\xd8G\xac'</t>
  </si>
  <si>
    <t>b"d]\x82\xfe\x80\xf3\x02\xe4\xad\xb6\xb9\x84K]'\x191\xa1\x12\nv$\x1e\x13\xb6\xfac\xc4\xb7\xf9\x12\x80"</t>
  </si>
  <si>
    <t>b'\xcc.\x81\x837d\xc1%\xa8\xd9w&gt;\xcb)f\'3\x1f\xd3\x87\xa8A\xd6"38{X\x88\x8f}\x84'</t>
  </si>
  <si>
    <t>b'\xb00&gt;\x0c0\xfb\x98+\xa2\xcf}\x90\xe5Nq\xc3\xcf\xcdF\x82\xde\xf1\xa2N\x1e6%,\t\xad\xdb\x0e'</t>
  </si>
  <si>
    <t>b'\x84\xb8\xa2-)\xffC\x99\x84~V/\xe8\xfc(\xba\xa2\x87m\xb9\xf5\x8f\xd7w\xf9[\x90\xbf\xbfQ\xa4e'</t>
  </si>
  <si>
    <t>b'\t\xe9\xc2 \x18-\xaf\x1f\x83h\x90\x00\x99\xd1g\xec\xac\xd0\xfc\xc8\x06\xf5\x16\x87\xa8\x1ce^`Bk]'</t>
  </si>
  <si>
    <t>b'\xcd\xf1$|\xc4\x99e"k,x\x8d6\x07\x8bu;\x1dN\xf7\x00\'\xbb=\xbd\x81\x0eB_a\xd8\xb8'</t>
  </si>
  <si>
    <t>b'\xb3\x04\xd3O\xc9\xa6\x1fg^Q$,\xea\x05o\x06%\x06\x8f\xe7-\xd6\x08\xa9\xb0\x1et\x7fZ\xc9\xa1\xc1'</t>
  </si>
  <si>
    <t>b'\xe7\xe1Q\xbb\n^`\xceB\xe1\x17%\xba\xf8\x96\x80\xf8V\xd1J\xe4(\xa2\xcb\x02\x81S7\x0f\xa6\x85O'</t>
  </si>
  <si>
    <t>b'dzTR\xf1-\xe0\xf6\xaf\x0b_L\xcb\xb2\x8cY\xb6\xa4\x89\xfe\x94@\xccK\xb5q\xa0\x91!\xe2\xdc\x86'</t>
  </si>
  <si>
    <t>b'NM\xf8\xbbF0\x1e\xf4\xd7\xed\xea\x91\xf0\xdf\x04\x1e\x9a\x94\xb1\x01\x1fH\x9f\x12\x82\xc2*\xd8\xe9L\xafQ'</t>
  </si>
  <si>
    <t>b'&gt;L\xea\xcf\xe1\xaa\xed\xeb_^\x01N@j\x17V\x13\x1d\xa8\xe4\xb9\t\x9cJ\xd7\xac\x04\xf8@_\xec\x11'</t>
  </si>
  <si>
    <t>b'\x15\xe5\xf2DN\x9a\x12\xa1\xd7\xdcy\xdc\x95\t}\xd8\x1d\xae\xdf\xd9$0\x1b\x17\xaf\xb0%\xb1\xcd\xa5\x00\xdb'</t>
  </si>
  <si>
    <t>b'\xde\xdc\xcd\xf2\xe3&amp;\x9b|\x99\xc8L|\xd3\xea\xa7\xb3\x90\x114\x99\xa4\xa8A\xf9\x06\xeb\x9d\xe3\x10\xe2\x1c0'</t>
  </si>
  <si>
    <t>b"\xd4\xb5\x11E\x18%+\xee\x01 ,Ch\x98\xc5\xb2\xb6\xf90P'\x10\xa9\xed\xe3\xc3&gt;\x8ck\xaa4%"</t>
  </si>
  <si>
    <t>b'\xec\x0f\x06=\xd9\xe7\x88\xc1\tM\x02\xb4\xfcT\xfd\xbb:*1\xea\x937\xa2\xff\xdf\x12\xc4\xcf\xa9U\x04\xf7'</t>
  </si>
  <si>
    <t>b'\xc5\x13\x03\xdc\xb6\xee\x0fHx\xe5b\xd9\x07\x80\x13O\xfc\x0e\x8e\x8c\xf7\x81h\x82mu\xe1\xe9]\xf8\x0bL'</t>
  </si>
  <si>
    <t>b'\xcc3N\xe3\xfc\x9b\x9a \xc4\xb5\xdb5\xd7\x9b\x03\xfdV\x84\x12\x8ax\x8e\xf9$\xae\xef\xca\xd9\x0f\xf6v@'</t>
  </si>
  <si>
    <t>b'=\xa0\x1b\x1aI\xa8\x06\xa1\xf8A\x1fLu\x9d\n\x99\x1a\x82\x9b\xbb\xed9\xd8\xbd=\xeb&lt;\xe8\xc2\x11\xc9\xb6'</t>
  </si>
  <si>
    <t>b'\xb9$\x8b\xa4\x1a\x15\x7f\ti\xc1\xea$\xccH)K\x05\xcd\x01&lt;\nIO\x0fs\xef#d\xa6\x11j\x98'</t>
  </si>
  <si>
    <t>b'(\xcc\xd6p\xbc\x18*\xa1\x9b\x1d3\xd7l~\x16Ts+\xe1\xe2\xe9l\x83\xf2\x9d\xe0\xcb\xb5\xd9\xf9\xf6}'</t>
  </si>
  <si>
    <t>b'\xfd\x7f\xe5\xd17u\x8b\x8f\x0b\x1c;\xdb\xf9\x8aK`\xd4\x13\xc8\x1c\xcae\x88M\xe9\x95\x9c\xf4\x11\xed\xf7\xb4'</t>
  </si>
  <si>
    <t>b"\x0f2\x1d4D\xcc\xe6\xb2q\xefp\xc42\x0e\xd3\x1c\xd61\x14\xd4\x94\x87'\x89\xca\xbdh\x96I\x84\x0f:"</t>
  </si>
  <si>
    <t>b'\x90\xee\xc4\xf0\xf3\x0f\xab\xbd\xf3j\x85\xdd\x90\x17\xc3\xd9V\xdc\xd2\x1b\xea\x10dN\x8ax#\x19T9\x03\x91'</t>
  </si>
  <si>
    <t>b'\xf1\xd3\xe7v\xf8(x\xde;\xc2\x871ee\xf9\xf1\xfc\x03\xb3\xf5\x1a\xe9\xf8H\xb7H\xe9=I 9_'</t>
  </si>
  <si>
    <t>b'\x08\xec\x0emV\x1c T2\xac\xcc\x0b(\xa9\xa739S\xe4q,\xdb\x1f\x82\xdf\x98\xf4\xa8\x18V\xe3`'</t>
  </si>
  <si>
    <t>b'-\xd3\t\xa9*\xb6\xb7\x8f\xfe\xbf\xa5\x9d\xd7\xbf\xbe\xf3&gt;\xed-\xd7\x9f\xa7\xefsE\x96\x0f\\^5\xedW'</t>
  </si>
  <si>
    <t>b'B\t\x7f\xcd\xb3\xdd\x04\x87\xb5\x04b\x7fn@\xf1\x07\xdf]\x14\xafL\xa1\xc6S5\xf9g\x98\x9eQ\x88\x9d'</t>
  </si>
  <si>
    <t>b'\x16\xeb \x12x\x9c\xaeKl\x08 \x16\xf8f\x98\xffu\x1bRV\xbeu\xffxZ\xac\xa392\xb1\xc0~'</t>
  </si>
  <si>
    <t>b'\xbc\x8b\x95Id)?-\r\xa0Y\xb6c\x1f\x7f\x17\xb6e\xef\x8e\xf3\xe2\xf0\xec\xd1\xde\xa5IW\x17Kb'</t>
  </si>
  <si>
    <t>b'\x03]\xf7\xb1dC\x8c\xf4\xe8~\xf1\xedO\x06r\xa2\xca\xca\x11\x00g\xa6\xf3f\xdc\x17V\xae\x18n!_'</t>
  </si>
  <si>
    <t>b'\xe4\x8f\xa0v\xcdM7\x11\xe2\x15\xc9\xfb\x98\xfd\xc2_F\x85\x99I\xa42p\xa6\x13(\xbb\xc5k\xca\xee^'</t>
  </si>
  <si>
    <t>b'S\xd4\xca\xf0ns\xb9\xacz8\x0c\xf0_\t\x1c\xf9\x8e\xcc\xdc\x00\x0f\xe6\xe1O\x08\x99\xe6r\x8bW s'</t>
  </si>
  <si>
    <t>b'kBC\x0e\xbd\xbf"\xac\x1a\xbd\xf54[8l\x1c\xd1d\xc5\x94\xa7\x9b\xce/\xbeQ\xda\xa9Y\xe2IU'</t>
  </si>
  <si>
    <t>b'\xfa]\xb6\x7f}\xee\xeb\xdf\x9f\xda\x88\xeb\xf8\xd5\x19\xf4\xd7\x8a\xab\xd0:]Zi\xedJ=#\xae\x01]\xc3'</t>
  </si>
  <si>
    <t>b'\x83\xe9o\xfd\xd1\xd2%`bx\xe3R\xd4\x10\xb4\x9ck\xdc\xc1-c\xa1\xda\xd3]\x84c\xf5\x17\x14\xcf['</t>
  </si>
  <si>
    <t>b'\xb4\xd5|\xd1VCFk\x9d\xe0\xb4\t\xba\x878\x9a\xd9\x80\xd5\x04YP\xe3\x8c\xca\xad\xf2\xd5\xee\xe0\xe0\xd9'</t>
  </si>
  <si>
    <t>b'\x0f\xf3&lt;]\xe0\xdf\x12O\x87\x9d\x06G\xf7{\x9fs\xbc-I\x18\x1ff\x9d\xf3\xcd\x1e\x18\xda\x8e\xf8\xa6~'</t>
  </si>
  <si>
    <t>b'i\x16&amp;nw\xe4"cwDE\x81\xff\xb6\xd7\xf2\xde\xf4Isw\xcd\xb8D\x1b\xba\x9b\xf9&gt;z\xbc\x12'</t>
  </si>
  <si>
    <t>b'\xea\xcb\xd3\x85\xcc\xeaO\x14\x141\x0eJ_y\xb6\xc7\xf8\x01\xf8\x1d\xbfsM\xdd\x914\x9dV\xce\x11e\xde'</t>
  </si>
  <si>
    <t>b'K\xf3\xe0q\xda\xa9V\x84O\xbc`\xe9\xfa\xf7\x0f5\x165\xf2\x93c\x16\x18\xd7\xc4\xcc{h\xad\x8cd\x94'</t>
  </si>
  <si>
    <t>b'IAI\xfe\xac\x03a\x9a\xad;\xea\n\xdb"M\x1e\x0b\x914EE\x82\xcb\xfbx\xc7\xa6\xe2\xea\x9cn\x96'</t>
  </si>
  <si>
    <t>b'3\xba\xd2{\x9f\x92\xc1\xd0X\xcd\xb6\x04\x05H\xd5\xca\xfa\x1f\xe5\xa9\xe6R3\x0f\x9b\x0f\xe4\x14\x91\xcd\xa1#'</t>
  </si>
  <si>
    <t>b"\x07\x1f\xf4W\xa1oVR6\xb7\xeaB\x02t\xc5YU\xee\x11'\x82\x87\xaa;D\x05\x80\xa2@\xfc\xcb\x9c"</t>
  </si>
  <si>
    <t>b'k\xddQ\xe3=&amp;\x8e\x9e\x13\xebW\xac\x05\xe4S&gt;\xa4\x00k^\xe2\xd5x\x92\xe7\xdc\xfdN\x8e\xbc2l'</t>
  </si>
  <si>
    <t>b'ZW\x81\x98\x1e \x0c\xb8 o\xc8\xf6~\x0e\x00\xb1\xe4\xf4\x1a\xcb\x86\xe1\x98E\x93\xb0\xb5&gt;-\x97In'</t>
  </si>
  <si>
    <t>b'\x83s\xca\xc2\xee\xba\xcd\xf3\xca\xd7\x04W%\xa1a\x1a\xae\x17d%\x88x(\xdc\xa1\x05\xc5\xd2\x9b\x9d\xb4\x05'</t>
  </si>
  <si>
    <t>b'\xa2\t\x0f\xc3wc\xf94a@z\x80\xf3\xe7\xba\xec\xc1\xb0\x1a\xf2\xc1\xe0\x10\xed\x05\xd1K\xf7KPqB'</t>
  </si>
  <si>
    <t>b'\xe0!O\xa4g\x81\xa9\x90\xc8\x82\xd9\xd6f"\x8e \xfbr2\xb21o\x89a*\xe7N\xf0\n\x99Y\x9a'</t>
  </si>
  <si>
    <t>b'\x9d\xd3Yk\x9f,\x9aC\xceD\x99\x98c!W\xcf\x85\xaf\xfc\x8e\xbe\xbdz\x15\xf7C\x8e\xf4\x8b\xa5\t\xf9'</t>
  </si>
  <si>
    <t>b'H*H\xda\xe8y\xeb7\xa8\xae\xdf\x9f\xa5\x9bA\xbe\xeb\xf8\xb5\t\xb3\xe3e\x8d\xb9\x112\xe4\xad\xe8c)'</t>
  </si>
  <si>
    <t>b'\x95\x19h\x1eI\xef\xe9b\x11k=E\xa5\x1f\x87\xc6\xec\xc9&lt;=\xe3\xe3^\x96\xa7\x90\x8e:\xeae\xdb\x17'</t>
  </si>
  <si>
    <t>b'\xfc\xd2(\xec\x05\xb4\xc5\x00V\x1a}\x98`\xf7\x99\xa8\xe0a\x9ct\x08\x1c\xed\x12,\x92\xf4\x99{\x13\xe9\x06'</t>
  </si>
  <si>
    <t>b'\x1f\xc8\t7\x8aT\x9bU~\xdf\x04\x8e\n\xec\xa3\xc8\xb4I\x81P\x8e\x04\xaa\xb0L+j\x91\x89TL\xd4'</t>
  </si>
  <si>
    <t>b'\xd6#M\x90\x9d\x02@\x80\xee\x82D[\x90\x95wY\xa8\x93K\xdcf)k\xe6c,\xd6\x1a\xcc\xae\xb62'</t>
  </si>
  <si>
    <t>b'\x88\x82YM\xb3\xc6K2\tk+\xf2$\xc5\xc18;\x9ea\x03\x81\xea\xdd\xdd\x120\xef\x9dk\x83u\xb4'</t>
  </si>
  <si>
    <t>b'O\x1c*\xa99\xeb"W\x18\xc7\xa6\xed\x97\xb8\x03\xa0\xec`\xe6\xe6\xe5\xb0\x96\xbfC\x03\xa2\x1b\\\xfa\xeb*'</t>
  </si>
  <si>
    <t>b"sM7\xf7\x07\xbf\x02\x1eL\x88\xcbym\x9fKzU\xbePv4vxq\xe0-+\xc7\x95\xcd\x89'"</t>
  </si>
  <si>
    <t>b'\xed-\xda*LG\xc8!\x1dm\x9bL\x06\x91\x9e\xa8\xca\xfb\x187]\xe7\xf7\xee\xb7\xb0\x1e\xd5h\x10\x10\x90'</t>
  </si>
  <si>
    <t>b"\xa4\xcao\x06\xaa\xc5\x81\xb3U\x1f\rK\\\xea;\xe2U5fu\x164\xe9\x9d\x88$'P\x02\x00\xac*"</t>
  </si>
  <si>
    <t>b'`\xfb\r\xc0\t\x12\xdaU\xb3\x82\x10\x89\xcb\xa03J\xc9\xa18$v\xe6\xbb\x83\xc3u|\t\xfc\xa4\x08\xd9'</t>
  </si>
  <si>
    <t>b'\x7f\x8e\x7f\xc4\x83\x0cp;I\x82\x8f\x91\xd5\xf5F\xc9|\x08\xad\xef\x94\x19D\xb7[\xa4F+\xb1\x19\xa9g'</t>
  </si>
  <si>
    <t>b'6\xa60\xc7s&gt;8Fj~\xf1z"u@\xc5E\xbb\x94TR0T\x02\xb3o\x1cn\xfd\xfb&gt;\xc4'</t>
  </si>
  <si>
    <t>b'\t\xb5\x94\xf0\xbe^\xe5;Q\x07`\xe1y\xf3p\xf3u\x0elR\xfa\xbe\x8a\x9bU}\xaa%=\x87\xf1C'</t>
  </si>
  <si>
    <t>b'\x8c\x98\xab\x7fv\xf2\x13Cm\xecw\x0b\xbb\x8d\x0f\x00\x83\x9ahx\xd5\xb3\xc3\x06\xb3\xef^\xc7\xb1\xd6\x0cf'</t>
  </si>
  <si>
    <t>b'p\xe6\xd1Pf\xee7nLg\xa6A#V\xf5\x1e#\xd0\x8dDI&amp;\x02\x12\x0ehR\xe3\xb7\x97\xd3\x0b'</t>
  </si>
  <si>
    <t>b"\x08\xe4\x00\xba\x9c\x8e\xdbr\xa0\xb8i{ty\xb8\xa4\xb1\xc1\x0b\x86\xdbh\xa1Y\x0biS\xa9\x10\xa1\xfb'"</t>
  </si>
  <si>
    <t>b"\x83\xf8\x95\x89{\xff\x7f&lt;\x96\x9f\xaa\xbf\xe6\xdb\xc6\nZh\x82\xea\xc0\xf4\xa3\xa7_\xc8%L'\xdf\x9e\xd1"</t>
  </si>
  <si>
    <t>b'&lt;\xe8\x01\xb5Y\x1d\xb8\xdd\xfa\x1d\x83\xb8\xec\xa1\xfa^\\\x8e\x947q&amp;\x8dp\x89\xd7Nc\x1f\xa0\xb6\xcc'</t>
  </si>
  <si>
    <t>b'\t\xec\xd1-V\xd7p\xd8Mq\xf2^\xa8\xe7\xc3\xbe)\x1e\xf5\xedJ\x8d\x1d\x86Y[\x19\xad\x15\xb4$\xee'</t>
  </si>
  <si>
    <t>b'M\xd8\xc8\x93\xc1\\$\xec\xbe\x1c\x81\x12\n\x16C\x90\xb3D\xec\xae=\xbe?{,\x0b\xff,\rLU\x8f'</t>
  </si>
  <si>
    <t>b' \xee{\xf8\xdf\x1aA\xee\xb5]\xd7a\xd2o&lt;\x05\x06\x16R\xc9\xdf}\xceg\xd1aU\xeez\xbc\x1e\x86'</t>
  </si>
  <si>
    <t>b'\xae\xfaG=\xa84\xb2\xbd"\xcb\xb4\x90\xfa\xd5\x97\xd8\x9a[\x0e\x97\xe4x\xf7\xa6utL\xb4\xb72p\xec'</t>
  </si>
  <si>
    <t>b'\xb2U\x84\xd4\xdf\xf1j\xa3Y\xb3\x84\xbb1 \xf6k$\x85\xe7\xe8|\x18\xbe\xec\x91B2\xb0i\xd2\x00\xf0'</t>
  </si>
  <si>
    <t>b'\xc5C\xf7\x95\x94\rX\xc7\xf2\x88\x11\xfd\xb5M\xe0D&gt;_\x04\xef\\i\xa8\x85j?\xac\x01\xae}\x05\xd0'</t>
  </si>
  <si>
    <t>b'\x8f\x83(\xf2\x02PH\xed\xaaH\x1c\xe7G}\x85K\xf0\xee2\xff\xeb\x16\xeb\x0b\xac\xc0\xcaQ\x16\x8c\xe4\xec'</t>
  </si>
  <si>
    <t>b'3f\xa3\xddXC\x91\xb4\x1b\x0e\xe5\x97S\xe4\x14\xbb\x12\xd9\x92\xc8\x1c\xda\xabj)b+\xa2\x0b\xfa&gt;\xd1'</t>
  </si>
  <si>
    <t>b'\x0e\xe6u\x14\xad\xfa^\xd7\xdar\x14\xbb\xf5\x06\x10\xfaD\x174&amp;\x84\x80\xb7Im\xcb\xf7\x8cf\xec\xe0\xac'</t>
  </si>
  <si>
    <t>b'\x95G\xe4"U\xdc\xd5\xd7*1\x8am\xa7\xd1H+\xe6\x1aI\x18%,\x9b\x1b\xafv\x1d\xd9o.\xdc,'</t>
  </si>
  <si>
    <t>b"$\xf3eQ\xd3:\x04\x01\xba;\xb4\x15\x18\xdb\xef\xd2u\\\xa7\xc2&gt;\x05ac\xf4\xf1c\xda%\x16\n'"</t>
  </si>
  <si>
    <t>b'J\x15\xc5UX\r\x17\x15&gt;\xd8\x11\xe4k\xd4\x8d\xdd\n\xcai6\tl\x93!L&gt;\xbb\xeeB\xf7\x99\xa1'</t>
  </si>
  <si>
    <t>b'\x8c\xeed\xb4\xa8\x14[\xfe:\x1e^\x11k\x0b\x93~z\xb1a\x1fL\xab\x0e\xad\xad,&gt;\xd9?C\x90\x87'</t>
  </si>
  <si>
    <t>b'\xe1&amp;b\xef\x83\x1a\xcf\xe3\x93i\x12\xf6\xbbO5\xa0\xa0%GU\xf6\x03\xcf_\xea.\x05\xbfm\xa7\xed\x0b'</t>
  </si>
  <si>
    <t>b'\xe4J8\xff^\xbd"\xb4\xad\x08\x80\xfd3\x9a:\x9di\x8f\xea\xa9\xfb\xf3\xdb\x8e\x88\x1e\xa7\x92\xaa\xd2\xfdI'</t>
  </si>
  <si>
    <t>b'\x8f\xb0\xa1\xbd\xd5z\xda$7d\x8d\x7f%\x08R\xaeanFf1kh\xbc\xac\xe0\xce\x8bC\x01\xa3\xf6'</t>
  </si>
  <si>
    <t>b'\xd9z\x00\xc8xO\x04U\xef\xdb\xeb\x8d;\xc7\xc8\xf6\x1e\xd4\xdf\xbfE\x0b5\xf4\x10\xb3\xfa\xdb\xdb\xc7\x1a\xb5'</t>
  </si>
  <si>
    <t>b'\xb9B\xcc\xf7\x07\t\x8e\xda|\x1f\xca\x8a;\xea4\xb3NqA\x9c-q\x159A\xb2iI\xca\xc2\x19l'</t>
  </si>
  <si>
    <t>b"\xbd\xb1D\x10\xe2$\x8f\xfcw\xe8\xd5\x1a\x16yc]\x8d\xea\x19'\x11\x86f\x84\x0f3`\x02o\xbe\xa1!"</t>
  </si>
  <si>
    <t>b"\x01\xaf' \x8c\xc3s \xdb\xdam1R\xec\x8d\xb5\x1c\xcc\xae\xc7\xc8\xf3\x17\xa1\xf2\x00=\nN\xe5UC"</t>
  </si>
  <si>
    <t>b'\xad\xa40\x89\x1dc\xdba\xd1n\x8dh\xe1\xa2\xb9\x97DE\xbf]\x1aK\xa4\x0f\x18\xad\xdfb&gt;\xbe\xc7T'</t>
  </si>
  <si>
    <t>b'\x80C\xb9\xc3\x0e}\x95\x9b\xaf\x83\xd2&gt;z\x81\x8c\xd8B\xc4 |\xb6\x01}C\x9a\x1c\x14\xd9\xdd\x9f\tZ'</t>
  </si>
  <si>
    <t>b'\x83\xf97\xd7\xf2oc\xa3Nc\x86zl\x04\xf2\xe3\xef[w\xd1\xcb\xda\x86\x9c\xbeCy\xaf8\x9dnP'</t>
  </si>
  <si>
    <t>b'lG\xbf\xc6\xe1\xbd\xb5\xa9\xbe\xcd\x0f\xa3\xf07\xbe\xa2T\xbd\xb9\xfa\x07@\x97\xa5d8[\xe2\x98\x87\n\xf9'</t>
  </si>
  <si>
    <t>b'\xf5\xaaz\r\xd3\x12\xf6\xd1\x02+\xc39G\xaa\x9e\xe5X\x05)\xa1\xb0\xc3\x1f\xf4\xa4\xf9x\x84\x9b_.\x18'</t>
  </si>
  <si>
    <t>b"iF+\xf6}\xe1N5c\x1b.\xda\xdf\xf0\xfa\xff=\x17/u\xd7Eq\xfe\x9d\x90\x9a\\\x95'\x89%"</t>
  </si>
  <si>
    <t>b'\x96\xe0\x95\xf5\x8aI\xf4\x0c\t\xa0\xfarD\xb8\xa4\xb2\x9c\xc0\n\xf7\xebX\xecx\xda\xc9YPr)\x18\xdf'</t>
  </si>
  <si>
    <t>b'\x16\xed\xc6\t\x9d\x0f\xe1\x11\xb1\xe8 \xf2\xc7\xbd\x1b2X\xac\rP5/\xd8\xdd\xc5\xbf\xb1W\xb7\x96T\xf6'</t>
  </si>
  <si>
    <t>b'\xba]\xeb\xf01\r\xbd \x1dif\xec\r\xab\x16\xd1\xb7&gt;\x1e3&lt;\xe6\xfa\xfa\x1d0\x16\x11/:\xf0\x8e'</t>
  </si>
  <si>
    <t>b'\xa9\xa5t\xbc\xf6e|\xa3Z\x06\xd4\xf5\x13\x1d\xb6}\xa6\xd3\x84\xe1\xef \x1eP\x93\x94\x17\x14o\xe0\x07!'</t>
  </si>
  <si>
    <t>b'I\xd3\xf0\x91\xfbL%\xa3\x9f\xafEO\xe3Tv\x94\x81\xe4\x1c\x91\xa7\xe6\xba\xfc)mk\xb9a\xe2\xa1\x00'</t>
  </si>
  <si>
    <t>b"\x04\x94=\xca\x03\x1d\x1b\x1f\x9c'\xad\x80Q\xce;\xaa[\xbe\xfa\xc3U\x96\x1b\xf4\x80*Tc\xc6h\x88\xcb"</t>
  </si>
  <si>
    <t>b'\xdc\x81\xed..\x0fi\x17X,\xe4~\xe9:\xa6\xfe\x85dK\x00lP\x0cBL\xa9\x19\xc2\xf3(\xb7\xfd'</t>
  </si>
  <si>
    <t>b'}\x05h@\x96/N\xd7\xeb\xc9\xf2\xadU\xf7\x08\xfc\x1b\xd2\xe9\xcd+\xd3\xcd:[\xcd\xcb\xcf\x874\x8c\xd0'</t>
  </si>
  <si>
    <t>b';\x94\xbb\xc5\x84B\xa9\x86\x1b\xee\x83\xdf?\x7f\xbf\xc6\xab\xfc\xcb\xd4\xb1\x07\xa5q\x18\x87\x1dm\xa0\xbd\xdc\xbc'</t>
  </si>
  <si>
    <t>b'\xdd\x03\x91\xf7VM(\xf9\xbc\xd5A\xc2\x8fAtv\xa5\xd51\xe6\xba\xfd\xc6?j\xf27\\\x06sd\x7f'</t>
  </si>
  <si>
    <t>b'N\x85t\xcd\xe1E\xb7T\x8b\xd2\xc2t\x08\xe57\x8b\x96X&gt;\x9c\x81P\xed\xea\x83\xb4n\xc4X/\x9e\x84'</t>
  </si>
  <si>
    <t>b'\xc62\x00&lt;\xe6\xb7W\xff\x15\x92\xc2\xd0\x87P-\xac\xbc\xa8\x87\x7fw\xe0\xd5&gt;\xee\x82\xfaLR\x0e\xbd\x80'</t>
  </si>
  <si>
    <t>b'\xf5\xc8Q\xfd\x81R\\\xe8:\xc3\xfasC4\xf7\xd0\\\x00\x7f\x1a\xd4\x06\x96\x9e\x10\xd10d\n\x07&amp;u'</t>
  </si>
  <si>
    <t>b'\xe3\xed\x89!\xa3J\x02(\xea\\\xe7\x8dM\xcf\xe4\xe0G\xecX\xee\x17\x92|\xa3\x16i\x83\x90.F\td'</t>
  </si>
  <si>
    <t>b'V\xdb5\xdc\x84?MH\xfa\xecq\xf1W\xf81\xe0~\x90J\xf0a\xffH\x07\xee\xa2c\x9c.e\xdd\x8a'</t>
  </si>
  <si>
    <t>b'\xad\xd5\xd42O\x032\xffs\xbc\x91\xcb\xc4\xaePA\xfa\xf3\xa5\xc6\xe6[\x1e\xf6\xdbJ\xd9\x8e\xbaS8\x0e'</t>
  </si>
  <si>
    <t>b"r\x00&lt;\xdfSd(&amp;e\xe2F\x05\xd6\xd3\xa7\xee\xce\x97\xf7P$'\xb7\xfa\x03\xd6\xd9\x12\xe8\xa2\xe9l"</t>
  </si>
  <si>
    <t>b'\x8e\xbf\xf9\xe2\xe1G\x91zH\xcb)B\x99\x0c\x7fN\x15\xc8\t\x07\xe4\xfbg\xdf`^,\xb0\xfe\x84\xdf2'</t>
  </si>
  <si>
    <t>b'\x87\x0f\x8f\xb2B\x06`\xea\xe8-\x1e\x04l\x17\x98\xd4&amp;\x95\x1e\xe0\xc7Y\xed=aNi\xee\x85\x1b\xcc\xf8'</t>
  </si>
  <si>
    <t>b'\xcf\xc8c#@\x1aX\x1b$\xb6h,\x01"\xfe\xf5\xb8\t!\x86\xfd\xe2M\xe4\xb2\xa1\x19\x0f\xb4\xd2\x0c\xa1'</t>
  </si>
  <si>
    <t>b't\x05\xf3OMk\xd5\x03g\x01\xaa\xb1\x17\xf5\x0c\xda\xffS\xefK\x80\xf7]\xa3K\x80lx\xab\r\x0b\xdb'</t>
  </si>
  <si>
    <t>b'r\xec\xd6\xa5_\x88\x05\xe3\xd1\xa3\xa5~P\xdf!\xb2\x08\x89\xc3~\xeb\xdc6\xf15\x83\xbe\x1c\r\x0f\xfag'</t>
  </si>
  <si>
    <t>b'\x94\x94\xf1\x04#\xea\xc3\xe7\xb7\xc9\x85\xa0\x11\x90^\xb7DhMd\xa0\xd1\xc4\xef%\xdd}\x15\x7f\x10\x8a\xdf'</t>
  </si>
  <si>
    <t>b'jl\xdc\x1e\x8b\x80W\xf0\xa1\xb6\x8b\xa4\x86U\x04\x90\xe3\xc0W#\xac\x94NI|p\xa2\x17\xe6w\x05\x80'</t>
  </si>
  <si>
    <t>b'\xa8s\x03(\xa1:\xf6~\x7f\xcc\x10\xfdm\xef\xb0\\\xc5&gt;\n\xa1\xc4\x0cb\x8c\xe6\x02an\xb9\x97(\x8a'</t>
  </si>
  <si>
    <t>b'\\\xc8k\xc3\x07\x16\xaa\xa9j\xbdZ\xcag\t\xe5\xad$\t\xfa\xd0h\xb5\xfa"\x07@&amp;uB\xc7\xdf\x06'</t>
  </si>
  <si>
    <t>b'2|\xbe\xab\x15\xe0\x18z$9\xe9}\xc9\x07\x7f\x99E~\xfc\xf33s\x80\xb75:\xf9M[\x170\xa8'</t>
  </si>
  <si>
    <t>b'\xab\xccXym\xdb\xe8,\x0f\x95\xd3A\xf4VB\xf6v\xdd\xfe\xc6\\_J\xec?\xe7\x0b\x02\xb2\xe4\x1e"'</t>
  </si>
  <si>
    <t>b'\xc9\x8d\x9f\xa2\xa2\xb7J\x90[W\xc8=\x98F\xc2~\xd3\x98\xab\x81\x81~\xb9\xcf~\xe1?\xf9\x0e\xd4^&lt;'</t>
  </si>
  <si>
    <t>b'\x04\xf5\xef(\xbc\x8a\xd2\xba\x8bei@\xe1:b\xb9\xc4\xbe\x88\x98\xb6\xa4\xbd\x8fh\xab-^;.\xfb\x10'</t>
  </si>
  <si>
    <t>b'\xf3\xa3\x8e\x98D\x91[\xa3\xc1\xf8\xde\x9c\x12VyT\xb7\xf3B\tZiO?~\xa3T\xfc\x8b\xe5O\xb3'</t>
  </si>
  <si>
    <t>b'\xb07\xeeM\xbd\xb6)Z\x96&amp;UH\xfd\x96\xae"27\xdd \xa9\xcd\x06\xa3\x80J\xa8!&amp;.cx'</t>
  </si>
  <si>
    <t>b'\xb4Oq:\xf8fE\xc8\x03)\xb0\xf04\x19\xbeRp\xcdRZN[\x86wu\xa9\x00\xfaK\xe5+w'</t>
  </si>
  <si>
    <t>b'&gt;\xdc\xe5\xca\x9c1\xef\xeb\xdd\x04WG\xce\xfe\x96\n\x05\xdf\xfe&gt;\xba\xd0\xd5\x9c\xbc\xf4\xeb\x92\xc1\x10\x9f\x86'</t>
  </si>
  <si>
    <t>b'\x1b\x8fQ\x83\xd9\xbb\xef\x96\xfd+\xcd\xadD\x9f\xd7|\xedi\x84\xfes\x91\x18\x15\x1cKiL1\xd1u\xbe'</t>
  </si>
  <si>
    <t>b'\xd6z#\xd2\xb6\xa5\xd1\x11\xc5O&lt;\x18\xe5\x85\x1c7\xf9b\xeaC*\x04\x90H\x04\x85\x10\xd6U\xe6\xa7\xb3'</t>
  </si>
  <si>
    <t>b'ok\x8a\xe6.]\xe2\xabC0\xf42\r\x148!\xa4Q\x10\x8a\xf2\x10\xde\x07\x83\x89\xd9B\xe4^\xe0\x93'</t>
  </si>
  <si>
    <t>b'\x9d(j\xfd\x05\xe43\xa1X\xaa\xb8\xa1\xa0\xbb\xccS\xe9\xfe\x07z\x9fx\xac\xea\xac1P^v\xd4o\x9f'</t>
  </si>
  <si>
    <t>b'\x7f\xb4\xb4\xa9\x87\xfb\x81\x95\xd5K\x86P\xa1W\xe8C\xf3\xfc\xef\xf5\xb1\x1c\xa9\xd8\xbfq\xb7#\xbcl\xe4o'</t>
  </si>
  <si>
    <t>b'\xc5\xb5\x99N)\xe7\xf5Y\x15Gh\xec:\n7\xb6p\x06\x16\x1e\xb8/\xcc&lt;v\xbdZ\x84\xb9\xa8\xff:'</t>
  </si>
  <si>
    <t>b'\xdf\xdc\xa7\x11&lt;\x0e\x80\xa7/\xe4;\xf8{d\x9e\xc5\xe4\xe5\xfd\xcaLU@\x96\xdf\x035\xeawA\x0c\xac'</t>
  </si>
  <si>
    <t>b'\xca\xddm\xd5\x80\xfc\x89\x9f\xe1{e\x8d\x89I\xe6K\x02uwr\n&lt;\x8dKcCd\x9c\xc9\xd8\x18\x14'</t>
  </si>
  <si>
    <t>b')\x070&lt;\xf3`\x17\x8f$\xb7\x0e$*\xba\x86\xac#\xa5\x01\xaf\xb6W\x99\x98"\x9e\xed\x01\xc9\xa2\xe3@'</t>
  </si>
  <si>
    <t>b'^\xc0\xf8\xd3\xd5\x06\xae\xdf\xc4\xd0\xbb\xdaj\xb5~\x1c\xdan\xf5a]\xab\x85\xe5\x08\x89:\xfd\xd2\xfa\xb8\xe9'</t>
  </si>
  <si>
    <t>b'\x83\x1c\x9a\x8c\xcc\xc2Sb\x88\x8a\x9a(\x81P\xa0\x8b\x9f\xe7\x84\x9biO\xfe\xa9~`\xfe7\xc9\xab\x95\xe8'</t>
  </si>
  <si>
    <t>b"!\x8c\xe7\xa6\xc3wz\x80\x93\xa6\xf2\x86\xc3\x8b\xfdgkR\xcc!\xe4?PE\x81\xab\x92\xfa\x1aB\xf7'"</t>
  </si>
  <si>
    <t>b'\xdfM\x803\xdaet\xd5\xe2ei\x1f\xe0.\x9aj\x93\x941S\x16CZ\x18t\x99\xe8I\x16\xa1\xb5J'</t>
  </si>
  <si>
    <t>b'\x1b\xe2I\xcb\x9e\x15\xba0\xd8\xe5\xa5\xb8\x85\x1ax%\xda\xe2\xdc,V\xc1\x17\x0fA#L\x84\x12\xea\xd6\x0f'</t>
  </si>
  <si>
    <t>b'\x9b\xdeMA\x04\xcdg\xf9m\xba/\x89\x81\xb4\tH\x83^\xa43/\xf87\tU\xe1t6A\xe1\x19\xd3'</t>
  </si>
  <si>
    <t>b'\x82\xb3\xd4d\x8e\xa3\x1af\x93\x08e\x1f_\xbe6l\xf3\xbdG\xd1mF\x0e\x82\xc3[\xae\xdcq\xee\xd7+'</t>
  </si>
  <si>
    <t>b'\x9d\xbbnT\xe1\xe5\x7fxUIvt\x05\xeb\x1a\x15I\xc7%K\x9b\xfa\xa8$\xe3\xb8\x8dc\xca\x86\x03\xd6'</t>
  </si>
  <si>
    <t>b'\x1c\x82v\x90z\xca\xab&amp;\x97\xad\xde\xbc\x9b\x87\xd5\xb7S\xc4\xfd\x02&gt;\xd6\xad\xbf(\xe0{\x93O\xddT|'</t>
  </si>
  <si>
    <t>b'\x9dd\x9c\xb8\x1e\x82\xc7\x04\x93\xcf\xb0\x8e\x83g\xb4\x08V\x9e&lt;\x9c#\x11\xc0C\xf1&gt;h\x1c\xf4\xf1\xad\x04'</t>
  </si>
  <si>
    <t>b'(%&gt;A\x9a\x12w\xbe\x96\x8f\x1b\x8f\xe9\xd7\x13\xaf\xb8\xe55\xf2\xa8H\xdf\x16b\x9bd\x8e\x94VHg'</t>
  </si>
  <si>
    <t>b'w.\x9a\xb4\x00\x1aY\x03~\xc3=3\x12o\x8e\xf7\x9e\x9d^\xc2\x999\xdf\xd0\x13D\x11,8\xf6\x0cK'</t>
  </si>
  <si>
    <t>b'\x1c\x89{\x90e\xc2\x12@\xd7\xa8\xf7\xb9\x97\x8c\t\x10x\xba0\xc7\x01q\xf6x3\xb9d\x96\xce\x7f]\x0e'</t>
  </si>
  <si>
    <t>b'^=\xf3\x9dH\x0b\xdf\xdaz\xb1#\xddn\xf9\xf3^m\x90\x0c\x97\x18&gt;3\xf3p\x15"/\xfd:+4'</t>
  </si>
  <si>
    <t>b'\xe8j\xc4\xcdH\x0b\xc8j\x88\xc9\x12\xf9\xc3_\xb8R\xd1W\xe9\xfa8\xab\xc6\x9c\r\x06\x1b\xde\x13$\xff\xd2'</t>
  </si>
  <si>
    <t>b' \xe8\\\xbd\xa4l]\x1cDyF\x8e\xf5\xc2\xa6\n8\r\xf1\t\xc3\x06\xe0\x9c\x07\xc5\xb0\xf9\xb5\n\xa30'</t>
  </si>
  <si>
    <t>b"\x0e\t\x07\xfe\xfc\xae\x17\x00\xcd\xedBp\t'\xc0L\xf4qE?G\xbf$@[N\x1c@{\xc0)&gt;"</t>
  </si>
  <si>
    <t>b')o\xa5\xc6)\xa0\x947\x14&gt;a\xceh\xf6\xbb\x02AC\x88\xa4-h\xe6\xb1y)\xd8\xc4\x87\xdb\r}'</t>
  </si>
  <si>
    <t>b'\x8b\x87\rB\x95\x9be\xc6\xe4\xc5\x19\x05\xb6tFJ\xa3\xc5\x89\xcd\xf1\xaaJ\x06\xd4jO\xe4\xf8\x7f5\x82'</t>
  </si>
  <si>
    <t>b'\x87\x81\x96&gt;\x13;Z\xfb\xe6\xa7\x92MA\x1a\x95[&lt;x\x87\xe9P\xfca\xb4(\x92\x80\xff\xe9\x95\xf3\xb3'</t>
  </si>
  <si>
    <t>b'\x15G\x1a\xa6G?\x18\xf0{\xd1\x13\x99n\xce\xf0]\xc2@\xe5\xb5\xc0\x87\x85\x90\xb6Q\x15*\x980\xa3m'</t>
  </si>
  <si>
    <t>b'\x85\x8b\xc0\xd9\xd4\x88b(\x0e&amp;\x04\xf2\xe9\xde\x973\xe6LY\x7f\xfa\x01\xa4\xe6\xb2Yq,7&lt;G\x8e'</t>
  </si>
  <si>
    <t>b'\xb7\xb8Oy\xf1\xb4A\x19\x9e\xe8\xec\t\xa6\x1b4\x16\x0fE/NH\x0f\xea_\x87\xe7&gt;\x8b+\xf2D_'</t>
  </si>
  <si>
    <t>b'\xbbOBis#\xee0\xf5\xa4\xa1\x97\xaebm\xaa\xec\x17A;\xb9\xac\x9d\xd9\x04z\xc6J5:\xc5\x01'</t>
  </si>
  <si>
    <t>b'\xa1\x84\x8fi#\xc2\xe1\x8f\x8aU\x08}0@9s\x18\x98\xb6.\xfb\x9e\xc3\x9b\xdc\x19\xcd\x1d\x0b\xbd\x8dE'</t>
  </si>
  <si>
    <t>b'\xfd&lt;\xcd\x1c\xeasi\xce\xf1\x83\xee\x9a;(\xde\xeb\xd2\xb0:\xf51\x18&gt;;\xf2\xfd\x83\x8cM\xa2y\xbc'</t>
  </si>
  <si>
    <t>b"\xbd\x00h\x8f\xe0\xca\xd6\xf6\xb5;)J,\xe0/\x04.&lt;'n\xcb\xf2SF\x99A\xf9\x8b\xea\x89\x16e"</t>
  </si>
  <si>
    <t>b'\xa1]\xad\x0f\xbd\x16\xf9\x0b{\\\xcel\x8b\x9e!\xe7\xd7\xa6\xe4\x8b\xfas\xdb\xbcp#\xe5\x1a.\x07mq'</t>
  </si>
  <si>
    <t>b'\xbf\x99S\xf7\xedn\xf8C\x07\x91)M:7\xed\xf5\xbcJ\x08\xcdN\xcf\x05\x94\x1e\x1a\xc2\xfa/\xdf\x8f/'</t>
  </si>
  <si>
    <t>b'\xe9-H\x9f\xbb{\n\x9e\xfc-\xec"m\x0c\xf5\x8f\x87x\x10z\xd4\x9fw\x90\xaa\xa7\x12\xe4\xeb-\rW'</t>
  </si>
  <si>
    <t>b'&lt;}\x19rD\x1e\\~\xa7\xc9pm$,5\xd3\xba\xfck)\x0e\xc5\xbd\x1a/T\xe6q\xdb;\xfb5'</t>
  </si>
  <si>
    <t>b'\xc3\xe4\xd8\x88\xe2\xe1\xacex\x99(`\xb3\xe6\xdc*\x7f&amp;\x8f\xc4y\x15\xa7\x14\xa6\x85\x17\xaei#%\xe6'</t>
  </si>
  <si>
    <t>b"K\xebUcC\x96\xa12\x8b\xe4v\n\x8b\xd6'\xa9\x1f\x1c\x1d\x95T&gt;u\xce\x04L\x94\x05\xf6ix\xb1"</t>
  </si>
  <si>
    <t>b"\xe2F'\xe8$6t\x90Q#|\x1f\xca\xa5\x16\xc7@\xebR\xc2U\x98.\xdaD\xc5l\xe1\x8fL\xe9R"</t>
  </si>
  <si>
    <t>b'\xcdZ\x8aR\xbb\x92\x06\xbc\xe8%H\x16\x17v\x86w\xbb\x95\xa0\xe7\xb2\xf7\xecAG\x84\x83L.\x99}\t'</t>
  </si>
  <si>
    <t>b'i{\x0c\x80\x80;u\x89\x98\x01\xb2\xfd,"\x8e{lQ\xa3\xe6j\xbc\x8d\x9c\x18\x148\xd4\xddb\xa1\x80'</t>
  </si>
  <si>
    <t>b'\xf2H\x93\xcf8c\x01\x9c\xb8=\xf7\x1f\xf0s\xf1\x95\xd9\xb1\xde@\xf1[h7\x9ez*\xcd\xc80\xd0\xec'</t>
  </si>
  <si>
    <t>b'\xffn\x82u\xd8\x82P\x9a\xfa\x895\xc7p\xe8]\xae\xbb\xa1\xa7\xda\xd9\xaf\x067] l\xf4\xaa\x8f\xce\x08'</t>
  </si>
  <si>
    <t>b'\x85&gt;xZ\xd3\xae]\x81[}pc\x91Q4G\xa1D\x8c\xbc\xc8Dg\x83\x9d\xd6\xef\x87\xe0\x1b#1'</t>
  </si>
  <si>
    <t>b'\xc9D\x92\xc9\xa1\x7f\xa9\x18\xdc8\x17@\x10\x90\tjL\x8b\x93S\xb2\xccX\x85\xbd/\xd9\xc4 \xe0gh'</t>
  </si>
  <si>
    <t>b'F\x12\xf4\xb3\xb5\xd3\x1f\x81\xb1\xe4\x9a~TYl\x92\xc9P\xc1\xc64\xc3\xd4:\xcfI\x1d\x0e\x9a\x06\x1a\x1f'</t>
  </si>
  <si>
    <t>b';l\xeb\x9ai\xdd\xea\xaf\x17^j\xf8\x9c\x0cgq\xd9\x92M\xa4\x03D\x07%\x0e\xe0\xa8\xce\x08\x8cB\xe8'</t>
  </si>
  <si>
    <t>b"\x18d\xc9$\x97C\xfb&lt;Pd\xbf\x7f\x84\xcc3\x03O\x1a\xc39\x9a\xc9'\xc3\x89\x1ft\x93^t\x0e\x05"</t>
  </si>
  <si>
    <t>b'\xb5\xf8\xf6\x12lqC\xfd\xc6\xd7\x8a\xd7q\xee$19\x98\xaf\x7f\xb6\xfe\x8e\xce[\x0cx1\xc0\xd9\t\xc1'</t>
  </si>
  <si>
    <t>b'\xc9\xf8\xc5\xea\xa8w\x93\xd9\xf9\xca\x80Do;\x9e\x95=\x976\x80\xc2\x8f\x8b\xa9\xfeOQf\x83Rzy'</t>
  </si>
  <si>
    <t>b'\x0c\x83L\x00$6\xb3f\xf91\x80ik(\x8f\x97@D\xdd\xb2\xdb}\xc0\x89v\xaa"W}-\xb31'</t>
  </si>
  <si>
    <t>b"\xbdL{\xd6b\xd7;6\x0b&gt;N\xea\x94\xe1\xa4\xac\x95D`*\xd4-'tq\xb0\x01\x81\xcf\x06P\xa0"</t>
  </si>
  <si>
    <t>b'\xfa\x06\x96\xa6\x993\xa1S2;x\xf6\x18\x0f\x8c\xc8\xec$\xcc6\xee;Y\xfa\xb2T\xbc\x07\x80c\xcfx'</t>
  </si>
  <si>
    <t>b"&gt;\x0b\x03FZH&amp;$\x85\r'-&amp;\\\x87\xb3Xe1\xcb\xed\xf8\x85\xd6\x14\xc7U\xff\xc3\xdctf"</t>
  </si>
  <si>
    <t>b'\xfd\x85\x9ac\xae\xca\xdcW\xbf%z\xcbY`\xdb8g\x1fE\x00H6:\xc2\xad\xec$\xbcw\xab\x86\xcf'</t>
  </si>
  <si>
    <t>b'\xc5\xe5\xc2\xeb\xcd\xd8\xd3\x91\xe6\x18\xd5v\n\xd1\xf8\xc1\xcc\x97*\xc8\xb1\xe2V\xc4s\x88\xd5,\xdd\x88zF'</t>
  </si>
  <si>
    <t>b'\x9bF\x08\x81k\x91.5\xcf%r8\x18\x00(\x1fQ\x0b\x04\xceI5\xe3\xd7\x14\x8ax\x04\xb9\x87GT'</t>
  </si>
  <si>
    <t>b'\xa5\xe3\xe5\xa2\x8b\xf4\r/\x04M\xabG\x07\x0b\\\x1f%R\xed\xbd\xe7T\x95\xac\x9f\xc1\xf9\x98\x0e=hO'</t>
  </si>
  <si>
    <t>b'\xe6\xef\xe94\xa5\x06$W\xce`\xd2\xfd\xde-I\xf0\xe2\x81\xef\xad\xde\xcd\xb9\xd6\xfa\xf9\xc60\x0eT\xc21'</t>
  </si>
  <si>
    <t>b'\xdc\x07\x13\x17\x10,i&amp;\xb3\xc5\xaf\xc8L\xfc\xdcQ\xa6\xf0\x0f\x91\x0e\xc1\x9fx,c\x82\xb0\xbe\xf6\x16\x9d'</t>
  </si>
  <si>
    <t>b'&lt;4\xc7Y\x95\xfc0\x88\xd2\xe4\x97\xe6\xbc\xb3\x05\xceA\x13E\xc5\xfc\x90\xb71\xd4\xac\x079\x94\xa2\x96/'</t>
  </si>
  <si>
    <t>b'\x1e:\x07\xa0D\xa5\x14\xf7\x9dA\xdd\x1d\xc6\x83\xf6\xe4\xf5\xed\x07\x15\x9a\xca\xaf\xc9\x89M\x13\x13\xdb$^\x03'</t>
  </si>
  <si>
    <t>b'\xcas\xf8~\x8f.\xc9\x82\xfd\xe3\xab\x11\xa1F\x82\x81\xcf\xc5\xdf\x02\xf9\xdf\xc0%\xa4U\xe7\x98\r\x7f\xee\x9c'</t>
  </si>
  <si>
    <t>b'\xcbC\xd4I\x0b\xe2\x1fNP\xfc\xb21\x18\r\xbc\xd5F\xa0\xab\x85\xa9\xe3\xaf}\x1b\x0fPc@J\x91\x18'</t>
  </si>
  <si>
    <t>b'XCF\xfc1&amp;\xd4\xdc\xce\xd6\x99\xb7[\x8c\xca\x1do\xc5\x00|\xcf\xfc\xa0\x8c\x93a\xe6\x88&gt;\x99Zb'</t>
  </si>
  <si>
    <t>b'\xca&gt;2\xf4f\xc9\x8e\xae\x10\xb9\xfe\xe0\\\x08\\\xc3\xe8!\x0c^\xdf\x073\x99!\xa8\xb9\x8f\n\xce\xce\xf7'</t>
  </si>
  <si>
    <t>b'^+\x14\xf4\x83\\\xf6\xc1dk-\xe9Ur\x13*z^_\x99d\xb6\x8f\x7fg.y\t\x94\xb22\xf0'</t>
  </si>
  <si>
    <t>b'\x9b\xb9\xc11\x99\x93\xc0"\xf8\xb2\xaf\x05\x12hK7\xf3\x1e\xca(\xe0i,\xab\x8aZC\xb7\x8a\xb2Qg'</t>
  </si>
  <si>
    <t>b'\xce\xdf\xca\xa7\xeavY\r\xc9\x9d2\x87\xd1r\x9f\xa2\xee[\xc4\x0e\xcc\xb4\x94\xacx/^\x11;\xe2\xe6\xcf'</t>
  </si>
  <si>
    <t>b'\xc3\xd6\xa0\x0f\x88L=\x0b\xbd\'\x05qF\xff\x85y\x1f"\xcc\x04#}\xb6\x99@\xd5\xa0\x9aX\xb64X'</t>
  </si>
  <si>
    <t>b'\x86&gt;\x1d^\xc8 \x80\xba\x86\x0b\xbb\xe1\xcaz\xdf\x83\xcfW^\x0c\x88;z\xb8\xe1\xa6\x91\xdc\x05\xea\x9e\xea'</t>
  </si>
  <si>
    <t>b'\xf6\xbd\xe8.\x96)\x9c5\x93\xc8\xb6\x9d\x17\xa97\x87@\x08\x89\x89x*\xce\x9b\xa4\xe2P;\xb5\xff\x99\xa6'</t>
  </si>
  <si>
    <t>b'\xe8\x8c\xd2W\x0f#4\xf1\xc7d&lt;A\x0fQ\xbc\xc4\xad\x10\x12\x9b\xb2\xd5\x96\xee\x11\x9d\xa1p\xbc|\x00*'</t>
  </si>
  <si>
    <t>b'\x9ep\x95\x81\t\t\x89\xbei/\xdb\x8c\nD\xbf=RS\xee\xbc\x1b\xc7E\xc7\xe3o\x8a\xae*-Lg'</t>
  </si>
  <si>
    <t>b'\x1f\x8b)\x94\xa0{\xc3Pd\xa8\xc8\xdd\xc1\xd9en?\xc2\x88C\x8d\xac\xd5FK\x00\xa1\xb0^bO%'</t>
  </si>
  <si>
    <t>b'6\xd3|\x8f`E\xd4\xc9&gt;\xf6\x1f\xc9\xaaq\x8e\xacA\x1e\xbcF%\xbf\xdc6G\xf9\xaf\x9aP\xbe&lt;\xf2'</t>
  </si>
  <si>
    <t>b"L\xa2V\xbf\xf9.\xa8\xaa\xbe\x05:\xf3'h\x82\x1fi\xd0\xe42G\x1b\x11081j\x9b\x0b&gt;\xa9w"</t>
  </si>
  <si>
    <t>b'\xae-\xf5\xa6\xceO%\xa5\xdd[\xd4\xdaI#\nt\xb92w\xd1\x0f\xfdjR\xcb|\x92\xed\xf9\x13\x18\x16'</t>
  </si>
  <si>
    <t>b's\x8dk\xc9n\x82y&gt;\xfcJ\xd6\xf3\xb0\x92\x1b\x00\xfc\x98\x8c\xb6\xc4S\xa4\x02\x9esE\x97\xe0\xe9\xd7T'</t>
  </si>
  <si>
    <t>b'\x93\x07\xc0ERW&gt;\x93\x15(}!w\x7f1f\xc9T\x04\xe0^\x7fF\x17\x93%\xaf\x0c\x92d\x8f1'</t>
  </si>
  <si>
    <t>b'_\xa6\x10\x06\xec\x1b\xba{\xc5\xb6\xff1\x84N\xde\x1f\xec\xb0\x98\xa3\xbb.\x14\xfdU\xa0\x95\xf8\x02\xa2d\xca'</t>
  </si>
  <si>
    <t>b'\xbf\xe8\x8e%|\x0f\xe7\xa4\t\x9d[\x94\x1c\x07\xd4\xaf\xda\x08\\\xc4\xfd\x7f\xbe\xccWL\xb8\x85\xbb8yd'</t>
  </si>
  <si>
    <t>b"z\xad\xd9\x17\x89\xa4\xd4\xf1\xdc\xa0'\xf7i\x1b\xc6\xce\xdf\xa8s\xb7\xca\x9coP\xf0\xf9a]\x1d\xc8)\xd5"</t>
  </si>
  <si>
    <t>b'\xf6b\xb3\\PI\x1e\xa2c\xa1\xbeBZ\x10!\xf3b\xdb\xa6\xa3\xe7\x13\xa3T\xefX\xcey\xd6D\x88\xd7'</t>
  </si>
  <si>
    <t>b"\x9aP\xf8\xca\xbc\xa5\xbb\x93\xddi\x1ap\xa2/\xefG\x82\xa8'\xd9s\x15\x86\xdf}\x84:8m\x9f\xc5\r"</t>
  </si>
  <si>
    <t>b'w\xd7\xafi!\xdbP\xf3\xdd\xe5\xb7\xc4\xecg\x11&lt;\xde\xd6\x8b{\xf5\x8a\xf5\n\x91\xb2\xc9\xcef\xb4R\xa6'</t>
  </si>
  <si>
    <t>b'\xa2\x10\xfc\xe3Z\xca\xa3\xc2\x89L[\x9e\xf2h\xdd\x90o\xcbst\xbb\xb5\x8f\x8d\x88\x1c\xfc\x89{\xd6!\xb9'</t>
  </si>
  <si>
    <t>b'\xf9\x13\xbf\x8f\xfa\xee/cNxV\x0e\x1a\xa0\x9a\xa2\x00h\xfdk@\x9dSn\r&gt;h\x10\x98L\xd2='</t>
  </si>
  <si>
    <t>b'\xfab\xc4t\x96\x8e\x182\xa3$\xcb\xdb\xc5\x89\x10\xe1w\xcf"\x19\xaa\xc4\x011\xcbu\x9b\x8e\x82F]5'</t>
  </si>
  <si>
    <t>b'PyXA\x04\xcc_\x109^K\xd1Q\x85\x13\xc6\x9a\xa1\xbc;\x8a\x96\xd0\xcc\x98\xa3\r\xef\x19\xfc]\xc5'</t>
  </si>
  <si>
    <t>b'\xbf4\\\xf0J\xe6\x06?\x85T~HS\x06\xecG\x00\xf8ngs\xf1\x9ew\xe8\xf1\x1e{5-P\x02'</t>
  </si>
  <si>
    <t>b'\xff\x82M\xd5\x00;\xdb\xb0\x90;\xd8\xd5\x12P[\x12\xb1\xf6o\xf6\xa3Z\x82f\x1d\xe9\xff9\xd0q\n4'</t>
  </si>
  <si>
    <t>b'\x1dzz\x9eC\xe0*\xaaO\x96,\xe9\xeaX\xa2Ln\xd9\xad\xc6\xec\xdbVMt\xa7xlcj\x15Z'</t>
  </si>
  <si>
    <t>b'\x1d\xde\x05q&gt;\x80\xf0\xd6V\xad\x7f&gt;i\x94\xf5&lt;\xf8\xa9F\xba&gt;\xc6\x96\x998\xa3\xf4\x94\x16\xaeX\xcc'</t>
  </si>
  <si>
    <t>b"\x19\xfbhg\xf4\xf9|\xfc?S5&lt;Q\xb4\xf1\xcf\x8c \x8do\xab=!'`\xa5\xe4_\xd7\x14\x9ez"</t>
  </si>
  <si>
    <t>b'U\x14\xf4\x06\xa3\rGe]\x8f\xccMf}\x91X\xb0\x9a\xbd\x89x\r\xd3I\xf45\xb1\xaa\xbd\x0f\xde^'</t>
  </si>
  <si>
    <t>b'\xdcPL3g\xa7D\xa2T\xf5:\xe2\xb0\xcapi\x87x\xb6\xf5\x10\xda\xeb\xc3\xa4\xab\xcf\xecHXp\x02'</t>
  </si>
  <si>
    <t>b'\xfe\x8f\xd58=\xcc{\xe5\xb7\xdc\xa8\xb2L]\x13t\xbdgX\xb4\xb6\xac\x89_J\xf61xS\xd9\xa6\xb9'</t>
  </si>
  <si>
    <t>b'\x1f\x1bK\xd5S\xf7\xc3Q\xfaK?s\xd4\xca\xcf\xa3\x8c\xfb\xdb\x95\xdc\xc1\xa6b\x12\x907\xe7!-h&gt;'</t>
  </si>
  <si>
    <t>b'\x98\xf7\x01\xae\xf5wAQ\x1d\x10\xd2G\xfe\x83\xf8\xa1\xa4\x98y\xe3\xf1\x13o\xf0\x94\xa1Tq^\x12\xb3\x87'</t>
  </si>
  <si>
    <t>b'\x84\x81\x03\xc3\xfc\x07\x85;\xb7\xc6&amp;\x18\xde\xb2\x03:R=\xb0\x00r\xde\xe0\x03\x1c\xeaB\x07\xda\x93\t\xc3'</t>
  </si>
  <si>
    <t>b'\x84\x90\nW{\nf\x11\t\xfa\xa1`\x1a\xa7\xde\xea\xbb\n\xaax;N\xfe\x81\n\x04\x85F\xe9\x16eh'</t>
  </si>
  <si>
    <t>b'h\x8a\x08\x84\xa6C\xc7*\x0cW\xfc\xd7\x9a\xd0c\xddI\xc3\x81\xd4\x80\xbe\xaf]h\xcaU\xa4]\xf6`\xb9'</t>
  </si>
  <si>
    <t>b'\xfdwy\x9dS@\xeb\xdb\xfdD\xae^\x80\xc6\x97\xda\x17\xa3o?~!\xd5\xc9\xbc;\xa4~2\xac\xfe\x15'</t>
  </si>
  <si>
    <t>b'\x7f\x0f\x8a\x86_\xb9\x10\x11\xb0\xe7" \xd0i\xe2\xb8\n9\xd6!%O\x85\x98[\\\xa3w\xb8\xc4\x8f\xc8'</t>
  </si>
  <si>
    <t>b'r7\xde\xc7T)(\x7fQp6&lt;aO\x9a\xc3\x7fr\xb6\xa8[@\xcd\r\xe7-S\x1c\xc7\xd2\x14B'</t>
  </si>
  <si>
    <t>b'\xd9\x98\x95\xacQ\x98\xf4\xc8\xcc\x81f@\xaf\xdc$"2\x06\x14\xab@\xe0\xeb\xe5I\xe3Va\xd4&lt;\x9a\x96'</t>
  </si>
  <si>
    <t>b'\xc9\x82a\xca\x01\xcb%\x80\xc5t^\xfb\x1f\xc6\x0b\x8d\xfe\xdc\xb3\x10\x02\xdf\x0c\n}Sa\xa2\xf0\x01XK'</t>
  </si>
  <si>
    <t>b'\x947\xe4\xbc(\x07\x93~\x80(C\xdc\'\xba\x89\xab\xab\xf6-N\x08\xe88&lt;\x0b\xe8\xa2\xd9r\x83"='</t>
  </si>
  <si>
    <t>b'\x0e\xac\xe9W\xec\x1b\xfb}\x8ek(RW\xf3u^]\x14\x9f\xfdW64\xdciz\x87\x05\x8eW2\\'</t>
  </si>
  <si>
    <t>b'\xbeYC\xcci\x10\xb5RfQ\xb1\xbe2\xaeEb\xab:\x00\x16\xa5OA\xf8u5\xf0\xb4\t\x9d\xe5\xcb'</t>
  </si>
  <si>
    <t>b'\xc9\xdd\x87&amp;I\x11Gj\xb4~\x89%}\x98\x8c\x14\x89\xc9\x1f\xda\xc4MF?\xf5\x08\x07\xf9S\xf2\xcf\xf5'</t>
  </si>
  <si>
    <t>b"\xf4\xf4\xd5\x16\xea\xcebG\xa5\xd4\x93\xe2\xf0a\xcd6\x02\xc7\xa0\xd9'tJg*\x12\xa2\xf5?E\xbf\xb2"</t>
  </si>
  <si>
    <t>b'&lt;\x0c%\n\x8d\x10\x0fg\x97a\xd5\xcd\xd5&gt;F\xd9L\xb3p\xe6Z\xb3\xa7\x93\xb1UG\xd9\x17\x0c\xe4\xba'</t>
  </si>
  <si>
    <t>b'\t@wCyrz&lt;\xf6\xe3J)\xbf\xe7\x87\xec\xee&lt;\\8\xd6\xe4\x81\x95.h&amp;`\xfb\xe1\x81\xaa'</t>
  </si>
  <si>
    <t>b'_Ef\xe7&lt;U\xbd\xaax\xf8\xed\x85\x84mW\xdd\x8d\x83\xecGe\xaf3\xe1\xa1\x85\xe9\x14\xd7\x1a\x85,'</t>
  </si>
  <si>
    <t>b'\xd9\x9d\xb4}}\x87\xef&gt;\xb3\xe3LL\x8c\x9b\xc7\x0bg\x0e\x90]\xe8X\x7fB\x92ne5\x8f\x8c\xbe\xad'</t>
  </si>
  <si>
    <t>b'Jt\xbc\xdc\r\xbc&gt;\x01\xf8\x80\xcf\xc4H(\x11\x14\xea\xa1(\xb6r\xb5\xb0\x01\x1e\xcf\xc1\x1c\xcc\xf7Cl'</t>
  </si>
  <si>
    <t>b'\xf8 \x8c\x02\x14\xd6\x10\xffT/\x9a\xbaXzcN3\xa1\xe5\x95\xba\xe9gJ\x12%txl=\xaf\x05'</t>
  </si>
  <si>
    <t>b'\xfa+\x8f\xdce_G2\x88\xbb-\xc5\xae\xc7f\x17\xcb\xd6x\x82\xf4\xb3$\xce\xf4,\xf6\xc7F\xce\xe9\xe9'</t>
  </si>
  <si>
    <t>b'qB\x8f\xe4MU\x17\xe9;\x93R\xac\xf8\xa5vG\x93\x04&gt;\xe5s@\xc25\xca`1s\xfe\xf9\x85\xec'</t>
  </si>
  <si>
    <t>b'^\xe8\xb2\x84 \xc2&gt;\xe5B\xc53\x1c\xecY\x8b\xc1\r&gt;\x8fD[t\xc3\x84\x94\x08q\x03\xf8d\x9aq'</t>
  </si>
  <si>
    <t>b'\xcf\x18\xaa\xaa:a9\x01\x7fwa\xb2\x98\x06\xdb\n@\xc6\x01kE\xb9\xc6\xaap.=,\x12\xc6\xc4\xad'</t>
  </si>
  <si>
    <t>b'\xa1\xaf\xc7\x8f\xd6\xa1\x8a\xaf\xc1~\x81\x93]YSn\xfe\xd7\xea\x1d\x0b\x80\xa3\x15\\\x1e\xa6\x95\x92\xe6\xfe\x87'</t>
  </si>
  <si>
    <t>b'\xd0\x17L!b\xd5dRe\xe9x=d\x06\xa9\xf3=U|\xbd\xbav\xfe\x89.i\x99\x9bu\xb3{?'</t>
  </si>
  <si>
    <t>b'f\x98\xd7z_\x1c\xe4\xae\x93\xd6\x0f\x8e\x00He\xed\x15\x11\x06Tr\xa1\xbf\x1c\xf33\x82\xcd\xc3\x1ac '</t>
  </si>
  <si>
    <t>b'B\xa7v\x03*[m\xees\xbbC\x9a\xa5\xd6\xf1\xc8\x05\xa7v\xc8\x02ej\x1dA4#-zW\xff\xda'</t>
  </si>
  <si>
    <t>b'\x18\x05\xa5\xc38\xd5\xf1\x84\xbc\rh\xe1\xd4\x82\xb3\xe1\xb6\x07\xa3\xa1x\x8a\x15q}\x14\xdd[\xd5\x8e0('</t>
  </si>
  <si>
    <t>b'?\xdbHQx\x88\xaeGQd\x110\xd5\xc2f\xec\xcf\x9e\xa4\x18\xf6\xbdJ\x8c\xbd\xfc\xbbE\xb1B\x14\x98'</t>
  </si>
  <si>
    <t>b'%*\x93|%\x8b\x1a\xacYk\xba\xb3h\x04\x98&lt;\x17\x03\xd1\xb5\x86\xa8\xc6\xf0%\xde\xa3\x01\xeb\x0f\xa8g'</t>
  </si>
  <si>
    <t>b'\x88U\xcc\xf21y\xb7\xc45\xd3\xb1\t\xddx\x93\xddR\x169\x96\xf1\xf1\x8e&lt;\x11\x84Z\xc4\xc9\xd2\xfeE'</t>
  </si>
  <si>
    <t>b"\xd9l\x01\x902\xe9\x92\x8a\x83\x96\xcd*\x85W4'4\xf7w\x1d\x8aq\xef{~\xe1&gt;\xa2s!\xfc&gt;"</t>
  </si>
  <si>
    <t>b'\xca\x97\xb4\xa9S\x95&lt;\x8cz\x9f\x80\xb6\\\x9d\x9b\xdb:\xce\xc0\xb3/\xab\x11\x9a\xb3\x82l\xa3L\x13\xa2\x90'</t>
  </si>
  <si>
    <t>b"\xeeh\xf8\xea\x82\x05\xc9\xe0\xea \xb0\x03ucV\x12Yf\xc7\xba\x05'\xc1\x84L?\x8af\xf0I\x18\xab"</t>
  </si>
  <si>
    <t>b'NWx\xdbc-\x8aD|\xdf\x1b&amp;\xcaI\xe9\x99\x18)\xd1qrd"%\x8b+\xbb^`c\x9a\xc5'</t>
  </si>
  <si>
    <t>b'\x7fa)&lt;\xec\x9f\x954t@\xc7\xb4y\x04p\x082\x03\xd7E*\xcb\x0f\xf4\xbd\xd58\xba\xd6\xb8\x1f\xd7'</t>
  </si>
  <si>
    <t>b'`\xa6\xc8X!c\x8d\xfe\xb6Y,n;C\x9b[\xf17\x08 \xc9\xf5\xdf\xa4\xff\xb8\x19{5k\x91\xc7'</t>
  </si>
  <si>
    <t>b"\xe0:\xf8\xf6\xf3\x10m\x87H'\xa6`\xd6\xac\xce\xb9\xf2\x81\x03\xb5g_\xc3\xcf\xd8A\x19\x14\xf5\x97\xcb\xe0"</t>
  </si>
  <si>
    <t>b'(\xb8DJv\x7f\xf7\xc6\xf9\x8a\xf0\xa5\x82\x0f\xc9B\r\x90.-\xb5\x95\x9082+\xd47Z\xdc\xd1z'</t>
  </si>
  <si>
    <t>b'x\xc1\xdbh\xb6\xf8\x1d\xb7\x10\x8b\xc31j\xf0\x80\xa2E)&amp;\x06\xae\xd6\x90(\x0e?\xf1\x8fy\xf6\x12\x10'</t>
  </si>
  <si>
    <t>b'\xbb\xcd\x88E\x1bw\x17\x07B\x82\x99m\xb1\x8d\x11\xfb\x8a\xa9K\xa4^^\xa4jo(\x01\\\x17\xa9#\xd4'</t>
  </si>
  <si>
    <t>b"\xd5\xd37\xfd'n\xebe\xeab=KC\xdb\x9cZn\xfd\xder\xf9\x07\xa17T\xfb\xa8\xe7@\xf8\xb9\x94"</t>
  </si>
  <si>
    <t>b'\xc3\x16\xdf\xfa:\x00^G\x06\x9e\xd6gNt\x17/s\x94\xa9)\xa1\x94\xe9l2\x9f\xe2/,o\xa6\xdf'</t>
  </si>
  <si>
    <t>b'\xa6\xd0\x15\x96\xb2]`\xa6\x91\xc4\xfe\xca\x93\xc0G&amp;\x92\x90\xd0 \x12[\x0e\x8e&amp;}\xa5\xbd\xc43\x90?'</t>
  </si>
  <si>
    <t>b'q;\xc6Q_&lt;D\x14\xbb\x1d\xaeU\xe2\xbc\x82y\x99\x94V\x8e\x9a\xe9\xf2\xe9t\x1d%\xc2\xfc\xee\x0f\xed'</t>
  </si>
  <si>
    <t>b'\xb9\xae\xadK\xf4\x17\xc5$\xe8\xa7\xb7\xa2\xbd\x8c\xd88\x8e\x81\xb1\x9b\xb7\xf0V\xff\xb5\x7f\xfd\xc2\xc0p\xee\x85'</t>
  </si>
  <si>
    <t>b'\xbd\x8a=s0I5\xe8\xab^p\xb6\xf9\xe6\xd6_\xeb\xb1\x86\xe6\xda\xcd\xffY\xc0M\xf9\xf4M,$\xb2'</t>
  </si>
  <si>
    <t>b'\xc4\xcb\xc3\xa5[\x8b\x9de\x9c\xe8\xd9\x15\xec\xa8\xa9\x1d\xd4\x0e\x8c\xb0\xc4N\x06.\x8f*\xce7\x80Z\x80\x18'</t>
  </si>
  <si>
    <t>b'*\xe6\x9dk\x93\x07:\x94\xac\x95-\x8d\x17\xa6F$pd;]M\xf61\nY\xef\xf2\xbac*c\x1f'</t>
  </si>
  <si>
    <t>b'\x9b\xdaz\x869D\x87=Y\xc5\xa6\x899\x00\xe8_m\xa60y\xef&lt;\x8c\xfa\x87\x00\xa7\x18+LE\x89'</t>
  </si>
  <si>
    <t>b'\xfc\xcf\xbb\x80\xb7\x0c\xcb\x1a\x0f\xb2j\x89*&lt;:"\xb0=G\x12\xa8\xbd\xfb\xb0\xb2\x1b\xd1\xcfl\xd3\x19l'</t>
  </si>
  <si>
    <t>b'\x7f\x8dO\xf9\xa7\xf9\x17\n\x07\xcar\xc2\x92\xf7\xc8\x90"\x803\x052\x84\x04\x1bw\xdb$\xf0\xad\x1c\x9a\xb2'</t>
  </si>
  <si>
    <t>b'\xb2mHP\xd6*\x81LLCW\x9e\x8a\xd0\xac\xc1f\x9b\x89\x0b\x0b\x8cR\x85\x1a;\xb1\x1b@\x0bTM'</t>
  </si>
  <si>
    <t>b'\x9c\x9bg\x90d\x08\xbc\xc8\x1a8.g\xed\xb4&gt;U\x1b\x87\xd7vO\xf8\x10\xb2\x97\x05$O\x89\xecl\xc8'</t>
  </si>
  <si>
    <t>b'\xf1J\xccJ\x03\x1b\xd5DM\xdd\x12D\x10 \x84\xdd\xe1\xf9\x00y\xa3\xae\xd6W\xe1\xfe`\xf6\xcf\x8e\x99\xe4'</t>
  </si>
  <si>
    <t>b'\x86\x8d\xdcn,\x16i\xcd}U\x1ck\xc0%\xcf\x05W\xfc\xd6\x84\xf3!\x8c.\x16n\xbb\xf1\xca\xe20\x85'</t>
  </si>
  <si>
    <t>b'/\x13c\'\x10|\xb8~\xf6`\x0b\xbac\xd9\xa9\x89\x9cy\xd8\x9d8(\xa2\x0c"\x17q\xff\x8a2\xdb\x92'</t>
  </si>
  <si>
    <t>b'\xb4\xf4\xc4\xcd\xa5\xca_\x9d\xee\xe8e\x0b\xf2\x9e\xe7\x1a.,\xc1u\xe2\x1f(\xc5V\xd7!{\x9c\x9c\x1d\xfa'</t>
  </si>
  <si>
    <t>b'\x87&amp;_OR\xf98\xc5\xdc\x81\xf9\xb77\x98\x1c\xdcxP\x17\xbc6\xeb\xefl\xab((bs\x9dsv'</t>
  </si>
  <si>
    <t>b'a\x9f\xa1\xfe\xdb\x84g\x12\x85\xc2\xda\xc3\xce6\xa6.g\xc0n\xc9\xe5\xa3\xbe\x17\xdd1n\x11\x9d\xf3\xb6\x87'</t>
  </si>
  <si>
    <t>b'q\xe3\xb7J,\x14\xe4\x89(nXR4\x0c~\x8c\xd4\x93\x00\x92\xf5\xd9\xa8\xefP\xcc\xaev4I\xe4`'</t>
  </si>
  <si>
    <t>b"\x18 o rT7\x1e(\xfaTh\xd5\xbf\xc7\x0cP:\xbe\xcb\xf1]ib=\xe5\xac\xe3\xa18'\x18"</t>
  </si>
  <si>
    <t>b'\x8d\xed\xbb\x0cS\xee\xd0\x81\xe8\x81\x13\x1e\xfc\xb0\x07\x8f\x83f\xe9\xe7w\x9d\x0b\x06\xdf\x0eQ\xa2z J\\'</t>
  </si>
  <si>
    <t>b'So9\xf6\xa00\x88)\xc5\xf7\xd7\xe1Wv*]\x90&lt;\x14\xe3\xff\x13]\xfc?\x03\x92\x1d9\xf4.\xac'</t>
  </si>
  <si>
    <t>b'\x1ex\xa4\xbe\xbd\xf5I \xe7E\x173\xa6\x02HJ\xfe\x9cU\xc3C^\xe3(\xdb\xb3\xb4\x9d\xcc\x9c\xae\xc3'</t>
  </si>
  <si>
    <t>b'z\x1a\x9cR\xf4-!\xb0\t\xafh\xe7\xc7c\xfb\x9d\x80l\xec\x04\xf8A\xaa\xcb]\xf1\xf6`-1{b'</t>
  </si>
  <si>
    <t>b'nv\xb6\xf5o\x02\x88\x13\x89\x06\xe8%i\xb7\xf9i\x0c\x010\x08v\x06E\xb9\x89tJfE\x9d\xb1\xf8'</t>
  </si>
  <si>
    <t>b'E\x1b(\xbfI\xe0$s\x7fg\xc0\xae\x92R\xa4\xfe\x86\xc0\x028\xc7l&lt;\xc9\xa4\xb2@\xe0\xa0\x89\xa6\xd3'</t>
  </si>
  <si>
    <t>b'F\xe2\n\xb15\x86ED\xdaS\x99\x07\xb1\x06\xbeV\xb8\x9c\x83\xd0\xd4\x8a5N\xb3"\xcb\xea\xa5\xda\x1bI'</t>
  </si>
  <si>
    <t>b'\x08!\xf3h(\x07&lt;7\xcc\xbcD\xf2\x0eM\xea\xc5\xa8p#\xaf#\x14l\xc3\xce\xf1\x15\xf1\x89\xc1\x7f\xa7'</t>
  </si>
  <si>
    <t>b'\xd7\xb3\x05\x1c\x84#)a\r\xe5\xfb\x1a#\x07\xfa\xb1.U:\xa0\x1d\n+V\xd5\x02\x83\xcf\x9a\xc5\x14q'</t>
  </si>
  <si>
    <t>b'O\x0e\xb1\x86\xb6\xe2\x03m\x07]&amp;\xb7\xd8 ?82\xa4\xf9Qk\xa8\xaa\xe1\xc66\xde7\x04\xaa\xd5\xa6'</t>
  </si>
  <si>
    <t>b'\xb5-\xab\xf7\x08H\xcc\x05xs\x92\x81\r\xf1\xc5o&lt;\xbd]E\x99x\xc9]\x98c\r\xaf\x15\x8b\xfa\x1a'</t>
  </si>
  <si>
    <t>b'O\x86\xbb\xd4CV\xe8\xf5 \xb8\x11\x9f\xb9\xbd\xea\x17G\xb7=\xbd\xf8+\xf8\x1a\xc8gC\xd1\x99\xd6\xe6\xbe'</t>
  </si>
  <si>
    <t>b'\xda\xe37b\xb2\xf1;y|\xcb\xfc\xd5@\xa3\x15\x13\xbb\x0f\xe2\xf0\xac\x86~\xd2\x8d\x98\xb8G\xda\x9b\x9a/'</t>
  </si>
  <si>
    <t>b'\x95&lt;T\xfa\x96f\x18m}\x1f\xca\xa4w\x1c\xb1\x1c};\xc1\x12\xf1\\\x0e\xed\xd9\x864\xcc\xc6\x05\x87\xa5'</t>
  </si>
  <si>
    <t>b'\x95\xb1\nP5\xc6\xfc\x10\x9f2\x02\xcc9\xd3\xfc#\x96\x81;\xcf1\xa1}\x9d]\xbax"\xfbP\xab\x0e'</t>
  </si>
  <si>
    <t>b'\xa1[\xc1\xe1h\xd4\xba\t\x89K\x9d\xd2\xee\x93\xa4d"_\xddn\xfd3\xb7\xcb\xe7)\xce|\n\xa1\x14\x1e'</t>
  </si>
  <si>
    <t>b'\xa9C\x1e\xea;\xb6o\xa8Fvq\x0c9\x12\x0c\x7f\x92\x9e\xb57\xf6\xf5\x88\x07\xac\xf9\x87\xb2\x11\xb0s{'</t>
  </si>
  <si>
    <t>b"\x99\x88\x8c\x87\x1fN\xf2\x9c\x9f\xd0h'\xe5y-J\xd1\x07\xe3\x1c\xe8\xee\x1e\xe5\xf9\x7f$M6#\xa0J"</t>
  </si>
  <si>
    <t>b'N\xd2\\\xdf\xc2\xba\x95C\x9aUV\xb1\xa8\xddL\xce\xb3+T\\k\xfe"(\xb5h\xcf\x00\xfebT\x0e'</t>
  </si>
  <si>
    <t>b"\x81}\xf0x\x1fs\t\xb9q\x86\xb2\xf4\x8f~%\x01&gt;\x0c\x1b\xf0\xb6g%\x81\xe1[\x0b\xc3n\xb6F'"</t>
  </si>
  <si>
    <t>b',\x0cx\xebv\x16)i\xaa\x90\x1f\x1a\x9f\xfb\x1d\x13Br\xf7\xbb\xb4\x1e9\x17\x80Q\xb4`\x8aH:\xa7'</t>
  </si>
  <si>
    <t>b'\xd49\x9b\xb6\x02\x1c@\xfal\xb35\xfb#\xa4`\xf0\xf9\xb5\xb9p\xc9\xc8\xd4 \xc0\x81\xc5c\x03]V\xa1'</t>
  </si>
  <si>
    <t>b'\xee\xec"!\xc9\x8f\\\x99\x98xy+\x00 ;^\xa9}\xba\xe29\x82\x01n\xbc\xa42@EPE\x13'</t>
  </si>
  <si>
    <t>b'\xb1\x1fNo`\x94{\xe4\x91\xcc\xcf$^\xd6\xc74P?\xb0\x1d\xc8\xd2\xbf\xcf\xdaf=\xfe\x01\xb0zl'</t>
  </si>
  <si>
    <t>b'\xf3+\x90]:\xbe\x07\xefy`,\xe1\xf4\x9a\x1c,\xfc\xa2\xc0\xba\x83\x10+\xda\xc6\xc229b\xa1\x8f\x85'</t>
  </si>
  <si>
    <t>b'S\x9e1\\!\x87\x02z\xfe\xd80\x88t\x8fw\xee\x8eS\xc2\xfd\xdf\xdd\x9ce\x19T\x12\x91[\x18\x19\x14'</t>
  </si>
  <si>
    <t>b'\x92+\xafJ75E\xbbb\xf3f\n[\x01\r\x14\x19O\xd3jy\x89Z\xb2\xb6\x81\xe2\x0b(/\t\x07'</t>
  </si>
  <si>
    <t>b'\x11\xcd\x85\x9159c\xdc\x8e\xc5"\x1d\x8f\x91+\t\xca0\x91\xfd\xf6?\x85\xd4vp\x1fLt\xcf\xbb\xd3'</t>
  </si>
  <si>
    <t>b'\xfa\x11\x7f\xbf@DbW\x86a\xcd\x12\xeaV/B\xbew\x8d\xdd\xb1\xc8\x99L8\xb0\xd0@\xceN"4'</t>
  </si>
  <si>
    <t>b'\x01\xa6\xdb\xe1\xea/\x1d\xc3B\x16\x81\xb4\xe1\xbd\x19\xca\xcbc1\x02t;=\x9a9\x1a/\xda\xd7S\x12\xd7'</t>
  </si>
  <si>
    <t>b'z\x99\x1e\x89\xc2\xedRL\x94\x1a\xaa\xbe\x1efZ]t\x7f\xa8\xa7go1"3\x83Q\x0f23(J'</t>
  </si>
  <si>
    <t>b'3\x95\xc0\xcc\x1b\xb2\xdb\x96\xe6\xf0y\x1bU\x01q\x89"\x86\xab|\xec\x8e\xa3E\xc3\xf5\xd2\xd5\xb4u+\x1f'</t>
  </si>
  <si>
    <t>b'\xf6\xc8\x14s\x19\xad4\xcb\xfeY\x06\xb0\xe0h\xf8\x92Gm\xb5#l}\x00\x01=\xd6\x99\xa2\x12\xdev\xd7'</t>
  </si>
  <si>
    <t>b'o\x88\x0f65\xdc*\x0b\xa2)\x86r\x89~\xf3l9\xc6`\x8f\x16&amp;f\xc0^\x14\xc3%\xc7Q\xc8J'</t>
  </si>
  <si>
    <t>b'\xcb\xe2\xd3F\x00\xdb2w\xa1Z\xc5\x137E3]Tf\x1c@\x89\xda\xca\x86\x84\xa2\x9b~\xc6\x93\x05\xa1'</t>
  </si>
  <si>
    <t>b'\x0b\x80\xefP\xd15QVJY\xbb\x8cF\x9ex\x8cjS5b\xe4ZoO\xca\xf4OE[\xbf5 '</t>
  </si>
  <si>
    <t>b'r?Z3=\xd2ZP#\xc1Q1\x0c\x18BS\xa8?:\xacm\xfa0d\xb1\xb0uiS\xfeV\x91'</t>
  </si>
  <si>
    <t>b'\x17\xe2\x96\xd4\xfa\xae\xe2\xe3_+6\xa9\xca\xdd\x88\xf1\xb0\xca\xaaq!\xa9\xae8\x87\xd4\x02\xc9ou\x04.'</t>
  </si>
  <si>
    <t>b'BI\x98a\x9a\xcf\xb1\xd9X\xb4\xb7D\xed#\x88e\x93\xbe\x08N\nOj\x88N\x9d\xc4\xc4I\x02d\xc5'</t>
  </si>
  <si>
    <t>b'}\xb9"\x04\xe3\x17\xb6`\xd5\x1e\xe2e\x10\xcaL\xfa\xc9|3\xf3\xf0\xb9\x08\xfeO\x9b^&gt;a(\xd9!'</t>
  </si>
  <si>
    <t>b'\xfb\xf4\xe4\xdc\xaf\x94\x14i{?\x12\xb3\xaa\xea\t[\xa1~\xd2\xdf\x1d\x89Ok\xb1\x8e\xca\x16\xf3%\xde\xfc'</t>
  </si>
  <si>
    <t>b'\x8e\xc8\xc2G\xc4H\xc9MB\xb2\xeb\xcbm6\xbc\x01\x9e\xc8~\x00\xb9\xf4\x87p\xed\x02\xb5\x03\x9e\x11\x1f]'</t>
  </si>
  <si>
    <t>b"K\xc3\xf7\xd8\xaf\x89f\xa2=\xfb\x16\xec\x0f\xe6\x9f\xe4'\x96\xff\xe2\xc6\xc2\x93^\x80\xf5b\x91:\x1e\x92*"</t>
  </si>
  <si>
    <t>b'\xc7]\xe2U\x99\xa0it\xca2\x08\xd7A\x17\x8ch\x8c\xbd\xe4\xf1T\x13\'&gt;\xc1"\xd9C\xed\xf9\x1e\x15'</t>
  </si>
  <si>
    <t>b'\x8d\xe3c\x9d\xc7\x9e\x96\x12e\xe4\xaa\xe5\x91\xf2\xdd \xa9\xc9\xba\x80\xc8F\xcfe\xf8\xbe\xccI\x1c\x08\xd6t'</t>
  </si>
  <si>
    <t>b'!\xea\x05\t\xb7\xf1\x9e\xc8\x12\xd2\x96w\x0f\xd7R\xe4\x13\xa8\xe7q\x85Rp\xe8-\xff\xd6\xabDzx\x84'</t>
  </si>
  <si>
    <t>b'\xd8+\xd6\xc8\x83\x9d\x82Y\xb1O\xfb]\x7fyW5\xa9\x14t7WXX\xbaH\r\x83\x8a\xaa\xa4=\xde'</t>
  </si>
  <si>
    <t>b'\x94\x99\xc2\xa4+}\r\x1f\x8d\xd4\xd0\xb9\xa8\xe4\xb1\xea\x96l\x01\xa8\xbe.m\x8cF\xc9jiwa\xfa%'</t>
  </si>
  <si>
    <t>b'\x16\xf6Q\xf4\x9f\x14\xa2`l\x18\x06!\x1d\x14a]l\x02%H`\x8a\xec\x98\\\x18Q\xec\xaa\x18R%'</t>
  </si>
  <si>
    <t>b'\xef\xa2\xfan^O\xf7\xf8\x85\xd1\nz@\xefQ\xa6E\xaaN\x0e\xfdL\x94\xf1\xa3q\xe3\xbc\xf5\xaa\x11_'</t>
  </si>
  <si>
    <t>b'H;\xe9\xf9\xd5\xeb\xe5\xe8\\\xf1\xaa\x14]\x17\xb0\x84\xa3*\xc5\x1c@\x89\x01\xb0\x99v\xe7\xc4`\xf5R\xbf'</t>
  </si>
  <si>
    <t>b"i\xa8&gt;\xa9\xa0\x0b\x16&amp;f\xf9\xca'\x9d\x802\xa4k.y\xac\xa6\xa4M\x11b\xcc\x16)4\x92\xc04"</t>
  </si>
  <si>
    <t>b'\x054x\xacl\xb8\xff\xb3W\x1b\xb84\x85\xae\xfd\xa7\x0fZKH\x1d\x91\x04\x8b6%\xddO.\x1e\x17.'</t>
  </si>
  <si>
    <t>b'7\x13\xc6\x87J\xf7\xcabC\n\xdf\xad\xce\x1c\xc9\xceY\x87\xd3]&lt;\x1e\x92%\x06\xfaC\xfa\x03\xfe\xbf\xe1'</t>
  </si>
  <si>
    <t>b'\xf4\x9f/2\x96\x88l\xf1\x08\x96\x1a\xb2\x94T\xc9\xd2\xa1\x7fi2\xefO\xc9\xa8\x99&gt;\xe8\x07\x08\xc4!\x18'</t>
  </si>
  <si>
    <t>b'\xaa\xf0\xb4\xcc\x0e\x0b)FI\x86\xea\xc4\xe7b\x86F\xe4\x9d\xbfr\xb3X\x056XW+\xb3\xa6[\xa6\x15'</t>
  </si>
  <si>
    <t>b'\r\xb54R\xb8;\x90\x085\x00\\\xcbEJ\xbf\x8e\x11\x7f\xa5\xf1s&lt;\x19\xbe\xe7\xa0F\x7f\x8cV\xa8\xd6'</t>
  </si>
  <si>
    <t>b'\xf6e\x94\x96*\xfd\xfb5u\x9b*\xa7\xaai#\xca\x063{\xd8Y\xd9Yq\xae?\xe4-\xe0.[^'</t>
  </si>
  <si>
    <t>b'\xc2y\x8c\xc2\xbf\xa3\x89\x16\x0f9\xae\x01\x14\x1e\xda:\xa9\xd2\x15\xb5\x88pXE\x94\xb4\xbb\xec\xc2\x95y\xf2'</t>
  </si>
  <si>
    <t>b'\xe8q\xb5\x85d\xfa\x1a\x82!\x80\x9e\xbf\x07\x0cM&lt;\xe0\xd9\x80i5H\xdb-\x81\xfc\xa6\x16C\xfbo\t'</t>
  </si>
  <si>
    <t>b'\x99G;\x11\xe3\\\xef\x8f=\xe8\xd0\xc4\xfbw!d\xde\xc3\xef\x8e6\x0f\x14\xe0\xc2\xc7\x8bC\x84\xf2"%'</t>
  </si>
  <si>
    <t>b'\xa2 \x8b\xa9l5i\x13\xa6\xf9\xb2\xd2\xd9\x91u\xef[c\x9e\x0cE\xa9\x8d$\xaf\xe8\x94e\x84\x96\xc7.'</t>
  </si>
  <si>
    <t>b'\x88\xcf\x06i$\x97ne\n\xa8\x9b\xa7-\xb0\r\xf4\xa1\xb9.l\x82&amp;,\x16NR#V\x83&gt;\x88\t'</t>
  </si>
  <si>
    <t>b'\\:dO\x08\x0e\x07\xbaJ\xbd\x99\x1c\xdf\xbf\xde\xc1\xadYq\x9b\x86b\xfd\x00$U\xba\x9c\xdck\xf9:'</t>
  </si>
  <si>
    <t>b'\xcf\x9eK\x8d\x1f\x84\xb2\xe3\x9a\x94\xa3{ \xbbZX/@\xb0\xab\xd7\x18\x10\x9ea\xa7\xe9\x0c\xa1E\xd3\x07'</t>
  </si>
  <si>
    <t>b'\xef\xfc\xed\xe7\xa7\xcbu\xca@S\t/\xdc\xd7/\x05\x9e|L\x8ek\xa5Iy\xa0`\xd2\xc7"\xed\xf6\x91'</t>
  </si>
  <si>
    <t>b'\x84\xc2)\x16\x18~\x01\x16\xc5\xf20\x1a\x84\xbd\x03\xc8&amp;\xf8\x12{\xbbq\xb8\xb7\x10\xf8\x1d\xbepB$\xfd'</t>
  </si>
  <si>
    <t>b'\xa6\xeb\xd7"\xaa\x96\xe1%\x1eW\x03\x86*E\x98\r\xf9T?\xc1\xb7r+\x18\nsk\xb7:X\xb3l'</t>
  </si>
  <si>
    <t>b'\xd7\xab!\xad\xa8\xdeR2\x02f\xca\xfd\x12\x85\xc4\x90\xb2\x9fg|\xa1\x1f\xa6)&amp;-1\xcc\x12\xd7\xb9\xf8'</t>
  </si>
  <si>
    <t>b"(\x9fJ\x04\x0e\xc1\xd4\xfd:\xe8\x98\xfdoyI\xa2\x06Q\xfe\xb43*Zu'\xa4\x0e\x84c\x16\x7f6"</t>
  </si>
  <si>
    <t>b'\x84L\xd9\xd3\xf2\xa5L\xfbBn\xbcx7\xff]\xdb\xdb6\x95*{&lt;W\x0f\x868FN\x8b\t\xd16'</t>
  </si>
  <si>
    <t>b'\x17m\x1f\xc8\x81X\x19\xa1\xdb\x9dk\xa3\r\x80\xba\xa4\td\xe9\x89\xa5\xd2\xd3\xd4\xab\x82\xa1F\xb6a!Z'</t>
  </si>
  <si>
    <t>b'\t1\x18\r\xc7\xc9\xaa\x84Hh\xd0\xa9\xc9+[\x0fX4\xdc\x9c\xbe\x8e\xee\x84\xbb\xd5\xf4\x7f\xe5\x04\x82"'</t>
  </si>
  <si>
    <t>b'\xd0\xfa\xbew\xd8\xed\x1e\xebv\xb3\xe7\xd0\xc4E\xc86\x12\xe7\x04\x126e\x86\x17\xe9MPI\x16\x9fS\x93'</t>
  </si>
  <si>
    <t>b'\xa5\x92#\xe7\xb8\xa7gv\x10\x90E\xd0\xb9\x06,\xb8]I\t[fE\x95\xb7J\xac*^\xe60\x82\x01'</t>
  </si>
  <si>
    <t>b'\x92\xa1)IH\x08\x03\xce\xf2\xb2nP\x83@t\xf8{\xa3\x80\xc5\xcfw\x88\xb7\xf0\xe8\x9089V\xb93'</t>
  </si>
  <si>
    <t>b'\x9f\xf7\xa6\xb3\xcc4\xd3\x7f\x8c%\r\t%\xf2D&lt;\xef\xeea\xdb\x0e\xf1\xa6\xd5\x05\rr\xd9(a\x9d\x8c'</t>
  </si>
  <si>
    <t>b'\xb5\xad\xc6\xaa\x06\x19\xf5z\xd4&amp;0\xe4\xc7\x97#\xddH\x98_\x0f\xcd\xcbT\xdb\xf0\x11\xa0!\xcf\xce\x02i'</t>
  </si>
  <si>
    <t>b'1\xb9T\xb6\x05\xe9~k\xa3\xc0\x85+v\xcd\x1bu,\xdd\xc8J\x99\xb6E\xb7\xecBJ\xfe\xc5\x99\xfd\x17'</t>
  </si>
  <si>
    <t>b'+E\xcb\x04\xc6x\x8d&lt;\xe6Uj\x1e~H+\xfc\x99\xb7M\xb8\xdc!\xcd\x84\xdb\xef\xc58\xf1S\xdeD'</t>
  </si>
  <si>
    <t>b'\x86O!!\x85\xa1H#\x93\x81\xadI)\xf2\xf1\xab~\xb3\xa8\xe8\xa8oo\x80\x05\xefr\xd1\rW*\xac'</t>
  </si>
  <si>
    <t>b'\xd3\xda\x1aFZ\x0f\xc1U;\xf4Q\xd7\x08.\x04\xacm\x84\x8cl\xfeb\xb0\xc5\xfa\xf2\x88\xe1D\xbb\xfb\x03'</t>
  </si>
  <si>
    <t>b'\xc3\xd9Y\x18\xc5\xe8\x10\xafh\x8d\xb8j\x92\x89X\xba\ne\xd4vS\xc3=\x82\xe9\xe95\xb4\t\xb1\xe2#'</t>
  </si>
  <si>
    <t>b':g\x9cr(G)\xfd\xd9; v\xf2h|G\xba\x971\xc49\x17\x86\xdd\xf0\xcc\x0f\xafq\xceZ\x12'</t>
  </si>
  <si>
    <t>b"q\xd9\xb3\x1dZ\\|m\xc9[\x85\xe9\xbc\xeb\x0f\x13\x06\xd4\xaf'\xc5\xcc\xe6\x1b\xb4\xcaQ\x16dn\x96r"</t>
  </si>
  <si>
    <t>b"r\x12\x14\xed\x97^Z\x06'q\xba\x08\x8d\xdelk^&gt;\xf3=\x03[\x83\x85\xaf7\xb2\x11\x92\x88\x1c\x03"</t>
  </si>
  <si>
    <t>b'1\xd9\xae\x8a4\x04\xe4\xff\x97Do"\x89\x8e\x9cX\xd1\x94\xdb\xca\xdbM\xde\x11+ZE\xc1=x+\xcd'</t>
  </si>
  <si>
    <t>b'\xf80Ea\x9cTkQ\xcb\x1dW\x92\xf4w7\xa64|\xa7R\x00!\\dS+\x93\x92\xb5\x99\x90\xd1'</t>
  </si>
  <si>
    <t>b'\xbef\xb7\xd8q\r\xc0\x9e?\x923]I\xf9\xbe\xe7Hxc\x80\x93D\xf8S3L\xc48\x80\xd4\x8d\x9b'</t>
  </si>
  <si>
    <t>b'a\xf3\xcf\xe3\x13\xaf&gt;Z\xe3\xdbs*\x13\x1f\x7fS\xa2\xdd2M"*qN5\x93hJ\x08\xfa\x85Q'</t>
  </si>
  <si>
    <t>b'\xf7[U\xf9\x1b\x88\n\xb3\xb25\xd4@T)\xb9\xb1?w&gt;\xeb\xc3x\xadTF\x97\xb0\xd7\xd3\xbc\xfe9'</t>
  </si>
  <si>
    <t>b'-\xa5\xc6\x0c\xce&lt;\xc4\xc0\x85\x1c&amp;\xe7g\xed)\x1f\xc4&amp;\x0ezH\xc7\xb1\xb4\xf1A\xb0a\x81\xb7n\xb0'</t>
  </si>
  <si>
    <t>b'\xd15SP\x86\x8f\x03Pb8\xa1_H7n\x1f\x1aN\xa5en\xa5\x07\xb9\xdc\xa8\xca?qJ\x11\x94'</t>
  </si>
  <si>
    <t>b'\xefO\xc9\x92x\xd20\x19\x0c\xb6\x9b\xd8?D\x16\x81\x04\x11M\xdeb7\x9c\x07\xbc\x8c\xf30\xf4\xa2X\x07'</t>
  </si>
  <si>
    <t>b'\xcfqT\xad\x80]\x8f\xe8\xeb66\x04T#\xb6L&gt;9\xf4\xe0\xd7\xd9\xd1V\xbfl\x8b*\xb5\xe8:|'</t>
  </si>
  <si>
    <t>b'\xa4\xeeG\xe8\x019\x01\xbd?\x16\xde\xca\x83\xfdp\xe4\x04(y\x9d\x84\xb1\x18\xd7\x9f\xc8\xbf\x1cOy\xf4V'</t>
  </si>
  <si>
    <t>b'O\x17\x16\x93\xcel\xdfC\xd0\x98\xd9F\xa3\xd2\x1f\xc1\x1e\xd4\xfaz\xf3\xe0\xf2\xd3\xf8I\x1b=m\x13\xa6\xd6'</t>
  </si>
  <si>
    <t>b'\xc2\x95=\x07\x9a+s\x98\x02\x91\x9fj\x98 \x8a\xb8\x02\xfa8&amp;t\xb8\xa1\xe8\xbc\xfd6\x03\xb3\xd7\xd3:'</t>
  </si>
  <si>
    <t>b'\x1e\xdc\xfd\xf2\xcd\xba\x9fw\x8ae\xea\xac\xf2\xe7\xfc\xd6\xe6{ak+\x7f\x06\x15\xc0P-\x1b\xa8\xa9$\\'</t>
  </si>
  <si>
    <t>b';\xf3\x8f\x87B"\xc1\xa0Nr\xc8\x19\x88&amp;\xfb\'B\xc2O\xdf\x0e}Z\xe6\xe2\xabW\xb8\xf9\x04&lt;\xc9'</t>
  </si>
  <si>
    <t>b"\x00&gt;c\xa0\x0f\x85h7[\x9a\xecM\xc9\xee\x0b\xb7\xfd\x91\x90&amp;w\xa3\x12va\x84/\xd4\xbb'\x91\xb7"</t>
  </si>
  <si>
    <t>b"\xe28\x8e\xc7\x83\xd8\t\xfet\x7f\xf8\xdfD\xf2\xdc\xf1r\n\x02\x87'\xe65[\\s\x1c\rs\x81\xf7\x17"</t>
  </si>
  <si>
    <t>b'5\xc3\x88\\\n\x9f\xc0\xeb&gt;\xc7|\xdc3GX\xd2\x9c\xefs\x97=%\x80\xc1\xdb\xb2k.\xffR\xa0\x10'</t>
  </si>
  <si>
    <t>b'\xfa\xc3\x94\xdb\xc7\xb8\xc0\x0c\xd6\x07\xd7l2\x9e\xc4McF$\xf04\xc6\x12\xc1\xb0\xd7#\xa1q\xae\xd0\xf0'</t>
  </si>
  <si>
    <t>b"\\\xdb]\xe0\xdc\x98\xafv')\xce\xe0\xcaV\xd9\x830`\x8f}4L`9?8\xf5\x9f\x88B^\x9f"</t>
  </si>
  <si>
    <t>b'T\xb6\xde\xf4\x18\xf5\xf12\x1f\x1f\xc2\xb7\xc9\x81J\xce\xeb\xc2\xd5/+\x96\xbd4\xe6VL\x9ad&gt;\xa7\xbd'</t>
  </si>
  <si>
    <t>b'J\x87\x8f\x99\x9d5\xd9\xab\xb9\x0b\t\xfa\xa9\x19\xac\xc0\xdd\xfc\xa4\x0f\x1f1\t\xe76(%:\xdf\x91"\x89'</t>
  </si>
  <si>
    <t>b')\x87nUZ\x86\x05f\xd9\x89\x87\xd1\t\xe0*rkh\x18vn\xb1\xccD\xc5fKe\x1e\xa5&amp;L'</t>
  </si>
  <si>
    <t>b'\xc4\t\x9a\xde\xbb\xa6Gu\xc0\xb3*\xcfO\x04\xc8\xd82\xbfo\xa8\xcb\xc9fI\xcc\x00\x814\x1d\xdb\xb2\xde'</t>
  </si>
  <si>
    <t>b"\x16\x91\xda\xd6\x17E\x1a &amp;UN\x8b\xfa\xc7'q\xab\xef\xb9+\xd3k\x8d&amp;\xa3N\xe5\xba\x1a\xc1\x82("</t>
  </si>
  <si>
    <t>b'PB6\xf4\xd7\x7f\x7f7`d\x18\xdc\xc8\xae3\xce\xc2Dl\xd8\x05!\x91)e\xd6\xa4\x97\x1d\xf8\x9c\xf6'</t>
  </si>
  <si>
    <t>b"\xafD'R\xa9s[\x8aSU2\xde\x99w\x9b\xed53G\x03.:\xd2\xab\x95d\xfa3\xf6&gt;\x132"</t>
  </si>
  <si>
    <t>b'\x10\xcf\xd2\xa4=\xf4\x83\xa7\x87ff\xdb\x94\xf6Fhq*Z!\xfa\x9f\xde\xf4\xe4E\xa0\xde\x98\xa0\x99\x11'</t>
  </si>
  <si>
    <t>b's\x06\xcf\xc8?p\xd49B\xbc\x81\x98\xc8\xd5\x00\xf3\xbf\xb9`\xd2\xc3\x822\xc7\x02\xa6E\xb0U\x9c_0'</t>
  </si>
  <si>
    <t>b'H"b;@O\x13\x84\xc7\xe1\xe2\xdf\x90\xaf\xd2d\xa7{\xe0\xc2\xf7&gt;\xf6\xe3O@\xb1\xf1\xf9\x15\xcdu'</t>
  </si>
  <si>
    <t>b'\xb7\xbe\xee\xe3\x08?\xf10\x06p\x81S.\xe5\xdd\xb3\x8c\x80\xe8\xab\x99A\x15W\x05&gt;0\xc8|\x05\xcc\xc9'</t>
  </si>
  <si>
    <t>b'yIS%d\x82M,h\x0f\x18\xcdv\x7f\xf7\xdcY\xb1=\xfc\xd9\xbb#\x9ba\xc1\xe9~\x83&gt;x\xfd'</t>
  </si>
  <si>
    <t>b'ws\xe1\x17\xbfv/\t4g\x13$7&gt;\xf4\xb1\xe4\xec\x81m\x86\x0f\xae\x04\xde5\xb0\xf1\x844\x9b\x13'</t>
  </si>
  <si>
    <t>b'\xcb\x92/H\x19\xd8?\xa8};-\xcd\xad?~\xe7pK\x18\xb5\xe8MS\x8e\xad\xcb\x08K\x89\xff\xeb\xec'</t>
  </si>
  <si>
    <t>b'\x1f\xc7B4\xfa\x1c\xb53\xcf\xa0\xe3\xe5\xa0\xd4\xd2\x8d\x9ez\x08j\xae&amp;\xc8&amp;}\x82M\x8d~\xd1\xdc\x02'</t>
  </si>
  <si>
    <t>b"v.g\xd7K\x7f\xbc\xb4_?\xa0v'\xe5\xf4\xcdskp\xe0r\xfaI\x8f\xa3\xe5m\x83\xdb&amp;\xa4\xf4"</t>
  </si>
  <si>
    <t>b'\x0f\x99\xf1u\x0e\xe6\xfd\xceY\xe7\xcd\xdf\xf4&amp;\x0c\xd6\x0cu\xf8\xb1\x0b\xde?\x91\x17T\x99\x88\x98\xa7%,'</t>
  </si>
  <si>
    <t>b'wl\xee\xc8\xd6\xa8\xa1\x8e\xbc\xc6\x9b5\xadQ\xbf\x85\xdd$\x97\x13(vA\xbalD\xb7\xf4\xa5\xaf\xacG'</t>
  </si>
  <si>
    <t>b'\xdcc\x87v\xb3\xc4I\xb0\xcfM/\xbd/ \xd8\x83\xe9F\xa9\x1c\x19\xf5r\xeb\xa1.\x12\xf8+\x8d\x88!'</t>
  </si>
  <si>
    <t>b'\xe4\x9c\x82\x95\x97&lt;\x07\xb7\x83\\\xf6\xbe\xcc\xf7U\xe7=pQS\x04#%\x03\n\x10\x8e\xd5hY_\xab'</t>
  </si>
  <si>
    <t>b'\x97\xc6e\x1cB\x8c\x18\x1d\xf1\x9c\xb8k)\x8e\x86\xbc\x894\x1b7\x1c\xf1 T"\x88OZ\x85\xe3\x98\xf3'</t>
  </si>
  <si>
    <t>b'\x1c\x12-&amp;w\xc0\xb7\x04B4:a\xe4\xca\xa1h\x94t\xf69#\xb4,\x1d\xb6\xdf\xd4%\x98^\xa0\x11'</t>
  </si>
  <si>
    <t>b'YK\xbb\xce\xc1u"\x99\xb1y\x8a^\x0b\xe6E\xb4eT\xe7\xc7-\x04\x9f\x96\x11\x1f\xc0\xe8\x8b[a\xf5'</t>
  </si>
  <si>
    <t>b'\xf7\xd7\x96\xe8q\xe8y\x99\xe7\xa12\xf7\xa2\xc1\xed)[\x87&lt;eD\xfb\x8c\x8dr\xf9\xaa\xc2\x9829v'</t>
  </si>
  <si>
    <t>b"\x97\x85\xd2P\x81;J\xbf\xc1\xdf\x9fO\xfd\xe8\xa4\xdc&gt;U\x98\xe4N\r\x00\xbeA=R\x9ea\x1f#'"</t>
  </si>
  <si>
    <t>b'\x04j\xdd\xb6J\xe3\xb9q2\x11\xebEFGm\xa8"&amp;z\x9cy\xda:\x14{p\xda\xfe\xe0\xb8\xd3\xe9'</t>
  </si>
  <si>
    <t>b'e\xd9\xdb\x93g\xef"3\x0f\x83\xaa\xbd\xff\xf4\xe3#\xecR\x12|um\x11\xc1w?\xce\x8c\x9cv\xd5J'</t>
  </si>
  <si>
    <t>b"\x13\xfa%o\x85@\xc5|N\xe2\x93\xb4\xcb\xa5Ne'\xd1\xa4\x04\x07\xc4\x1c&lt;2\xab\x8d&lt;%L\xa9k"</t>
  </si>
  <si>
    <t>b'\x03\xcb\t\xeb6\x1aF\xc6\xeaT\xdcQ\xf8\xf9\xb5\x06\xca\xb0@\xe4\xf2?b\x8f\xbc\x85z3\xf2;\xea\x16'</t>
  </si>
  <si>
    <t>b'I\xb6\xdf\x0e\x8e"\x84;\x89\xc2lzC\x16m\xc0o\xe8\xfb\x8b\xc7\xff\xbdc\x18%0\x85s\xa5\x03\xec'</t>
  </si>
  <si>
    <t>b'/UdE&amp;\x0e$\xb8MKZ~p\xc5\xdd\xb0\xfb\x0e\xfd9\x92*\xa9\x1c\xd0]\xa7Go6dJ'</t>
  </si>
  <si>
    <t>b"'\x9fa\x9d\xbct~\xe5\xea\x01\xae\xde\x7f$&amp;\xa9\xa8\xd5\x86\t3\xb2\xa9\xd2\xeb\x10f\xa0\x1b\x94X\xb9"</t>
  </si>
  <si>
    <t>b'\xfdB&lt;{\xb3\x9e\x9bdU"\xdd(\x15&amp;\xec5c\xcc\x91}\xe9\x83J\x7fp\x11\x16M\x1aJ\x81\xd4'</t>
  </si>
  <si>
    <t>b'\x8c\x80m\xc5ab:\x98\xad\xc3\xd3\xc3\r\x0e(-\xad\x04\x11C\x85\xf8\xb7\xe0\\t\x9aY&amp;\xb8i)'</t>
  </si>
  <si>
    <t>b'\xdb\x18%\xaa\r\x88\ta\x17\x04Kp\xf0Ko\x82\xd3V\x05\xe59K\xbet\xb5*\xcb\xaeX\xff\xfc\x9b'</t>
  </si>
  <si>
    <t>b'\xb9\x8a\xd0\xc9A\x94"\xd9\xe9\xfb"\xf1\xbdn\x0b\x1f\x93\xe6T\x00\xfd\xc3\x83T\x80\x81\xd8;\xb0\x1cde'</t>
  </si>
  <si>
    <t>b'$b\xf6I\nw\xea\x99,-2\xb8\xf3\xc5K\xf4\xca\xf2\xcfg\x1f{!\xe7\xc8M\x94\xb6\x11\xc6"\xec'</t>
  </si>
  <si>
    <t>b'\xa5B0\n\xf4G,\x02V\x8d\x9f\x1ce\xf6,9_C\x07=\xbfJ\x9cn]~\x8f\xd2\xdf\xdb,\xd2'</t>
  </si>
  <si>
    <t>b'\xd70\xfc&lt;z\xbcA~\\g\x00Xt&gt;U\x14\x01\xd9\xa5\xed\xe7\xb0D&amp;\x1cM\xaa\x0e\x89\xbf8?'</t>
  </si>
  <si>
    <t>b'\xde\xc4\xebKa,\x8fR&lt;9\xff\xa03C,\x8bl\x98\xa5\xf3\xf0\x8b\xebS\x06\xf3&amp; w\xcdS\xe9'</t>
  </si>
  <si>
    <t>b'I1#\xae\xa1.\xde\xa7\xc9(\xb6\xe1\x92\x96\xd1~\x0e\xa4\xd7b`B\x83\xdd\xe0\xa9\xcaY\xc4\xa5|0'</t>
  </si>
  <si>
    <t>b'c\xf6\x96\xc6xF\x0e\x02\x88L\xaaa\x1a\x88}\xf6\xd6\x9eB\xa3\x19\x81r\x19\x93\xf9\xcf\x8f\xaf\xd0R\x8e'</t>
  </si>
  <si>
    <t>b"\xdd\x88F@\xe5\x07y\xf6n\xac#\x1d\x88\xd9\xf3&amp;y\x16\xad\xcf\xac\x16\xa3\xe40\x95\xbc\xeaM'9\x99"</t>
  </si>
  <si>
    <t>b'\xcat\x89\xf4\xd1(\xb9Nz\xeb\xe9U\x91Z\x8cR\xb4\x87\x99\xad,\xe9\x8a\x1c$7$\r&gt;\xccal'</t>
  </si>
  <si>
    <t>b'\xcd#\x8f\xba\x88\x9f\x89)\xcfQ\x83,\x16c@]\xb1\xf8N/:\xcac@]\x8ci\x9d\x17\n=\x96'</t>
  </si>
  <si>
    <t>b'|\xa5I\n*v.\x08|{\x05}\x8c\xa6\x18D\xbf1\xe5\x06G\xe1V\xa7\x97\x8e\xc4\xb6(4A\x84'</t>
  </si>
  <si>
    <t>b'\xf4\x0c\x16r\x93\xdb\x18\xe8\xaf\xcd\xef^!Z\xd0\xf0\x89\xae\xd0\xaa\x9f\xbf\xd6\x86 \xf3\x1e\x84\xfe\xc9\x13&amp;'</t>
  </si>
  <si>
    <t>b'\x7f\xa3-\xec5bZ+\x88\xb2M.\x92\xa9\x80b[T\xc2nh\xb5\xe4\xfes\x81\x8a\xed\x8e\xf9O6'</t>
  </si>
  <si>
    <t>b'x\xc4\xe6\xba%;\xdfth\xaf\x82\x8b\xfa\xbc\xd5}.\x93M\xdap\xce\xcb\xf2\xac5\x84\x17\xbc G~'</t>
  </si>
  <si>
    <t>b'q\xdb\xa5M\x8e\xf1\xe1\x96\x80\xc24\x0bX\x83\xdfh\xc4l\xcf\x81\xfd\xdc\x1bL\x01\xbc-\x9b\x82\xce\x1es'</t>
  </si>
  <si>
    <t>b"o\x03K\xe7\x9f\xea*\xfc\xb4\x18\x0b\x01Dq\xbez\xf8v\x8ak'|\xdd\x80US~\xab\x01\xc13\xb3"</t>
  </si>
  <si>
    <t>b'\xb9\xb1\xb3\xe70X\xd0|\xfb\xf0\xa1\xb5[\xec\xe7\xda\xe6\xbf\xeb\xcc\x86\xd61\xc9\xbf\xbf\xf0\n\xccA\xbe\xb2'</t>
  </si>
  <si>
    <t>b'\x16x\x16U@\xe7"\x10\x1a\x88.Z\xc1\x0f\xbcZ\xa1\xd6]X+"\xa7 -\xfc\xbd\xf2\xc5\xe5\x08\xb3'</t>
  </si>
  <si>
    <t>b'\xae\xb3\xb5G\x9b\xf8\x9a\x8c\xf4\x9e\xb4\x9c\xa6A\xc6\x928\x15\xee\xfbC\xf6\x9a\xb0\xa9\x1c\xd2\xad=JNp'</t>
  </si>
  <si>
    <t>b"c\x84\xb4\x0bld\xb7\x03'\x1a\xa01`\x19p\xf1\x04\xceR\x9bu\xdeSKw\x84\xb0\x19r\xa9\x98\x17"</t>
  </si>
  <si>
    <t>b'q\xa9\xfaw\xb0\xb6\xb6\xa4&lt;\x8fC"2\xd7\xcf0\xd2\x9f\x80\x14\x0et\x98\xacd\x89&amp;\x13\xcc\x13!\x08'</t>
  </si>
  <si>
    <t>b"'L\x87\x86^D\xf6\x0e\xc3|\xad\xe7\x12\xc7\xc0~[\x04\r\xea\xa2/\xad\xb3}.\xc0\xbc\xdf\x18*\xd1"</t>
  </si>
  <si>
    <t>b'\xbe\x8c\xf2;!@\xff\xce+K?\x1f\xd1q\xbb\xc9D`o\x93\xd2\xca\x8bz\x03p\xa4u4\xf6\x19\x1c'</t>
  </si>
  <si>
    <t>b'\xb6\xa6xr\xc5o\x97\xefn#\xdbtl4\x87h\xd4\xa8\xba\x8eG\x86blJ\xff\x9c3\x04Uz '</t>
  </si>
  <si>
    <t>b'\xdb\r\xff\x1a\xb1}\xeb\x0b\xde\xc0T\x94\x05\x99\xea\xb5\xfcwy?Mv\xb6i\xabn\x1b\xc5\x0cIC"'</t>
  </si>
  <si>
    <t>b'\xac\x03\xb4 \xeb:\xd5\xff\xad\x18sC\xefB\xb4A\xfdH\xa1b\xa0\xfa8`\x0b\xe5\xe0\xe95\xea\xb6\xef'</t>
  </si>
  <si>
    <t>b'\xdb\x8a\x94\x9e\xde\xe2h`\xd3\xc6\xf8%\x02u\xe7Nl\x83p\xf5\xe5\xab\xb93\x94\x7f)G^\xfb-4'</t>
  </si>
  <si>
    <t>b'l\x15\xe2\xecR\xe8\t;K0:\x06\x846\x1c|\xd5\xc3z\x0b\x97\xe3iH\x81\xfcZ\x92\xf9^\xd6\xeb'</t>
  </si>
  <si>
    <t>b'dn\xc1C\x08\\\xce,\xf3},\x93{kA\xb3\xa0\x0e\xc0\xde\xa1iy\xaf\xa0t\xda\xf2A4\xd1\x86'</t>
  </si>
  <si>
    <t>b'\xc0+\x0e\x87\x9a\x8f\xe0\xe5/\xaaE\xb8\\\x0e\xc7Jn\t\t5\x15.\xc89^\xed\x15\x11\xe8\xf2,\r'</t>
  </si>
  <si>
    <t>b'|\x98\x1fW\xabg\xe3 \x8c\x17\x0e#p\xeez\xf0\xd9\xb2F\xfaP\xd6\x97~X\xa9\x11\x93J\xcb\xbf\x0b'</t>
  </si>
  <si>
    <t>b'9W[\xa4\xea`\x83\xa7\x1c\xa0\\\xb1\xb3\xd0\x18\x9a\x16\xd83\xda@\xe7\x06\x92\xf7;\x8b\xf1s\x18\xeev'</t>
  </si>
  <si>
    <t>b'\xad_\xf3P\xe0\x8fB\xedq\xa6=\xcc\xcf\xa9\xb3&lt;\x10\xaa=\xd4\xd9\xe0C\x8co\xdf=2\xcb\xa3\xdf\xef'</t>
  </si>
  <si>
    <t>b"k\xe7\x920\x0b\x86w-\xc8\xc0\xb71'mtg\x98\xcb\xf50\xf7\th\xea\xbfz\xb6c\xde\xe3\xa8\xb3"</t>
  </si>
  <si>
    <t>b"\xb2:\x96\x16Y\x04S\r\t6}\xb2'\xe1\x9b\x00\x98\x02TRp%h\x84Q'^\xfb\xeb\xdc\x8cl"</t>
  </si>
  <si>
    <t>b'\x1bp\xfcZ?\nj\xcd7\xdf\xb6\xf8lUv\r\xddYR\x9ah\x8e\x10Q\xd9b)84\x85\x96\x82'</t>
  </si>
  <si>
    <t>b"\xdb\xe2\xeev5\xa0\x99;\x9f\xf5\x99,\xa7\ro4\x08&lt;Ufj'\x9egoh\x01QG\xe7\xbe+"</t>
  </si>
  <si>
    <t>b'1\xcc\n\xa5U\xa3\xd1\x91+\xe1\x18w\x95\x97zi\xd4\x82\n\xfeR|\xf5\x96 2@\xca\xef\xde\xb3\xee'</t>
  </si>
  <si>
    <t>b'm\x9b\x05v\xee\x81\x15\xd0\x13}\xec=\x04\xa4y\xe1\x19_D\xa6\xed\rV\x135e\x1aN\xd3r\xb8m'</t>
  </si>
  <si>
    <t>b'\xa9\xbdx\x9bi\x80\xa0\x87+\xd6\xfb:\xeb\x04\x8dg\xf4{\xffi{q\x9b"\rF\x8d6Xa\x08\x99'</t>
  </si>
  <si>
    <t>b'\r0\x9a\xe5y/\xb1j\x05\x98\xa3v\x0f\x98\xec\x83\x039\xe9\xf2\xd17i\n\xe5\x105\xaa1\xa0\xc3\xc3'</t>
  </si>
  <si>
    <t>b'\xb6k\xf5K\xdd\xc2\x9exI\xf44[{\xe9\xf7ml\x93C\xa5\xa1jm\xea\x89\x1b\xd9\x1c\x1f\x17?\xb4'</t>
  </si>
  <si>
    <t>b'\xb1\xbf,\xa6\xd3\r\x8e\xd8\x95\xa0\xa6:\xa7\xc6\xf7\xaf\x9b\x11W\xfd\x90\xb4\x08R\xab\x80\x12\x18\xe2O\xd1\x03'</t>
  </si>
  <si>
    <t>b'ziW?\xd9\xd6k\xa0\x1fq\x97H\xfe\x94\xf9\x89\xc1\xbc\xccH!\xff\x128\xc9\xff\x03\x88\x1b(\xfaC'</t>
  </si>
  <si>
    <t>b'\xb2\xef\xec\xa5\x8f j,\x9f\x1b\xaf\xfb\x9e\xa6\x7f\x0f\xa7\xad\xa0(\xd3\nm\x8d\xe8H\xd5B\xf3`%\xbe'</t>
  </si>
  <si>
    <t>b'\xe9\xf1\xbd\xf7\x0e\x0e\xc7\x1c\x1eE\x14\x9b\x85X\x91&gt;\x91\x86\x8f#\xefl\x1a?\xf4\xc4z\xcd\x15+n\x9e'</t>
  </si>
  <si>
    <t>b'\x9ed\xd2r\xc0\xb8\x03&lt;\xb3/\x83\x04\xfe\x01\x83\x8b\xe2\xaa\xa2u`X\xb1\xf5B\xac\x87n\xb3\xac\xcf\xf5'</t>
  </si>
  <si>
    <t>b'?\xe7K\\\xdcIc\xf3`\x01n\xb1\xa4\xee\x96\xfc\xfe\x1b\x07\xb5\x97\t\xdcO/W\x15 \xcdj\x89m'</t>
  </si>
  <si>
    <t>b'\x1a\xae_\x17w6\x0c\x88\xb4\xd9\xbb\xd7=\x8f\xb5:\xcb3lAy\xbe\x11bwW\xcf\x0cp?\x17w'</t>
  </si>
  <si>
    <t>b'4\xc5\xc1\xec\xe7\xd8wV\xc7\x8a\x02\xad\x9a\xf3\xed\x7fF\xa3\xff\xabAbrz\x97\x88\xe818\xab\x10R'</t>
  </si>
  <si>
    <t>b'U\xe8\x81\xc3\xcb\xb7\x90|\xeb#]\x12$\xeb\xb9\xd0\x9e\x9fG\xb0\x10\xfb\xb2\xf6I\xd2\xcd\xd0kR\xf8\xcf'</t>
  </si>
  <si>
    <t>b'\xba\xab\xa1z\x86\xf3\x17\x1a(\xd4/$\xd2\x1b\xb3e\x89\x02\x95\xc1,\xcc\x00\xc5\xea\x9e\xc7BBKv\x0f'</t>
  </si>
  <si>
    <t>b'\xed\xc5\xee\xab\xdb\x7fI$\xc6\x1b\x9a\x1bkh\x9a\xccb\x8du\x0fU\x1d\x94\xfe\xe6\xa3\xc1\x94\xa2\xcf\x86\x15'</t>
  </si>
  <si>
    <t>b'm\x1a\xb2\xa1\xb3.\x10\xebb\xb1\xad[\xb9\x18\x97|\xe7\xc5\xa7\xc1\x88\x18Dd\xd3\xba?\xc5"\x8f\x9b\xf6'</t>
  </si>
  <si>
    <t>b'\xd8\xe2\xea\xab\xec\xfa\x0e\xa1\x93\xf3n\xcbl b-y\xaf\xee\x01\xba\xe9\xf6\xbflT\xf1M\xf0-\xc1\xc8'</t>
  </si>
  <si>
    <t>b'o\xceN\xda\xee\xde\xd5\x1dv\xd6\xca\xe2\x8f\x8f\xaa\xdd\xf2E\x06\xaea-\x83\xf8eE\x85e}e\x86\x8b'</t>
  </si>
  <si>
    <t>b'\xf7\xdb\xa0\x82\xaf;\x9c\xeb\xfa\x81\xad\xda~\xae\x9e\xba\x00\xac)\x7f\xc8&lt;\xd8\xcd\xc6\r\xf3#\xf2nL0'</t>
  </si>
  <si>
    <t>b'J\x89[\xd0\x85\xad\xb3o\xc8;\xc4\x1a?)\xf7\xae\xdcU\x01E\xb3&lt;6\xee+V\xcaw=pas'</t>
  </si>
  <si>
    <t>b'\xb2\xea\xc5\xa0f\x89O\x82"\x15yt+\x87\x8c)\x90P\xb5\xf4\xfe\xbcd2j\x08(?Zm@"'</t>
  </si>
  <si>
    <t>b'|\xdc\x97\xa6\xbe!\xb6\x94\xd6\x1a\x153\xbfM\xd2\x11\xec\xdeN\xff\x8as\x10\xf5\x9b\x8bF\xfb\xfd\xf8p\xdb'</t>
  </si>
  <si>
    <t>b'\xc7}\x07\xc9]3\x0c\xa4\x14wM\xc1\xc8\xfe1 \xf2\x07\x89\xdb\xa1l\x85\x8d+{\x06\xb9\xd0&gt;\xb7\x90'</t>
  </si>
  <si>
    <t>b'\xeeA\xb8\x13y+\x0c\x90\x07\xe2\xafpl\xac\xfb\xb8\x0171\xcaV\xa161\xcd\xa8\xb9\x19\xa9W\xd9\x81'</t>
  </si>
  <si>
    <t>b'\x17}*\x1b\xc9\xe7)\x19i;\xa7_\x1e\xa0\x8d\nB\xf4\x9a\xd1\xe8#\xaf\xbb\\}v\x86\xfb\x96\x13\x1b'</t>
  </si>
  <si>
    <t>b"\xcb\xb7\xc5\xb9\xe8\xb1B\x96\x86\x14 \xa1e+\x07\x81'\x90.zdP\x9a*\x00\x80\x16\xc9\t\xef\xdd\x81"</t>
  </si>
  <si>
    <t>b'\xa5\xdf\x9f\x8c\xca\x87G\x073\xccbv\xec\xff\x17\\\x9a\x97\x8b\x13\xc0\x80\xea\x0c\x93.\xd9\xc7\\\xee\x8f\xf1'</t>
  </si>
  <si>
    <t>b"'\x95`\xa3\xf5\x0c\x9dq\xe2\xc6\xfb\xa7\xebB2\xc6K\xb8\x03\xda-\xb1\xcf\x82B]\x13\xbf]9B\xf2"</t>
  </si>
  <si>
    <t>b'OU\x9a\xc5w3\xb1\xe0\x8c\xb8\xf5#\xf63"\xc9]\xbd\x19\x8b\xf9\xaet\x1f_&amp;\xcd\x8d\x0e\x14\xa6\x14'</t>
  </si>
  <si>
    <t>b'9\x02G\xad\xc3\xa1\xd1\xd51Lte\x1e\xcd&gt;N\x02qR-j\x0b\n\x10\xbd\xd1\xd1\xde\xbd\x1f\x93\xcf'</t>
  </si>
  <si>
    <t>b"s\xec\x9e_&amp;QQ@\xc1\x03\xfe\x13\xcdVW\xef\x04\xbelh\x978'\x1e\xb0\x8b\xb7\xb0\x05\x0f\x8f\x1c"</t>
  </si>
  <si>
    <t>b"\xea\x9fe\xd5\xf5w\xae1b\x85am&gt;\x94\xf1':\xc62fxFo0o\xb1y\x02=\x89\xfeG"</t>
  </si>
  <si>
    <t>b'\xfd\xd0\x146\xe9\xc9\xdc\xe5r\xeb\xa23&gt;!\x13\xf6\xe1ik%j[y;\xb74)N\x08\x94"\xf1'</t>
  </si>
  <si>
    <t>b'\x00\x1a\x91wj]r\xb8\xa8\x1cI\x83`\xe3\x1aL\xa2%|\x80\xbd\xac`\xe6\x0c\t\xe0\x95\xa1\xa4\xc8Z'</t>
  </si>
  <si>
    <t>b'\xef\xf7\xccB\x7f|\xd4\xab2 \xd5\x98\x89\xd0\x94X\x98\xba\xbd\x06\xf9\xa1\x95\xd3V)m\x8b\x97\x15\xb4\xb1'</t>
  </si>
  <si>
    <t>b'\xa8y\xe3\x97\xac\xcc\x8d\xef\xe7\xa6\x9e\xe3\x1a|\xd2\xbf\xf5In\x8e\xc8\x96gi\xfda\xb9\xf6\x99\xaa\xef\x0b'</t>
  </si>
  <si>
    <t>b'\xe0k\xe3\x06\xceY\r\x80?\xaa\x82\xb1\xf5\xa4\xb8\rb(\x93\r\xeb^a\xa94v(#\x9d\x85\xbb\xec'</t>
  </si>
  <si>
    <t>b'\x01\x01\xc0\x14i\xdb\x1c4:\xdcr\xc3y\xa3Pn\xa3J\xda\x045T\xa9\x1b\xc8\x07\xd3\xbd\xc4\x89&lt;\xe3'</t>
  </si>
  <si>
    <t>b'L\x107&gt;\xf2\x1f\xd9\xec\xa0\x0fF\x91\xd6\t\xa7\xe0\xa9\xf9"\xdc\xd5Q\xea|9\x87\x1d\xc7\x85\x99A\xbd'</t>
  </si>
  <si>
    <t>b'\xe9\xa18F\x99.\xb8]\x01\xfc\xe6\x11u\xec\xe0J\xd1\x8a \n\xe1\x9bx\x9d\xf4E\xd3\x88\xd1\xeb\xec~'</t>
  </si>
  <si>
    <t>b'\xf5\xfb\x18|\xc2K\x1fd\x1d-=\xfdb\x0eM\x16\x9dB\xb7c\xfa[\xacl\xb6\xfbp\x81\xce\xfe\xc6%'</t>
  </si>
  <si>
    <t>b'\x9bd\xba\xa7\xaeh\xddG6`(1\x88\xd8\xbf\x0b\x9a\xeb\xa8\xc7\xf4\x8cF\x10\xf4\xea(-\x1b\xe8_\x96'</t>
  </si>
  <si>
    <t>b'\x7f\xb3\xf4AD\xb2\xd3P\xf0:5\xe4\ru\xde\xc2\x9b\xf6#(\xdd\x89)3\x90ue+\xc8\x05\xb7 '</t>
  </si>
  <si>
    <t>b'\xbd\x91sr\x84B\xd6\x81J\xa6\xc4\x8e\x91\x1bH\xfb\xd59\x91\x95\xe2M\xeb\x8f\x16\nc\x9c\xd5?v\xaf'</t>
  </si>
  <si>
    <t>b'\xde.*@\xfd\x86\xb1\xa61\xda\xe4\x0b;\xcd\x87\x80\xc2\xefy3\x9a\xb5*W\x03\x02\x1d\x99c\xf3\xa4\x8d'</t>
  </si>
  <si>
    <t>b'\x80\x04\xb8\xe3\x00\xb8\xa2\x13\xd0/\x94\x18\xb6\x8erA%\x85(D@\xf9[\xa9\x04nE\xbd\xdaaN\x1a'</t>
  </si>
  <si>
    <t>b':\x18b\x15~+z\xe9\x81\xd4\x94\xcf\xec`\x827&gt;2\x96Y;\xeb\x1c\xf2\x06\xba\xd6-\x86\xb7\xaar'</t>
  </si>
  <si>
    <t>b'Vz\x8a\xbev\xee\xe7\xa8\xb2\x8a\x0c\x18%&gt;\x17\xf60f\x0e\xd2\xd6\x03\xaa\xa8\x9c!\x89\x0f|\xe2\x19\x88'</t>
  </si>
  <si>
    <t>b'\x02\xac\x01k\xa5\xbe\xf5O\x99z\xb7(\xc8\x0f\x1d\xc4\x01\x84\x98\xec\x96\xd6\x84\x95\xcf_o\xb65\x92\xc8\x01'</t>
  </si>
  <si>
    <t>b'\xf0\xf2\xad\x9fK6\xcaA\xdc0\xb8\xa4"}&gt;\r\xef\xb7\x1b\xd8\x8eu\x9b,,\x9e\xef\x14 Y\xefn'</t>
  </si>
  <si>
    <t>b'){\xf3K\x9e\xc8&lt;"I\xfa\xf4R\xaei\xc8\x9e\x14\xcf-s6\x8c\xf6f\xea\x05\xa1pA\x19M,'</t>
  </si>
  <si>
    <t>b'\x9f?\x8f]\xe6\x0eP\xfafbmo&gt;\xc7\xdb\x0f\x97\x16\nI+W\xed\xb7\x05\x05\xb7\x86\x99\xc1\xe2\xb9'</t>
  </si>
  <si>
    <t>b'7v\xe2\xf0\xd5\xb8R\xe5\xe1=K\xd7(/r\xf9\xb7\x94\xe9\xad\x81b\x9e\x8dySne7m\xe4c'</t>
  </si>
  <si>
    <t>b'_\xc1sg\xb6\xa5\r\xe3N(\xe9\x866\xa7\x84\xef\xe2\x9b\xf8Y\xc3\xa5V+9WN5I\x8c#%'</t>
  </si>
  <si>
    <t>b'*cR\xdak\x1dbPG\xaat\xeb-\x9ar_\x17\x0b\x83\xf7\x0f\xea\xc9\xadcG/)a\xed}\x99'</t>
  </si>
  <si>
    <t>b'\xa4\x1f\xe9\xd8Db\xb8\xb5h\xc0\x990\xd9D\x9co\x89\xee\xd4\x7f\xc3-\xdfV|\x81\xb4r\x07Y\xb2\xac'</t>
  </si>
  <si>
    <t>b'L!I\xaf\xdf\xcfE\xe8/[&amp;\xe1\x12[^\xe3\xa7\xc5\n\xf1\xfa\x93{*;\xcf\x89\xab\xd0\x02\xe2/'</t>
  </si>
  <si>
    <t>b'\xa7s\\t\x8e\xbbD\x07b\x05\x97&lt;!\xa9H7c8\xad\xd8\x1f@S\x05\xda\x92W)\xe6Pm\xd2'</t>
  </si>
  <si>
    <t>b'\x9e\xb9)\xd0\xde\x1e\xba8\x97 H\xd4B\xcf\x1fd\x96\x0c\xa5\x8b\x90\xa7\xe03oO\xb9\x13\x01\xc9g|'</t>
  </si>
  <si>
    <t>b'\x9c\xe8\xac\x1b$\xa9\x86\x92\xabu\xe5\xc3}\xf28L\xb4\x86S{\x92z\x10?\x82\x1fW1\xb4\xc7J\x19'</t>
  </si>
  <si>
    <t>b'\xb0\xb1w9-\xcf\x9d)\xd7\x14\xc6rGN\xb2ba\x04\x89\n\xa3\x0e\xe8\xaa\x8c\r-~j?\x05w'</t>
  </si>
  <si>
    <t>b'\xedsf\x94\xcc9\xac\x95&lt;\x96\xfaULU\x83\xbf\xae,v\xa3z5ee~"@\xd4\xd2\x13\x19;'</t>
  </si>
  <si>
    <t>b'/X\xe8$\xed\xf1\x8c\x8fU\xae\x1a\x96\xb9$\xd1\x93m\x0e\xcb\xc6lb\xa5\x9a\xcfr7d~\xfe0\xbc'</t>
  </si>
  <si>
    <t>b'o\x97a)\x07\x8f\xcdKy\x1aX\x01f\xd7\x8a-\xffz\x8e\xa5\n]w\xb9\x00N\xee\x1fEZ\xf2_'</t>
  </si>
  <si>
    <t>b'\x8f\xcd\x9b\xd7\x83\xe6\xa2\xed\xe9q\xaf\xfd\xc8\xa9\xaf\x9dA\xdf\xdf\x88\x89Q\xdb\xa0\x19\xf9O\xf5\xa4\xebY\xd8'</t>
  </si>
  <si>
    <t>b'(s(\xe5\x9d_@+\r\x96\xf8&gt;B\xc5x#\xc6\xd6U\x86v\x1d7\x15:2\xc6@\x94\xc6\xad\x85'</t>
  </si>
  <si>
    <t>b'\xbe\xcc\xa8/B#h\xf2y\xcca\xa4;D/\x12dt\xe3\xb3\xbbd\x92\x18\xaa\xc7\xda\xc5,\xdb\xdf\xb6'</t>
  </si>
  <si>
    <t>b'\x99f\xbfd\xea\x14\x7fg\xf1:\xc7i\x08\xbf\xb6\xeb\xbb\x0f\xe7\x16\xc0+\xc1A`\x1a\xa5\x9aa}y\xfa'</t>
  </si>
  <si>
    <t>b'\x10f N\x15\xe3[7\xfaf\x9b$\xfc\\\xf4\xabs\x0b\xda\x8d\xb7%\xcd=f^\x07D\x14\xccd1'</t>
  </si>
  <si>
    <t>b'\xc5J\x87T\x98rS\x89\xbcZ\x0bh@N\xc1\x02\x8av^\xf78\x94\xf5\xe7\xec\x17\xfa\xa7i\x97u\x8e'</t>
  </si>
  <si>
    <t>b'\x9a~\xd1\xc9\xce\xcf\x18I\xd6\xb3\xcd\x1b\xbb\xe9\x03\xa9\x95w7\x95\x83\xd6=\xfa}M\xc9\xac\xea\x97\xbf\x9a'</t>
  </si>
  <si>
    <t>b"\x01hG\xef\xe9\xdfx\xaf\x070\x9f\xe0f\xc9'Y\xa1\xa1\xba5CQ\xb7\xa1}\x98\xd2\xf6{\xd7!~"</t>
  </si>
  <si>
    <t>b"(\x87\xe0A\xc4\xca6'\xfc\xc8\xf3\xd5;\xe7U\x85\x13\xf5\t\xeb\x8f\xc6\xc7\xca\x0b\xa3jD@\xdcSD"</t>
  </si>
  <si>
    <t>b'\x0ejlj\xbfL\n\x1a\x06ZD\xfd\xbc\xeaF\x16\xf2B\xb0\xd6\xa0\xc1\xdbKc\x10S\x9e\xb6H\x07a'</t>
  </si>
  <si>
    <t>b'\xde4p)b\xd6\xf6nG\x0eE\xe3H\xa2\x95^\xab\xd9\xb3\xf0j\xbdVQ\xac\x85\x01\xd6y\xe0\xb7r'</t>
  </si>
  <si>
    <t>b'\xc9\x81qEF#\xc8\x06_\x12\xcc\xa6K\xb8\xa7\x971\x17Y1\x92\xec\x95\nj}&gt;\x10Yq7\x8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3">
    <xf numFmtId="0" fontId="0" fillId="0" borderId="0" xfId="0"/>
    <xf numFmtId="17" fontId="0" fillId="0" borderId="0" xfId="0" applyNumberFormat="1"/>
    <xf numFmtId="14" fontId="0" fillId="0" borderId="0" xfId="0" applyNumberFormat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orted_loan_dat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ineni  Hemanth</cp:lastModifiedBy>
  <dcterms:created xsi:type="dcterms:W3CDTF">2025-11-11T03:50:58Z</dcterms:created>
  <dcterms:modified xsi:type="dcterms:W3CDTF">2025-11-11T03:51:01Z</dcterms:modified>
</cp:coreProperties>
</file>